
<file path=[Content_Types].xml><?xml version="1.0" encoding="utf-8"?>
<Types xmlns="http://schemas.openxmlformats.org/package/2006/content-types">
  <Default Extension="png" ContentType="image/png"/>
  <Default Extension="bin" ContentType="image/jpe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ags/tag1.xml" ContentType="application/vnd.openxmlformats-officedocument.presentationml.tags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314" r:id="rId2"/>
    <p:sldId id="343" r:id="rId3"/>
    <p:sldId id="330" r:id="rId4"/>
    <p:sldId id="374" r:id="rId5"/>
    <p:sldId id="332" r:id="rId6"/>
    <p:sldId id="329" r:id="rId7"/>
    <p:sldId id="375" r:id="rId8"/>
    <p:sldId id="346" r:id="rId9"/>
    <p:sldId id="347" r:id="rId10"/>
    <p:sldId id="348" r:id="rId11"/>
    <p:sldId id="353" r:id="rId12"/>
    <p:sldId id="321" r:id="rId13"/>
    <p:sldId id="360" r:id="rId14"/>
    <p:sldId id="368" r:id="rId15"/>
    <p:sldId id="379" r:id="rId16"/>
    <p:sldId id="373" r:id="rId17"/>
    <p:sldId id="315" r:id="rId18"/>
  </p:sldIdLst>
  <p:sldSz cx="12192000" cy="6858000"/>
  <p:notesSz cx="6645275" cy="9775825"/>
  <p:embeddedFontLst>
    <p:embeddedFont>
      <p:font typeface="Verdana" panose="020B0604030504040204" pitchFamily="34" charset="0"/>
      <p:regular r:id="rId21"/>
      <p:bold r:id="rId22"/>
      <p:italic r:id="rId23"/>
      <p:boldItalic r:id="rId24"/>
    </p:embeddedFont>
    <p:embeddedFont>
      <p:font typeface="Calibri" panose="020F0502020204030204" pitchFamily="34" charset="0"/>
      <p:regular r:id="rId25"/>
      <p:bold r:id="rId26"/>
      <p:italic r:id="rId27"/>
      <p:boldItalic r:id="rId28"/>
    </p:embeddedFont>
    <p:embeddedFont>
      <p:font typeface="Museo Slab 100" panose="02000000000000000000" charset="0"/>
      <p:regular r:id="rId29"/>
      <p:italic r:id="rId30"/>
    </p:embeddedFont>
    <p:embeddedFont>
      <p:font typeface="Museo Sans Rounded 300" panose="02000000000000000000" charset="0"/>
      <p:regular r:id="rId31"/>
    </p:embeddedFont>
    <p:embeddedFont>
      <p:font typeface="VF Museo Rounded For Office" panose="020B0604020202020204" charset="0"/>
      <p:regular r:id="rId32"/>
      <p:bold r:id="rId33"/>
      <p:italic r:id="rId34"/>
      <p:boldItalic r:id="rId35"/>
    </p:embeddedFont>
    <p:embeddedFont>
      <p:font typeface="Museo Slab 500" panose="02000000000000000000" charset="0"/>
      <p:regular r:id="rId36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 xmlns="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C91AF"/>
    <a:srgbClr val="006961"/>
    <a:srgbClr val="00E7ED"/>
    <a:srgbClr val="99CA3C"/>
    <a:srgbClr val="FFFFFF"/>
    <a:srgbClr val="7BC3E1"/>
    <a:srgbClr val="CFE3E1"/>
    <a:srgbClr val="005A7E"/>
    <a:srgbClr val="94C0BD"/>
    <a:srgbClr val="E8682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7DF18680-E054-41AD-8BC1-D1AEF772440D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887" autoAdjust="0"/>
    <p:restoredTop sz="85495" autoAdjust="0"/>
  </p:normalViewPr>
  <p:slideViewPr>
    <p:cSldViewPr snapToObjects="1" showGuides="1">
      <p:cViewPr>
        <p:scale>
          <a:sx n="82" d="100"/>
          <a:sy n="82" d="100"/>
        </p:scale>
        <p:origin x="-667" y="-5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Objects="1">
      <p:cViewPr varScale="1">
        <p:scale>
          <a:sx n="85" d="100"/>
          <a:sy n="85" d="100"/>
        </p:scale>
        <p:origin x="-3786" y="-96"/>
      </p:cViewPr>
      <p:guideLst>
        <p:guide orient="horz" pos="3079"/>
        <p:guide pos="2093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6.fntdata"/><Relationship Id="rId39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font" Target="fonts/font1.fntdata"/><Relationship Id="rId34" Type="http://schemas.openxmlformats.org/officeDocument/2006/relationships/font" Target="fonts/font14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5.fntdata"/><Relationship Id="rId33" Type="http://schemas.openxmlformats.org/officeDocument/2006/relationships/font" Target="fonts/font13.fntdata"/><Relationship Id="rId38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29" Type="http://schemas.openxmlformats.org/officeDocument/2006/relationships/font" Target="fonts/font9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4.fntdata"/><Relationship Id="rId32" Type="http://schemas.openxmlformats.org/officeDocument/2006/relationships/font" Target="fonts/font12.fntdata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3.fntdata"/><Relationship Id="rId28" Type="http://schemas.openxmlformats.org/officeDocument/2006/relationships/font" Target="fonts/font8.fntdata"/><Relationship Id="rId36" Type="http://schemas.openxmlformats.org/officeDocument/2006/relationships/font" Target="fonts/font16.fntdata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31" Type="http://schemas.openxmlformats.org/officeDocument/2006/relationships/font" Target="fonts/font11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2.fntdata"/><Relationship Id="rId27" Type="http://schemas.openxmlformats.org/officeDocument/2006/relationships/font" Target="fonts/font7.fntdata"/><Relationship Id="rId30" Type="http://schemas.openxmlformats.org/officeDocument/2006/relationships/font" Target="fonts/font10.fntdata"/><Relationship Id="rId35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879619" cy="488791"/>
          </a:xfrm>
          <a:prstGeom prst="rect">
            <a:avLst/>
          </a:prstGeom>
        </p:spPr>
        <p:txBody>
          <a:bodyPr vert="horz" lIns="89767" tIns="44883" rIns="89767" bIns="44883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764119" y="0"/>
            <a:ext cx="2879619" cy="488791"/>
          </a:xfrm>
          <a:prstGeom prst="rect">
            <a:avLst/>
          </a:prstGeom>
        </p:spPr>
        <p:txBody>
          <a:bodyPr vert="horz" lIns="89767" tIns="44883" rIns="89767" bIns="44883" rtlCol="0"/>
          <a:lstStyle>
            <a:lvl1pPr algn="r">
              <a:defRPr sz="1200"/>
            </a:lvl1pPr>
          </a:lstStyle>
          <a:p>
            <a:fld id="{F5073B2C-AA95-4367-B3A7-0571A0E222DA}" type="datetimeFigureOut">
              <a:rPr lang="da-DK" smtClean="0"/>
              <a:t>05-12-2018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285338"/>
            <a:ext cx="2879619" cy="488791"/>
          </a:xfrm>
          <a:prstGeom prst="rect">
            <a:avLst/>
          </a:prstGeom>
        </p:spPr>
        <p:txBody>
          <a:bodyPr vert="horz" lIns="89767" tIns="44883" rIns="89767" bIns="44883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764119" y="9285338"/>
            <a:ext cx="2879619" cy="488791"/>
          </a:xfrm>
          <a:prstGeom prst="rect">
            <a:avLst/>
          </a:prstGeom>
        </p:spPr>
        <p:txBody>
          <a:bodyPr vert="horz" lIns="89767" tIns="44883" rIns="89767" bIns="44883" rtlCol="0" anchor="b"/>
          <a:lstStyle>
            <a:lvl1pPr algn="r">
              <a:defRPr sz="1200"/>
            </a:lvl1pPr>
          </a:lstStyle>
          <a:p>
            <a:fld id="{3BA7F7AF-3D06-40DB-8592-D8F778C779F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6349460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879619" cy="488791"/>
          </a:xfrm>
          <a:prstGeom prst="rect">
            <a:avLst/>
          </a:prstGeom>
        </p:spPr>
        <p:txBody>
          <a:bodyPr vert="horz" lIns="89767" tIns="44883" rIns="89767" bIns="44883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764119" y="0"/>
            <a:ext cx="2879619" cy="488791"/>
          </a:xfrm>
          <a:prstGeom prst="rect">
            <a:avLst/>
          </a:prstGeom>
        </p:spPr>
        <p:txBody>
          <a:bodyPr vert="horz" lIns="89767" tIns="44883" rIns="89767" bIns="44883" rtlCol="0"/>
          <a:lstStyle>
            <a:lvl1pPr algn="r">
              <a:defRPr sz="1200"/>
            </a:lvl1pPr>
          </a:lstStyle>
          <a:p>
            <a:fld id="{5BA225F3-FA10-4700-8122-D0B921A1C08B}" type="datetimeFigureOut">
              <a:rPr lang="da-DK" smtClean="0"/>
              <a:t>05-12-2018</a:t>
            </a:fld>
            <a:endParaRPr lang="da-DK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5088" y="733425"/>
            <a:ext cx="6515100" cy="366553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89767" tIns="44883" rIns="89767" bIns="44883" rtlCol="0" anchor="ctr"/>
          <a:lstStyle/>
          <a:p>
            <a:endParaRPr lang="da-DK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64528" y="4643517"/>
            <a:ext cx="5316220" cy="4399121"/>
          </a:xfrm>
          <a:prstGeom prst="rect">
            <a:avLst/>
          </a:prstGeom>
        </p:spPr>
        <p:txBody>
          <a:bodyPr vert="horz" lIns="89767" tIns="44883" rIns="89767" bIns="44883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285338"/>
            <a:ext cx="2879619" cy="488791"/>
          </a:xfrm>
          <a:prstGeom prst="rect">
            <a:avLst/>
          </a:prstGeom>
        </p:spPr>
        <p:txBody>
          <a:bodyPr vert="horz" lIns="89767" tIns="44883" rIns="89767" bIns="44883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764119" y="9285338"/>
            <a:ext cx="2879619" cy="488791"/>
          </a:xfrm>
          <a:prstGeom prst="rect">
            <a:avLst/>
          </a:prstGeom>
        </p:spPr>
        <p:txBody>
          <a:bodyPr vert="horz" lIns="89767" tIns="44883" rIns="89767" bIns="44883" rtlCol="0" anchor="b"/>
          <a:lstStyle>
            <a:lvl1pPr algn="r">
              <a:defRPr sz="1200"/>
            </a:lvl1pPr>
          </a:lstStyle>
          <a:p>
            <a:fld id="{F88B380C-8FBB-4185-BA97-97C149800FB2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9759508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smtClean="0"/>
              <a:t>PETER</a:t>
            </a:r>
          </a:p>
          <a:p>
            <a:pPr marL="168312" indent="-168312">
              <a:buFontTx/>
              <a:buChar char="-"/>
            </a:pPr>
            <a:r>
              <a:rPr lang="en-GB" baseline="0" dirty="0" err="1" smtClean="0"/>
              <a:t>Velkommen</a:t>
            </a:r>
            <a:r>
              <a:rPr lang="en-GB" baseline="0" dirty="0" smtClean="0"/>
              <a:t> </a:t>
            </a:r>
          </a:p>
          <a:p>
            <a:pPr marL="168312" indent="-168312">
              <a:buFontTx/>
              <a:buChar char="-"/>
            </a:pPr>
            <a:r>
              <a:rPr lang="en-GB" baseline="0" dirty="0" err="1" smtClean="0"/>
              <a:t>Eventuelt</a:t>
            </a:r>
            <a:r>
              <a:rPr lang="en-GB" baseline="0" dirty="0" smtClean="0"/>
              <a:t> </a:t>
            </a:r>
            <a:r>
              <a:rPr lang="en-GB" baseline="0" dirty="0" err="1" smtClean="0"/>
              <a:t>praktisk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oplysninger</a:t>
            </a:r>
            <a:endParaRPr lang="en-GB" baseline="0" dirty="0" smtClean="0"/>
          </a:p>
          <a:p>
            <a:pPr marL="168312" indent="-168312">
              <a:buFontTx/>
              <a:buChar char="-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1761546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65088" y="733425"/>
            <a:ext cx="6515100" cy="3665538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850159">
              <a:defRPr/>
            </a:pP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only</a:t>
            </a:r>
            <a:r>
              <a:rPr lang="da-DK" baseline="0" dirty="0"/>
              <a:t> have </a:t>
            </a:r>
            <a:r>
              <a:rPr lang="da-DK" baseline="0" dirty="0" err="1"/>
              <a:t>threee</a:t>
            </a:r>
            <a:r>
              <a:rPr lang="da-DK" baseline="0" dirty="0"/>
              <a:t> </a:t>
            </a:r>
            <a:r>
              <a:rPr lang="da-DK" baseline="0" dirty="0" err="1"/>
              <a:t>entrence</a:t>
            </a:r>
            <a:r>
              <a:rPr lang="da-DK" baseline="0" dirty="0"/>
              <a:t> points til IFD.</a:t>
            </a:r>
          </a:p>
          <a:p>
            <a:pPr marL="168297" indent="-168297">
              <a:buFontTx/>
              <a:buChar char="-"/>
            </a:pPr>
            <a:endParaRPr lang="da-DK" baseline="0" dirty="0"/>
          </a:p>
          <a:p>
            <a:r>
              <a:rPr lang="da-DK" b="1" baseline="0" dirty="0"/>
              <a:t>Talent </a:t>
            </a:r>
            <a:r>
              <a:rPr lang="da-DK" baseline="0" dirty="0"/>
              <a:t>is the </a:t>
            </a:r>
            <a:r>
              <a:rPr lang="da-DK" baseline="0" dirty="0" err="1"/>
              <a:t>individual</a:t>
            </a:r>
            <a:r>
              <a:rPr lang="da-DK" baseline="0" dirty="0"/>
              <a:t> </a:t>
            </a:r>
            <a:r>
              <a:rPr lang="da-DK" baseline="0" dirty="0" err="1"/>
              <a:t>level</a:t>
            </a:r>
            <a:endParaRPr lang="da-DK" baseline="0" dirty="0"/>
          </a:p>
          <a:p>
            <a:pPr marL="168297" indent="-168297">
              <a:buFont typeface="Arial" charset="0"/>
              <a:buChar char="•"/>
            </a:pPr>
            <a:r>
              <a:rPr lang="da-DK" dirty="0" err="1">
                <a:solidFill>
                  <a:schemeClr val="bg1"/>
                </a:solidFill>
              </a:rPr>
              <a:t>Iværksettere</a:t>
            </a:r>
            <a:r>
              <a:rPr lang="da-DK" dirty="0">
                <a:solidFill>
                  <a:schemeClr val="bg1"/>
                </a:solidFill>
              </a:rPr>
              <a:t>, </a:t>
            </a:r>
            <a:r>
              <a:rPr lang="da-DK" dirty="0" err="1">
                <a:solidFill>
                  <a:schemeClr val="bg1"/>
                </a:solidFill>
              </a:rPr>
              <a:t>PhD</a:t>
            </a:r>
            <a:r>
              <a:rPr lang="da-DK" dirty="0">
                <a:solidFill>
                  <a:schemeClr val="bg1"/>
                </a:solidFill>
              </a:rPr>
              <a:t>, </a:t>
            </a:r>
            <a:r>
              <a:rPr lang="da-DK" dirty="0" err="1">
                <a:solidFill>
                  <a:schemeClr val="bg1"/>
                </a:solidFill>
              </a:rPr>
              <a:t>PostDoc</a:t>
            </a:r>
            <a:endParaRPr lang="da-DK" dirty="0">
              <a:solidFill>
                <a:schemeClr val="bg1"/>
              </a:solidFill>
            </a:endParaRPr>
          </a:p>
          <a:p>
            <a:endParaRPr lang="da-DK" b="1" baseline="0" dirty="0"/>
          </a:p>
          <a:p>
            <a:r>
              <a:rPr lang="da-DK" b="1" baseline="0" dirty="0" err="1"/>
              <a:t>InnoBooster</a:t>
            </a:r>
            <a:r>
              <a:rPr lang="da-DK" b="1" baseline="0" dirty="0"/>
              <a:t> </a:t>
            </a:r>
            <a:r>
              <a:rPr lang="da-DK" baseline="0" dirty="0" err="1"/>
              <a:t>are</a:t>
            </a:r>
            <a:r>
              <a:rPr lang="da-DK" baseline="0" dirty="0"/>
              <a:t> for start-ups and smaller </a:t>
            </a:r>
            <a:r>
              <a:rPr lang="da-DK" baseline="0" dirty="0" err="1"/>
              <a:t>companies</a:t>
            </a:r>
            <a:r>
              <a:rPr lang="da-DK" baseline="0" dirty="0"/>
              <a:t>. </a:t>
            </a:r>
          </a:p>
          <a:p>
            <a:pPr marL="168297" indent="-168297">
              <a:buFont typeface="Arial" charset="0"/>
              <a:buChar char="•"/>
            </a:pPr>
            <a:r>
              <a:rPr lang="da-DK" dirty="0">
                <a:solidFill>
                  <a:schemeClr val="bg1"/>
                </a:solidFill>
              </a:rPr>
              <a:t>0,5 – 5 mio. DKK</a:t>
            </a:r>
          </a:p>
          <a:p>
            <a:pPr marL="168297" indent="-168297">
              <a:buFont typeface="Arial" charset="0"/>
              <a:buChar char="•"/>
            </a:pPr>
            <a:r>
              <a:rPr lang="da-DK" dirty="0" err="1">
                <a:solidFill>
                  <a:schemeClr val="bg1"/>
                </a:solidFill>
              </a:rPr>
              <a:t>SMV´er</a:t>
            </a:r>
            <a:r>
              <a:rPr lang="da-DK" dirty="0">
                <a:solidFill>
                  <a:schemeClr val="bg1"/>
                </a:solidFill>
              </a:rPr>
              <a:t>, </a:t>
            </a:r>
          </a:p>
          <a:p>
            <a:pPr marL="168297" indent="-168297">
              <a:buFont typeface="Arial" charset="0"/>
              <a:buChar char="•"/>
            </a:pPr>
            <a:r>
              <a:rPr lang="da-DK" dirty="0">
                <a:solidFill>
                  <a:schemeClr val="bg1"/>
                </a:solidFill>
              </a:rPr>
              <a:t>Op til 33% dækning</a:t>
            </a:r>
          </a:p>
          <a:p>
            <a:pPr marL="168297" indent="-168297">
              <a:buFontTx/>
              <a:buChar char="-"/>
            </a:pPr>
            <a:endParaRPr lang="da-DK" baseline="0" dirty="0"/>
          </a:p>
          <a:p>
            <a:r>
              <a:rPr lang="da-DK" b="1" baseline="0" dirty="0"/>
              <a:t>Grand Solutions</a:t>
            </a:r>
            <a:r>
              <a:rPr lang="da-DK" baseline="0" dirty="0"/>
              <a:t> </a:t>
            </a:r>
            <a:r>
              <a:rPr lang="da-DK" baseline="0" dirty="0" err="1"/>
              <a:t>are</a:t>
            </a:r>
            <a:r>
              <a:rPr lang="da-DK" baseline="0" dirty="0"/>
              <a:t> the </a:t>
            </a:r>
            <a:r>
              <a:rPr lang="da-DK" baseline="0" dirty="0" err="1"/>
              <a:t>bigger</a:t>
            </a:r>
            <a:r>
              <a:rPr lang="da-DK" baseline="0" dirty="0"/>
              <a:t> </a:t>
            </a:r>
            <a:r>
              <a:rPr lang="da-DK" baseline="0" dirty="0" err="1"/>
              <a:t>scientific</a:t>
            </a:r>
            <a:r>
              <a:rPr lang="da-DK" baseline="0" dirty="0"/>
              <a:t> projects</a:t>
            </a:r>
          </a:p>
          <a:p>
            <a:pPr marL="168297" indent="-168297">
              <a:buFont typeface="Arial" charset="0"/>
              <a:buChar char="•"/>
            </a:pPr>
            <a:r>
              <a:rPr lang="da-DK" dirty="0">
                <a:solidFill>
                  <a:schemeClr val="bg1"/>
                </a:solidFill>
              </a:rPr>
              <a:t>5 mio. DKK og op:</a:t>
            </a:r>
          </a:p>
          <a:p>
            <a:pPr marL="168297" indent="-168297">
              <a:buFont typeface="Arial" charset="0"/>
              <a:buChar char="•"/>
            </a:pPr>
            <a:r>
              <a:rPr lang="da-DK" dirty="0">
                <a:solidFill>
                  <a:schemeClr val="bg1"/>
                </a:solidFill>
              </a:rPr>
              <a:t>Tematiske og åbne</a:t>
            </a:r>
          </a:p>
          <a:p>
            <a:pPr marL="168297" indent="-168297">
              <a:buFont typeface="Arial" charset="0"/>
              <a:buChar char="•"/>
            </a:pPr>
            <a:r>
              <a:rPr lang="da-DK" dirty="0">
                <a:solidFill>
                  <a:schemeClr val="bg1"/>
                </a:solidFill>
              </a:rPr>
              <a:t>Typisk m</a:t>
            </a:r>
            <a:r>
              <a:rPr lang="da-DK" dirty="0" err="1">
                <a:solidFill>
                  <a:schemeClr val="bg1"/>
                </a:solidFill>
              </a:rPr>
              <a:t>ellem</a:t>
            </a:r>
            <a:r>
              <a:rPr lang="da-DK" dirty="0">
                <a:solidFill>
                  <a:schemeClr val="bg1"/>
                </a:solidFill>
              </a:rPr>
              <a:t> virksomheder</a:t>
            </a:r>
          </a:p>
          <a:p>
            <a:pPr marL="168297" indent="-168297">
              <a:buFont typeface="Arial" charset="0"/>
              <a:buChar char="•"/>
            </a:pPr>
            <a:r>
              <a:rPr lang="da-DK" dirty="0">
                <a:solidFill>
                  <a:schemeClr val="bg1"/>
                </a:solidFill>
              </a:rPr>
              <a:t>og UNI/GTS. </a:t>
            </a:r>
          </a:p>
          <a:p>
            <a:pPr marL="168297" indent="-168297">
              <a:buFont typeface="Arial" charset="0"/>
              <a:buChar char="•"/>
            </a:pPr>
            <a:r>
              <a:rPr lang="da-DK" dirty="0">
                <a:solidFill>
                  <a:schemeClr val="bg1"/>
                </a:solidFill>
              </a:rPr>
              <a:t>Op til 75% dækning</a:t>
            </a:r>
            <a:endParaRPr lang="da-DK" dirty="0"/>
          </a:p>
          <a:p>
            <a:pPr defTabSz="850159">
              <a:defRPr/>
            </a:pPr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1045028">
              <a:defRPr/>
            </a:pPr>
            <a:fld id="{8C225011-974D-4E94-B454-6C2E1F12F228}" type="slidenum">
              <a:rPr lang="da-DK">
                <a:solidFill>
                  <a:prstClr val="black"/>
                </a:solidFill>
                <a:latin typeface="Calibri"/>
              </a:rPr>
              <a:pPr defTabSz="1045028">
                <a:defRPr/>
              </a:pPr>
              <a:t>10</a:t>
            </a:fld>
            <a:endParaRPr lang="en-GB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5" name="Pladsholder til dato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fld id="{C4443226-1201-4904-A60A-D1DFDFD1EAAE}" type="datetime1">
              <a:rPr lang="da-DK" smtClean="0"/>
              <a:t>05-12-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9261767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65088" y="733425"/>
            <a:ext cx="6515100" cy="3665538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850239">
              <a:defRPr/>
            </a:pPr>
            <a:r>
              <a:rPr lang="da-DK" dirty="0"/>
              <a:t>Speakers</a:t>
            </a:r>
            <a:r>
              <a:rPr lang="da-DK" baseline="0" dirty="0"/>
              <a:t> Notes:</a:t>
            </a:r>
          </a:p>
          <a:p>
            <a:r>
              <a:rPr lang="da-DK" dirty="0"/>
              <a:t>-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only</a:t>
            </a:r>
            <a:r>
              <a:rPr lang="da-DK" baseline="0" dirty="0"/>
              <a:t> have </a:t>
            </a:r>
            <a:r>
              <a:rPr lang="da-DK" baseline="0" dirty="0" err="1"/>
              <a:t>threee</a:t>
            </a:r>
            <a:r>
              <a:rPr lang="da-DK" baseline="0" dirty="0"/>
              <a:t> </a:t>
            </a:r>
            <a:r>
              <a:rPr lang="da-DK" baseline="0" dirty="0" err="1"/>
              <a:t>entrence</a:t>
            </a:r>
            <a:r>
              <a:rPr lang="da-DK" baseline="0" dirty="0"/>
              <a:t> points til IFD.</a:t>
            </a:r>
            <a:br>
              <a:rPr lang="da-DK" baseline="0" dirty="0"/>
            </a:br>
            <a:r>
              <a:rPr lang="da-DK" baseline="0" dirty="0"/>
              <a:t>- Talent is the individual level. </a:t>
            </a:r>
          </a:p>
          <a:p>
            <a:r>
              <a:rPr lang="da-DK" baseline="0" dirty="0"/>
              <a:t>- InnoBooster </a:t>
            </a:r>
            <a:r>
              <a:rPr lang="da-DK" baseline="0" dirty="0" err="1"/>
              <a:t>are</a:t>
            </a:r>
            <a:r>
              <a:rPr lang="da-DK" baseline="0" dirty="0"/>
              <a:t> for start-ups and smaller </a:t>
            </a:r>
            <a:r>
              <a:rPr lang="da-DK" baseline="0" dirty="0" err="1"/>
              <a:t>companies</a:t>
            </a:r>
            <a:r>
              <a:rPr lang="da-DK" baseline="0" dirty="0"/>
              <a:t>. </a:t>
            </a:r>
          </a:p>
          <a:p>
            <a:r>
              <a:rPr lang="da-DK" baseline="0" dirty="0"/>
              <a:t>- Grand Solution </a:t>
            </a:r>
            <a:r>
              <a:rPr lang="da-DK" baseline="0" dirty="0" err="1"/>
              <a:t>are</a:t>
            </a:r>
            <a:r>
              <a:rPr lang="da-DK" baseline="0" dirty="0"/>
              <a:t> the </a:t>
            </a:r>
            <a:r>
              <a:rPr lang="da-DK" baseline="0" dirty="0" err="1"/>
              <a:t>bigger</a:t>
            </a:r>
            <a:r>
              <a:rPr lang="da-DK" baseline="0" dirty="0"/>
              <a:t> scientific projects. </a:t>
            </a:r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C225011-974D-4E94-B454-6C2E1F12F228}" type="slidenum">
              <a:rPr lang="da-DK" smtClean="0"/>
              <a:pPr/>
              <a:t>11</a:t>
            </a:fld>
            <a:endParaRPr lang="en-GB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fld id="{631E83A7-25C7-49B8-97CE-F6C1719ACB36}" type="datetime1">
              <a:rPr lang="da-DK" smtClean="0"/>
              <a:t>05-12-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0902756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1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2188076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="1" u="sng" dirty="0">
              <a:solidFill>
                <a:schemeClr val="bg1"/>
              </a:solidFill>
              <a:latin typeface="Museo Sans Rounded 300" panose="02000000000000000000" pitchFamily="50" charset="0"/>
            </a:endParaRPr>
          </a:p>
          <a:p>
            <a:r>
              <a:rPr lang="da-DK" b="1" u="sng" dirty="0">
                <a:solidFill>
                  <a:schemeClr val="bg1"/>
                </a:solidFill>
                <a:latin typeface="Museo Sans Rounded 300" panose="02000000000000000000" pitchFamily="50" charset="0"/>
              </a:rPr>
              <a:t>Vi skal: </a:t>
            </a:r>
          </a:p>
          <a:p>
            <a:endParaRPr lang="da-DK" b="1" u="sng" dirty="0">
              <a:solidFill>
                <a:schemeClr val="bg1"/>
              </a:solidFill>
              <a:latin typeface="Museo Sans Rounded 300" panose="02000000000000000000" pitchFamily="50" charset="0"/>
            </a:endParaRPr>
          </a:p>
          <a:p>
            <a:pPr marL="224417" indent="-224417" defTabSz="897666">
              <a:buFontTx/>
              <a:buAutoNum type="arabicPeriod"/>
              <a:defRPr/>
            </a:pPr>
            <a:r>
              <a:rPr lang="da-DK" dirty="0"/>
              <a:t>Identificere og udvikle </a:t>
            </a:r>
            <a:r>
              <a:rPr lang="da-DK" b="1" dirty="0"/>
              <a:t>partnerskaber</a:t>
            </a:r>
            <a:r>
              <a:rPr lang="da-DK" dirty="0"/>
              <a:t>, der tilfører netværk, viden og kapital både til virksomheder med et stort </a:t>
            </a:r>
            <a:r>
              <a:rPr lang="da-DK" dirty="0" err="1"/>
              <a:t>skaleringspotentiale</a:t>
            </a:r>
            <a:r>
              <a:rPr lang="da-DK" dirty="0"/>
              <a:t> og virksomheder med et moderat vækstpotentiale. </a:t>
            </a:r>
          </a:p>
          <a:p>
            <a:pPr marL="224417" indent="-224417" defTabSz="897666">
              <a:buFontTx/>
              <a:buAutoNum type="arabicPeriod"/>
              <a:defRPr/>
            </a:pPr>
            <a:endParaRPr lang="da-DK" dirty="0"/>
          </a:p>
          <a:p>
            <a:pPr defTabSz="897666">
              <a:defRPr/>
            </a:pPr>
            <a:r>
              <a:rPr lang="da-DK" dirty="0"/>
              <a:t>2. Understøtte </a:t>
            </a:r>
            <a:r>
              <a:rPr lang="da-DK" b="1" dirty="0"/>
              <a:t>partnerskaberne</a:t>
            </a:r>
            <a:r>
              <a:rPr lang="da-DK" dirty="0"/>
              <a:t> gennem vores produkter baseret på </a:t>
            </a:r>
            <a:r>
              <a:rPr lang="da-DK" dirty="0" err="1"/>
              <a:t>syndikering</a:t>
            </a:r>
            <a:r>
              <a:rPr lang="da-DK" dirty="0"/>
              <a:t> og medfinansiering samt ved at fungere som </a:t>
            </a:r>
            <a:r>
              <a:rPr lang="da-DK" dirty="0" err="1"/>
              <a:t>cornerstone</a:t>
            </a:r>
            <a:r>
              <a:rPr lang="da-DK" dirty="0"/>
              <a:t>-investor og fødselshjælper.</a:t>
            </a:r>
          </a:p>
          <a:p>
            <a:endParaRPr lang="da-DK" b="1" u="sng" dirty="0">
              <a:solidFill>
                <a:schemeClr val="bg1"/>
              </a:solidFill>
              <a:latin typeface="Museo Sans Rounded 300" panose="02000000000000000000" pitchFamily="50" charset="0"/>
            </a:endParaRPr>
          </a:p>
          <a:p>
            <a:pPr defTabSz="897666">
              <a:defRPr/>
            </a:pPr>
            <a:r>
              <a:rPr lang="da-DK" dirty="0"/>
              <a:t>3. Være tilstede lokalt med kompetente teams, som samarbejder intensivt på tværs af Vækstfondens forretningsenheder og stabe og med </a:t>
            </a:r>
            <a:r>
              <a:rPr lang="da-DK" b="1" dirty="0"/>
              <a:t>eksterne partnere</a:t>
            </a:r>
          </a:p>
          <a:p>
            <a:endParaRPr lang="da-DK" b="1" u="sng" dirty="0">
              <a:solidFill>
                <a:schemeClr val="bg1"/>
              </a:solidFill>
              <a:latin typeface="Museo Sans Rounded 300" panose="02000000000000000000" pitchFamily="50" charset="0"/>
            </a:endParaRPr>
          </a:p>
          <a:p>
            <a:r>
              <a:rPr lang="da-DK" b="1" u="sng" dirty="0">
                <a:solidFill>
                  <a:schemeClr val="bg1"/>
                </a:solidFill>
                <a:latin typeface="Museo Sans Rounded 300" panose="02000000000000000000" pitchFamily="50" charset="0"/>
              </a:rPr>
              <a:t>Eksempler på partnerskaber</a:t>
            </a:r>
          </a:p>
          <a:p>
            <a:endParaRPr lang="da-DK" dirty="0">
              <a:solidFill>
                <a:schemeClr val="bg1"/>
              </a:solidFill>
              <a:latin typeface="Museo Sans Rounded 300" panose="02000000000000000000" pitchFamily="50" charset="0"/>
            </a:endParaRPr>
          </a:p>
          <a:p>
            <a:pPr marL="280521" indent="-280521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Business Angels</a:t>
            </a:r>
          </a:p>
          <a:p>
            <a:pPr marL="280521" indent="-280521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Venturefonde</a:t>
            </a:r>
          </a:p>
          <a:p>
            <a:pPr marL="280521" indent="-280521">
              <a:buFont typeface="Wingdings" panose="05000000000000000000" pitchFamily="2" charset="2"/>
              <a:buChar char="§"/>
            </a:pPr>
            <a:r>
              <a:rPr lang="da-DK" dirty="0" err="1">
                <a:solidFill>
                  <a:schemeClr val="bg1"/>
                </a:solidFill>
                <a:latin typeface="Museo Sans Rounded 300" panose="02000000000000000000" pitchFamily="50" charset="0"/>
              </a:rPr>
              <a:t>Corporates</a:t>
            </a:r>
            <a:endParaRPr lang="da-DK" dirty="0">
              <a:solidFill>
                <a:schemeClr val="bg1"/>
              </a:solidFill>
              <a:latin typeface="Museo Sans Rounded 300" panose="02000000000000000000" pitchFamily="50" charset="0"/>
            </a:endParaRPr>
          </a:p>
          <a:p>
            <a:pPr marL="280521" indent="-280521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Banker</a:t>
            </a:r>
          </a:p>
          <a:p>
            <a:pPr marL="280521" indent="-280521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Universiteter </a:t>
            </a:r>
          </a:p>
          <a:p>
            <a:pPr marL="280521" indent="-280521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Innovationsfonden</a:t>
            </a:r>
          </a:p>
          <a:p>
            <a:pPr marL="280521" indent="-280521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Acceleratorer</a:t>
            </a:r>
          </a:p>
          <a:p>
            <a:pPr marL="280521" indent="-280521">
              <a:buFont typeface="Wingdings" panose="05000000000000000000" pitchFamily="2" charset="2"/>
              <a:buChar char="§"/>
            </a:pPr>
            <a:r>
              <a:rPr lang="da-DK" dirty="0" err="1">
                <a:solidFill>
                  <a:schemeClr val="bg1"/>
                </a:solidFill>
                <a:latin typeface="Museo Sans Rounded 300" panose="02000000000000000000" pitchFamily="50" charset="0"/>
              </a:rPr>
              <a:t>Pre-seed</a:t>
            </a: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 fonde</a:t>
            </a:r>
          </a:p>
          <a:p>
            <a:pPr marL="280521" indent="-280521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Micro </a:t>
            </a:r>
            <a:r>
              <a:rPr lang="da-DK" dirty="0" err="1">
                <a:solidFill>
                  <a:schemeClr val="bg1"/>
                </a:solidFill>
                <a:latin typeface="Museo Sans Rounded 300" panose="02000000000000000000" pitchFamily="50" charset="0"/>
              </a:rPr>
              <a:t>VC’s</a:t>
            </a: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 </a:t>
            </a:r>
          </a:p>
          <a:p>
            <a:pPr marL="280521" indent="-280521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Company Builders</a:t>
            </a:r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5260543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b="0" dirty="0" smtClean="0">
                <a:solidFill>
                  <a:schemeClr val="accent1"/>
                </a:solidFill>
              </a:rPr>
              <a:t>Vi er allerede i dag med hele vejen med tilpassede finansieringsløsninger</a:t>
            </a:r>
            <a:r>
              <a:rPr lang="da-DK" b="0" baseline="0" dirty="0" smtClean="0">
                <a:solidFill>
                  <a:schemeClr val="accent1"/>
                </a:solidFill>
              </a:rPr>
              <a:t> – og nu gør vi endnu mere i de tidlige faser</a:t>
            </a:r>
          </a:p>
          <a:p>
            <a:r>
              <a:rPr lang="da-DK" b="0" baseline="0" dirty="0" err="1" smtClean="0">
                <a:solidFill>
                  <a:schemeClr val="accent1"/>
                </a:solidFill>
              </a:rPr>
              <a:t>Vækstfondne</a:t>
            </a:r>
            <a:r>
              <a:rPr lang="da-DK" b="0" baseline="0" dirty="0" smtClean="0">
                <a:solidFill>
                  <a:schemeClr val="accent1"/>
                </a:solidFill>
              </a:rPr>
              <a:t> kan være med hele vejen til global </a:t>
            </a:r>
            <a:r>
              <a:rPr lang="da-DK" b="0" baseline="0" dirty="0" err="1" smtClean="0">
                <a:solidFill>
                  <a:schemeClr val="accent1"/>
                </a:solidFill>
              </a:rPr>
              <a:t>skalering</a:t>
            </a:r>
            <a:r>
              <a:rPr lang="da-DK" b="0" baseline="0" dirty="0" smtClean="0">
                <a:solidFill>
                  <a:schemeClr val="accent1"/>
                </a:solidFill>
              </a:rPr>
              <a:t> og børsnotering</a:t>
            </a:r>
          </a:p>
          <a:p>
            <a:endParaRPr lang="da-DK" b="1" dirty="0" smtClean="0">
              <a:solidFill>
                <a:schemeClr val="accent1"/>
              </a:solidFill>
            </a:endParaRPr>
          </a:p>
          <a:p>
            <a:r>
              <a:rPr lang="da-DK" b="1" dirty="0" smtClean="0">
                <a:solidFill>
                  <a:schemeClr val="accent1"/>
                </a:solidFill>
              </a:rPr>
              <a:t>Sådan </a:t>
            </a:r>
            <a:r>
              <a:rPr lang="da-DK" b="1" dirty="0">
                <a:solidFill>
                  <a:schemeClr val="accent1"/>
                </a:solidFill>
              </a:rPr>
              <a:t>hjælper vi </a:t>
            </a:r>
            <a:br>
              <a:rPr lang="da-DK" b="1" dirty="0">
                <a:solidFill>
                  <a:schemeClr val="accent1"/>
                </a:solidFill>
              </a:rPr>
            </a:br>
            <a:endParaRPr lang="da-DK" b="1" dirty="0">
              <a:solidFill>
                <a:schemeClr val="accent1"/>
              </a:solidFill>
            </a:endParaRPr>
          </a:p>
          <a:p>
            <a:pPr marL="280521" indent="-280521">
              <a:buFont typeface="Arial" panose="020B0604020202020204" pitchFamily="34" charset="0"/>
              <a:buChar char="•"/>
            </a:pPr>
            <a:r>
              <a:rPr lang="da-DK" dirty="0"/>
              <a:t>Vækstlån </a:t>
            </a:r>
          </a:p>
          <a:p>
            <a:pPr marL="280521" indent="-280521">
              <a:buFont typeface="Arial" panose="020B0604020202020204" pitchFamily="34" charset="0"/>
              <a:buChar char="•"/>
            </a:pPr>
            <a:r>
              <a:rPr lang="da-DK" dirty="0"/>
              <a:t>Vækstkaution</a:t>
            </a:r>
          </a:p>
          <a:p>
            <a:pPr marL="280521" indent="-280521">
              <a:buFont typeface="Arial" panose="020B0604020202020204" pitchFamily="34" charset="0"/>
              <a:buChar char="•"/>
            </a:pPr>
            <a:r>
              <a:rPr lang="da-DK" dirty="0"/>
              <a:t>Ansvarligt lån</a:t>
            </a:r>
          </a:p>
          <a:p>
            <a:pPr marL="280521" indent="-280521">
              <a:buFont typeface="Arial" panose="020B0604020202020204" pitchFamily="34" charset="0"/>
              <a:buChar char="•"/>
            </a:pPr>
            <a:r>
              <a:rPr lang="da-DK" dirty="0"/>
              <a:t>Vækstgaranti</a:t>
            </a:r>
          </a:p>
          <a:p>
            <a:pPr marL="280521" indent="-280521">
              <a:buFont typeface="Arial" panose="020B0604020202020204" pitchFamily="34" charset="0"/>
              <a:buChar char="•"/>
            </a:pPr>
            <a:r>
              <a:rPr lang="da-DK" dirty="0"/>
              <a:t>Kapital fra fonde, vi samarbejder med</a:t>
            </a:r>
          </a:p>
          <a:p>
            <a:pPr marL="280521" indent="-280521">
              <a:buFont typeface="Arial" panose="020B0604020202020204" pitchFamily="34" charset="0"/>
              <a:buChar char="•"/>
            </a:pPr>
            <a:r>
              <a:rPr lang="da-DK" dirty="0"/>
              <a:t>Børsnoteringer</a:t>
            </a:r>
          </a:p>
          <a:p>
            <a:pPr marL="280521" indent="-280521">
              <a:buFont typeface="Arial" panose="020B0604020202020204" pitchFamily="34" charset="0"/>
              <a:buChar char="•"/>
            </a:pPr>
            <a:r>
              <a:rPr lang="da-DK" dirty="0"/>
              <a:t>Business </a:t>
            </a:r>
            <a:r>
              <a:rPr lang="da-DK" dirty="0" err="1"/>
              <a:t>angel</a:t>
            </a:r>
            <a:r>
              <a:rPr lang="da-DK" dirty="0"/>
              <a:t> </a:t>
            </a:r>
            <a:r>
              <a:rPr lang="da-DK" dirty="0" err="1"/>
              <a:t>matching</a:t>
            </a:r>
            <a:r>
              <a:rPr lang="da-DK" dirty="0"/>
              <a:t> fond</a:t>
            </a:r>
          </a:p>
          <a:p>
            <a:pPr marL="280521" indent="-280521">
              <a:buFont typeface="Arial" panose="020B0604020202020204" pitchFamily="34" charset="0"/>
              <a:buChar char="•"/>
            </a:pPr>
            <a:r>
              <a:rPr lang="da-DK" dirty="0"/>
              <a:t>Danmarks Grønne Investeringsfond</a:t>
            </a:r>
            <a:br>
              <a:rPr lang="da-DK" dirty="0"/>
            </a:br>
            <a:r>
              <a:rPr lang="da-DK" dirty="0"/>
              <a:t/>
            </a:r>
            <a:br>
              <a:rPr lang="da-DK" dirty="0"/>
            </a:br>
            <a:r>
              <a:rPr lang="da-DK" i="1" dirty="0"/>
              <a:t>… Altid i samarbejde med det private marked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/>
              <a:t>1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4845127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1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9011099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smtClean="0"/>
              <a:t>PETER</a:t>
            </a:r>
          </a:p>
          <a:p>
            <a:endParaRPr lang="en-GB" dirty="0" smtClean="0"/>
          </a:p>
          <a:p>
            <a:pPr marL="168312" indent="-168312">
              <a:buFontTx/>
              <a:buChar char="-"/>
            </a:pPr>
            <a:r>
              <a:rPr lang="en-GB" dirty="0" err="1" smtClean="0"/>
              <a:t>Båd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Vækstfondn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og</a:t>
            </a:r>
            <a:r>
              <a:rPr lang="en-GB" baseline="0" dirty="0" smtClean="0"/>
              <a:t> </a:t>
            </a:r>
            <a:r>
              <a:rPr lang="en-GB" baseline="0" dirty="0" err="1" smtClean="0"/>
              <a:t>Innovationsfondn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har</a:t>
            </a:r>
            <a:r>
              <a:rPr lang="en-GB" baseline="0" dirty="0" smtClean="0"/>
              <a:t> de </a:t>
            </a:r>
            <a:r>
              <a:rPr lang="en-GB" baseline="0" dirty="0" err="1" smtClean="0"/>
              <a:t>senest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måned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været</a:t>
            </a:r>
            <a:r>
              <a:rPr lang="en-GB" baseline="0" dirty="0" smtClean="0"/>
              <a:t> </a:t>
            </a:r>
            <a:r>
              <a:rPr lang="en-GB" baseline="0" dirty="0" err="1" smtClean="0"/>
              <a:t>på</a:t>
            </a:r>
            <a:r>
              <a:rPr lang="en-GB" baseline="0" dirty="0" smtClean="0"/>
              <a:t> </a:t>
            </a:r>
            <a:r>
              <a:rPr lang="en-GB" baseline="0" dirty="0" err="1" smtClean="0"/>
              <a:t>landeveje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og</a:t>
            </a:r>
            <a:r>
              <a:rPr lang="en-GB" baseline="0" dirty="0" smtClean="0"/>
              <a:t> </a:t>
            </a:r>
            <a:r>
              <a:rPr lang="en-GB" baseline="0" dirty="0" err="1" smtClean="0"/>
              <a:t>besøgt</a:t>
            </a:r>
            <a:r>
              <a:rPr lang="en-GB" baseline="0" dirty="0" smtClean="0"/>
              <a:t> </a:t>
            </a:r>
            <a:r>
              <a:rPr lang="en-GB" baseline="0" dirty="0" err="1" smtClean="0"/>
              <a:t>e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lang</a:t>
            </a:r>
            <a:r>
              <a:rPr lang="en-GB" baseline="0" dirty="0" smtClean="0"/>
              <a:t> </a:t>
            </a:r>
            <a:r>
              <a:rPr lang="en-GB" baseline="0" dirty="0" err="1" smtClean="0"/>
              <a:t>rækk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aktør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fra</a:t>
            </a:r>
            <a:r>
              <a:rPr lang="en-GB" baseline="0" dirty="0" smtClean="0"/>
              <a:t> </a:t>
            </a:r>
            <a:r>
              <a:rPr lang="en-GB" baseline="0" dirty="0" err="1" smtClean="0"/>
              <a:t>økosystemet</a:t>
            </a:r>
            <a:r>
              <a:rPr lang="en-GB" baseline="0" dirty="0" smtClean="0"/>
              <a:t> for at </a:t>
            </a:r>
            <a:r>
              <a:rPr lang="en-GB" baseline="0" dirty="0" err="1" smtClean="0"/>
              <a:t>få</a:t>
            </a:r>
            <a:r>
              <a:rPr lang="en-GB" baseline="0" dirty="0" smtClean="0"/>
              <a:t> input </a:t>
            </a:r>
            <a:r>
              <a:rPr lang="en-GB" baseline="0" dirty="0" err="1" smtClean="0"/>
              <a:t>og</a:t>
            </a:r>
            <a:r>
              <a:rPr lang="en-GB" baseline="0" dirty="0" smtClean="0"/>
              <a:t> </a:t>
            </a:r>
            <a:r>
              <a:rPr lang="en-GB" baseline="0" dirty="0" err="1" smtClean="0"/>
              <a:t>viden</a:t>
            </a:r>
            <a:r>
              <a:rPr lang="en-GB" baseline="0" dirty="0" smtClean="0"/>
              <a:t>.</a:t>
            </a:r>
          </a:p>
          <a:p>
            <a:pPr marL="168312" indent="-168312">
              <a:buFontTx/>
              <a:buChar char="-"/>
            </a:pPr>
            <a:r>
              <a:rPr lang="en-GB" baseline="0" dirty="0" err="1" smtClean="0"/>
              <a:t>Også</a:t>
            </a:r>
            <a:r>
              <a:rPr lang="en-GB" baseline="0" dirty="0" smtClean="0"/>
              <a:t> I 2019 </a:t>
            </a:r>
            <a:r>
              <a:rPr lang="en-GB" baseline="0" dirty="0" err="1" smtClean="0"/>
              <a:t>vil</a:t>
            </a:r>
            <a:r>
              <a:rPr lang="en-GB" baseline="0" dirty="0" smtClean="0"/>
              <a:t> vi </a:t>
            </a:r>
            <a:r>
              <a:rPr lang="en-GB" baseline="0" dirty="0" err="1" smtClean="0"/>
              <a:t>være</a:t>
            </a:r>
            <a:r>
              <a:rPr lang="en-GB" baseline="0" dirty="0" smtClean="0"/>
              <a:t> at </a:t>
            </a:r>
            <a:r>
              <a:rPr lang="en-GB" baseline="0" dirty="0" err="1" smtClean="0"/>
              <a:t>find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rundt</a:t>
            </a:r>
            <a:r>
              <a:rPr lang="en-GB" baseline="0" dirty="0" smtClean="0"/>
              <a:t> </a:t>
            </a:r>
            <a:r>
              <a:rPr lang="en-GB" baseline="0" dirty="0" err="1" smtClean="0"/>
              <a:t>i</a:t>
            </a:r>
            <a:r>
              <a:rPr lang="en-GB" baseline="0" dirty="0" smtClean="0"/>
              <a:t> </a:t>
            </a:r>
            <a:r>
              <a:rPr lang="en-GB" baseline="0" dirty="0" err="1" smtClean="0"/>
              <a:t>landet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1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5285835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1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553939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b="1" dirty="0"/>
              <a:t>CHRISTIAN</a:t>
            </a:r>
            <a:endParaRPr lang="da-DK" dirty="0"/>
          </a:p>
          <a:p>
            <a:r>
              <a:rPr lang="da-DK" dirty="0"/>
              <a:t>- Hvorfor er vi her i dag?</a:t>
            </a:r>
          </a:p>
          <a:p>
            <a:r>
              <a:rPr lang="da-DK" dirty="0"/>
              <a:t>- Med forenklingen af erhvervsfremmesystemet bliver der nu to primære indgange til kapital for de tidlige og </a:t>
            </a:r>
            <a:r>
              <a:rPr lang="da-DK" dirty="0" err="1"/>
              <a:t>videnbaserede</a:t>
            </a:r>
            <a:r>
              <a:rPr lang="da-DK" dirty="0"/>
              <a:t> virksomheder</a:t>
            </a:r>
          </a:p>
          <a:p>
            <a:pPr lvl="0"/>
            <a:r>
              <a:rPr lang="da-DK" dirty="0"/>
              <a:t>- Innovationsfonden for de blødemidler og Vækstfonden for de hårde midler</a:t>
            </a:r>
          </a:p>
          <a:p>
            <a:pPr lvl="0"/>
            <a:r>
              <a:rPr lang="da-DK" dirty="0"/>
              <a:t>- Bløde midler er ikke lettere at tilgå, fordi de er bløde</a:t>
            </a:r>
          </a:p>
          <a:p>
            <a:endParaRPr lang="en-GB" dirty="0">
              <a:solidFill>
                <a:srgbClr val="FF0000"/>
              </a:solidFill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7766363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/>
              <a:t>CHRISTIAN</a:t>
            </a:r>
            <a:endParaRPr lang="da-DK" b="1" dirty="0"/>
          </a:p>
          <a:p>
            <a:pPr lvl="0"/>
            <a:r>
              <a:rPr lang="da-DK" dirty="0"/>
              <a:t>- Sammen skal vi skabe sammenhæng og enkelhed i systemet</a:t>
            </a:r>
          </a:p>
          <a:p>
            <a:pPr lvl="0"/>
            <a:r>
              <a:rPr lang="da-DK" dirty="0"/>
              <a:t>- Vi skal bygge bro over dødens dal ved hjælp af en kombination af de hårde og bløde midler</a:t>
            </a:r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519573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smtClean="0"/>
              <a:t>PETER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4898246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smtClean="0"/>
              <a:t>PETER</a:t>
            </a:r>
          </a:p>
          <a:p>
            <a:pPr marL="168312" indent="-168312">
              <a:buFontTx/>
              <a:buChar char="-"/>
            </a:pPr>
            <a:r>
              <a:rPr lang="en-GB" dirty="0" err="1" smtClean="0"/>
              <a:t>Samarbejdet</a:t>
            </a:r>
            <a:r>
              <a:rPr lang="en-GB" dirty="0" smtClean="0"/>
              <a:t> </a:t>
            </a:r>
            <a:r>
              <a:rPr lang="en-GB" dirty="0" err="1" smtClean="0"/>
              <a:t>er</a:t>
            </a:r>
            <a:r>
              <a:rPr lang="en-GB" dirty="0" smtClean="0"/>
              <a:t> </a:t>
            </a:r>
            <a:r>
              <a:rPr lang="en-GB" dirty="0" err="1" smtClean="0"/>
              <a:t>allerede</a:t>
            </a:r>
            <a:r>
              <a:rPr lang="en-GB" dirty="0" smtClean="0"/>
              <a:t> </a:t>
            </a:r>
            <a:r>
              <a:rPr lang="en-GB" dirty="0" err="1" smtClean="0"/>
              <a:t>godt</a:t>
            </a:r>
            <a:r>
              <a:rPr lang="en-GB" dirty="0" smtClean="0"/>
              <a:t> </a:t>
            </a:r>
            <a:r>
              <a:rPr lang="en-GB" dirty="0" err="1" smtClean="0"/>
              <a:t>i</a:t>
            </a:r>
            <a:r>
              <a:rPr lang="en-GB" dirty="0" smtClean="0"/>
              <a:t> gang</a:t>
            </a:r>
          </a:p>
          <a:p>
            <a:pPr marL="168312" indent="-168312">
              <a:buFontTx/>
              <a:buChar char="-"/>
            </a:pPr>
            <a:r>
              <a:rPr lang="en-GB" dirty="0" smtClean="0"/>
              <a:t>Vi </a:t>
            </a:r>
            <a:r>
              <a:rPr lang="en-GB" dirty="0" err="1" smtClean="0"/>
              <a:t>har</a:t>
            </a:r>
            <a:r>
              <a:rPr lang="en-GB" dirty="0" smtClean="0"/>
              <a:t> </a:t>
            </a:r>
            <a:r>
              <a:rPr lang="en-GB" dirty="0" err="1" smtClean="0"/>
              <a:t>fokus</a:t>
            </a:r>
            <a:r>
              <a:rPr lang="en-GB" dirty="0" smtClean="0"/>
              <a:t> </a:t>
            </a:r>
            <a:r>
              <a:rPr lang="en-GB" dirty="0" err="1" smtClean="0"/>
              <a:t>på</a:t>
            </a:r>
            <a:r>
              <a:rPr lang="en-GB" dirty="0" smtClean="0"/>
              <a:t> I </a:t>
            </a:r>
            <a:r>
              <a:rPr lang="en-GB" dirty="0" err="1" smtClean="0"/>
              <a:t>samspil</a:t>
            </a:r>
            <a:r>
              <a:rPr lang="en-GB" dirty="0" smtClean="0"/>
              <a:t> at </a:t>
            </a:r>
            <a:r>
              <a:rPr lang="en-GB" dirty="0" err="1" smtClean="0"/>
              <a:t>få</a:t>
            </a:r>
            <a:r>
              <a:rPr lang="en-GB" dirty="0" smtClean="0"/>
              <a:t> </a:t>
            </a:r>
            <a:r>
              <a:rPr lang="en-GB" dirty="0" err="1" smtClean="0"/>
              <a:t>løsningerne</a:t>
            </a:r>
            <a:r>
              <a:rPr lang="en-GB" dirty="0" smtClean="0"/>
              <a:t> </a:t>
            </a:r>
            <a:r>
              <a:rPr lang="en-GB" dirty="0" err="1" smtClean="0"/>
              <a:t>længere</a:t>
            </a:r>
            <a:r>
              <a:rPr lang="en-GB" dirty="0" smtClean="0"/>
              <a:t> </a:t>
            </a:r>
            <a:r>
              <a:rPr lang="en-GB" dirty="0" err="1" smtClean="0"/>
              <a:t>ud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0564354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smtClean="0"/>
              <a:t>PETER</a:t>
            </a:r>
          </a:p>
          <a:p>
            <a:endParaRPr lang="en-GB" dirty="0" smtClean="0"/>
          </a:p>
          <a:p>
            <a:pPr marL="168312" indent="-168312">
              <a:buFontTx/>
              <a:buChar char="-"/>
            </a:pPr>
            <a:r>
              <a:rPr lang="en-GB" dirty="0" err="1" smtClean="0"/>
              <a:t>Innovationsfonde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flytt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hovedkonto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til</a:t>
            </a:r>
            <a:r>
              <a:rPr lang="en-GB" baseline="0" dirty="0" smtClean="0"/>
              <a:t> Aarhus</a:t>
            </a:r>
          </a:p>
          <a:p>
            <a:pPr marL="168312" indent="-168312">
              <a:buFontTx/>
              <a:buChar char="-"/>
            </a:pPr>
            <a:r>
              <a:rPr lang="en-GB" baseline="0" dirty="0" err="1" smtClean="0"/>
              <a:t>Mindr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kontorer</a:t>
            </a:r>
            <a:r>
              <a:rPr lang="en-GB" baseline="0" dirty="0" smtClean="0"/>
              <a:t> I Odense, Aalborg, Aarhus </a:t>
            </a:r>
            <a:r>
              <a:rPr lang="en-GB" baseline="0" dirty="0" err="1" smtClean="0"/>
              <a:t>og</a:t>
            </a:r>
            <a:r>
              <a:rPr lang="en-GB" baseline="0" dirty="0" smtClean="0"/>
              <a:t> </a:t>
            </a:r>
            <a:r>
              <a:rPr lang="en-GB" baseline="0" dirty="0" err="1" smtClean="0"/>
              <a:t>København</a:t>
            </a:r>
            <a:endParaRPr lang="en-GB" baseline="0" dirty="0" smtClean="0"/>
          </a:p>
          <a:p>
            <a:pPr marL="168312" indent="-168312">
              <a:buFontTx/>
              <a:buChar char="-"/>
            </a:pPr>
            <a:r>
              <a:rPr lang="en-GB" baseline="0" dirty="0" smtClean="0"/>
              <a:t>Der </a:t>
            </a:r>
            <a:r>
              <a:rPr lang="en-GB" baseline="0" dirty="0" err="1" smtClean="0"/>
              <a:t>oprettes</a:t>
            </a:r>
            <a:r>
              <a:rPr lang="en-GB" baseline="0" dirty="0" smtClean="0"/>
              <a:t> </a:t>
            </a:r>
            <a:r>
              <a:rPr lang="en-GB" baseline="0" dirty="0" err="1" smtClean="0"/>
              <a:t>desude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e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rækk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tværkommunal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erhvervshus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og</a:t>
            </a:r>
            <a:r>
              <a:rPr lang="en-GB" baseline="0" dirty="0" smtClean="0"/>
              <a:t> </a:t>
            </a:r>
            <a:r>
              <a:rPr lang="en-GB" baseline="0" dirty="0" err="1" smtClean="0"/>
              <a:t>filialer</a:t>
            </a:r>
            <a:r>
              <a:rPr lang="en-GB" baseline="0" dirty="0" smtClean="0"/>
              <a:t> over hele </a:t>
            </a:r>
            <a:r>
              <a:rPr lang="en-GB" baseline="0" dirty="0" err="1" smtClean="0"/>
              <a:t>landet</a:t>
            </a:r>
            <a:r>
              <a:rPr lang="en-GB" baseline="0" dirty="0" smtClean="0"/>
              <a:t>, </a:t>
            </a:r>
            <a:r>
              <a:rPr lang="en-GB" baseline="0" dirty="0" err="1" smtClean="0"/>
              <a:t>hvor</a:t>
            </a:r>
            <a:r>
              <a:rPr lang="en-GB" baseline="0" dirty="0" smtClean="0"/>
              <a:t> vi </a:t>
            </a:r>
            <a:r>
              <a:rPr lang="en-GB" baseline="0" dirty="0" err="1" smtClean="0"/>
              <a:t>også</a:t>
            </a:r>
            <a:r>
              <a:rPr lang="en-GB" baseline="0" dirty="0" smtClean="0"/>
              <a:t> </a:t>
            </a:r>
            <a:r>
              <a:rPr lang="en-GB" baseline="0" dirty="0" err="1" smtClean="0"/>
              <a:t>jævnligt</a:t>
            </a:r>
            <a:r>
              <a:rPr lang="en-GB" baseline="0" dirty="0" smtClean="0"/>
              <a:t> </a:t>
            </a:r>
            <a:r>
              <a:rPr lang="en-GB" baseline="0" dirty="0" err="1" smtClean="0"/>
              <a:t>vil</a:t>
            </a:r>
            <a:r>
              <a:rPr lang="en-GB" baseline="0" dirty="0" smtClean="0"/>
              <a:t> </a:t>
            </a:r>
            <a:r>
              <a:rPr lang="en-GB" baseline="0" dirty="0" err="1" smtClean="0"/>
              <a:t>komme</a:t>
            </a:r>
            <a:endParaRPr lang="en-GB" baseline="0" dirty="0" smtClean="0"/>
          </a:p>
          <a:p>
            <a:pPr marL="168312" indent="-168312">
              <a:buFontTx/>
              <a:buChar char="-"/>
            </a:pPr>
            <a:endParaRPr lang="en-GB" b="1" baseline="0" dirty="0" smtClean="0"/>
          </a:p>
          <a:p>
            <a:r>
              <a:rPr lang="en-GB" b="1" baseline="0" dirty="0" smtClean="0"/>
              <a:t>CHRISTIAN</a:t>
            </a:r>
          </a:p>
          <a:p>
            <a:pPr marL="168312" indent="-168312">
              <a:buFontTx/>
              <a:buChar char="-"/>
            </a:pPr>
            <a:r>
              <a:rPr lang="en-GB" baseline="0" dirty="0" smtClean="0"/>
              <a:t>VF </a:t>
            </a:r>
            <a:r>
              <a:rPr lang="en-GB" baseline="0" dirty="0" err="1" smtClean="0"/>
              <a:t>åbn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nyt</a:t>
            </a:r>
            <a:r>
              <a:rPr lang="en-GB" baseline="0" dirty="0" smtClean="0"/>
              <a:t> </a:t>
            </a:r>
            <a:r>
              <a:rPr lang="en-GB" baseline="0" dirty="0" err="1" smtClean="0"/>
              <a:t>konto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i</a:t>
            </a:r>
            <a:r>
              <a:rPr lang="en-GB" baseline="0" dirty="0" smtClean="0"/>
              <a:t> Aarhus, Aalborg </a:t>
            </a:r>
            <a:r>
              <a:rPr lang="en-GB" baseline="0" dirty="0" err="1" smtClean="0"/>
              <a:t>og</a:t>
            </a:r>
            <a:r>
              <a:rPr lang="en-GB" baseline="0" dirty="0" smtClean="0"/>
              <a:t> Odense</a:t>
            </a:r>
          </a:p>
          <a:p>
            <a:pPr marL="168312" indent="-168312">
              <a:buFontTx/>
              <a:buChar char="-"/>
            </a:pPr>
            <a:r>
              <a:rPr lang="en-GB" baseline="0" dirty="0" err="1" smtClean="0"/>
              <a:t>Derudov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er</a:t>
            </a:r>
            <a:r>
              <a:rPr lang="en-GB" baseline="0" dirty="0" smtClean="0"/>
              <a:t> vi </a:t>
            </a:r>
            <a:r>
              <a:rPr lang="en-GB" baseline="0" dirty="0" err="1" smtClean="0"/>
              <a:t>repræsenteret</a:t>
            </a:r>
            <a:r>
              <a:rPr lang="en-GB" baseline="0" dirty="0" smtClean="0"/>
              <a:t> </a:t>
            </a:r>
            <a:r>
              <a:rPr lang="en-GB" baseline="0" dirty="0" err="1" smtClean="0"/>
              <a:t>på</a:t>
            </a:r>
            <a:r>
              <a:rPr lang="en-GB" baseline="0" dirty="0" smtClean="0"/>
              <a:t> </a:t>
            </a:r>
            <a:r>
              <a:rPr lang="en-GB" baseline="0" dirty="0" err="1" smtClean="0"/>
              <a:t>kontorplads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i</a:t>
            </a:r>
            <a:r>
              <a:rPr lang="en-GB" baseline="0" dirty="0" smtClean="0"/>
              <a:t> </a:t>
            </a:r>
            <a:r>
              <a:rPr lang="en-GB" baseline="0" dirty="0" err="1" smtClean="0"/>
              <a:t>Sorø</a:t>
            </a:r>
            <a:r>
              <a:rPr lang="en-GB" baseline="0" dirty="0" smtClean="0"/>
              <a:t> </a:t>
            </a:r>
            <a:r>
              <a:rPr lang="en-GB" baseline="0" dirty="0" err="1" smtClean="0"/>
              <a:t>og</a:t>
            </a:r>
            <a:r>
              <a:rPr lang="en-GB" baseline="0" dirty="0" smtClean="0"/>
              <a:t> Odense – </a:t>
            </a:r>
            <a:r>
              <a:rPr lang="en-GB" baseline="0" dirty="0" err="1" smtClean="0"/>
              <a:t>og</a:t>
            </a:r>
            <a:r>
              <a:rPr lang="en-GB" baseline="0" dirty="0" smtClean="0"/>
              <a:t> med “</a:t>
            </a:r>
            <a:r>
              <a:rPr lang="en-GB" baseline="0" dirty="0" err="1" smtClean="0"/>
              <a:t>deleskriveborde</a:t>
            </a:r>
            <a:r>
              <a:rPr lang="en-GB" baseline="0" dirty="0" smtClean="0"/>
              <a:t>” </a:t>
            </a:r>
            <a:r>
              <a:rPr lang="en-GB" baseline="0" dirty="0" err="1" smtClean="0"/>
              <a:t>på</a:t>
            </a:r>
            <a:r>
              <a:rPr lang="en-GB" baseline="0" dirty="0" smtClean="0"/>
              <a:t> </a:t>
            </a:r>
            <a:r>
              <a:rPr lang="en-GB" baseline="0" dirty="0" err="1" smtClean="0"/>
              <a:t>e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rækk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uddannelsessted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og</a:t>
            </a:r>
            <a:r>
              <a:rPr lang="en-GB" baseline="0" dirty="0" smtClean="0"/>
              <a:t> </a:t>
            </a:r>
            <a:r>
              <a:rPr lang="en-GB" baseline="0" dirty="0" err="1" smtClean="0"/>
              <a:t>iværættermiljøer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7181735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/>
              <a:t>CHRISTIAN</a:t>
            </a:r>
            <a:endParaRPr lang="da-DK" b="1" dirty="0"/>
          </a:p>
          <a:p>
            <a:pPr lvl="0"/>
            <a:r>
              <a:rPr lang="da-DK" dirty="0"/>
              <a:t>- Initiativerne fra Vækstfonden og Innovationsfonden spiller sammen og giver en bred palet af finansieringsmuligheder</a:t>
            </a:r>
          </a:p>
          <a:p>
            <a:pPr lvl="0"/>
            <a:r>
              <a:rPr lang="da-DK" dirty="0"/>
              <a:t>- Der er god vekselvirkning, og midlerne kan kombineres på flere måder og flere forskellige rækkefølger</a:t>
            </a:r>
          </a:p>
          <a:p>
            <a:pPr lvl="0"/>
            <a:r>
              <a:rPr lang="da-DK" dirty="0"/>
              <a:t>- Vi er her for at </a:t>
            </a:r>
            <a:r>
              <a:rPr lang="da-DK" dirty="0" err="1"/>
              <a:t>facilitere</a:t>
            </a:r>
            <a:r>
              <a:rPr lang="da-DK" dirty="0"/>
              <a:t> et effektivt system</a:t>
            </a:r>
          </a:p>
          <a:p>
            <a:pPr lvl="0"/>
            <a:r>
              <a:rPr lang="da-DK" dirty="0"/>
              <a:t>- Tag fat i os – så finder vi den rette finansieringsløsning</a:t>
            </a:r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8636642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3815135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8B380C-8FBB-4185-BA97-97C149800FB2}" type="slidenum">
              <a:rPr lang="da-DK" smtClean="0"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670004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199457" y="1700808"/>
            <a:ext cx="7354887" cy="1649860"/>
          </a:xfrm>
        </p:spPr>
        <p:txBody>
          <a:bodyPr anchor="b"/>
          <a:lstStyle>
            <a:lvl1pPr algn="l">
              <a:defRPr sz="4800" baseline="0"/>
            </a:lvl1pPr>
          </a:lstStyle>
          <a:p>
            <a:r>
              <a:rPr lang="da-DK" dirty="0" smtClean="0"/>
              <a:t>Overskrift – gerne i to linjer</a:t>
            </a:r>
            <a:endParaRPr lang="da-DK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199696" y="3713005"/>
            <a:ext cx="7354887" cy="364067"/>
          </a:xfrm>
        </p:spPr>
        <p:txBody>
          <a:bodyPr/>
          <a:lstStyle>
            <a:lvl1pPr marL="0" indent="0" algn="l">
              <a:buNone/>
              <a:defRPr sz="1800" b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 smtClean="0"/>
              <a:t>Underoverskrift</a:t>
            </a:r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1199457" y="5319157"/>
            <a:ext cx="7354887" cy="216000"/>
          </a:xfrm>
        </p:spPr>
        <p:txBody>
          <a:bodyPr/>
          <a:lstStyle>
            <a:lvl1pPr>
              <a:defRPr sz="1800" b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1pPr>
          </a:lstStyle>
          <a:p>
            <a:pPr lvl="0"/>
            <a:r>
              <a:rPr lang="da-DK" dirty="0" smtClean="0"/>
              <a:t>Oplægsholder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1199457" y="5589264"/>
            <a:ext cx="7354887" cy="216000"/>
          </a:xfrm>
        </p:spPr>
        <p:txBody>
          <a:bodyPr/>
          <a:lstStyle>
            <a:lvl1pPr>
              <a:defRPr sz="1800" b="0">
                <a:solidFill>
                  <a:schemeClr val="tx1"/>
                </a:solidFill>
                <a:latin typeface="Museo Slab 500" panose="02000000000000000000" pitchFamily="50" charset="0"/>
              </a:defRPr>
            </a:lvl1pPr>
          </a:lstStyle>
          <a:p>
            <a:pPr lvl="0"/>
            <a:r>
              <a:rPr lang="da-DK" dirty="0" smtClean="0"/>
              <a:t>Sted og dato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9" name="Lige forbindelse 8"/>
          <p:cNvCxnSpPr/>
          <p:nvPr userDrawn="1"/>
        </p:nvCxnSpPr>
        <p:spPr>
          <a:xfrm>
            <a:off x="1199696" y="4437112"/>
            <a:ext cx="216000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Rektangel 15"/>
          <p:cNvSpPr/>
          <p:nvPr userDrawn="1"/>
        </p:nvSpPr>
        <p:spPr>
          <a:xfrm>
            <a:off x="335360" y="1457731"/>
            <a:ext cx="2664296" cy="21602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323849" y="1936750"/>
            <a:ext cx="11541125" cy="4600576"/>
          </a:xfrm>
        </p:spPr>
        <p:txBody>
          <a:bodyPr tIns="576000" anchor="ctr" anchorCtr="0"/>
          <a:lstStyle>
            <a:lvl1pPr algn="ctr">
              <a:defRPr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ImageShopper</a:t>
            </a:r>
            <a:endParaRPr lang="en-US" noProof="1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4"/>
          </p:nvPr>
        </p:nvSpPr>
        <p:spPr>
          <a:xfrm>
            <a:off x="9915525" y="6537326"/>
            <a:ext cx="1233952" cy="31205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88AE1AD-F6F0-41FB-B62E-CE8B722E00EC}" type="datetime2">
              <a:rPr lang="da-DK" smtClean="0"/>
              <a:pPr/>
              <a:t>5. december 2018</a:t>
            </a:fld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5"/>
          </p:nvPr>
        </p:nvSpPr>
        <p:spPr>
          <a:xfrm>
            <a:off x="4289425" y="6537326"/>
            <a:ext cx="5481637" cy="31205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6"/>
          </p:nvPr>
        </p:nvSpPr>
        <p:spPr>
          <a:xfrm>
            <a:off x="11185200" y="6537326"/>
            <a:ext cx="680772" cy="31205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9" name="Lige forbindelse 8"/>
          <p:cNvCxnSpPr/>
          <p:nvPr userDrawn="1"/>
        </p:nvCxnSpPr>
        <p:spPr>
          <a:xfrm>
            <a:off x="541338" y="1634067"/>
            <a:ext cx="216000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Pladsholder til slidenummer 4"/>
          <p:cNvSpPr txBox="1">
            <a:spLocks/>
          </p:cNvSpPr>
          <p:nvPr userDrawn="1"/>
        </p:nvSpPr>
        <p:spPr>
          <a:xfrm>
            <a:off x="11185200" y="6347803"/>
            <a:ext cx="643945" cy="18952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609021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2400" y="0"/>
            <a:ext cx="12189600" cy="6858000"/>
          </a:xfrm>
        </p:spPr>
        <p:txBody>
          <a:bodyPr tIns="576000" anchor="ctr" anchorCtr="0"/>
          <a:lstStyle>
            <a:lvl1pPr algn="ctr">
              <a:defRPr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ImageShopper</a:t>
            </a:r>
            <a:endParaRPr lang="en-US" noProof="1"/>
          </a:p>
        </p:txBody>
      </p:sp>
      <p:sp>
        <p:nvSpPr>
          <p:cNvPr id="2" name="Pladsholder til dato 1"/>
          <p:cNvSpPr>
            <a:spLocks noGrp="1"/>
          </p:cNvSpPr>
          <p:nvPr>
            <p:ph type="dt" sz="half" idx="14"/>
          </p:nvPr>
        </p:nvSpPr>
        <p:spPr>
          <a:xfrm>
            <a:off x="9915525" y="6535737"/>
            <a:ext cx="1233952" cy="32226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88AE1AD-F6F0-41FB-B62E-CE8B722E00EC}" type="datetime2">
              <a:rPr lang="da-DK" smtClean="0"/>
              <a:pPr/>
              <a:t>5. december 2018</a:t>
            </a:fld>
            <a:endParaRPr lang="da-DK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5"/>
          </p:nvPr>
        </p:nvSpPr>
        <p:spPr>
          <a:xfrm>
            <a:off x="4289425" y="6535738"/>
            <a:ext cx="5481637" cy="32226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6"/>
          </p:nvPr>
        </p:nvSpPr>
        <p:spPr>
          <a:xfrm>
            <a:off x="11185200" y="6535737"/>
            <a:ext cx="679775" cy="32226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Pladsholder til slidenummer 4"/>
          <p:cNvSpPr txBox="1">
            <a:spLocks/>
          </p:cNvSpPr>
          <p:nvPr userDrawn="1"/>
        </p:nvSpPr>
        <p:spPr>
          <a:xfrm>
            <a:off x="11185200" y="6347803"/>
            <a:ext cx="643945" cy="18952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129977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poin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541338" y="2008188"/>
            <a:ext cx="1731962" cy="1441449"/>
          </a:xfrm>
        </p:spPr>
        <p:txBody>
          <a:bodyPr/>
          <a:lstStyle>
            <a:lvl1pPr>
              <a:lnSpc>
                <a:spcPct val="89000"/>
              </a:lnSpc>
              <a:defRPr sz="105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 dirty="0" smtClean="0"/>
              <a:t>#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541338" y="3594100"/>
            <a:ext cx="3605212" cy="1203052"/>
          </a:xfrm>
        </p:spPr>
        <p:txBody>
          <a:bodyPr/>
          <a:lstStyle>
            <a:lvl1pPr>
              <a:lnSpc>
                <a:spcPct val="83000"/>
              </a:lnSpc>
              <a:defRPr sz="3100" b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 smtClean="0"/>
              <a:t>Rediger typografien i masterens</a:t>
            </a:r>
          </a:p>
        </p:txBody>
      </p:sp>
      <p:sp>
        <p:nvSpPr>
          <p:cNvPr id="13" name="Text Placeholder 6"/>
          <p:cNvSpPr>
            <a:spLocks noGrp="1"/>
          </p:cNvSpPr>
          <p:nvPr>
            <p:ph type="body" sz="quarter" idx="15" hasCustomPrompt="1"/>
          </p:nvPr>
        </p:nvSpPr>
        <p:spPr>
          <a:xfrm>
            <a:off x="4287838" y="2008189"/>
            <a:ext cx="1731962" cy="1441449"/>
          </a:xfrm>
        </p:spPr>
        <p:txBody>
          <a:bodyPr/>
          <a:lstStyle>
            <a:lvl1pPr>
              <a:lnSpc>
                <a:spcPct val="89000"/>
              </a:lnSpc>
              <a:defRPr sz="105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 dirty="0" smtClean="0"/>
              <a:t>#</a:t>
            </a:r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16"/>
          </p:nvPr>
        </p:nvSpPr>
        <p:spPr>
          <a:xfrm>
            <a:off x="4287838" y="3594101"/>
            <a:ext cx="3605212" cy="1203051"/>
          </a:xfrm>
        </p:spPr>
        <p:txBody>
          <a:bodyPr/>
          <a:lstStyle>
            <a:lvl1pPr>
              <a:lnSpc>
                <a:spcPct val="83000"/>
              </a:lnSpc>
              <a:defRPr sz="3100" b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 smtClean="0"/>
              <a:t>Rediger typografien i masterens</a:t>
            </a:r>
          </a:p>
        </p:txBody>
      </p:sp>
      <p:sp>
        <p:nvSpPr>
          <p:cNvPr id="15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045450" y="2008189"/>
            <a:ext cx="1731962" cy="1441449"/>
          </a:xfrm>
        </p:spPr>
        <p:txBody>
          <a:bodyPr/>
          <a:lstStyle>
            <a:lvl1pPr>
              <a:lnSpc>
                <a:spcPct val="89000"/>
              </a:lnSpc>
              <a:defRPr sz="105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 dirty="0" smtClean="0"/>
              <a:t>#</a:t>
            </a:r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8045450" y="3594101"/>
            <a:ext cx="3605212" cy="1203051"/>
          </a:xfrm>
        </p:spPr>
        <p:txBody>
          <a:bodyPr/>
          <a:lstStyle>
            <a:lvl1pPr>
              <a:lnSpc>
                <a:spcPct val="83000"/>
              </a:lnSpc>
              <a:defRPr sz="3100" b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 smtClean="0"/>
              <a:t>Rediger typografien i masterens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-2762370" y="1"/>
            <a:ext cx="2646254" cy="1488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Date Placeholder 5"/>
          <p:cNvSpPr>
            <a:spLocks noGrp="1"/>
          </p:cNvSpPr>
          <p:nvPr>
            <p:ph type="dt" sz="half" idx="19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3DBBCB70-A1C6-4A06-AFC9-AD51E3F7EC20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22"/>
          </p:nvPr>
        </p:nvSpPr>
        <p:spPr>
          <a:xfrm>
            <a:off x="541338" y="4797425"/>
            <a:ext cx="3605212" cy="1152525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23"/>
          </p:nvPr>
        </p:nvSpPr>
        <p:spPr>
          <a:xfrm>
            <a:off x="4287838" y="4793952"/>
            <a:ext cx="3605212" cy="1152525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</p:txBody>
      </p:sp>
      <p:sp>
        <p:nvSpPr>
          <p:cNvPr id="18" name="Pladsholder til tekst 3"/>
          <p:cNvSpPr>
            <a:spLocks noGrp="1"/>
          </p:cNvSpPr>
          <p:nvPr>
            <p:ph type="body" sz="quarter" idx="24"/>
          </p:nvPr>
        </p:nvSpPr>
        <p:spPr>
          <a:xfrm>
            <a:off x="8045450" y="4793951"/>
            <a:ext cx="3605212" cy="1152525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196669558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 og speciel punktopsti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541337" y="2038332"/>
            <a:ext cx="7354887" cy="4311650"/>
          </a:xfrm>
        </p:spPr>
        <p:txBody>
          <a:bodyPr/>
          <a:lstStyle>
            <a:lvl1pPr>
              <a:lnSpc>
                <a:spcPct val="94000"/>
              </a:lnSpc>
              <a:defRPr sz="4800" b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da-DK" smtClean="0"/>
              <a:t>Rediger typografien i masterens</a:t>
            </a:r>
          </a:p>
        </p:txBody>
      </p:sp>
      <p:pic>
        <p:nvPicPr>
          <p:cNvPr id="6146" name="Picture 2" descr="U:\Vaekstfonden\Jobs\4217_Opgradering af PresentationEngine til version 3_0\Received\LO\POWERPOINT_16-9_KOMPLET_NEW_Page_09.jpg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762377" y="1"/>
            <a:ext cx="2646268" cy="1488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8040688" y="2157412"/>
            <a:ext cx="3606799" cy="4162425"/>
          </a:xfrm>
        </p:spPr>
        <p:txBody>
          <a:bodyPr/>
          <a:lstStyle>
            <a:lvl2pPr marL="216000" indent="-216000">
              <a:buFont typeface="Verdana" pitchFamily="34" charset="0"/>
              <a:buChar char="…"/>
              <a:defRPr/>
            </a:lvl2pPr>
            <a:lvl3pPr marL="216000" indent="-216000">
              <a:buFont typeface="Verdana" pitchFamily="34" charset="0"/>
              <a:buChar char="…"/>
              <a:defRPr/>
            </a:lvl3pPr>
            <a:lvl4pPr marL="216000" indent="-216000">
              <a:buFont typeface="Verdana" pitchFamily="34" charset="0"/>
              <a:buChar char="…"/>
              <a:defRPr/>
            </a:lvl4pPr>
            <a:lvl5pPr marL="216000" indent="-216000">
              <a:buFont typeface="Verdana" pitchFamily="34" charset="0"/>
              <a:buChar char="…"/>
              <a:defRPr/>
            </a:lvl5pPr>
          </a:lstStyle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5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4F84932E-2382-438F-929B-A4841C4E3911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kstboks 11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 smtClean="0"/>
              <a:t>Ønsker du </a:t>
            </a:r>
            <a:r>
              <a:rPr lang="da-DK" sz="1000" b="1" dirty="0" smtClean="0">
                <a:solidFill>
                  <a:schemeClr val="tx1"/>
                </a:solidFill>
              </a:rPr>
              <a:t>Overskrift-stil</a:t>
            </a:r>
            <a:r>
              <a:rPr lang="da-DK" sz="1000" dirty="0" smtClean="0"/>
              <a:t> vælg </a:t>
            </a:r>
            <a:r>
              <a:rPr lang="da-DK" sz="1000" b="1" dirty="0" smtClean="0"/>
              <a:t>Fed skrift </a:t>
            </a:r>
            <a:r>
              <a:rPr lang="da-DK" sz="1000" dirty="0" smtClean="0"/>
              <a:t>og grøn skriftfarve</a:t>
            </a:r>
            <a:endParaRPr lang="da-DK" sz="1000" dirty="0"/>
          </a:p>
        </p:txBody>
      </p:sp>
    </p:spTree>
    <p:extLst>
      <p:ext uri="{BB962C8B-B14F-4D97-AF65-F5344CB8AC3E}">
        <p14:creationId xmlns:p14="http://schemas.microsoft.com/office/powerpoint/2010/main" val="208246403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199457" y="1700808"/>
            <a:ext cx="7354887" cy="1649860"/>
          </a:xfrm>
        </p:spPr>
        <p:txBody>
          <a:bodyPr anchor="b"/>
          <a:lstStyle>
            <a:lvl1pPr algn="l">
              <a:defRPr sz="4800" baseline="0">
                <a:solidFill>
                  <a:schemeClr val="bg1"/>
                </a:solidFill>
              </a:defRPr>
            </a:lvl1pPr>
          </a:lstStyle>
          <a:p>
            <a:r>
              <a:rPr lang="da-DK" dirty="0" smtClean="0"/>
              <a:t>Titel på emne – gerne </a:t>
            </a:r>
            <a:br>
              <a:rPr lang="da-DK" dirty="0" smtClean="0"/>
            </a:br>
            <a:r>
              <a:rPr lang="da-DK" dirty="0" smtClean="0"/>
              <a:t>i to lag</a:t>
            </a:r>
            <a:endParaRPr lang="da-DK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199696" y="4145053"/>
            <a:ext cx="7354887" cy="364067"/>
          </a:xfrm>
        </p:spPr>
        <p:txBody>
          <a:bodyPr/>
          <a:lstStyle>
            <a:lvl1pPr marL="0" indent="0" algn="l">
              <a:buNone/>
              <a:defRPr sz="18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 smtClean="0"/>
              <a:t>Underoverskrift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6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720D7DBD-8B8E-4B4F-8428-F4782B6AB807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9" name="Lige forbindelse 8"/>
          <p:cNvCxnSpPr/>
          <p:nvPr userDrawn="1"/>
        </p:nvCxnSpPr>
        <p:spPr>
          <a:xfrm>
            <a:off x="1199696" y="4437112"/>
            <a:ext cx="216000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Lige forbindelse 7"/>
          <p:cNvCxnSpPr/>
          <p:nvPr userDrawn="1"/>
        </p:nvCxnSpPr>
        <p:spPr>
          <a:xfrm>
            <a:off x="1199696" y="3645024"/>
            <a:ext cx="2160000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2905866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grøn skrif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541337" y="693738"/>
            <a:ext cx="7354887" cy="5656244"/>
          </a:xfrm>
        </p:spPr>
        <p:txBody>
          <a:bodyPr/>
          <a:lstStyle>
            <a:lvl1pPr>
              <a:lnSpc>
                <a:spcPct val="94000"/>
              </a:lnSpc>
              <a:defRPr sz="4800" b="0" i="1" baseline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 dirty="0" smtClean="0"/>
              <a:t>”Indsæt tekst her Indsæt tekst her Indsæt tekst her Indsæt tekst her Indsæt tekst her Indsæt tekst her Indsæt tekst her”</a:t>
            </a:r>
          </a:p>
        </p:txBody>
      </p:sp>
      <p:pic>
        <p:nvPicPr>
          <p:cNvPr id="10" name="Picture 2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-2762370" y="1"/>
            <a:ext cx="2646254" cy="1488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7" name="AutoShape 4"/>
          <p:cNvSpPr>
            <a:spLocks/>
          </p:cNvSpPr>
          <p:nvPr userDrawn="1"/>
        </p:nvSpPr>
        <p:spPr bwMode="gray">
          <a:xfrm>
            <a:off x="-2022475" y="2134942"/>
            <a:ext cx="1871663" cy="16927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457200">
              <a:tabLst>
                <a:tab pos="177800" algn="l"/>
              </a:tabLst>
            </a:pPr>
            <a:r>
              <a:rPr lang="da-DK" sz="1000" b="1" dirty="0" smtClean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Tekst starter uden punktopstilling</a:t>
            </a:r>
          </a:p>
          <a:p>
            <a:pPr algn="r" defTabSz="457200">
              <a:tabLst>
                <a:tab pos="177800" algn="l"/>
              </a:tabLst>
            </a:pPr>
            <a:r>
              <a:rPr lang="da-DK" sz="1000" dirty="0" smtClean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For at få punktopstilling </a:t>
            </a:r>
            <a:br>
              <a:rPr lang="da-DK" sz="1000" dirty="0" smtClean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</a:br>
            <a:r>
              <a:rPr lang="da-DK" sz="1000" dirty="0" smtClean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på teksten (flere niveauer findes) klik på ‘Forøg listeniveau’ 2 gange</a:t>
            </a:r>
          </a:p>
          <a:p>
            <a:pPr algn="r" defTabSz="457200">
              <a:tabLst>
                <a:tab pos="177800" algn="l"/>
              </a:tabLst>
            </a:pPr>
            <a:r>
              <a:rPr lang="da-DK" sz="1000" dirty="0" smtClean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/>
            </a:r>
            <a:br>
              <a:rPr lang="da-DK" sz="1000" dirty="0" smtClean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</a:br>
            <a:r>
              <a:rPr lang="da-DK" sz="1000" dirty="0" smtClean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For at få venstrestillet tekst </a:t>
            </a:r>
            <a:br>
              <a:rPr lang="da-DK" sz="1000" dirty="0" smtClean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</a:br>
            <a:r>
              <a:rPr lang="da-DK" sz="1000" dirty="0" smtClean="0">
                <a:solidFill>
                  <a:schemeClr val="tx1">
                    <a:lumMod val="75000"/>
                    <a:lumOff val="25000"/>
                  </a:schemeClr>
                </a:solidFill>
                <a:cs typeface="Arial" charset="0"/>
              </a:rPr>
              <a:t>uden punktopstilling, brug ‘Formindsk listeniveau’</a:t>
            </a:r>
          </a:p>
          <a:p>
            <a:pPr algn="r" defTabSz="457200">
              <a:tabLst>
                <a:tab pos="177800" algn="l"/>
              </a:tabLst>
            </a:pPr>
            <a:endParaRPr lang="da-DK" sz="1000" dirty="0">
              <a:solidFill>
                <a:schemeClr val="tx1">
                  <a:lumMod val="75000"/>
                  <a:lumOff val="25000"/>
                </a:schemeClr>
              </a:solidFill>
              <a:cs typeface="Arial" charset="0"/>
            </a:endParaRPr>
          </a:p>
        </p:txBody>
      </p:sp>
      <p:pic>
        <p:nvPicPr>
          <p:cNvPr id="14" name="Picture 2"/>
          <p:cNvPicPr>
            <a:picLocks noChangeAspect="1" noChangeArrowheads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4375820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5" name="Tekstboks 14"/>
          <p:cNvSpPr txBox="1"/>
          <p:nvPr userDrawn="1"/>
        </p:nvSpPr>
        <p:spPr>
          <a:xfrm>
            <a:off x="-1543050" y="3882862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 smtClean="0"/>
              <a:t>Ønsker du </a:t>
            </a:r>
            <a:r>
              <a:rPr lang="da-DK" sz="1000" b="1" dirty="0" smtClean="0">
                <a:solidFill>
                  <a:schemeClr val="tx1"/>
                </a:solidFill>
              </a:rPr>
              <a:t>Overskrift-stil</a:t>
            </a:r>
            <a:r>
              <a:rPr lang="da-DK" sz="1000" dirty="0" smtClean="0"/>
              <a:t> vælg </a:t>
            </a:r>
            <a:r>
              <a:rPr lang="da-DK" sz="1000" b="1" dirty="0" smtClean="0"/>
              <a:t>Fed skrift </a:t>
            </a:r>
            <a:r>
              <a:rPr lang="da-DK" sz="1000" dirty="0" smtClean="0"/>
              <a:t>og grøn skriftfarve</a:t>
            </a:r>
            <a:endParaRPr lang="da-DK" sz="1000" dirty="0"/>
          </a:p>
        </p:txBody>
      </p:sp>
      <p:sp>
        <p:nvSpPr>
          <p:cNvPr id="8" name="Pladsholder til slidenummer 4"/>
          <p:cNvSpPr>
            <a:spLocks noGrp="1"/>
          </p:cNvSpPr>
          <p:nvPr>
            <p:ph type="sldNum" sz="quarter" idx="20"/>
          </p:nvPr>
        </p:nvSpPr>
        <p:spPr>
          <a:xfrm>
            <a:off x="11185200" y="6347803"/>
            <a:ext cx="643945" cy="189522"/>
          </a:xfrm>
        </p:spPr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0637428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/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9E8C57E9-AB1A-4B22-A2A6-8219F5B282D0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om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61EB1A61-6241-473F-A27B-C9EAA8A1C5B5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sitko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smtClean="0"/>
              <a:t>Klik for at redigere i master</a:t>
            </a:r>
            <a:endParaRPr lang="da-DK" noProof="0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541338" y="2147888"/>
            <a:ext cx="3605212" cy="2736850"/>
          </a:xfrm>
        </p:spPr>
        <p:txBody>
          <a:bodyPr tIns="864000" anchor="ctr" anchorCtr="0"/>
          <a:lstStyle>
            <a:lvl1pPr algn="ctr">
              <a:defRPr sz="1600" b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sort/hvid foto fra ImageShopper</a:t>
            </a:r>
            <a:endParaRPr lang="en-US" noProof="1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4289424" y="2157412"/>
            <a:ext cx="7358063" cy="4162426"/>
          </a:xfrm>
        </p:spPr>
        <p:txBody>
          <a:bodyPr/>
          <a:lstStyle>
            <a:lvl1pPr>
              <a:defRPr sz="24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 smtClean="0"/>
              <a:t>Navn Navnesen</a:t>
            </a:r>
          </a:p>
          <a:p>
            <a:pPr lvl="0"/>
            <a:r>
              <a:rPr lang="da-DK" dirty="0" smtClean="0"/>
              <a:t>Titel</a:t>
            </a:r>
          </a:p>
          <a:p>
            <a:pPr lvl="0"/>
            <a:r>
              <a:rPr lang="da-DK" dirty="0" smtClean="0"/>
              <a:t>+45 12 34 56 78</a:t>
            </a:r>
          </a:p>
          <a:p>
            <a:pPr lvl="0"/>
            <a:r>
              <a:rPr lang="da-DK" dirty="0" smtClean="0"/>
              <a:t>Navn@vf.dk</a:t>
            </a:r>
          </a:p>
          <a:p>
            <a:pPr lvl="0"/>
            <a:endParaRPr lang="da-DK" dirty="0" smtClean="0"/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5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86F0A254-735F-4B35-8A6A-9504ABDB0C56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kstboks 11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 smtClean="0"/>
              <a:t>Ønsker du </a:t>
            </a:r>
            <a:r>
              <a:rPr lang="da-DK" sz="1000" b="1" dirty="0" smtClean="0">
                <a:solidFill>
                  <a:schemeClr val="tx1"/>
                </a:solidFill>
              </a:rPr>
              <a:t>Overskrift-stil</a:t>
            </a:r>
            <a:r>
              <a:rPr lang="da-DK" sz="1000" dirty="0" smtClean="0"/>
              <a:t> vælg </a:t>
            </a:r>
            <a:r>
              <a:rPr lang="da-DK" sz="1000" b="1" dirty="0" smtClean="0"/>
              <a:t>Fed skrift </a:t>
            </a:r>
            <a:r>
              <a:rPr lang="da-DK" sz="1000" dirty="0" smtClean="0"/>
              <a:t>og grøn skriftfarve</a:t>
            </a:r>
            <a:endParaRPr lang="da-DK" sz="1000" dirty="0"/>
          </a:p>
        </p:txBody>
      </p:sp>
    </p:spTree>
    <p:extLst>
      <p:ext uri="{BB962C8B-B14F-4D97-AF65-F5344CB8AC3E}">
        <p14:creationId xmlns:p14="http://schemas.microsoft.com/office/powerpoint/2010/main" val="2278970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9" name="Undertitel 2"/>
          <p:cNvSpPr>
            <a:spLocks noGrp="1"/>
          </p:cNvSpPr>
          <p:nvPr>
            <p:ph type="subTitle" idx="13"/>
          </p:nvPr>
        </p:nvSpPr>
        <p:spPr>
          <a:xfrm>
            <a:off x="792103" y="804973"/>
            <a:ext cx="10613820" cy="409816"/>
          </a:xfrm>
        </p:spPr>
        <p:txBody>
          <a:bodyPr/>
          <a:lstStyle>
            <a:lvl1pPr marL="0" indent="0" algn="l">
              <a:buNone/>
              <a:defRPr sz="2200" b="1">
                <a:solidFill>
                  <a:schemeClr val="tx2"/>
                </a:solidFill>
              </a:defRPr>
            </a:lvl1pPr>
            <a:lvl2pPr marL="5429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85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288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7178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7147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5767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80062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34356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da-DK" dirty="0"/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5BAE9434-358E-46CC-9493-DAF510EB5451}" type="datetime1">
              <a:rPr lang="da-DK" smtClean="0"/>
              <a:t>05-12-2018</a:t>
            </a:fld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05452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9"/>
          <p:cNvSpPr>
            <a:spLocks noGrp="1"/>
          </p:cNvSpPr>
          <p:nvPr userDrawn="1">
            <p:ph type="dt" sz="half" idx="10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16F7810A-CB3A-4DC3-97E1-C5F2450471E0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11" name="Footer Placeholder 10"/>
          <p:cNvSpPr>
            <a:spLocks noGrp="1"/>
          </p:cNvSpPr>
          <p:nvPr userDrawn="1"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Slide Number Placeholder 11"/>
          <p:cNvSpPr>
            <a:spLocks noGrp="1"/>
          </p:cNvSpPr>
          <p:nvPr userDrawn="1">
            <p:ph type="sldNum" sz="quarter" idx="12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smtClean="0"/>
              <a:t>Klik for at redigere i master</a:t>
            </a:r>
            <a:endParaRPr lang="da-DK" noProof="0" dirty="0"/>
          </a:p>
        </p:txBody>
      </p:sp>
      <p:sp>
        <p:nvSpPr>
          <p:cNvPr id="9" name="TextBox 17"/>
          <p:cNvSpPr txBox="1">
            <a:spLocks noChangeArrowheads="1"/>
          </p:cNvSpPr>
          <p:nvPr userDrawn="1"/>
        </p:nvSpPr>
        <p:spPr bwMode="auto">
          <a:xfrm>
            <a:off x="-2521804" y="1640417"/>
            <a:ext cx="2370992" cy="39241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spcBef>
                <a:spcPct val="50000"/>
              </a:spcBef>
            </a:pPr>
            <a:r>
              <a:rPr lang="da-DK" sz="1000" b="1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Tekst starter uden </a:t>
            </a:r>
            <a:br>
              <a:rPr lang="da-DK" sz="1000" b="1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1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punktopstilling</a:t>
            </a:r>
            <a:br>
              <a:rPr lang="da-DK" sz="1000" b="1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0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For at få punktopstilling </a:t>
            </a:r>
            <a:br>
              <a:rPr lang="da-DK" sz="1000" b="0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0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på teksten </a:t>
            </a:r>
            <a:br>
              <a:rPr lang="da-DK" sz="1000" b="0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0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(flere niveauer findes) klik på</a:t>
            </a:r>
            <a:br>
              <a:rPr lang="da-DK" sz="1000" b="0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</a:br>
            <a:r>
              <a:rPr lang="da-DK" sz="1000" b="1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 ‘Forøg listeniveau’ 1</a:t>
            </a:r>
            <a:r>
              <a:rPr lang="da-DK" sz="1000" b="1" kern="12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 </a:t>
            </a:r>
            <a:r>
              <a:rPr lang="da-DK" sz="1000" b="1" kern="12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gang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1000" b="1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1. Niveau</a:t>
            </a:r>
            <a:r>
              <a:rPr lang="da-DK" sz="1000" b="1" noProof="1" smtClean="0">
                <a:solidFill>
                  <a:schemeClr val="tx1"/>
                </a:solidFill>
                <a:latin typeface="+mn-lt"/>
              </a:rPr>
              <a:t/>
            </a:r>
            <a:br>
              <a:rPr lang="da-DK" sz="1000" b="1" noProof="1" smtClean="0">
                <a:solidFill>
                  <a:schemeClr val="tx1"/>
                </a:solidFill>
                <a:latin typeface="+mn-lt"/>
              </a:rPr>
            </a:br>
            <a:r>
              <a:rPr lang="da-DK" sz="1000" b="1" noProof="1" smtClean="0">
                <a:solidFill>
                  <a:schemeClr val="tx1"/>
                </a:solidFill>
                <a:latin typeface="+mn-lt"/>
              </a:rPr>
              <a:t> </a:t>
            </a:r>
            <a:r>
              <a:rPr lang="da-DK" sz="1800" b="0" noProof="1" smtClean="0">
                <a:solidFill>
                  <a:schemeClr val="tx1"/>
                </a:solidFill>
                <a:latin typeface="+mn-lt"/>
              </a:rPr>
              <a:t>Underoverskift</a:t>
            </a:r>
            <a:endParaRPr lang="da-DK" sz="2500" b="0" noProof="1" smtClean="0">
              <a:solidFill>
                <a:schemeClr val="tx1"/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1000" b="1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2. Niveau</a:t>
            </a:r>
          </a:p>
          <a:p>
            <a:pPr marL="216000" indent="-216000" algn="r" eaLnBrk="1" hangingPunct="1">
              <a:spcBef>
                <a:spcPts val="0"/>
              </a:spcBef>
              <a:buFont typeface="Arial" pitchFamily="34" charset="0"/>
              <a:buChar char="•"/>
            </a:pPr>
            <a:r>
              <a:rPr lang="da-DK" sz="1800" b="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1000" b="1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3. Niveau </a:t>
            </a:r>
          </a:p>
          <a:p>
            <a:pPr marL="144000" indent="-144000" algn="r" eaLnBrk="1" hangingPunct="1">
              <a:spcBef>
                <a:spcPts val="0"/>
              </a:spcBef>
              <a:buFont typeface="Verdana" pitchFamily="34" charset="0"/>
              <a:buChar char="·"/>
            </a:pPr>
            <a:r>
              <a:rPr lang="da-DK" sz="18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marL="0" indent="0" algn="r" eaLnBrk="1" hangingPunct="1">
              <a:spcBef>
                <a:spcPts val="600"/>
              </a:spcBef>
              <a:buFontTx/>
              <a:buNone/>
            </a:pPr>
            <a:r>
              <a:rPr lang="da-DK" sz="1000" b="1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4.Niveau</a:t>
            </a:r>
          </a:p>
          <a:p>
            <a:pPr marL="144000" indent="-144000" algn="r" eaLnBrk="1" hangingPunct="1">
              <a:spcBef>
                <a:spcPts val="0"/>
              </a:spcBef>
              <a:buFont typeface="Verdana" pitchFamily="34" charset="0"/>
              <a:buChar char="·"/>
            </a:pPr>
            <a:r>
              <a:rPr lang="da-DK" sz="18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marL="0" indent="0" algn="r" eaLnBrk="1" hangingPunct="1">
              <a:spcBef>
                <a:spcPts val="0"/>
              </a:spcBef>
              <a:buFont typeface="Verdana" pitchFamily="34" charset="0"/>
              <a:buNone/>
            </a:pPr>
            <a:r>
              <a:rPr lang="da-DK" sz="1000" b="1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5.Niveau</a:t>
            </a:r>
          </a:p>
          <a:p>
            <a:pPr marL="144000" indent="-144000" algn="r" eaLnBrk="1" hangingPunct="1">
              <a:spcBef>
                <a:spcPts val="0"/>
              </a:spcBef>
              <a:buFont typeface="Verdana" pitchFamily="34" charset="0"/>
              <a:buChar char="·"/>
            </a:pPr>
            <a:r>
              <a:rPr lang="da-DK" sz="18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unktliste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For at få venstrestillet tekst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uden punktopstilling,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 brug </a:t>
            </a:r>
            <a:r>
              <a:rPr lang="da-DK" sz="1000" b="1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‘Formindsk listeniveau’</a:t>
            </a:r>
          </a:p>
        </p:txBody>
      </p:sp>
      <p:sp>
        <p:nvSpPr>
          <p:cNvPr id="5" name="Pladsholder til indhold 4"/>
          <p:cNvSpPr>
            <a:spLocks noGrp="1"/>
          </p:cNvSpPr>
          <p:nvPr>
            <p:ph sz="quarter" idx="13"/>
          </p:nvPr>
        </p:nvSpPr>
        <p:spPr>
          <a:xfrm>
            <a:off x="541338" y="2157412"/>
            <a:ext cx="11106150" cy="4162426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en-US" dirty="0"/>
          </a:p>
        </p:txBody>
      </p:sp>
      <p:pic>
        <p:nvPicPr>
          <p:cNvPr id="13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6215199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Tekstboks 13"/>
          <p:cNvSpPr txBox="1"/>
          <p:nvPr userDrawn="1"/>
        </p:nvSpPr>
        <p:spPr>
          <a:xfrm>
            <a:off x="-1543050" y="5722241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 smtClean="0"/>
              <a:t>Ønsker du </a:t>
            </a:r>
            <a:r>
              <a:rPr lang="da-DK" sz="1000" b="1" dirty="0" smtClean="0">
                <a:solidFill>
                  <a:schemeClr val="tx1"/>
                </a:solidFill>
              </a:rPr>
              <a:t>Overskrift-stil</a:t>
            </a:r>
            <a:r>
              <a:rPr lang="da-DK" sz="1000" dirty="0" smtClean="0"/>
              <a:t> vælg </a:t>
            </a:r>
            <a:r>
              <a:rPr lang="da-DK" sz="1000" b="1" dirty="0" smtClean="0"/>
              <a:t>Fed skrift </a:t>
            </a:r>
            <a:r>
              <a:rPr lang="da-DK" sz="1000" dirty="0" smtClean="0"/>
              <a:t>og grøn skriftfarve</a:t>
            </a:r>
            <a:endParaRPr lang="da-DK" sz="1000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41338" y="715963"/>
            <a:ext cx="7354887" cy="748770"/>
          </a:xfrm>
        </p:spPr>
        <p:txBody>
          <a:bodyPr anchor="b"/>
          <a:lstStyle>
            <a:lvl1pPr algn="l">
              <a:defRPr sz="3000"/>
            </a:lvl1pPr>
          </a:lstStyle>
          <a:p>
            <a:r>
              <a:rPr lang="da-DK" dirty="0" smtClean="0"/>
              <a:t>Overskrift</a:t>
            </a:r>
            <a:endParaRPr lang="da-DK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41338" y="1498600"/>
            <a:ext cx="7354887" cy="364067"/>
          </a:xfrm>
        </p:spPr>
        <p:txBody>
          <a:bodyPr/>
          <a:lstStyle>
            <a:lvl1pPr marL="0" indent="0" algn="l">
              <a:buNone/>
              <a:defRPr sz="1800" b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 smtClean="0"/>
              <a:t>Underoverskrift</a:t>
            </a:r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541337" y="1875895"/>
            <a:ext cx="7354887" cy="216000"/>
          </a:xfrm>
        </p:spPr>
        <p:txBody>
          <a:bodyPr/>
          <a:lstStyle>
            <a:lvl1pPr>
              <a:defRPr sz="1400" b="0">
                <a:solidFill>
                  <a:schemeClr val="accent5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dirty="0" smtClean="0"/>
              <a:t>Oplægsholder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541338" y="2081046"/>
            <a:ext cx="7354887" cy="216000"/>
          </a:xfrm>
        </p:spPr>
        <p:txBody>
          <a:bodyPr/>
          <a:lstStyle>
            <a:lvl1pPr>
              <a:defRPr sz="1400" b="0">
                <a:solidFill>
                  <a:schemeClr val="accent5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dirty="0" smtClean="0"/>
              <a:t>Sted og dato</a:t>
            </a:r>
          </a:p>
        </p:txBody>
      </p:sp>
      <p:sp>
        <p:nvSpPr>
          <p:cNvPr id="9" name="Picture Placeholder 8"/>
          <p:cNvSpPr>
            <a:spLocks noGrp="1"/>
          </p:cNvSpPr>
          <p:nvPr>
            <p:ph type="pic" sz="quarter" idx="16" hasCustomPrompt="1"/>
          </p:nvPr>
        </p:nvSpPr>
        <p:spPr>
          <a:xfrm>
            <a:off x="323848" y="2636243"/>
            <a:ext cx="1800000" cy="1800000"/>
          </a:xfrm>
        </p:spPr>
        <p:txBody>
          <a:bodyPr tIns="828000" anchor="ctr" anchorCtr="0"/>
          <a:lstStyle>
            <a:lvl1pPr algn="ctr">
              <a:defRPr sz="1200" b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Templafy - Images</a:t>
            </a:r>
            <a:endParaRPr lang="en-US" noProof="1"/>
          </a:p>
        </p:txBody>
      </p:sp>
      <p:sp>
        <p:nvSpPr>
          <p:cNvPr id="15" name="Picture Placeholder 8"/>
          <p:cNvSpPr>
            <a:spLocks noGrp="1"/>
          </p:cNvSpPr>
          <p:nvPr>
            <p:ph type="pic" sz="quarter" idx="17" hasCustomPrompt="1"/>
          </p:nvPr>
        </p:nvSpPr>
        <p:spPr>
          <a:xfrm>
            <a:off x="2273299" y="2636243"/>
            <a:ext cx="1800225" cy="1671945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Templafy - Images</a:t>
            </a:r>
            <a:endParaRPr lang="en-US" noProof="1"/>
          </a:p>
        </p:txBody>
      </p:sp>
      <p:sp>
        <p:nvSpPr>
          <p:cNvPr id="17" name="Picture Placeholder 8"/>
          <p:cNvSpPr>
            <a:spLocks noGrp="1"/>
          </p:cNvSpPr>
          <p:nvPr>
            <p:ph type="pic" sz="quarter" idx="18" hasCustomPrompt="1"/>
          </p:nvPr>
        </p:nvSpPr>
        <p:spPr>
          <a:xfrm>
            <a:off x="4219800" y="2636243"/>
            <a:ext cx="1800000" cy="2064910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Templafy - Images</a:t>
            </a:r>
            <a:endParaRPr lang="en-US" noProof="1"/>
          </a:p>
        </p:txBody>
      </p:sp>
      <p:sp>
        <p:nvSpPr>
          <p:cNvPr id="18" name="Picture Placeholder 8"/>
          <p:cNvSpPr>
            <a:spLocks noGrp="1"/>
          </p:cNvSpPr>
          <p:nvPr>
            <p:ph type="pic" sz="quarter" idx="19" hasCustomPrompt="1"/>
          </p:nvPr>
        </p:nvSpPr>
        <p:spPr>
          <a:xfrm>
            <a:off x="8114400" y="2636242"/>
            <a:ext cx="1800000" cy="1874285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Templafy - Images</a:t>
            </a:r>
            <a:endParaRPr lang="en-US" noProof="1"/>
          </a:p>
        </p:txBody>
      </p:sp>
      <p:sp>
        <p:nvSpPr>
          <p:cNvPr id="19" name="Picture Placeholder 8"/>
          <p:cNvSpPr>
            <a:spLocks noGrp="1"/>
          </p:cNvSpPr>
          <p:nvPr>
            <p:ph type="pic" sz="quarter" idx="20" hasCustomPrompt="1"/>
          </p:nvPr>
        </p:nvSpPr>
        <p:spPr>
          <a:xfrm>
            <a:off x="10064975" y="2636243"/>
            <a:ext cx="1800000" cy="1751340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Templafy - Images</a:t>
            </a:r>
            <a:endParaRPr lang="en-US" noProof="1"/>
          </a:p>
        </p:txBody>
      </p:sp>
      <p:sp>
        <p:nvSpPr>
          <p:cNvPr id="20" name="Picture Placeholder 8"/>
          <p:cNvSpPr>
            <a:spLocks noGrp="1"/>
          </p:cNvSpPr>
          <p:nvPr>
            <p:ph type="pic" sz="quarter" idx="21" hasCustomPrompt="1"/>
          </p:nvPr>
        </p:nvSpPr>
        <p:spPr>
          <a:xfrm>
            <a:off x="323848" y="4581112"/>
            <a:ext cx="1800000" cy="1956213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Templafy - Images</a:t>
            </a:r>
            <a:endParaRPr lang="en-US" noProof="1"/>
          </a:p>
        </p:txBody>
      </p:sp>
      <p:sp>
        <p:nvSpPr>
          <p:cNvPr id="21" name="Picture Placeholder 8"/>
          <p:cNvSpPr>
            <a:spLocks noGrp="1"/>
          </p:cNvSpPr>
          <p:nvPr>
            <p:ph type="pic" sz="quarter" idx="22" hasCustomPrompt="1"/>
          </p:nvPr>
        </p:nvSpPr>
        <p:spPr>
          <a:xfrm>
            <a:off x="2273300" y="4454646"/>
            <a:ext cx="1800000" cy="2082679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Templafy - Images</a:t>
            </a:r>
            <a:endParaRPr lang="en-US" noProof="1"/>
          </a:p>
        </p:txBody>
      </p:sp>
      <p:sp>
        <p:nvSpPr>
          <p:cNvPr id="22" name="Picture Placeholder 8"/>
          <p:cNvSpPr>
            <a:spLocks noGrp="1"/>
          </p:cNvSpPr>
          <p:nvPr>
            <p:ph type="pic" sz="quarter" idx="23" hasCustomPrompt="1"/>
          </p:nvPr>
        </p:nvSpPr>
        <p:spPr>
          <a:xfrm>
            <a:off x="4219800" y="4884738"/>
            <a:ext cx="1800000" cy="1652588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Templafy - Images</a:t>
            </a:r>
            <a:endParaRPr lang="en-US" noProof="1"/>
          </a:p>
        </p:txBody>
      </p:sp>
      <p:sp>
        <p:nvSpPr>
          <p:cNvPr id="23" name="Picture Placeholder 8"/>
          <p:cNvSpPr>
            <a:spLocks noGrp="1"/>
          </p:cNvSpPr>
          <p:nvPr>
            <p:ph type="pic" sz="quarter" idx="24" hasCustomPrompt="1"/>
          </p:nvPr>
        </p:nvSpPr>
        <p:spPr>
          <a:xfrm>
            <a:off x="8114400" y="4657836"/>
            <a:ext cx="1800000" cy="1879489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Templafy - Images</a:t>
            </a:r>
            <a:endParaRPr lang="en-US" noProof="1"/>
          </a:p>
        </p:txBody>
      </p:sp>
      <p:sp>
        <p:nvSpPr>
          <p:cNvPr id="24" name="Picture Placeholder 8"/>
          <p:cNvSpPr>
            <a:spLocks noGrp="1"/>
          </p:cNvSpPr>
          <p:nvPr>
            <p:ph type="pic" sz="quarter" idx="25" hasCustomPrompt="1"/>
          </p:nvPr>
        </p:nvSpPr>
        <p:spPr>
          <a:xfrm>
            <a:off x="10064975" y="4531582"/>
            <a:ext cx="1800000" cy="2005741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Templafy - Images</a:t>
            </a:r>
            <a:endParaRPr lang="en-US" noProof="1"/>
          </a:p>
        </p:txBody>
      </p:sp>
      <p:sp>
        <p:nvSpPr>
          <p:cNvPr id="25" name="Picture Placeholder 8"/>
          <p:cNvSpPr>
            <a:spLocks noGrp="1"/>
          </p:cNvSpPr>
          <p:nvPr>
            <p:ph type="pic" sz="quarter" idx="26" hasCustomPrompt="1"/>
          </p:nvPr>
        </p:nvSpPr>
        <p:spPr>
          <a:xfrm>
            <a:off x="6168000" y="4076053"/>
            <a:ext cx="1799663" cy="2461271"/>
          </a:xfrm>
        </p:spPr>
        <p:txBody>
          <a:bodyPr tIns="828000" anchor="ctr" anchorCtr="0"/>
          <a:lstStyle>
            <a:lvl1pPr algn="ctr">
              <a:defRPr sz="12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 Templafy - Images</a:t>
            </a:r>
            <a:endParaRPr lang="en-US" noProof="1"/>
          </a:p>
        </p:txBody>
      </p:sp>
      <p:pic>
        <p:nvPicPr>
          <p:cNvPr id="3075" name="Picture 3" descr="U:\Vaekstfonden\Jobs\4217_Opgradering af PresentationEngine til version 3_0\Received\Work\væ sid1.emf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374" t="4494" r="41253" b="16584"/>
          <a:stretch/>
        </p:blipFill>
        <p:spPr bwMode="auto">
          <a:xfrm>
            <a:off x="6155812" y="2636242"/>
            <a:ext cx="1812188" cy="12785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Pladsholder til dato 3"/>
          <p:cNvSpPr>
            <a:spLocks noGrp="1"/>
          </p:cNvSpPr>
          <p:nvPr>
            <p:ph type="dt" sz="half" idx="27"/>
          </p:nvPr>
        </p:nvSpPr>
        <p:spPr>
          <a:xfrm>
            <a:off x="9915525" y="6659857"/>
            <a:ext cx="1233952" cy="18952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88AE1AD-F6F0-41FB-B62E-CE8B722E00EC}" type="datetime2">
              <a:rPr lang="da-DK" smtClean="0"/>
              <a:pPr/>
              <a:t>5. december 2018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28"/>
          </p:nvPr>
        </p:nvSpPr>
        <p:spPr>
          <a:xfrm>
            <a:off x="4289425" y="6659858"/>
            <a:ext cx="5481637" cy="1895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29"/>
          </p:nvPr>
        </p:nvSpPr>
        <p:spPr>
          <a:xfrm>
            <a:off x="11185200" y="6659857"/>
            <a:ext cx="643945" cy="1895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7428746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speciel punktopsti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541338" y="2157412"/>
            <a:ext cx="11106149" cy="4162425"/>
          </a:xfrm>
        </p:spPr>
        <p:txBody>
          <a:bodyPr/>
          <a:lstStyle>
            <a:lvl2pPr marL="216000" indent="-216000">
              <a:buFont typeface="Verdana" pitchFamily="34" charset="0"/>
              <a:buChar char="…"/>
              <a:defRPr/>
            </a:lvl2pPr>
            <a:lvl3pPr marL="216000" indent="-216000">
              <a:buFont typeface="Verdana" pitchFamily="34" charset="0"/>
              <a:buChar char="…"/>
              <a:defRPr/>
            </a:lvl3pPr>
            <a:lvl4pPr marL="216000" indent="-216000">
              <a:buFont typeface="Verdana" pitchFamily="34" charset="0"/>
              <a:buChar char="…"/>
              <a:defRPr/>
            </a:lvl4pPr>
            <a:lvl5pPr marL="216000" indent="-216000">
              <a:buFont typeface="Verdana" pitchFamily="34" charset="0"/>
              <a:buChar char="…"/>
              <a:defRPr/>
            </a:lvl5pPr>
          </a:lstStyle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23" name="Date Placeholder 22"/>
          <p:cNvSpPr>
            <a:spLocks noGrp="1"/>
          </p:cNvSpPr>
          <p:nvPr>
            <p:ph type="dt" sz="half" idx="14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C7BE26C0-E20C-4DD4-88BE-1A7AFCE1B048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24" name="Footer Placeholder 23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5" name="Slide Number Placeholder 24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/>
          </a:p>
        </p:txBody>
      </p:sp>
      <p:pic>
        <p:nvPicPr>
          <p:cNvPr id="7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Tekstboks 8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 smtClean="0"/>
              <a:t>Ønsker du </a:t>
            </a:r>
            <a:r>
              <a:rPr lang="da-DK" sz="1000" b="1" dirty="0" smtClean="0">
                <a:solidFill>
                  <a:schemeClr val="tx1"/>
                </a:solidFill>
              </a:rPr>
              <a:t>Overskrift-stil</a:t>
            </a:r>
            <a:r>
              <a:rPr lang="da-DK" sz="1000" dirty="0" smtClean="0"/>
              <a:t> vælg </a:t>
            </a:r>
            <a:r>
              <a:rPr lang="da-DK" sz="1000" b="1" dirty="0" smtClean="0"/>
              <a:t>Fed skrift </a:t>
            </a:r>
            <a:r>
              <a:rPr lang="da-DK" sz="1000" dirty="0" smtClean="0"/>
              <a:t>og grøn skriftfarve</a:t>
            </a:r>
            <a:endParaRPr lang="da-DK" sz="1000" dirty="0"/>
          </a:p>
        </p:txBody>
      </p:sp>
    </p:spTree>
    <p:extLst>
      <p:ext uri="{BB962C8B-B14F-4D97-AF65-F5344CB8AC3E}">
        <p14:creationId xmlns:p14="http://schemas.microsoft.com/office/powerpoint/2010/main" val="120404857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+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41337" y="2157412"/>
            <a:ext cx="7354887" cy="4162425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040688" y="2157411"/>
            <a:ext cx="3606800" cy="2727327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8040688" y="5027613"/>
            <a:ext cx="3606800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smtClean="0"/>
              <a:t>Rediger typografien i masterens</a:t>
            </a:r>
          </a:p>
        </p:txBody>
      </p:sp>
      <p:sp>
        <p:nvSpPr>
          <p:cNvPr id="25" name="Date Placeholder 24"/>
          <p:cNvSpPr>
            <a:spLocks noGrp="1"/>
          </p:cNvSpPr>
          <p:nvPr>
            <p:ph type="dt" sz="half" idx="14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165FE90F-A7F6-4922-B08E-05AAABDC3F9B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26" name="Footer Placeholder 25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7" name="Slide Number Placeholder 26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Tekstboks 12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 smtClean="0"/>
              <a:t>Ønsker du </a:t>
            </a:r>
            <a:r>
              <a:rPr lang="da-DK" sz="1000" b="1" dirty="0" smtClean="0">
                <a:solidFill>
                  <a:schemeClr val="tx1"/>
                </a:solidFill>
              </a:rPr>
              <a:t>Overskrift-stil</a:t>
            </a:r>
            <a:r>
              <a:rPr lang="da-DK" sz="1000" dirty="0" smtClean="0"/>
              <a:t> vælg </a:t>
            </a:r>
            <a:r>
              <a:rPr lang="da-DK" sz="1000" b="1" dirty="0" smtClean="0"/>
              <a:t>Fed skrift </a:t>
            </a:r>
            <a:r>
              <a:rPr lang="da-DK" sz="1000" dirty="0" smtClean="0"/>
              <a:t>og grøn skriftfarve</a:t>
            </a:r>
            <a:endParaRPr lang="da-DK" sz="1000" dirty="0"/>
          </a:p>
        </p:txBody>
      </p:sp>
    </p:spTree>
    <p:extLst>
      <p:ext uri="{BB962C8B-B14F-4D97-AF65-F5344CB8AC3E}">
        <p14:creationId xmlns:p14="http://schemas.microsoft.com/office/powerpoint/2010/main" val="64610428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+ billedtekst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41338" y="2157412"/>
            <a:ext cx="5478462" cy="4162425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67438" y="2157411"/>
            <a:ext cx="5480050" cy="2727327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6167438" y="5027613"/>
            <a:ext cx="5480049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smtClean="0"/>
              <a:t>Rediger typografien i masterens</a:t>
            </a:r>
          </a:p>
        </p:txBody>
      </p:sp>
      <p:sp>
        <p:nvSpPr>
          <p:cNvPr id="25" name="Date Placeholder 24"/>
          <p:cNvSpPr>
            <a:spLocks noGrp="1"/>
          </p:cNvSpPr>
          <p:nvPr>
            <p:ph type="dt" sz="half" idx="14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16328801-28EA-4713-A3DA-E38D01376073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26" name="Footer Placeholder 25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7" name="Slide Number Placeholder 26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0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ekstboks 10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 smtClean="0"/>
              <a:t>Ønsker du </a:t>
            </a:r>
            <a:r>
              <a:rPr lang="da-DK" sz="1000" b="1" dirty="0" smtClean="0">
                <a:solidFill>
                  <a:schemeClr val="tx1"/>
                </a:solidFill>
              </a:rPr>
              <a:t>Overskrift-stil</a:t>
            </a:r>
            <a:r>
              <a:rPr lang="da-DK" sz="1000" dirty="0" smtClean="0"/>
              <a:t> vælg </a:t>
            </a:r>
            <a:r>
              <a:rPr lang="da-DK" sz="1000" b="1" dirty="0" smtClean="0"/>
              <a:t>Fed skrift </a:t>
            </a:r>
            <a:r>
              <a:rPr lang="da-DK" sz="1000" dirty="0" smtClean="0"/>
              <a:t>og grøn skriftfarve</a:t>
            </a:r>
            <a:endParaRPr lang="da-DK" sz="1000" dirty="0"/>
          </a:p>
        </p:txBody>
      </p:sp>
    </p:spTree>
    <p:extLst>
      <p:ext uri="{BB962C8B-B14F-4D97-AF65-F5344CB8AC3E}">
        <p14:creationId xmlns:p14="http://schemas.microsoft.com/office/powerpoint/2010/main" val="422226474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+ to billedtek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41338" y="2157413"/>
            <a:ext cx="5478462" cy="2727326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67438" y="2157411"/>
            <a:ext cx="5480050" cy="2727327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6167438" y="5027613"/>
            <a:ext cx="5480050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smtClean="0"/>
              <a:t>Rediger typografien i masterens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541338" y="5026026"/>
            <a:ext cx="5478462" cy="129222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smtClean="0"/>
              <a:t>Rediger typografien i masterens</a:t>
            </a:r>
          </a:p>
        </p:txBody>
      </p:sp>
      <p:sp>
        <p:nvSpPr>
          <p:cNvPr id="26" name="Date Placeholder 25"/>
          <p:cNvSpPr>
            <a:spLocks noGrp="1"/>
          </p:cNvSpPr>
          <p:nvPr>
            <p:ph type="dt" sz="half" idx="15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0C066F5D-F99E-4304-9CCE-0B83EEA55F38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27" name="Footer Placeholder 2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8" name="Slide Number Placeholder 2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kstboks 11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 smtClean="0"/>
              <a:t>Ønsker du </a:t>
            </a:r>
            <a:r>
              <a:rPr lang="da-DK" sz="1000" b="1" dirty="0" smtClean="0">
                <a:solidFill>
                  <a:schemeClr val="tx1"/>
                </a:solidFill>
              </a:rPr>
              <a:t>Overskrift-stil</a:t>
            </a:r>
            <a:r>
              <a:rPr lang="da-DK" sz="1000" dirty="0" smtClean="0"/>
              <a:t> vælg </a:t>
            </a:r>
            <a:r>
              <a:rPr lang="da-DK" sz="1000" b="1" dirty="0" smtClean="0"/>
              <a:t>Fed skrift </a:t>
            </a:r>
            <a:r>
              <a:rPr lang="da-DK" sz="1000" dirty="0" smtClean="0"/>
              <a:t>og grøn skriftfarve</a:t>
            </a:r>
            <a:endParaRPr lang="da-DK" sz="1000" dirty="0"/>
          </a:p>
        </p:txBody>
      </p:sp>
    </p:spTree>
    <p:extLst>
      <p:ext uri="{BB962C8B-B14F-4D97-AF65-F5344CB8AC3E}">
        <p14:creationId xmlns:p14="http://schemas.microsoft.com/office/powerpoint/2010/main" val="270422111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spalter graf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/>
          </p:nvPr>
        </p:nvSpPr>
        <p:spPr>
          <a:xfrm>
            <a:off x="539750" y="2157412"/>
            <a:ext cx="3606800" cy="2727325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15" name="Text Placeholder 8"/>
          <p:cNvSpPr>
            <a:spLocks noGrp="1"/>
          </p:cNvSpPr>
          <p:nvPr>
            <p:ph type="body" sz="quarter" idx="21"/>
          </p:nvPr>
        </p:nvSpPr>
        <p:spPr>
          <a:xfrm>
            <a:off x="541338" y="5027613"/>
            <a:ext cx="3605212" cy="129133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smtClean="0"/>
              <a:t>Rediger typografien i masterens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4"/>
          </p:nvPr>
        </p:nvSpPr>
        <p:spPr>
          <a:xfrm>
            <a:off x="4291013" y="2157412"/>
            <a:ext cx="3605212" cy="2727325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22"/>
          </p:nvPr>
        </p:nvSpPr>
        <p:spPr>
          <a:xfrm>
            <a:off x="4289425" y="5027614"/>
            <a:ext cx="3605212" cy="1291334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smtClean="0"/>
              <a:t>Rediger typografien i masterens</a:t>
            </a:r>
          </a:p>
        </p:txBody>
      </p:sp>
      <p:sp>
        <p:nvSpPr>
          <p:cNvPr id="9" name="Content Placeholder 6"/>
          <p:cNvSpPr>
            <a:spLocks noGrp="1"/>
          </p:cNvSpPr>
          <p:nvPr>
            <p:ph sz="quarter" idx="15"/>
          </p:nvPr>
        </p:nvSpPr>
        <p:spPr>
          <a:xfrm>
            <a:off x="8040688" y="2157412"/>
            <a:ext cx="3606800" cy="2727326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6"/>
          </p:nvPr>
        </p:nvSpPr>
        <p:spPr>
          <a:xfrm>
            <a:off x="8040688" y="5027614"/>
            <a:ext cx="3606799" cy="1291333"/>
          </a:xfrm>
        </p:spPr>
        <p:txBody>
          <a:bodyPr/>
          <a:lstStyle>
            <a:lvl1pPr>
              <a:defRPr sz="1200" b="0">
                <a:solidFill>
                  <a:schemeClr val="tx1"/>
                </a:solidFill>
                <a:latin typeface="VF Museo Rounded For Office" pitchFamily="2" charset="0"/>
              </a:defRPr>
            </a:lvl1pPr>
          </a:lstStyle>
          <a:p>
            <a:pPr lvl="0"/>
            <a:r>
              <a:rPr lang="da-DK" smtClean="0"/>
              <a:t>Rediger typografien i masterens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23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DBB78D79-9D8C-4C8A-B46A-5283A2286C79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17" name="Footer Placeholder 16"/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8" name="Slide Number Placeholder 17"/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Tekstboks 12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 smtClean="0"/>
              <a:t>Ønsker du </a:t>
            </a:r>
            <a:r>
              <a:rPr lang="da-DK" sz="1000" b="1" dirty="0" smtClean="0">
                <a:solidFill>
                  <a:schemeClr val="tx1"/>
                </a:solidFill>
              </a:rPr>
              <a:t>Overskrift-stil</a:t>
            </a:r>
            <a:r>
              <a:rPr lang="da-DK" sz="1000" dirty="0" smtClean="0"/>
              <a:t> vælg </a:t>
            </a:r>
            <a:r>
              <a:rPr lang="da-DK" sz="1000" b="1" dirty="0" smtClean="0"/>
              <a:t>Fed skrift </a:t>
            </a:r>
            <a:r>
              <a:rPr lang="da-DK" sz="1000" dirty="0" smtClean="0"/>
              <a:t>og grøn skriftfarve</a:t>
            </a:r>
            <a:endParaRPr lang="da-DK" sz="1000" dirty="0"/>
          </a:p>
        </p:txBody>
      </p:sp>
    </p:spTree>
    <p:extLst>
      <p:ext uri="{BB962C8B-B14F-4D97-AF65-F5344CB8AC3E}">
        <p14:creationId xmlns:p14="http://schemas.microsoft.com/office/powerpoint/2010/main" val="341087424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+ højrestillet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41339" y="693738"/>
            <a:ext cx="5478461" cy="940329"/>
          </a:xfrm>
        </p:spPr>
        <p:txBody>
          <a:bodyPr/>
          <a:lstStyle/>
          <a:p>
            <a:r>
              <a:rPr lang="da-DK" smtClean="0"/>
              <a:t>Klik for at redigere i master</a:t>
            </a:r>
            <a:endParaRPr lang="da-DK" dirty="0"/>
          </a:p>
        </p:txBody>
      </p:sp>
      <p:sp>
        <p:nvSpPr>
          <p:cNvPr id="11" name="Picture Placeholder 10"/>
          <p:cNvSpPr>
            <a:spLocks noGrp="1"/>
          </p:cNvSpPr>
          <p:nvPr>
            <p:ph type="pic" sz="quarter" idx="14" hasCustomPrompt="1"/>
          </p:nvPr>
        </p:nvSpPr>
        <p:spPr>
          <a:xfrm>
            <a:off x="6668275" y="0"/>
            <a:ext cx="5487985" cy="6858000"/>
          </a:xfrm>
        </p:spPr>
        <p:txBody>
          <a:bodyPr tIns="936000" anchor="ctr" anchorCtr="0"/>
          <a:lstStyle>
            <a:lvl1pPr algn="ctr">
              <a:defRPr b="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noProof="1" smtClean="0"/>
              <a:t>Vælg pladsholderen og indsæt foto fra</a:t>
            </a:r>
            <a:br>
              <a:rPr lang="en-US" noProof="1" smtClean="0"/>
            </a:br>
            <a:r>
              <a:rPr lang="en-US" noProof="1" smtClean="0"/>
              <a:t> Templafy - Images</a:t>
            </a:r>
            <a:endParaRPr lang="en-US" noProof="1"/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7"/>
          </p:nvPr>
        </p:nvSpPr>
        <p:spPr>
          <a:xfrm>
            <a:off x="541338" y="2157413"/>
            <a:ext cx="5478462" cy="4162424"/>
          </a:xfrm>
        </p:spPr>
        <p:txBody>
          <a:bodyPr/>
          <a:lstStyle/>
          <a:p>
            <a:pPr lvl="0"/>
            <a:r>
              <a:rPr lang="da-DK" smtClean="0"/>
              <a:t>Rediger typografien i masterens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pic>
        <p:nvPicPr>
          <p:cNvPr id="14" name="Picture 2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428751" y="2657612"/>
            <a:ext cx="1285875" cy="484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Tekstboks 15"/>
          <p:cNvSpPr txBox="1"/>
          <p:nvPr userDrawn="1"/>
        </p:nvSpPr>
        <p:spPr>
          <a:xfrm>
            <a:off x="-1543050" y="2164654"/>
            <a:ext cx="14001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000" dirty="0" smtClean="0"/>
              <a:t>Ønsker du </a:t>
            </a:r>
            <a:r>
              <a:rPr lang="da-DK" sz="1000" b="1" dirty="0" smtClean="0">
                <a:solidFill>
                  <a:schemeClr val="tx1"/>
                </a:solidFill>
              </a:rPr>
              <a:t>Overskrift-stil</a:t>
            </a:r>
            <a:r>
              <a:rPr lang="da-DK" sz="1000" dirty="0" smtClean="0"/>
              <a:t> vælg </a:t>
            </a:r>
            <a:r>
              <a:rPr lang="da-DK" sz="1000" b="1" dirty="0" smtClean="0"/>
              <a:t>Fed skrift </a:t>
            </a:r>
            <a:r>
              <a:rPr lang="da-DK" sz="1000" dirty="0" smtClean="0"/>
              <a:t>og grøn skriftfarve</a:t>
            </a:r>
            <a:endParaRPr lang="da-DK" sz="1000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8"/>
          </p:nvPr>
        </p:nvSpPr>
        <p:spPr>
          <a:xfrm>
            <a:off x="9915525" y="6347803"/>
            <a:ext cx="1233952" cy="189522"/>
          </a:xfrm>
          <a:prstGeom prst="rect">
            <a:avLst/>
          </a:prstGeom>
        </p:spPr>
        <p:txBody>
          <a:bodyPr/>
          <a:lstStyle/>
          <a:p>
            <a:fld id="{288AE1AD-F6F0-41FB-B62E-CE8B722E00EC}" type="datetime2">
              <a:rPr lang="da-DK" smtClean="0"/>
              <a:t>5. december 2018</a:t>
            </a:fld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9976607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41338" y="693738"/>
            <a:ext cx="7354887" cy="94032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 smtClean="0"/>
              <a:t>Klik for at redigere i master</a:t>
            </a:r>
            <a:endParaRPr lang="da-DK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1338" y="2157414"/>
            <a:ext cx="11106150" cy="41624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 smtClean="0"/>
              <a:t>Rediger typografien i masterens</a:t>
            </a:r>
          </a:p>
          <a:p>
            <a:pPr lvl="1"/>
            <a:r>
              <a:rPr lang="da-DK" dirty="0" smtClean="0"/>
              <a:t>Andet niveau</a:t>
            </a:r>
          </a:p>
          <a:p>
            <a:pPr lvl="2"/>
            <a:r>
              <a:rPr lang="da-DK" dirty="0" smtClean="0"/>
              <a:t>Tredje niveau</a:t>
            </a:r>
          </a:p>
          <a:p>
            <a:pPr lvl="3"/>
            <a:r>
              <a:rPr lang="da-DK" dirty="0" smtClean="0"/>
              <a:t>Fjerde niveau</a:t>
            </a:r>
          </a:p>
          <a:p>
            <a:pPr lvl="4"/>
            <a:r>
              <a:rPr lang="da-DK" dirty="0" smtClean="0"/>
              <a:t>Femte niveau</a:t>
            </a:r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289425" y="6347804"/>
            <a:ext cx="5481637" cy="18952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800">
                <a:solidFill>
                  <a:schemeClr val="accent4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185200" y="6347803"/>
            <a:ext cx="643945" cy="18952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800">
                <a:solidFill>
                  <a:schemeClr val="accent4"/>
                </a:solidFill>
              </a:defRPr>
            </a:lvl1pPr>
          </a:lstStyle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60" r:id="rId3"/>
    <p:sldLayoutId id="2147483671" r:id="rId4"/>
    <p:sldLayoutId id="2147483652" r:id="rId5"/>
    <p:sldLayoutId id="2147483664" r:id="rId6"/>
    <p:sldLayoutId id="2147483665" r:id="rId7"/>
    <p:sldLayoutId id="2147483663" r:id="rId8"/>
    <p:sldLayoutId id="2147483666" r:id="rId9"/>
    <p:sldLayoutId id="2147483667" r:id="rId10"/>
    <p:sldLayoutId id="2147483668" r:id="rId11"/>
    <p:sldLayoutId id="2147483669" r:id="rId12"/>
    <p:sldLayoutId id="2147483672" r:id="rId13"/>
    <p:sldLayoutId id="2147483676" r:id="rId14"/>
    <p:sldLayoutId id="2147483673" r:id="rId15"/>
    <p:sldLayoutId id="2147483654" r:id="rId16"/>
    <p:sldLayoutId id="2147483655" r:id="rId17"/>
    <p:sldLayoutId id="2147483670" r:id="rId18"/>
    <p:sldLayoutId id="2147483678" r:id="rId19"/>
  </p:sldLayoutIdLst>
  <p:timing>
    <p:tnLst>
      <p:par>
        <p:cTn id="1" dur="indefinite" restart="never" nodeType="tmRoot"/>
      </p:par>
    </p:tnLst>
  </p:timing>
  <p:hf hdr="0" ft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3000" kern="12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buFontTx/>
        <a:buNone/>
        <a:defRPr sz="1800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360000" indent="-144000" algn="l" defTabSz="914400" rtl="0" eaLnBrk="1" latinLnBrk="0" hangingPunct="1">
        <a:lnSpc>
          <a:spcPct val="100000"/>
        </a:lnSpc>
        <a:spcBef>
          <a:spcPts val="0"/>
        </a:spcBef>
        <a:buFont typeface="Verdana" panose="020B0604030504040204" pitchFamily="34" charset="0"/>
        <a:buChar char="·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504000" indent="-144000" algn="l" defTabSz="914400" rtl="0" eaLnBrk="1" latinLnBrk="0" hangingPunct="1">
        <a:lnSpc>
          <a:spcPct val="100000"/>
        </a:lnSpc>
        <a:spcBef>
          <a:spcPts val="0"/>
        </a:spcBef>
        <a:buFont typeface="Verdana" pitchFamily="34" charset="0"/>
        <a:buChar char="·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144000" algn="l" defTabSz="914400" rtl="0" eaLnBrk="1" latinLnBrk="0" hangingPunct="1">
        <a:lnSpc>
          <a:spcPct val="100000"/>
        </a:lnSpc>
        <a:spcBef>
          <a:spcPts val="0"/>
        </a:spcBef>
        <a:buFont typeface="Verdana" pitchFamily="34" charset="0"/>
        <a:buChar char="·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orient="horz" pos="437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pos="3792" userDrawn="1">
          <p15:clr>
            <a:srgbClr val="F26B43"/>
          </p15:clr>
        </p15:guide>
        <p15:guide id="4" pos="3885" userDrawn="1">
          <p15:clr>
            <a:srgbClr val="F26B43"/>
          </p15:clr>
        </p15:guide>
        <p15:guide id="5" pos="2613" userDrawn="1">
          <p15:clr>
            <a:srgbClr val="F26B43"/>
          </p15:clr>
        </p15:guide>
        <p15:guide id="6" pos="205" userDrawn="1">
          <p15:clr>
            <a:srgbClr val="F26B43"/>
          </p15:clr>
        </p15:guide>
        <p15:guide id="7" pos="340" userDrawn="1">
          <p15:clr>
            <a:srgbClr val="F26B43"/>
          </p15:clr>
        </p15:guide>
        <p15:guide id="8" pos="1432" userDrawn="1">
          <p15:clr>
            <a:srgbClr val="F26B43"/>
          </p15:clr>
        </p15:guide>
        <p15:guide id="9" pos="1518" userDrawn="1">
          <p15:clr>
            <a:srgbClr val="F26B43"/>
          </p15:clr>
        </p15:guide>
        <p15:guide id="10" pos="2700" userDrawn="1">
          <p15:clr>
            <a:srgbClr val="F26B43"/>
          </p15:clr>
        </p15:guide>
        <p15:guide id="11" pos="89" userDrawn="1">
          <p15:clr>
            <a:srgbClr val="F26B43"/>
          </p15:clr>
        </p15:guide>
        <p15:guide id="12" pos="4974" userDrawn="1">
          <p15:clr>
            <a:srgbClr val="F26B43"/>
          </p15:clr>
        </p15:guide>
        <p15:guide id="13" pos="5064" userDrawn="1">
          <p15:clr>
            <a:srgbClr val="F26B43"/>
          </p15:clr>
        </p15:guide>
        <p15:guide id="14" pos="6244" userDrawn="1">
          <p15:clr>
            <a:srgbClr val="F26B43"/>
          </p15:clr>
        </p15:guide>
        <p15:guide id="15" pos="6156" userDrawn="1">
          <p15:clr>
            <a:srgbClr val="F26B43"/>
          </p15:clr>
        </p15:guide>
        <p15:guide id="16" pos="7474" userDrawn="1">
          <p15:clr>
            <a:srgbClr val="F26B43"/>
          </p15:clr>
        </p15:guide>
        <p15:guide id="17" pos="7337" userDrawn="1">
          <p15:clr>
            <a:srgbClr val="F26B43"/>
          </p15:clr>
        </p15:guide>
        <p15:guide id="18" orient="horz" pos="632" userDrawn="1">
          <p15:clr>
            <a:srgbClr val="F26B43"/>
          </p15:clr>
        </p15:guide>
        <p15:guide id="19" orient="horz" pos="1218" userDrawn="1">
          <p15:clr>
            <a:srgbClr val="F26B43"/>
          </p15:clr>
        </p15:guide>
        <p15:guide id="20" orient="horz" pos="1264" userDrawn="1">
          <p15:clr>
            <a:srgbClr val="F26B43"/>
          </p15:clr>
        </p15:guide>
        <p15:guide id="21" orient="horz" pos="1359" userDrawn="1">
          <p15:clr>
            <a:srgbClr val="F26B43"/>
          </p15:clr>
        </p15:guide>
        <p15:guide id="22" orient="horz" pos="2161" userDrawn="1">
          <p15:clr>
            <a:srgbClr val="F26B43"/>
          </p15:clr>
        </p15:guide>
        <p15:guide id="23" orient="horz" pos="2263" userDrawn="1">
          <p15:clr>
            <a:srgbClr val="F26B43"/>
          </p15:clr>
        </p15:guide>
        <p15:guide id="24" orient="horz" pos="3075" userDrawn="1">
          <p15:clr>
            <a:srgbClr val="F26B43"/>
          </p15:clr>
        </p15:guide>
        <p15:guide id="25" orient="horz" pos="3165" userDrawn="1">
          <p15:clr>
            <a:srgbClr val="F26B43"/>
          </p15:clr>
        </p15:guide>
        <p15:guide id="26" orient="horz" pos="3981" userDrawn="1">
          <p15:clr>
            <a:srgbClr val="F26B43"/>
          </p15:clr>
        </p15:guide>
        <p15:guide id="27" orient="horz" pos="411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7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9.xml"/><Relationship Id="rId6" Type="http://schemas.openxmlformats.org/officeDocument/2006/relationships/image" Target="../media/image18.png"/><Relationship Id="rId5" Type="http://schemas.openxmlformats.org/officeDocument/2006/relationships/image" Target="../media/image17.jpeg"/><Relationship Id="rId4" Type="http://schemas.openxmlformats.org/officeDocument/2006/relationships/image" Target="../media/image16.jpe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1.xml"/><Relationship Id="rId4" Type="http://schemas.openxmlformats.org/officeDocument/2006/relationships/image" Target="../media/image20.bin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7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96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199456" y="4094416"/>
            <a:ext cx="8640960" cy="1649860"/>
          </a:xfrm>
        </p:spPr>
        <p:txBody>
          <a:bodyPr/>
          <a:lstStyle/>
          <a:p>
            <a:r>
              <a:rPr lang="en-GB" dirty="0" err="1" smtClean="0">
                <a:solidFill>
                  <a:schemeClr val="bg1"/>
                </a:solidFill>
              </a:rPr>
              <a:t>Lancering</a:t>
            </a:r>
            <a:r>
              <a:rPr lang="en-GB" dirty="0" smtClean="0">
                <a:solidFill>
                  <a:schemeClr val="bg1"/>
                </a:solidFill>
              </a:rPr>
              <a:t> </a:t>
            </a:r>
            <a:r>
              <a:rPr lang="en-GB" dirty="0" err="1" smtClean="0">
                <a:solidFill>
                  <a:schemeClr val="bg1"/>
                </a:solidFill>
              </a:rPr>
              <a:t>af</a:t>
            </a:r>
            <a:r>
              <a:rPr lang="en-GB" dirty="0" smtClean="0">
                <a:solidFill>
                  <a:schemeClr val="bg1"/>
                </a:solidFill>
              </a:rPr>
              <a:t> </a:t>
            </a:r>
            <a:r>
              <a:rPr lang="en-GB" dirty="0" err="1" smtClean="0">
                <a:solidFill>
                  <a:schemeClr val="bg1"/>
                </a:solidFill>
              </a:rPr>
              <a:t>nye</a:t>
            </a:r>
            <a:r>
              <a:rPr lang="en-GB" dirty="0" smtClean="0">
                <a:solidFill>
                  <a:schemeClr val="bg1"/>
                </a:solidFill>
              </a:rPr>
              <a:t> </a:t>
            </a:r>
            <a:r>
              <a:rPr lang="en-GB" dirty="0" err="1" smtClean="0">
                <a:solidFill>
                  <a:schemeClr val="bg1"/>
                </a:solidFill>
              </a:rPr>
              <a:t>initiativer</a:t>
            </a:r>
            <a:r>
              <a:rPr lang="en-GB" dirty="0" smtClean="0">
                <a:solidFill>
                  <a:schemeClr val="bg1"/>
                </a:solidFill>
              </a:rPr>
              <a:t> </a:t>
            </a:r>
            <a:r>
              <a:rPr lang="en-GB" dirty="0" err="1" smtClean="0">
                <a:solidFill>
                  <a:schemeClr val="bg1"/>
                </a:solidFill>
              </a:rPr>
              <a:t>til</a:t>
            </a:r>
            <a:r>
              <a:rPr lang="en-GB" dirty="0" smtClean="0">
                <a:solidFill>
                  <a:schemeClr val="bg1"/>
                </a:solidFill>
              </a:rPr>
              <a:t> </a:t>
            </a:r>
            <a:r>
              <a:rPr lang="en-GB" dirty="0" err="1" smtClean="0">
                <a:solidFill>
                  <a:schemeClr val="bg1"/>
                </a:solidFill>
              </a:rPr>
              <a:t>tidlig</a:t>
            </a:r>
            <a:r>
              <a:rPr lang="en-GB" dirty="0" smtClean="0">
                <a:solidFill>
                  <a:schemeClr val="bg1"/>
                </a:solidFill>
              </a:rPr>
              <a:t> </a:t>
            </a:r>
            <a:r>
              <a:rPr lang="en-GB" dirty="0" err="1" smtClean="0">
                <a:solidFill>
                  <a:schemeClr val="bg1"/>
                </a:solidFill>
              </a:rPr>
              <a:t>finansiering</a:t>
            </a:r>
            <a:endParaRPr lang="en-GB" dirty="0">
              <a:solidFill>
                <a:schemeClr val="bg1"/>
              </a:solidFill>
            </a:endParaRP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3"/>
          </p:nvPr>
        </p:nvSpPr>
        <p:spPr>
          <a:xfrm>
            <a:off x="1199457" y="5823213"/>
            <a:ext cx="7354887" cy="216000"/>
          </a:xfrm>
        </p:spPr>
        <p:txBody>
          <a:bodyPr/>
          <a:lstStyle/>
          <a:p>
            <a:r>
              <a:rPr lang="en-GB" dirty="0" smtClean="0">
                <a:solidFill>
                  <a:schemeClr val="bg1"/>
                </a:solidFill>
              </a:rPr>
              <a:t>Aarhus den 6. </a:t>
            </a:r>
            <a:r>
              <a:rPr lang="en-GB" dirty="0" err="1" smtClean="0">
                <a:solidFill>
                  <a:schemeClr val="bg1"/>
                </a:solidFill>
              </a:rPr>
              <a:t>december</a:t>
            </a:r>
            <a:r>
              <a:rPr lang="en-GB" dirty="0" smtClean="0">
                <a:solidFill>
                  <a:schemeClr val="bg1"/>
                </a:solidFill>
              </a:rPr>
              <a:t> 2018 kl. 13.30</a:t>
            </a:r>
            <a:endParaRPr lang="en-GB" dirty="0">
              <a:solidFill>
                <a:schemeClr val="bg1"/>
              </a:solidFill>
            </a:endParaRPr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1344" y="949412"/>
            <a:ext cx="5400000" cy="1687500"/>
          </a:xfrm>
          <a:prstGeom prst="rect">
            <a:avLst/>
          </a:prstGeom>
        </p:spPr>
      </p:pic>
      <p:pic>
        <p:nvPicPr>
          <p:cNvPr id="8" name="Billede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2024" y="1643952"/>
            <a:ext cx="5400000" cy="298419"/>
          </a:xfrm>
          <a:prstGeom prst="rect">
            <a:avLst/>
          </a:prstGeom>
        </p:spPr>
      </p:pic>
      <p:cxnSp>
        <p:nvCxnSpPr>
          <p:cNvPr id="9" name="Lige forbindelse 8"/>
          <p:cNvCxnSpPr/>
          <p:nvPr/>
        </p:nvCxnSpPr>
        <p:spPr>
          <a:xfrm>
            <a:off x="5519936" y="1539943"/>
            <a:ext cx="648072" cy="504056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Lige forbindelse 9"/>
          <p:cNvCxnSpPr/>
          <p:nvPr/>
        </p:nvCxnSpPr>
        <p:spPr>
          <a:xfrm flipH="1">
            <a:off x="5519935" y="1541834"/>
            <a:ext cx="648000" cy="502165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462496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i fastholder de tre indgange </a:t>
            </a:r>
            <a:endParaRPr lang="da-DK" dirty="0"/>
          </a:p>
        </p:txBody>
      </p:sp>
      <p:pic>
        <p:nvPicPr>
          <p:cNvPr id="9" name="Picture 7"/>
          <p:cNvPicPr>
            <a:picLocks noChangeAspect="1" noChangeArrowheads="1"/>
          </p:cNvPicPr>
          <p:nvPr/>
        </p:nvPicPr>
        <p:blipFill rotWithShape="1">
          <a:blip r:embed="rId3" cstate="email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36428" y="4261845"/>
            <a:ext cx="3537498" cy="1787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Billede 9"/>
          <p:cNvPicPr>
            <a:picLocks noChangeAspect="1"/>
          </p:cNvPicPr>
          <p:nvPr/>
        </p:nvPicPr>
        <p:blipFill rotWithShape="1">
          <a:blip r:embed="rId4" cstate="email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26481"/>
          <a:stretch/>
        </p:blipFill>
        <p:spPr>
          <a:xfrm>
            <a:off x="8158067" y="4261754"/>
            <a:ext cx="3537498" cy="1781061"/>
          </a:xfrm>
          <a:prstGeom prst="rect">
            <a:avLst/>
          </a:prstGeom>
        </p:spPr>
      </p:pic>
      <p:pic>
        <p:nvPicPr>
          <p:cNvPr id="11" name="Picture 10" descr="http://venturecup.dk/build/wp-content/uploads/2015/12/YoooWe.png"/>
          <p:cNvPicPr>
            <a:picLocks noChangeAspect="1" noChangeArrowheads="1"/>
          </p:cNvPicPr>
          <p:nvPr/>
        </p:nvPicPr>
        <p:blipFill rotWithShape="1">
          <a:blip r:embed="rId5" cstate="email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397991" y="4261641"/>
            <a:ext cx="3537981" cy="17884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ktangel 11"/>
          <p:cNvSpPr/>
          <p:nvPr/>
        </p:nvSpPr>
        <p:spPr>
          <a:xfrm>
            <a:off x="4396022" y="5650249"/>
            <a:ext cx="3539950" cy="399872"/>
          </a:xfrm>
          <a:prstGeom prst="rect">
            <a:avLst/>
          </a:prstGeom>
          <a:solidFill>
            <a:srgbClr val="00E7ED">
              <a:alpha val="80000"/>
            </a:srgbClr>
          </a:solidFill>
          <a:ln>
            <a:noFill/>
          </a:ln>
        </p:spPr>
        <p:txBody>
          <a:bodyPr wrap="square">
            <a:spAutoFit/>
          </a:bodyPr>
          <a:lstStyle>
            <a:defPPr>
              <a:defRPr lang="da-DK"/>
            </a:defPPr>
            <a:lvl1pPr marL="0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4251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88502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32753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177004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721254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265505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809756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354007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088175" fontAlgn="base"/>
            <a:r>
              <a:rPr lang="en-GB" sz="2000" dirty="0">
                <a:solidFill>
                  <a:prstClr val="white"/>
                </a:solidFill>
                <a:latin typeface="Ubuntu"/>
              </a:rPr>
              <a:t>InnoBooster</a:t>
            </a:r>
          </a:p>
        </p:txBody>
      </p:sp>
      <p:sp>
        <p:nvSpPr>
          <p:cNvPr id="13" name="Rektangel 12"/>
          <p:cNvSpPr/>
          <p:nvPr/>
        </p:nvSpPr>
        <p:spPr>
          <a:xfrm>
            <a:off x="636428" y="5655637"/>
            <a:ext cx="3537498" cy="399872"/>
          </a:xfrm>
          <a:prstGeom prst="rect">
            <a:avLst/>
          </a:prstGeom>
          <a:solidFill>
            <a:srgbClr val="00E7ED">
              <a:alpha val="80000"/>
            </a:srgbClr>
          </a:solidFill>
          <a:ln w="9525">
            <a:noFill/>
          </a:ln>
        </p:spPr>
        <p:txBody>
          <a:bodyPr wrap="square">
            <a:spAutoFit/>
          </a:bodyPr>
          <a:lstStyle>
            <a:defPPr>
              <a:defRPr lang="da-DK"/>
            </a:defPPr>
            <a:lvl1pPr marL="0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4251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88502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32753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177004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721254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265505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809756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354007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088175" fontAlgn="base"/>
            <a:r>
              <a:rPr lang="en-GB" sz="2000" dirty="0">
                <a:solidFill>
                  <a:prstClr val="white"/>
                </a:solidFill>
                <a:latin typeface="Ubuntu"/>
              </a:rPr>
              <a:t>Talent</a:t>
            </a:r>
          </a:p>
        </p:txBody>
      </p:sp>
      <p:sp>
        <p:nvSpPr>
          <p:cNvPr id="14" name="Rektangel 13"/>
          <p:cNvSpPr/>
          <p:nvPr/>
        </p:nvSpPr>
        <p:spPr>
          <a:xfrm>
            <a:off x="8158067" y="5642944"/>
            <a:ext cx="3537498" cy="399872"/>
          </a:xfrm>
          <a:prstGeom prst="rect">
            <a:avLst/>
          </a:prstGeom>
          <a:solidFill>
            <a:srgbClr val="00E7ED">
              <a:alpha val="80000"/>
            </a:srgbClr>
          </a:solidFill>
          <a:ln>
            <a:noFill/>
          </a:ln>
        </p:spPr>
        <p:txBody>
          <a:bodyPr wrap="square">
            <a:spAutoFit/>
          </a:bodyPr>
          <a:lstStyle>
            <a:defPPr>
              <a:defRPr lang="da-DK"/>
            </a:defPPr>
            <a:lvl1pPr marL="0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4251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88502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32753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177004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721254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265505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809756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354007" algn="l" defTabSz="1088502" rtl="0" eaLnBrk="1" latinLnBrk="0" hangingPunct="1"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088175" fontAlgn="base"/>
            <a:r>
              <a:rPr lang="en-GB" sz="2000" dirty="0">
                <a:solidFill>
                  <a:prstClr val="white"/>
                </a:solidFill>
                <a:latin typeface="Ubuntu"/>
              </a:rPr>
              <a:t>Grand Solutions</a:t>
            </a:r>
          </a:p>
        </p:txBody>
      </p:sp>
      <p:cxnSp>
        <p:nvCxnSpPr>
          <p:cNvPr id="6" name="Vinklet forbindelse 5"/>
          <p:cNvCxnSpPr/>
          <p:nvPr/>
        </p:nvCxnSpPr>
        <p:spPr>
          <a:xfrm rot="10800000" flipV="1">
            <a:off x="2411776" y="2935637"/>
            <a:ext cx="3760190" cy="1484890"/>
          </a:xfrm>
          <a:prstGeom prst="bentConnector2">
            <a:avLst/>
          </a:prstGeom>
          <a:ln/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8" name="Vinklet forbindelse 7"/>
          <p:cNvCxnSpPr/>
          <p:nvPr/>
        </p:nvCxnSpPr>
        <p:spPr>
          <a:xfrm>
            <a:off x="6166982" y="2935601"/>
            <a:ext cx="3761453" cy="1484799"/>
          </a:xfrm>
          <a:prstGeom prst="bentConnector2">
            <a:avLst/>
          </a:prstGeom>
          <a:ln/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19" name="Lige forbindelse 18"/>
          <p:cNvCxnSpPr/>
          <p:nvPr/>
        </p:nvCxnSpPr>
        <p:spPr>
          <a:xfrm>
            <a:off x="6165363" y="2578442"/>
            <a:ext cx="1619" cy="1799583"/>
          </a:xfrm>
          <a:prstGeom prst="line">
            <a:avLst/>
          </a:prstGeom>
          <a:ln/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sp>
        <p:nvSpPr>
          <p:cNvPr id="20" name="Ellipse 19"/>
          <p:cNvSpPr/>
          <p:nvPr/>
        </p:nvSpPr>
        <p:spPr>
          <a:xfrm rot="16200000">
            <a:off x="2195161" y="3990001"/>
            <a:ext cx="432146" cy="432302"/>
          </a:xfrm>
          <a:prstGeom prst="ellipse">
            <a:avLst/>
          </a:prstGeom>
          <a:solidFill>
            <a:srgbClr val="00E7ED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85574"/>
            <a:r>
              <a:rPr lang="da-DK" sz="2000" dirty="0">
                <a:solidFill>
                  <a:prstClr val="white"/>
                </a:solidFill>
                <a:latin typeface="Ubuntu"/>
                <a:sym typeface="Wingdings"/>
              </a:rPr>
              <a:t></a:t>
            </a:r>
            <a:endParaRPr lang="da-DK" sz="2000" dirty="0">
              <a:solidFill>
                <a:prstClr val="white"/>
              </a:solidFill>
              <a:latin typeface="Ubuntu"/>
            </a:endParaRPr>
          </a:p>
        </p:txBody>
      </p:sp>
      <p:sp>
        <p:nvSpPr>
          <p:cNvPr id="21" name="Ellipse 20"/>
          <p:cNvSpPr/>
          <p:nvPr/>
        </p:nvSpPr>
        <p:spPr>
          <a:xfrm rot="16200000">
            <a:off x="5953427" y="3990001"/>
            <a:ext cx="432146" cy="432302"/>
          </a:xfrm>
          <a:prstGeom prst="ellipse">
            <a:avLst/>
          </a:prstGeom>
          <a:solidFill>
            <a:srgbClr val="00E7ED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85574"/>
            <a:r>
              <a:rPr lang="da-DK" sz="2000" dirty="0">
                <a:solidFill>
                  <a:prstClr val="white"/>
                </a:solidFill>
                <a:latin typeface="Ubuntu"/>
                <a:sym typeface="Wingdings"/>
              </a:rPr>
              <a:t></a:t>
            </a:r>
            <a:endParaRPr lang="da-DK" sz="2000" dirty="0">
              <a:solidFill>
                <a:prstClr val="white"/>
              </a:solidFill>
              <a:latin typeface="Ubuntu"/>
            </a:endParaRPr>
          </a:p>
        </p:txBody>
      </p:sp>
      <p:sp>
        <p:nvSpPr>
          <p:cNvPr id="22" name="Ellipse 21"/>
          <p:cNvSpPr/>
          <p:nvPr/>
        </p:nvSpPr>
        <p:spPr>
          <a:xfrm rot="16200000">
            <a:off x="9716688" y="3990000"/>
            <a:ext cx="432146" cy="432302"/>
          </a:xfrm>
          <a:prstGeom prst="ellipse">
            <a:avLst/>
          </a:prstGeom>
          <a:solidFill>
            <a:srgbClr val="00E7ED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85574"/>
            <a:r>
              <a:rPr lang="da-DK" sz="2000" dirty="0">
                <a:solidFill>
                  <a:prstClr val="white"/>
                </a:solidFill>
                <a:latin typeface="Ubuntu"/>
                <a:sym typeface="Wingdings"/>
              </a:rPr>
              <a:t></a:t>
            </a:r>
            <a:endParaRPr lang="da-DK" sz="2000" dirty="0">
              <a:solidFill>
                <a:prstClr val="white"/>
              </a:solidFill>
              <a:latin typeface="Ubuntu"/>
            </a:endParaRPr>
          </a:p>
        </p:txBody>
      </p:sp>
      <p:sp>
        <p:nvSpPr>
          <p:cNvPr id="3" name="AutoShape 2" descr="Billedresultat for syddansk universitet logo"/>
          <p:cNvSpPr>
            <a:spLocks noChangeAspect="1" noChangeArrowheads="1"/>
          </p:cNvSpPr>
          <p:nvPr/>
        </p:nvSpPr>
        <p:spPr bwMode="auto">
          <a:xfrm>
            <a:off x="2206" y="-143137"/>
            <a:ext cx="304729" cy="3046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07" tIns="45703" rIns="91407" bIns="45703" numCol="1" anchor="t" anchorCtr="0" compatLnSpc="1">
            <a:prstTxWarp prst="textNoShape">
              <a:avLst/>
            </a:prstTxWarp>
          </a:bodyPr>
          <a:lstStyle/>
          <a:p>
            <a:pPr defTabSz="1085574"/>
            <a:endParaRPr lang="da-DK" dirty="0">
              <a:solidFill>
                <a:srgbClr val="1E4148"/>
              </a:solidFill>
              <a:latin typeface="Ubuntu"/>
            </a:endParaRPr>
          </a:p>
        </p:txBody>
      </p:sp>
      <p:pic>
        <p:nvPicPr>
          <p:cNvPr id="17" name="Billede 16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77200" y="1268760"/>
            <a:ext cx="5400600" cy="16876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41714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Afrundet rektangel 8"/>
          <p:cNvSpPr/>
          <p:nvPr/>
        </p:nvSpPr>
        <p:spPr>
          <a:xfrm>
            <a:off x="876301" y="1772816"/>
            <a:ext cx="3520867" cy="2137125"/>
          </a:xfrm>
          <a:prstGeom prst="roundRect">
            <a:avLst/>
          </a:prstGeom>
          <a:solidFill>
            <a:srgbClr val="00E7E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000" b="1" dirty="0" err="1" smtClean="0">
                <a:solidFill>
                  <a:schemeClr val="tx1"/>
                </a:solidFill>
              </a:rPr>
              <a:t>Forskningsfinansiering</a:t>
            </a:r>
            <a:endParaRPr lang="en-US" sz="2000" b="1" dirty="0">
              <a:solidFill>
                <a:schemeClr val="tx1"/>
              </a:solidFill>
            </a:endParaRPr>
          </a:p>
          <a:p>
            <a:pPr marL="285750" indent="-285750">
              <a:buFontTx/>
              <a:buChar char="-"/>
            </a:pPr>
            <a:endParaRPr lang="en-US" dirty="0" smtClean="0">
              <a:solidFill>
                <a:schemeClr val="tx1"/>
              </a:solidFill>
            </a:endParaRPr>
          </a:p>
          <a:p>
            <a:pPr marL="285750" indent="-285750">
              <a:buFontTx/>
              <a:buChar char="-"/>
            </a:pPr>
            <a:r>
              <a:rPr lang="en-US" dirty="0" smtClean="0">
                <a:solidFill>
                  <a:schemeClr val="tx1"/>
                </a:solidFill>
              </a:rPr>
              <a:t>Grand Solutions</a:t>
            </a:r>
            <a:endParaRPr lang="en-US" dirty="0">
              <a:solidFill>
                <a:schemeClr val="tx1"/>
              </a:solidFill>
            </a:endParaRPr>
          </a:p>
          <a:p>
            <a:pPr marL="285750" indent="-285750">
              <a:buFontTx/>
              <a:buChar char="-"/>
            </a:pPr>
            <a:r>
              <a:rPr lang="en-US" dirty="0" smtClean="0">
                <a:solidFill>
                  <a:schemeClr val="tx1"/>
                </a:solidFill>
              </a:rPr>
              <a:t>Den </a:t>
            </a:r>
            <a:r>
              <a:rPr lang="en-US" dirty="0" err="1">
                <a:solidFill>
                  <a:schemeClr val="tx1"/>
                </a:solidFill>
              </a:rPr>
              <a:t>Frie</a:t>
            </a:r>
            <a:r>
              <a:rPr lang="en-US" dirty="0">
                <a:solidFill>
                  <a:schemeClr val="tx1"/>
                </a:solidFill>
              </a:rPr>
              <a:t> </a:t>
            </a:r>
            <a:r>
              <a:rPr lang="en-US" dirty="0" err="1" smtClean="0">
                <a:solidFill>
                  <a:schemeClr val="tx1"/>
                </a:solidFill>
              </a:rPr>
              <a:t>Forskningsfond</a:t>
            </a:r>
            <a:endParaRPr lang="en-US" dirty="0">
              <a:solidFill>
                <a:schemeClr val="tx1"/>
              </a:solidFill>
            </a:endParaRPr>
          </a:p>
          <a:p>
            <a:pPr marL="285750" indent="-285750">
              <a:buFontTx/>
              <a:buChar char="-"/>
            </a:pPr>
            <a:r>
              <a:rPr lang="en-US" dirty="0" err="1" smtClean="0">
                <a:solidFill>
                  <a:schemeClr val="tx1"/>
                </a:solidFill>
              </a:rPr>
              <a:t>Grundforskningsfonden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3" name="Højrepil 12"/>
          <p:cNvSpPr/>
          <p:nvPr/>
        </p:nvSpPr>
        <p:spPr>
          <a:xfrm>
            <a:off x="6378157" y="4096608"/>
            <a:ext cx="2814187" cy="484520"/>
          </a:xfrm>
          <a:prstGeom prst="rightArrow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Industrial fellow 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idx="4294967295"/>
          </p:nvPr>
        </p:nvSpPr>
        <p:spPr>
          <a:xfrm>
            <a:off x="876300" y="693738"/>
            <a:ext cx="11315700" cy="939800"/>
          </a:xfrm>
        </p:spPr>
        <p:txBody>
          <a:bodyPr/>
          <a:lstStyle/>
          <a:p>
            <a:r>
              <a:rPr lang="da-DK" sz="2800" dirty="0"/>
              <a:t>Økosystemet - når de nye initiativer er implementeret</a:t>
            </a:r>
            <a:endParaRPr lang="da-DK" sz="3200" dirty="0"/>
          </a:p>
        </p:txBody>
      </p:sp>
      <p:sp>
        <p:nvSpPr>
          <p:cNvPr id="4" name="Højrepil 3"/>
          <p:cNvSpPr/>
          <p:nvPr/>
        </p:nvSpPr>
        <p:spPr>
          <a:xfrm>
            <a:off x="4578680" y="2659547"/>
            <a:ext cx="1517320" cy="1201501"/>
          </a:xfrm>
          <a:prstGeom prst="rightArrow">
            <a:avLst/>
          </a:prstGeom>
          <a:solidFill>
            <a:srgbClr val="00E7ED"/>
          </a:solidFill>
          <a:ln w="9525">
            <a:solidFill>
              <a:srgbClr val="00E7E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b="1" noProof="0" dirty="0" err="1" smtClean="0">
                <a:solidFill>
                  <a:schemeClr val="tx1"/>
                </a:solidFill>
              </a:rPr>
              <a:t>Inno</a:t>
            </a:r>
            <a:r>
              <a:rPr lang="en-US" sz="1600" b="1" noProof="0" dirty="0" smtClean="0">
                <a:solidFill>
                  <a:schemeClr val="tx1"/>
                </a:solidFill>
              </a:rPr>
              <a:t>-</a:t>
            </a:r>
            <a:r>
              <a:rPr lang="en-US" sz="1600" b="1" dirty="0" smtClean="0">
                <a:solidFill>
                  <a:schemeClr val="tx1"/>
                </a:solidFill>
              </a:rPr>
              <a:t>Explorer</a:t>
            </a:r>
            <a:endParaRPr lang="en-US" sz="1600" b="1" noProof="0" dirty="0">
              <a:solidFill>
                <a:schemeClr val="tx1"/>
              </a:solidFill>
            </a:endParaRPr>
          </a:p>
        </p:txBody>
      </p:sp>
      <p:sp>
        <p:nvSpPr>
          <p:cNvPr id="17" name="Højrepil 16"/>
          <p:cNvSpPr/>
          <p:nvPr/>
        </p:nvSpPr>
        <p:spPr>
          <a:xfrm>
            <a:off x="6378157" y="3160504"/>
            <a:ext cx="2814187" cy="484520"/>
          </a:xfrm>
          <a:prstGeom prst="rightArrow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err="1">
                <a:solidFill>
                  <a:schemeClr val="tx1"/>
                </a:solidFill>
              </a:rPr>
              <a:t>InnoBooster</a:t>
            </a:r>
            <a:endParaRPr lang="en-US" b="1" noProof="0" dirty="0" err="1">
              <a:solidFill>
                <a:schemeClr val="tx1"/>
              </a:solidFill>
            </a:endParaRPr>
          </a:p>
        </p:txBody>
      </p:sp>
      <p:sp>
        <p:nvSpPr>
          <p:cNvPr id="18" name="Højrepil 17"/>
          <p:cNvSpPr/>
          <p:nvPr/>
        </p:nvSpPr>
        <p:spPr>
          <a:xfrm>
            <a:off x="6378157" y="3612088"/>
            <a:ext cx="2814187" cy="484520"/>
          </a:xfrm>
          <a:prstGeom prst="rightArrow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err="1" smtClean="0">
                <a:solidFill>
                  <a:schemeClr val="tx1"/>
                </a:solidFill>
              </a:rPr>
              <a:t>InnoFounder</a:t>
            </a:r>
            <a:endParaRPr lang="en-US" b="1" dirty="0">
              <a:solidFill>
                <a:schemeClr val="tx1"/>
              </a:solidFill>
            </a:endParaRPr>
          </a:p>
        </p:txBody>
      </p:sp>
      <p:sp>
        <p:nvSpPr>
          <p:cNvPr id="5" name="Venstre klammeparentes 4"/>
          <p:cNvSpPr/>
          <p:nvPr/>
        </p:nvSpPr>
        <p:spPr>
          <a:xfrm>
            <a:off x="6096000" y="2903774"/>
            <a:ext cx="282880" cy="2165824"/>
          </a:xfrm>
          <a:prstGeom prst="leftBrace">
            <a:avLst/>
          </a:prstGeom>
          <a:solidFill>
            <a:schemeClr val="bg1"/>
          </a:solidFill>
          <a:ln>
            <a:solidFill>
              <a:srgbClr val="00E7E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Højre klammeparentes 5"/>
          <p:cNvSpPr/>
          <p:nvPr/>
        </p:nvSpPr>
        <p:spPr>
          <a:xfrm>
            <a:off x="8760296" y="2920939"/>
            <a:ext cx="211900" cy="2170956"/>
          </a:xfrm>
          <a:prstGeom prst="rightBrace">
            <a:avLst/>
          </a:prstGeom>
          <a:solidFill>
            <a:schemeClr val="bg1"/>
          </a:solidFill>
          <a:ln>
            <a:solidFill>
              <a:srgbClr val="00E7E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Højrepil 19"/>
          <p:cNvSpPr/>
          <p:nvPr/>
        </p:nvSpPr>
        <p:spPr>
          <a:xfrm>
            <a:off x="9264352" y="3088876"/>
            <a:ext cx="2736304" cy="1780284"/>
          </a:xfrm>
          <a:prstGeom prst="rightArrow">
            <a:avLst/>
          </a:prstGeom>
          <a:solidFill>
            <a:schemeClr val="tx2">
              <a:lumMod val="20000"/>
              <a:lumOff val="80000"/>
            </a:schemeClr>
          </a:solidFill>
          <a:ln w="952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>
                <a:solidFill>
                  <a:schemeClr val="tx1"/>
                </a:solidFill>
              </a:rPr>
              <a:t>Hårde</a:t>
            </a:r>
            <a:r>
              <a:rPr lang="en-US" dirty="0" smtClean="0">
                <a:solidFill>
                  <a:schemeClr val="tx1"/>
                </a:solidFill>
              </a:rPr>
              <a:t> </a:t>
            </a:r>
            <a:r>
              <a:rPr lang="en-US" dirty="0" err="1" smtClean="0">
                <a:solidFill>
                  <a:schemeClr val="tx1"/>
                </a:solidFill>
              </a:rPr>
              <a:t>penge</a:t>
            </a:r>
            <a:r>
              <a:rPr lang="en-US" dirty="0" smtClean="0">
                <a:solidFill>
                  <a:schemeClr val="tx1"/>
                </a:solidFill>
              </a:rPr>
              <a:t> (</a:t>
            </a:r>
            <a:r>
              <a:rPr lang="en-US" dirty="0" err="1">
                <a:solidFill>
                  <a:schemeClr val="tx1"/>
                </a:solidFill>
              </a:rPr>
              <a:t>Vækstfonden</a:t>
            </a:r>
            <a:r>
              <a:rPr lang="en-US" dirty="0">
                <a:solidFill>
                  <a:schemeClr val="tx1"/>
                </a:solidFill>
              </a:rPr>
              <a:t>)</a:t>
            </a:r>
            <a:endParaRPr lang="en-US" noProof="0" dirty="0" err="1">
              <a:solidFill>
                <a:schemeClr val="tx1"/>
              </a:solidFill>
            </a:endParaRPr>
          </a:p>
        </p:txBody>
      </p:sp>
      <p:sp>
        <p:nvSpPr>
          <p:cNvPr id="8" name="Tekstfelt 7"/>
          <p:cNvSpPr txBox="1"/>
          <p:nvPr/>
        </p:nvSpPr>
        <p:spPr>
          <a:xfrm rot="5400000">
            <a:off x="7727321" y="3896944"/>
            <a:ext cx="1788951" cy="276999"/>
          </a:xfrm>
          <a:prstGeom prst="rect">
            <a:avLst/>
          </a:prstGeom>
          <a:solidFill>
            <a:schemeClr val="bg1"/>
          </a:solidFill>
          <a:ln w="38100"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r>
              <a:rPr lang="en-US" noProof="0" dirty="0"/>
              <a:t>  Mix </a:t>
            </a:r>
            <a:r>
              <a:rPr lang="en-US" dirty="0" err="1"/>
              <a:t>og</a:t>
            </a:r>
            <a:r>
              <a:rPr lang="en-US" noProof="0" dirty="0"/>
              <a:t> match  </a:t>
            </a:r>
          </a:p>
        </p:txBody>
      </p:sp>
      <p:sp>
        <p:nvSpPr>
          <p:cNvPr id="10" name="Afrundet rektangel 9"/>
          <p:cNvSpPr/>
          <p:nvPr/>
        </p:nvSpPr>
        <p:spPr>
          <a:xfrm>
            <a:off x="876300" y="4090445"/>
            <a:ext cx="3520868" cy="2218875"/>
          </a:xfrm>
          <a:prstGeom prst="roundRect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000" b="1" dirty="0">
                <a:solidFill>
                  <a:schemeClr val="tx1"/>
                </a:solidFill>
              </a:rPr>
              <a:t> </a:t>
            </a:r>
            <a:r>
              <a:rPr lang="en-US" sz="2000" b="1" dirty="0" err="1">
                <a:solidFill>
                  <a:schemeClr val="tx1"/>
                </a:solidFill>
              </a:rPr>
              <a:t>Anden</a:t>
            </a:r>
            <a:r>
              <a:rPr lang="en-US" sz="2000" b="1" dirty="0">
                <a:solidFill>
                  <a:schemeClr val="tx1"/>
                </a:solidFill>
              </a:rPr>
              <a:t> </a:t>
            </a:r>
            <a:r>
              <a:rPr lang="en-US" sz="2000" b="1" dirty="0" err="1">
                <a:solidFill>
                  <a:schemeClr val="tx1"/>
                </a:solidFill>
              </a:rPr>
              <a:t>finansiering</a:t>
            </a:r>
            <a:endParaRPr lang="en-US" sz="2000" b="1" dirty="0">
              <a:solidFill>
                <a:schemeClr val="tx1"/>
              </a:solidFill>
            </a:endParaRPr>
          </a:p>
          <a:p>
            <a:pPr marL="285750" indent="-285750">
              <a:buFontTx/>
              <a:buChar char="-"/>
            </a:pPr>
            <a:endParaRPr lang="en-US" dirty="0" smtClean="0">
              <a:solidFill>
                <a:schemeClr val="tx1"/>
              </a:solidFill>
            </a:endParaRPr>
          </a:p>
          <a:p>
            <a:pPr marL="285750" indent="-285750">
              <a:buFontTx/>
              <a:buChar char="-"/>
            </a:pPr>
            <a:r>
              <a:rPr lang="en-US" dirty="0" smtClean="0">
                <a:solidFill>
                  <a:schemeClr val="tx1"/>
                </a:solidFill>
              </a:rPr>
              <a:t>Private </a:t>
            </a:r>
            <a:r>
              <a:rPr lang="en-US" dirty="0" err="1" smtClean="0">
                <a:solidFill>
                  <a:schemeClr val="tx1"/>
                </a:solidFill>
              </a:rPr>
              <a:t>virksomheder</a:t>
            </a:r>
            <a:endParaRPr lang="en-US" dirty="0">
              <a:solidFill>
                <a:schemeClr val="tx1"/>
              </a:solidFill>
            </a:endParaRPr>
          </a:p>
          <a:p>
            <a:pPr marL="285750" indent="-285750">
              <a:buFontTx/>
              <a:buChar char="-"/>
            </a:pPr>
            <a:r>
              <a:rPr lang="en-US" dirty="0" smtClean="0">
                <a:solidFill>
                  <a:schemeClr val="tx1"/>
                </a:solidFill>
              </a:rPr>
              <a:t>Den </a:t>
            </a:r>
            <a:r>
              <a:rPr lang="en-US" dirty="0" err="1">
                <a:solidFill>
                  <a:schemeClr val="tx1"/>
                </a:solidFill>
              </a:rPr>
              <a:t>offentlige</a:t>
            </a:r>
            <a:r>
              <a:rPr lang="en-US" dirty="0">
                <a:solidFill>
                  <a:schemeClr val="tx1"/>
                </a:solidFill>
              </a:rPr>
              <a:t> </a:t>
            </a:r>
            <a:r>
              <a:rPr lang="en-US" dirty="0" err="1" smtClean="0">
                <a:solidFill>
                  <a:schemeClr val="tx1"/>
                </a:solidFill>
              </a:rPr>
              <a:t>sektor</a:t>
            </a:r>
            <a:endParaRPr lang="en-US" dirty="0">
              <a:solidFill>
                <a:schemeClr val="tx1"/>
              </a:solidFill>
            </a:endParaRPr>
          </a:p>
          <a:p>
            <a:pPr marL="285750" indent="-285750">
              <a:buFontTx/>
              <a:buChar char="-"/>
            </a:pPr>
            <a:r>
              <a:rPr lang="en-US" dirty="0" smtClean="0">
                <a:solidFill>
                  <a:schemeClr val="tx1"/>
                </a:solidFill>
              </a:rPr>
              <a:t>Andre </a:t>
            </a:r>
            <a:endParaRPr lang="en-US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729464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3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9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0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4" grpId="0" animBg="1"/>
      <p:bldP spid="17" grpId="0" animBg="1"/>
      <p:bldP spid="18" grpId="0" animBg="1"/>
      <p:bldP spid="5" grpId="0" animBg="1"/>
      <p:bldP spid="6" grpId="0" animBg="1"/>
      <p:bldP spid="20" grpId="0" animBg="1"/>
      <p:bldP spid="8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5" name="Tekstfelt 4"/>
          <p:cNvSpPr txBox="1"/>
          <p:nvPr/>
        </p:nvSpPr>
        <p:spPr>
          <a:xfrm>
            <a:off x="3863753" y="5075892"/>
            <a:ext cx="4464495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2400" dirty="0" smtClean="0"/>
              <a:t>Nye </a:t>
            </a:r>
            <a:r>
              <a:rPr lang="en-GB" sz="2400" dirty="0" err="1" smtClean="0"/>
              <a:t>initiativer</a:t>
            </a:r>
            <a:r>
              <a:rPr lang="en-GB" sz="2400" dirty="0" smtClean="0"/>
              <a:t> </a:t>
            </a:r>
            <a:r>
              <a:rPr lang="en-GB" sz="2400" dirty="0" err="1" smtClean="0"/>
              <a:t>fra</a:t>
            </a:r>
            <a:r>
              <a:rPr lang="en-GB" sz="2400" dirty="0" smtClean="0"/>
              <a:t> </a:t>
            </a:r>
            <a:r>
              <a:rPr lang="en-GB" sz="2400" dirty="0" err="1" smtClean="0"/>
              <a:t>Vækstfonden</a:t>
            </a:r>
            <a:r>
              <a:rPr lang="en-GB" sz="2400" dirty="0" smtClean="0"/>
              <a:t> </a:t>
            </a:r>
            <a:r>
              <a:rPr lang="en-GB" sz="2400" dirty="0" err="1" smtClean="0"/>
              <a:t>i</a:t>
            </a:r>
            <a:r>
              <a:rPr lang="en-GB" sz="2400" dirty="0" smtClean="0"/>
              <a:t> 2019</a:t>
            </a:r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96000" y="2536263"/>
            <a:ext cx="7200000" cy="3978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2486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title"/>
          </p:nvPr>
        </p:nvSpPr>
        <p:spPr>
          <a:xfrm>
            <a:off x="541338" y="692696"/>
            <a:ext cx="7354887" cy="940329"/>
          </a:xfrm>
        </p:spPr>
        <p:txBody>
          <a:bodyPr/>
          <a:lstStyle/>
          <a:p>
            <a:r>
              <a:rPr lang="da-DK" dirty="0" smtClean="0">
                <a:latin typeface="Museo Slab 100" panose="02000000000000000000" pitchFamily="50" charset="0"/>
              </a:rPr>
              <a:t>Indsatsen er en </a:t>
            </a: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>partnerskabsstrategi</a:t>
            </a:r>
            <a:endParaRPr lang="da-DK" dirty="0"/>
          </a:p>
        </p:txBody>
      </p:sp>
      <p:sp>
        <p:nvSpPr>
          <p:cNvPr id="8" name="Tekstfelt 7"/>
          <p:cNvSpPr txBox="1"/>
          <p:nvPr/>
        </p:nvSpPr>
        <p:spPr>
          <a:xfrm>
            <a:off x="1285973" y="3904091"/>
            <a:ext cx="949362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2000" dirty="0" smtClean="0">
                <a:solidFill>
                  <a:schemeClr val="accent1"/>
                </a:solidFill>
              </a:rPr>
              <a:t>Marked</a:t>
            </a:r>
            <a:endParaRPr lang="da-DK" sz="2800" dirty="0" smtClean="0">
              <a:solidFill>
                <a:schemeClr val="accent1"/>
              </a:solidFill>
            </a:endParaRPr>
          </a:p>
        </p:txBody>
      </p:sp>
      <p:sp>
        <p:nvSpPr>
          <p:cNvPr id="9" name="Tekstfelt 8"/>
          <p:cNvSpPr txBox="1"/>
          <p:nvPr/>
        </p:nvSpPr>
        <p:spPr>
          <a:xfrm>
            <a:off x="4468637" y="3913311"/>
            <a:ext cx="132497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>
              <a:defRPr sz="2800" b="1">
                <a:solidFill>
                  <a:schemeClr val="accent2"/>
                </a:solidFill>
              </a:defRPr>
            </a:lvl1pPr>
          </a:lstStyle>
          <a:p>
            <a:r>
              <a:rPr lang="da-DK" sz="2000" b="0" dirty="0">
                <a:solidFill>
                  <a:schemeClr val="accent1"/>
                </a:solidFill>
              </a:rPr>
              <a:t>Produkter</a:t>
            </a:r>
            <a:r>
              <a:rPr lang="da-DK" sz="2000" b="0" dirty="0"/>
              <a:t> </a:t>
            </a:r>
          </a:p>
        </p:txBody>
      </p:sp>
      <p:sp>
        <p:nvSpPr>
          <p:cNvPr id="10" name="Tekstfelt 9"/>
          <p:cNvSpPr txBox="1"/>
          <p:nvPr/>
        </p:nvSpPr>
        <p:spPr>
          <a:xfrm>
            <a:off x="7968209" y="3913094"/>
            <a:ext cx="1566519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>
              <a:defRPr sz="2800" b="1">
                <a:solidFill>
                  <a:schemeClr val="accent2"/>
                </a:solidFill>
              </a:defRPr>
            </a:lvl1pPr>
          </a:lstStyle>
          <a:p>
            <a:r>
              <a:rPr lang="da-DK" sz="2000" b="0" dirty="0" smtClean="0">
                <a:solidFill>
                  <a:schemeClr val="accent1"/>
                </a:solidFill>
              </a:rPr>
              <a:t>Lokalisering</a:t>
            </a:r>
          </a:p>
        </p:txBody>
      </p:sp>
      <p:sp>
        <p:nvSpPr>
          <p:cNvPr id="7" name="Rektangel 6"/>
          <p:cNvSpPr/>
          <p:nvPr/>
        </p:nvSpPr>
        <p:spPr>
          <a:xfrm>
            <a:off x="754540" y="4254710"/>
            <a:ext cx="2223430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dirty="0">
                <a:latin typeface="+mj-lt"/>
              </a:rPr>
              <a:t>Identificere og udvikle </a:t>
            </a:r>
            <a:r>
              <a:rPr lang="da-DK" b="1" dirty="0">
                <a:latin typeface="+mj-lt"/>
              </a:rPr>
              <a:t>partnerskaber</a:t>
            </a:r>
            <a:r>
              <a:rPr lang="da-DK" dirty="0">
                <a:latin typeface="+mj-lt"/>
              </a:rPr>
              <a:t>, der tilfører netværk, viden og </a:t>
            </a:r>
            <a:r>
              <a:rPr lang="da-DK" dirty="0" smtClean="0">
                <a:latin typeface="+mj-lt"/>
              </a:rPr>
              <a:t>kapital</a:t>
            </a:r>
            <a:endParaRPr lang="da-DK" dirty="0">
              <a:latin typeface="+mj-lt"/>
            </a:endParaRPr>
          </a:p>
        </p:txBody>
      </p:sp>
      <p:sp>
        <p:nvSpPr>
          <p:cNvPr id="21" name="Rektangel 20"/>
          <p:cNvSpPr/>
          <p:nvPr/>
        </p:nvSpPr>
        <p:spPr>
          <a:xfrm>
            <a:off x="4042306" y="4323481"/>
            <a:ext cx="2485740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dirty="0">
                <a:latin typeface="+mj-lt"/>
              </a:rPr>
              <a:t>U</a:t>
            </a:r>
            <a:r>
              <a:rPr lang="da-DK" dirty="0" smtClean="0">
                <a:latin typeface="+mj-lt"/>
              </a:rPr>
              <a:t>nderstøtte </a:t>
            </a:r>
            <a:r>
              <a:rPr lang="da-DK" b="1" dirty="0">
                <a:latin typeface="+mj-lt"/>
              </a:rPr>
              <a:t>partnerskaberne</a:t>
            </a:r>
            <a:r>
              <a:rPr lang="da-DK" dirty="0">
                <a:latin typeface="+mj-lt"/>
              </a:rPr>
              <a:t> gennem </a:t>
            </a:r>
            <a:r>
              <a:rPr lang="da-DK" dirty="0" smtClean="0">
                <a:latin typeface="+mj-lt"/>
              </a:rPr>
              <a:t>produkter </a:t>
            </a:r>
            <a:r>
              <a:rPr lang="da-DK" dirty="0">
                <a:latin typeface="+mj-lt"/>
              </a:rPr>
              <a:t>baseret på </a:t>
            </a:r>
            <a:r>
              <a:rPr lang="da-DK" dirty="0" err="1">
                <a:latin typeface="+mj-lt"/>
              </a:rPr>
              <a:t>syndikering</a:t>
            </a:r>
            <a:r>
              <a:rPr lang="da-DK" dirty="0">
                <a:latin typeface="+mj-lt"/>
              </a:rPr>
              <a:t> og </a:t>
            </a:r>
            <a:r>
              <a:rPr lang="da-DK" dirty="0" smtClean="0">
                <a:latin typeface="+mj-lt"/>
              </a:rPr>
              <a:t>medfinansiering</a:t>
            </a:r>
            <a:endParaRPr lang="da-DK" dirty="0">
              <a:latin typeface="+mj-lt"/>
            </a:endParaRPr>
          </a:p>
        </p:txBody>
      </p:sp>
      <p:sp>
        <p:nvSpPr>
          <p:cNvPr id="24" name="Rektangel 23"/>
          <p:cNvSpPr/>
          <p:nvPr/>
        </p:nvSpPr>
        <p:spPr>
          <a:xfrm>
            <a:off x="7331009" y="4254710"/>
            <a:ext cx="2473375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dirty="0">
                <a:latin typeface="+mj-lt"/>
              </a:rPr>
              <a:t>V</a:t>
            </a:r>
            <a:r>
              <a:rPr lang="da-DK" dirty="0" smtClean="0">
                <a:latin typeface="+mj-lt"/>
              </a:rPr>
              <a:t>ære </a:t>
            </a:r>
            <a:r>
              <a:rPr lang="da-DK" dirty="0">
                <a:latin typeface="+mj-lt"/>
              </a:rPr>
              <a:t>tilstede lokalt med kompetente teams, som samarbejder </a:t>
            </a:r>
            <a:r>
              <a:rPr lang="da-DK" dirty="0" smtClean="0">
                <a:latin typeface="+mj-lt"/>
              </a:rPr>
              <a:t>på tværs</a:t>
            </a:r>
            <a:endParaRPr lang="da-DK" b="1" dirty="0">
              <a:latin typeface="+mj-lt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13</a:t>
            </a:fld>
            <a:endParaRPr lang="da-DK" dirty="0"/>
          </a:p>
        </p:txBody>
      </p:sp>
      <p:grpSp>
        <p:nvGrpSpPr>
          <p:cNvPr id="17" name="Gruppe 16"/>
          <p:cNvGrpSpPr>
            <a:grpSpLocks/>
          </p:cNvGrpSpPr>
          <p:nvPr/>
        </p:nvGrpSpPr>
        <p:grpSpPr>
          <a:xfrm>
            <a:off x="8117697" y="2635429"/>
            <a:ext cx="900000" cy="900000"/>
            <a:chOff x="5985339" y="1910028"/>
            <a:chExt cx="728663" cy="720725"/>
          </a:xfrm>
        </p:grpSpPr>
        <p:sp>
          <p:nvSpPr>
            <p:cNvPr id="18" name="Freeform 55"/>
            <p:cNvSpPr>
              <a:spLocks/>
            </p:cNvSpPr>
            <p:nvPr/>
          </p:nvSpPr>
          <p:spPr bwMode="auto">
            <a:xfrm>
              <a:off x="5985339" y="1910028"/>
              <a:ext cx="728663" cy="720725"/>
            </a:xfrm>
            <a:custGeom>
              <a:avLst/>
              <a:gdLst>
                <a:gd name="T0" fmla="*/ 10994 w 11016"/>
                <a:gd name="T1" fmla="*/ 5936 h 10896"/>
                <a:gd name="T2" fmla="*/ 10904 w 11016"/>
                <a:gd name="T3" fmla="*/ 6546 h 10896"/>
                <a:gd name="T4" fmla="*/ 10748 w 11016"/>
                <a:gd name="T5" fmla="*/ 7132 h 10896"/>
                <a:gd name="T6" fmla="*/ 10529 w 11016"/>
                <a:gd name="T7" fmla="*/ 7690 h 10896"/>
                <a:gd name="T8" fmla="*/ 10253 w 11016"/>
                <a:gd name="T9" fmla="*/ 8217 h 10896"/>
                <a:gd name="T10" fmla="*/ 9921 w 11016"/>
                <a:gd name="T11" fmla="*/ 8708 h 10896"/>
                <a:gd name="T12" fmla="*/ 9541 w 11016"/>
                <a:gd name="T13" fmla="*/ 9159 h 10896"/>
                <a:gd name="T14" fmla="*/ 9113 w 11016"/>
                <a:gd name="T15" fmla="*/ 9568 h 10896"/>
                <a:gd name="T16" fmla="*/ 8643 w 11016"/>
                <a:gd name="T17" fmla="*/ 9928 h 10896"/>
                <a:gd name="T18" fmla="*/ 8133 w 11016"/>
                <a:gd name="T19" fmla="*/ 10239 h 10896"/>
                <a:gd name="T20" fmla="*/ 7590 w 11016"/>
                <a:gd name="T21" fmla="*/ 10493 h 10896"/>
                <a:gd name="T22" fmla="*/ 7016 w 11016"/>
                <a:gd name="T23" fmla="*/ 10689 h 10896"/>
                <a:gd name="T24" fmla="*/ 6415 w 11016"/>
                <a:gd name="T25" fmla="*/ 10823 h 10896"/>
                <a:gd name="T26" fmla="*/ 5792 w 11016"/>
                <a:gd name="T27" fmla="*/ 10889 h 10896"/>
                <a:gd name="T28" fmla="*/ 5225 w 11016"/>
                <a:gd name="T29" fmla="*/ 10889 h 10896"/>
                <a:gd name="T30" fmla="*/ 4601 w 11016"/>
                <a:gd name="T31" fmla="*/ 10823 h 10896"/>
                <a:gd name="T32" fmla="*/ 4000 w 11016"/>
                <a:gd name="T33" fmla="*/ 10689 h 10896"/>
                <a:gd name="T34" fmla="*/ 3426 w 11016"/>
                <a:gd name="T35" fmla="*/ 10493 h 10896"/>
                <a:gd name="T36" fmla="*/ 2883 w 11016"/>
                <a:gd name="T37" fmla="*/ 10239 h 10896"/>
                <a:gd name="T38" fmla="*/ 2373 w 11016"/>
                <a:gd name="T39" fmla="*/ 9928 h 10896"/>
                <a:gd name="T40" fmla="*/ 1904 w 11016"/>
                <a:gd name="T41" fmla="*/ 9568 h 10896"/>
                <a:gd name="T42" fmla="*/ 1475 w 11016"/>
                <a:gd name="T43" fmla="*/ 9159 h 10896"/>
                <a:gd name="T44" fmla="*/ 1095 w 11016"/>
                <a:gd name="T45" fmla="*/ 8708 h 10896"/>
                <a:gd name="T46" fmla="*/ 763 w 11016"/>
                <a:gd name="T47" fmla="*/ 8217 h 10896"/>
                <a:gd name="T48" fmla="*/ 487 w 11016"/>
                <a:gd name="T49" fmla="*/ 7690 h 10896"/>
                <a:gd name="T50" fmla="*/ 268 w 11016"/>
                <a:gd name="T51" fmla="*/ 7132 h 10896"/>
                <a:gd name="T52" fmla="*/ 112 w 11016"/>
                <a:gd name="T53" fmla="*/ 6546 h 10896"/>
                <a:gd name="T54" fmla="*/ 22 w 11016"/>
                <a:gd name="T55" fmla="*/ 5936 h 10896"/>
                <a:gd name="T56" fmla="*/ 0 w 11016"/>
                <a:gd name="T57" fmla="*/ 5378 h 10896"/>
                <a:gd name="T58" fmla="*/ 45 w 11016"/>
                <a:gd name="T59" fmla="*/ 4754 h 10896"/>
                <a:gd name="T60" fmla="*/ 157 w 11016"/>
                <a:gd name="T61" fmla="*/ 4151 h 10896"/>
                <a:gd name="T62" fmla="*/ 334 w 11016"/>
                <a:gd name="T63" fmla="*/ 3575 h 10896"/>
                <a:gd name="T64" fmla="*/ 572 w 11016"/>
                <a:gd name="T65" fmla="*/ 3026 h 10896"/>
                <a:gd name="T66" fmla="*/ 868 w 11016"/>
                <a:gd name="T67" fmla="*/ 2512 h 10896"/>
                <a:gd name="T68" fmla="*/ 1216 w 11016"/>
                <a:gd name="T69" fmla="*/ 2033 h 10896"/>
                <a:gd name="T70" fmla="*/ 1613 w 11016"/>
                <a:gd name="T71" fmla="*/ 1596 h 10896"/>
                <a:gd name="T72" fmla="*/ 2055 w 11016"/>
                <a:gd name="T73" fmla="*/ 1203 h 10896"/>
                <a:gd name="T74" fmla="*/ 2539 w 11016"/>
                <a:gd name="T75" fmla="*/ 858 h 10896"/>
                <a:gd name="T76" fmla="*/ 3060 w 11016"/>
                <a:gd name="T77" fmla="*/ 566 h 10896"/>
                <a:gd name="T78" fmla="*/ 3615 w 11016"/>
                <a:gd name="T79" fmla="*/ 331 h 10896"/>
                <a:gd name="T80" fmla="*/ 4198 w 11016"/>
                <a:gd name="T81" fmla="*/ 155 h 10896"/>
                <a:gd name="T82" fmla="*/ 4806 w 11016"/>
                <a:gd name="T83" fmla="*/ 44 h 10896"/>
                <a:gd name="T84" fmla="*/ 5437 w 11016"/>
                <a:gd name="T85" fmla="*/ 0 h 10896"/>
                <a:gd name="T86" fmla="*/ 6002 w 11016"/>
                <a:gd name="T87" fmla="*/ 21 h 10896"/>
                <a:gd name="T88" fmla="*/ 6618 w 11016"/>
                <a:gd name="T89" fmla="*/ 111 h 10896"/>
                <a:gd name="T90" fmla="*/ 7210 w 11016"/>
                <a:gd name="T91" fmla="*/ 265 h 10896"/>
                <a:gd name="T92" fmla="*/ 7775 w 11016"/>
                <a:gd name="T93" fmla="*/ 481 h 10896"/>
                <a:gd name="T94" fmla="*/ 8308 w 11016"/>
                <a:gd name="T95" fmla="*/ 755 h 10896"/>
                <a:gd name="T96" fmla="*/ 8804 w 11016"/>
                <a:gd name="T97" fmla="*/ 1082 h 10896"/>
                <a:gd name="T98" fmla="*/ 9260 w 11016"/>
                <a:gd name="T99" fmla="*/ 1460 h 10896"/>
                <a:gd name="T100" fmla="*/ 9672 w 11016"/>
                <a:gd name="T101" fmla="*/ 1883 h 10896"/>
                <a:gd name="T102" fmla="*/ 10038 w 11016"/>
                <a:gd name="T103" fmla="*/ 2348 h 10896"/>
                <a:gd name="T104" fmla="*/ 10351 w 11016"/>
                <a:gd name="T105" fmla="*/ 2851 h 10896"/>
                <a:gd name="T106" fmla="*/ 10609 w 11016"/>
                <a:gd name="T107" fmla="*/ 3389 h 10896"/>
                <a:gd name="T108" fmla="*/ 10807 w 11016"/>
                <a:gd name="T109" fmla="*/ 3957 h 10896"/>
                <a:gd name="T110" fmla="*/ 10942 w 11016"/>
                <a:gd name="T111" fmla="*/ 4551 h 10896"/>
                <a:gd name="T112" fmla="*/ 11009 w 11016"/>
                <a:gd name="T113" fmla="*/ 5168 h 108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11016" h="10896">
                  <a:moveTo>
                    <a:pt x="11016" y="5448"/>
                  </a:moveTo>
                  <a:lnTo>
                    <a:pt x="11016" y="5448"/>
                  </a:lnTo>
                  <a:lnTo>
                    <a:pt x="11016" y="5518"/>
                  </a:lnTo>
                  <a:lnTo>
                    <a:pt x="11014" y="5589"/>
                  </a:lnTo>
                  <a:lnTo>
                    <a:pt x="11012" y="5659"/>
                  </a:lnTo>
                  <a:lnTo>
                    <a:pt x="11009" y="5728"/>
                  </a:lnTo>
                  <a:lnTo>
                    <a:pt x="11005" y="5798"/>
                  </a:lnTo>
                  <a:lnTo>
                    <a:pt x="11000" y="5867"/>
                  </a:lnTo>
                  <a:lnTo>
                    <a:pt x="10994" y="5936"/>
                  </a:lnTo>
                  <a:lnTo>
                    <a:pt x="10988" y="6005"/>
                  </a:lnTo>
                  <a:lnTo>
                    <a:pt x="10981" y="6074"/>
                  </a:lnTo>
                  <a:lnTo>
                    <a:pt x="10971" y="6142"/>
                  </a:lnTo>
                  <a:lnTo>
                    <a:pt x="10962" y="6210"/>
                  </a:lnTo>
                  <a:lnTo>
                    <a:pt x="10952" y="6278"/>
                  </a:lnTo>
                  <a:lnTo>
                    <a:pt x="10942" y="6345"/>
                  </a:lnTo>
                  <a:lnTo>
                    <a:pt x="10930" y="6413"/>
                  </a:lnTo>
                  <a:lnTo>
                    <a:pt x="10918" y="6480"/>
                  </a:lnTo>
                  <a:lnTo>
                    <a:pt x="10904" y="6546"/>
                  </a:lnTo>
                  <a:lnTo>
                    <a:pt x="10889" y="6613"/>
                  </a:lnTo>
                  <a:lnTo>
                    <a:pt x="10875" y="6679"/>
                  </a:lnTo>
                  <a:lnTo>
                    <a:pt x="10859" y="6745"/>
                  </a:lnTo>
                  <a:lnTo>
                    <a:pt x="10843" y="6809"/>
                  </a:lnTo>
                  <a:lnTo>
                    <a:pt x="10826" y="6874"/>
                  </a:lnTo>
                  <a:lnTo>
                    <a:pt x="10807" y="6939"/>
                  </a:lnTo>
                  <a:lnTo>
                    <a:pt x="10788" y="7004"/>
                  </a:lnTo>
                  <a:lnTo>
                    <a:pt x="10768" y="7068"/>
                  </a:lnTo>
                  <a:lnTo>
                    <a:pt x="10748" y="7132"/>
                  </a:lnTo>
                  <a:lnTo>
                    <a:pt x="10726" y="7195"/>
                  </a:lnTo>
                  <a:lnTo>
                    <a:pt x="10704" y="7259"/>
                  </a:lnTo>
                  <a:lnTo>
                    <a:pt x="10682" y="7321"/>
                  </a:lnTo>
                  <a:lnTo>
                    <a:pt x="10659" y="7384"/>
                  </a:lnTo>
                  <a:lnTo>
                    <a:pt x="10634" y="7446"/>
                  </a:lnTo>
                  <a:lnTo>
                    <a:pt x="10609" y="7507"/>
                  </a:lnTo>
                  <a:lnTo>
                    <a:pt x="10583" y="7568"/>
                  </a:lnTo>
                  <a:lnTo>
                    <a:pt x="10556" y="7629"/>
                  </a:lnTo>
                  <a:lnTo>
                    <a:pt x="10529" y="7690"/>
                  </a:lnTo>
                  <a:lnTo>
                    <a:pt x="10502" y="7750"/>
                  </a:lnTo>
                  <a:lnTo>
                    <a:pt x="10473" y="7810"/>
                  </a:lnTo>
                  <a:lnTo>
                    <a:pt x="10444" y="7870"/>
                  </a:lnTo>
                  <a:lnTo>
                    <a:pt x="10414" y="7929"/>
                  </a:lnTo>
                  <a:lnTo>
                    <a:pt x="10382" y="7986"/>
                  </a:lnTo>
                  <a:lnTo>
                    <a:pt x="10351" y="8045"/>
                  </a:lnTo>
                  <a:lnTo>
                    <a:pt x="10319" y="8103"/>
                  </a:lnTo>
                  <a:lnTo>
                    <a:pt x="10286" y="8160"/>
                  </a:lnTo>
                  <a:lnTo>
                    <a:pt x="10253" y="8217"/>
                  </a:lnTo>
                  <a:lnTo>
                    <a:pt x="10218" y="8273"/>
                  </a:lnTo>
                  <a:lnTo>
                    <a:pt x="10184" y="8329"/>
                  </a:lnTo>
                  <a:lnTo>
                    <a:pt x="10148" y="8384"/>
                  </a:lnTo>
                  <a:lnTo>
                    <a:pt x="10112" y="8440"/>
                  </a:lnTo>
                  <a:lnTo>
                    <a:pt x="10075" y="8494"/>
                  </a:lnTo>
                  <a:lnTo>
                    <a:pt x="10038" y="8548"/>
                  </a:lnTo>
                  <a:lnTo>
                    <a:pt x="9999" y="8602"/>
                  </a:lnTo>
                  <a:lnTo>
                    <a:pt x="9961" y="8655"/>
                  </a:lnTo>
                  <a:lnTo>
                    <a:pt x="9921" y="8708"/>
                  </a:lnTo>
                  <a:lnTo>
                    <a:pt x="9882" y="8759"/>
                  </a:lnTo>
                  <a:lnTo>
                    <a:pt x="9842" y="8811"/>
                  </a:lnTo>
                  <a:lnTo>
                    <a:pt x="9800" y="8863"/>
                  </a:lnTo>
                  <a:lnTo>
                    <a:pt x="9758" y="8914"/>
                  </a:lnTo>
                  <a:lnTo>
                    <a:pt x="9716" y="8963"/>
                  </a:lnTo>
                  <a:lnTo>
                    <a:pt x="9672" y="9013"/>
                  </a:lnTo>
                  <a:lnTo>
                    <a:pt x="9629" y="9063"/>
                  </a:lnTo>
                  <a:lnTo>
                    <a:pt x="9585" y="9111"/>
                  </a:lnTo>
                  <a:lnTo>
                    <a:pt x="9541" y="9159"/>
                  </a:lnTo>
                  <a:lnTo>
                    <a:pt x="9495" y="9207"/>
                  </a:lnTo>
                  <a:lnTo>
                    <a:pt x="9450" y="9253"/>
                  </a:lnTo>
                  <a:lnTo>
                    <a:pt x="9403" y="9300"/>
                  </a:lnTo>
                  <a:lnTo>
                    <a:pt x="9356" y="9346"/>
                  </a:lnTo>
                  <a:lnTo>
                    <a:pt x="9308" y="9391"/>
                  </a:lnTo>
                  <a:lnTo>
                    <a:pt x="9260" y="9436"/>
                  </a:lnTo>
                  <a:lnTo>
                    <a:pt x="9212" y="9481"/>
                  </a:lnTo>
                  <a:lnTo>
                    <a:pt x="9162" y="9524"/>
                  </a:lnTo>
                  <a:lnTo>
                    <a:pt x="9113" y="9568"/>
                  </a:lnTo>
                  <a:lnTo>
                    <a:pt x="9062" y="9610"/>
                  </a:lnTo>
                  <a:lnTo>
                    <a:pt x="9011" y="9652"/>
                  </a:lnTo>
                  <a:lnTo>
                    <a:pt x="8961" y="9693"/>
                  </a:lnTo>
                  <a:lnTo>
                    <a:pt x="8909" y="9734"/>
                  </a:lnTo>
                  <a:lnTo>
                    <a:pt x="8856" y="9774"/>
                  </a:lnTo>
                  <a:lnTo>
                    <a:pt x="8804" y="9814"/>
                  </a:lnTo>
                  <a:lnTo>
                    <a:pt x="8750" y="9853"/>
                  </a:lnTo>
                  <a:lnTo>
                    <a:pt x="8696" y="9891"/>
                  </a:lnTo>
                  <a:lnTo>
                    <a:pt x="8643" y="9928"/>
                  </a:lnTo>
                  <a:lnTo>
                    <a:pt x="8588" y="9966"/>
                  </a:lnTo>
                  <a:lnTo>
                    <a:pt x="8532" y="10002"/>
                  </a:lnTo>
                  <a:lnTo>
                    <a:pt x="8477" y="10038"/>
                  </a:lnTo>
                  <a:lnTo>
                    <a:pt x="8421" y="10073"/>
                  </a:lnTo>
                  <a:lnTo>
                    <a:pt x="8364" y="10108"/>
                  </a:lnTo>
                  <a:lnTo>
                    <a:pt x="8308" y="10141"/>
                  </a:lnTo>
                  <a:lnTo>
                    <a:pt x="8250" y="10175"/>
                  </a:lnTo>
                  <a:lnTo>
                    <a:pt x="8192" y="10207"/>
                  </a:lnTo>
                  <a:lnTo>
                    <a:pt x="8133" y="10239"/>
                  </a:lnTo>
                  <a:lnTo>
                    <a:pt x="8075" y="10270"/>
                  </a:lnTo>
                  <a:lnTo>
                    <a:pt x="8016" y="10300"/>
                  </a:lnTo>
                  <a:lnTo>
                    <a:pt x="7956" y="10330"/>
                  </a:lnTo>
                  <a:lnTo>
                    <a:pt x="7895" y="10358"/>
                  </a:lnTo>
                  <a:lnTo>
                    <a:pt x="7836" y="10387"/>
                  </a:lnTo>
                  <a:lnTo>
                    <a:pt x="7775" y="10415"/>
                  </a:lnTo>
                  <a:lnTo>
                    <a:pt x="7713" y="10441"/>
                  </a:lnTo>
                  <a:lnTo>
                    <a:pt x="7651" y="10468"/>
                  </a:lnTo>
                  <a:lnTo>
                    <a:pt x="7590" y="10493"/>
                  </a:lnTo>
                  <a:lnTo>
                    <a:pt x="7528" y="10519"/>
                  </a:lnTo>
                  <a:lnTo>
                    <a:pt x="7465" y="10542"/>
                  </a:lnTo>
                  <a:lnTo>
                    <a:pt x="7401" y="10565"/>
                  </a:lnTo>
                  <a:lnTo>
                    <a:pt x="7339" y="10588"/>
                  </a:lnTo>
                  <a:lnTo>
                    <a:pt x="7275" y="10610"/>
                  </a:lnTo>
                  <a:lnTo>
                    <a:pt x="7210" y="10631"/>
                  </a:lnTo>
                  <a:lnTo>
                    <a:pt x="7146" y="10651"/>
                  </a:lnTo>
                  <a:lnTo>
                    <a:pt x="7081" y="10671"/>
                  </a:lnTo>
                  <a:lnTo>
                    <a:pt x="7016" y="10689"/>
                  </a:lnTo>
                  <a:lnTo>
                    <a:pt x="6951" y="10707"/>
                  </a:lnTo>
                  <a:lnTo>
                    <a:pt x="6885" y="10725"/>
                  </a:lnTo>
                  <a:lnTo>
                    <a:pt x="6818" y="10741"/>
                  </a:lnTo>
                  <a:lnTo>
                    <a:pt x="6752" y="10756"/>
                  </a:lnTo>
                  <a:lnTo>
                    <a:pt x="6686" y="10771"/>
                  </a:lnTo>
                  <a:lnTo>
                    <a:pt x="6618" y="10785"/>
                  </a:lnTo>
                  <a:lnTo>
                    <a:pt x="6551" y="10799"/>
                  </a:lnTo>
                  <a:lnTo>
                    <a:pt x="6483" y="10811"/>
                  </a:lnTo>
                  <a:lnTo>
                    <a:pt x="6415" y="10823"/>
                  </a:lnTo>
                  <a:lnTo>
                    <a:pt x="6346" y="10833"/>
                  </a:lnTo>
                  <a:lnTo>
                    <a:pt x="6279" y="10843"/>
                  </a:lnTo>
                  <a:lnTo>
                    <a:pt x="6210" y="10852"/>
                  </a:lnTo>
                  <a:lnTo>
                    <a:pt x="6141" y="10860"/>
                  </a:lnTo>
                  <a:lnTo>
                    <a:pt x="6071" y="10868"/>
                  </a:lnTo>
                  <a:lnTo>
                    <a:pt x="6002" y="10875"/>
                  </a:lnTo>
                  <a:lnTo>
                    <a:pt x="5932" y="10880"/>
                  </a:lnTo>
                  <a:lnTo>
                    <a:pt x="5861" y="10885"/>
                  </a:lnTo>
                  <a:lnTo>
                    <a:pt x="5792" y="10889"/>
                  </a:lnTo>
                  <a:lnTo>
                    <a:pt x="5721" y="10892"/>
                  </a:lnTo>
                  <a:lnTo>
                    <a:pt x="5650" y="10894"/>
                  </a:lnTo>
                  <a:lnTo>
                    <a:pt x="5579" y="10896"/>
                  </a:lnTo>
                  <a:lnTo>
                    <a:pt x="5508" y="10896"/>
                  </a:lnTo>
                  <a:lnTo>
                    <a:pt x="5508" y="10896"/>
                  </a:lnTo>
                  <a:lnTo>
                    <a:pt x="5437" y="10896"/>
                  </a:lnTo>
                  <a:lnTo>
                    <a:pt x="5366" y="10894"/>
                  </a:lnTo>
                  <a:lnTo>
                    <a:pt x="5295" y="10892"/>
                  </a:lnTo>
                  <a:lnTo>
                    <a:pt x="5225" y="10889"/>
                  </a:lnTo>
                  <a:lnTo>
                    <a:pt x="5155" y="10885"/>
                  </a:lnTo>
                  <a:lnTo>
                    <a:pt x="5084" y="10880"/>
                  </a:lnTo>
                  <a:lnTo>
                    <a:pt x="5014" y="10875"/>
                  </a:lnTo>
                  <a:lnTo>
                    <a:pt x="4945" y="10868"/>
                  </a:lnTo>
                  <a:lnTo>
                    <a:pt x="4875" y="10860"/>
                  </a:lnTo>
                  <a:lnTo>
                    <a:pt x="4806" y="10852"/>
                  </a:lnTo>
                  <a:lnTo>
                    <a:pt x="4737" y="10843"/>
                  </a:lnTo>
                  <a:lnTo>
                    <a:pt x="4670" y="10833"/>
                  </a:lnTo>
                  <a:lnTo>
                    <a:pt x="4601" y="10823"/>
                  </a:lnTo>
                  <a:lnTo>
                    <a:pt x="4533" y="10811"/>
                  </a:lnTo>
                  <a:lnTo>
                    <a:pt x="4465" y="10799"/>
                  </a:lnTo>
                  <a:lnTo>
                    <a:pt x="4398" y="10785"/>
                  </a:lnTo>
                  <a:lnTo>
                    <a:pt x="4330" y="10771"/>
                  </a:lnTo>
                  <a:lnTo>
                    <a:pt x="4264" y="10756"/>
                  </a:lnTo>
                  <a:lnTo>
                    <a:pt x="4198" y="10741"/>
                  </a:lnTo>
                  <a:lnTo>
                    <a:pt x="4131" y="10725"/>
                  </a:lnTo>
                  <a:lnTo>
                    <a:pt x="4065" y="10707"/>
                  </a:lnTo>
                  <a:lnTo>
                    <a:pt x="4000" y="10689"/>
                  </a:lnTo>
                  <a:lnTo>
                    <a:pt x="3935" y="10671"/>
                  </a:lnTo>
                  <a:lnTo>
                    <a:pt x="3870" y="10651"/>
                  </a:lnTo>
                  <a:lnTo>
                    <a:pt x="3806" y="10631"/>
                  </a:lnTo>
                  <a:lnTo>
                    <a:pt x="3741" y="10610"/>
                  </a:lnTo>
                  <a:lnTo>
                    <a:pt x="3677" y="10588"/>
                  </a:lnTo>
                  <a:lnTo>
                    <a:pt x="3615" y="10565"/>
                  </a:lnTo>
                  <a:lnTo>
                    <a:pt x="3551" y="10542"/>
                  </a:lnTo>
                  <a:lnTo>
                    <a:pt x="3488" y="10519"/>
                  </a:lnTo>
                  <a:lnTo>
                    <a:pt x="3426" y="10493"/>
                  </a:lnTo>
                  <a:lnTo>
                    <a:pt x="3365" y="10468"/>
                  </a:lnTo>
                  <a:lnTo>
                    <a:pt x="3303" y="10441"/>
                  </a:lnTo>
                  <a:lnTo>
                    <a:pt x="3241" y="10415"/>
                  </a:lnTo>
                  <a:lnTo>
                    <a:pt x="3180" y="10387"/>
                  </a:lnTo>
                  <a:lnTo>
                    <a:pt x="3121" y="10358"/>
                  </a:lnTo>
                  <a:lnTo>
                    <a:pt x="3060" y="10330"/>
                  </a:lnTo>
                  <a:lnTo>
                    <a:pt x="3000" y="10300"/>
                  </a:lnTo>
                  <a:lnTo>
                    <a:pt x="2941" y="10270"/>
                  </a:lnTo>
                  <a:lnTo>
                    <a:pt x="2883" y="10239"/>
                  </a:lnTo>
                  <a:lnTo>
                    <a:pt x="2824" y="10207"/>
                  </a:lnTo>
                  <a:lnTo>
                    <a:pt x="2766" y="10175"/>
                  </a:lnTo>
                  <a:lnTo>
                    <a:pt x="2708" y="10141"/>
                  </a:lnTo>
                  <a:lnTo>
                    <a:pt x="2652" y="10108"/>
                  </a:lnTo>
                  <a:lnTo>
                    <a:pt x="2595" y="10073"/>
                  </a:lnTo>
                  <a:lnTo>
                    <a:pt x="2539" y="10038"/>
                  </a:lnTo>
                  <a:lnTo>
                    <a:pt x="2484" y="10002"/>
                  </a:lnTo>
                  <a:lnTo>
                    <a:pt x="2428" y="9966"/>
                  </a:lnTo>
                  <a:lnTo>
                    <a:pt x="2373" y="9928"/>
                  </a:lnTo>
                  <a:lnTo>
                    <a:pt x="2320" y="9891"/>
                  </a:lnTo>
                  <a:lnTo>
                    <a:pt x="2266" y="9853"/>
                  </a:lnTo>
                  <a:lnTo>
                    <a:pt x="2212" y="9814"/>
                  </a:lnTo>
                  <a:lnTo>
                    <a:pt x="2160" y="9774"/>
                  </a:lnTo>
                  <a:lnTo>
                    <a:pt x="2107" y="9734"/>
                  </a:lnTo>
                  <a:lnTo>
                    <a:pt x="2055" y="9693"/>
                  </a:lnTo>
                  <a:lnTo>
                    <a:pt x="2005" y="9652"/>
                  </a:lnTo>
                  <a:lnTo>
                    <a:pt x="1954" y="9610"/>
                  </a:lnTo>
                  <a:lnTo>
                    <a:pt x="1904" y="9568"/>
                  </a:lnTo>
                  <a:lnTo>
                    <a:pt x="1854" y="9524"/>
                  </a:lnTo>
                  <a:lnTo>
                    <a:pt x="1804" y="9481"/>
                  </a:lnTo>
                  <a:lnTo>
                    <a:pt x="1756" y="9436"/>
                  </a:lnTo>
                  <a:lnTo>
                    <a:pt x="1708" y="9391"/>
                  </a:lnTo>
                  <a:lnTo>
                    <a:pt x="1661" y="9346"/>
                  </a:lnTo>
                  <a:lnTo>
                    <a:pt x="1613" y="9300"/>
                  </a:lnTo>
                  <a:lnTo>
                    <a:pt x="1566" y="9253"/>
                  </a:lnTo>
                  <a:lnTo>
                    <a:pt x="1521" y="9207"/>
                  </a:lnTo>
                  <a:lnTo>
                    <a:pt x="1475" y="9159"/>
                  </a:lnTo>
                  <a:lnTo>
                    <a:pt x="1431" y="9111"/>
                  </a:lnTo>
                  <a:lnTo>
                    <a:pt x="1387" y="9063"/>
                  </a:lnTo>
                  <a:lnTo>
                    <a:pt x="1344" y="9013"/>
                  </a:lnTo>
                  <a:lnTo>
                    <a:pt x="1300" y="8963"/>
                  </a:lnTo>
                  <a:lnTo>
                    <a:pt x="1258" y="8914"/>
                  </a:lnTo>
                  <a:lnTo>
                    <a:pt x="1216" y="8863"/>
                  </a:lnTo>
                  <a:lnTo>
                    <a:pt x="1175" y="8811"/>
                  </a:lnTo>
                  <a:lnTo>
                    <a:pt x="1134" y="8759"/>
                  </a:lnTo>
                  <a:lnTo>
                    <a:pt x="1095" y="8708"/>
                  </a:lnTo>
                  <a:lnTo>
                    <a:pt x="1055" y="8655"/>
                  </a:lnTo>
                  <a:lnTo>
                    <a:pt x="1017" y="8602"/>
                  </a:lnTo>
                  <a:lnTo>
                    <a:pt x="978" y="8548"/>
                  </a:lnTo>
                  <a:lnTo>
                    <a:pt x="941" y="8494"/>
                  </a:lnTo>
                  <a:lnTo>
                    <a:pt x="904" y="8440"/>
                  </a:lnTo>
                  <a:lnTo>
                    <a:pt x="868" y="8384"/>
                  </a:lnTo>
                  <a:lnTo>
                    <a:pt x="832" y="8329"/>
                  </a:lnTo>
                  <a:lnTo>
                    <a:pt x="798" y="8273"/>
                  </a:lnTo>
                  <a:lnTo>
                    <a:pt x="763" y="8217"/>
                  </a:lnTo>
                  <a:lnTo>
                    <a:pt x="730" y="8160"/>
                  </a:lnTo>
                  <a:lnTo>
                    <a:pt x="697" y="8103"/>
                  </a:lnTo>
                  <a:lnTo>
                    <a:pt x="665" y="8045"/>
                  </a:lnTo>
                  <a:lnTo>
                    <a:pt x="634" y="7986"/>
                  </a:lnTo>
                  <a:lnTo>
                    <a:pt x="602" y="7929"/>
                  </a:lnTo>
                  <a:lnTo>
                    <a:pt x="572" y="7870"/>
                  </a:lnTo>
                  <a:lnTo>
                    <a:pt x="543" y="7810"/>
                  </a:lnTo>
                  <a:lnTo>
                    <a:pt x="514" y="7750"/>
                  </a:lnTo>
                  <a:lnTo>
                    <a:pt x="487" y="7690"/>
                  </a:lnTo>
                  <a:lnTo>
                    <a:pt x="460" y="7629"/>
                  </a:lnTo>
                  <a:lnTo>
                    <a:pt x="433" y="7568"/>
                  </a:lnTo>
                  <a:lnTo>
                    <a:pt x="407" y="7507"/>
                  </a:lnTo>
                  <a:lnTo>
                    <a:pt x="382" y="7446"/>
                  </a:lnTo>
                  <a:lnTo>
                    <a:pt x="357" y="7384"/>
                  </a:lnTo>
                  <a:lnTo>
                    <a:pt x="334" y="7321"/>
                  </a:lnTo>
                  <a:lnTo>
                    <a:pt x="312" y="7259"/>
                  </a:lnTo>
                  <a:lnTo>
                    <a:pt x="290" y="7195"/>
                  </a:lnTo>
                  <a:lnTo>
                    <a:pt x="268" y="7132"/>
                  </a:lnTo>
                  <a:lnTo>
                    <a:pt x="248" y="7068"/>
                  </a:lnTo>
                  <a:lnTo>
                    <a:pt x="228" y="7004"/>
                  </a:lnTo>
                  <a:lnTo>
                    <a:pt x="209" y="6939"/>
                  </a:lnTo>
                  <a:lnTo>
                    <a:pt x="190" y="6874"/>
                  </a:lnTo>
                  <a:lnTo>
                    <a:pt x="173" y="6809"/>
                  </a:lnTo>
                  <a:lnTo>
                    <a:pt x="157" y="6745"/>
                  </a:lnTo>
                  <a:lnTo>
                    <a:pt x="141" y="6679"/>
                  </a:lnTo>
                  <a:lnTo>
                    <a:pt x="127" y="6613"/>
                  </a:lnTo>
                  <a:lnTo>
                    <a:pt x="112" y="6546"/>
                  </a:lnTo>
                  <a:lnTo>
                    <a:pt x="98" y="6480"/>
                  </a:lnTo>
                  <a:lnTo>
                    <a:pt x="86" y="6413"/>
                  </a:lnTo>
                  <a:lnTo>
                    <a:pt x="74" y="6345"/>
                  </a:lnTo>
                  <a:lnTo>
                    <a:pt x="64" y="6278"/>
                  </a:lnTo>
                  <a:lnTo>
                    <a:pt x="54" y="6210"/>
                  </a:lnTo>
                  <a:lnTo>
                    <a:pt x="45" y="6142"/>
                  </a:lnTo>
                  <a:lnTo>
                    <a:pt x="35" y="6074"/>
                  </a:lnTo>
                  <a:lnTo>
                    <a:pt x="28" y="6005"/>
                  </a:lnTo>
                  <a:lnTo>
                    <a:pt x="22" y="5936"/>
                  </a:lnTo>
                  <a:lnTo>
                    <a:pt x="16" y="5867"/>
                  </a:lnTo>
                  <a:lnTo>
                    <a:pt x="11" y="5798"/>
                  </a:lnTo>
                  <a:lnTo>
                    <a:pt x="7" y="5728"/>
                  </a:lnTo>
                  <a:lnTo>
                    <a:pt x="4" y="5659"/>
                  </a:lnTo>
                  <a:lnTo>
                    <a:pt x="2" y="5589"/>
                  </a:lnTo>
                  <a:lnTo>
                    <a:pt x="0" y="5518"/>
                  </a:lnTo>
                  <a:lnTo>
                    <a:pt x="0" y="5448"/>
                  </a:lnTo>
                  <a:lnTo>
                    <a:pt x="0" y="5448"/>
                  </a:lnTo>
                  <a:lnTo>
                    <a:pt x="0" y="5378"/>
                  </a:lnTo>
                  <a:lnTo>
                    <a:pt x="2" y="5307"/>
                  </a:lnTo>
                  <a:lnTo>
                    <a:pt x="4" y="5237"/>
                  </a:lnTo>
                  <a:lnTo>
                    <a:pt x="7" y="5168"/>
                  </a:lnTo>
                  <a:lnTo>
                    <a:pt x="11" y="5098"/>
                  </a:lnTo>
                  <a:lnTo>
                    <a:pt x="16" y="5029"/>
                  </a:lnTo>
                  <a:lnTo>
                    <a:pt x="22" y="4960"/>
                  </a:lnTo>
                  <a:lnTo>
                    <a:pt x="28" y="4891"/>
                  </a:lnTo>
                  <a:lnTo>
                    <a:pt x="35" y="4822"/>
                  </a:lnTo>
                  <a:lnTo>
                    <a:pt x="45" y="4754"/>
                  </a:lnTo>
                  <a:lnTo>
                    <a:pt x="54" y="4686"/>
                  </a:lnTo>
                  <a:lnTo>
                    <a:pt x="64" y="4618"/>
                  </a:lnTo>
                  <a:lnTo>
                    <a:pt x="74" y="4551"/>
                  </a:lnTo>
                  <a:lnTo>
                    <a:pt x="86" y="4483"/>
                  </a:lnTo>
                  <a:lnTo>
                    <a:pt x="98" y="4416"/>
                  </a:lnTo>
                  <a:lnTo>
                    <a:pt x="112" y="4350"/>
                  </a:lnTo>
                  <a:lnTo>
                    <a:pt x="127" y="4283"/>
                  </a:lnTo>
                  <a:lnTo>
                    <a:pt x="141" y="4217"/>
                  </a:lnTo>
                  <a:lnTo>
                    <a:pt x="157" y="4151"/>
                  </a:lnTo>
                  <a:lnTo>
                    <a:pt x="173" y="4087"/>
                  </a:lnTo>
                  <a:lnTo>
                    <a:pt x="190" y="4022"/>
                  </a:lnTo>
                  <a:lnTo>
                    <a:pt x="209" y="3957"/>
                  </a:lnTo>
                  <a:lnTo>
                    <a:pt x="228" y="3892"/>
                  </a:lnTo>
                  <a:lnTo>
                    <a:pt x="248" y="3828"/>
                  </a:lnTo>
                  <a:lnTo>
                    <a:pt x="268" y="3764"/>
                  </a:lnTo>
                  <a:lnTo>
                    <a:pt x="290" y="3701"/>
                  </a:lnTo>
                  <a:lnTo>
                    <a:pt x="312" y="3637"/>
                  </a:lnTo>
                  <a:lnTo>
                    <a:pt x="334" y="3575"/>
                  </a:lnTo>
                  <a:lnTo>
                    <a:pt x="357" y="3512"/>
                  </a:lnTo>
                  <a:lnTo>
                    <a:pt x="382" y="3450"/>
                  </a:lnTo>
                  <a:lnTo>
                    <a:pt x="407" y="3389"/>
                  </a:lnTo>
                  <a:lnTo>
                    <a:pt x="433" y="3328"/>
                  </a:lnTo>
                  <a:lnTo>
                    <a:pt x="460" y="3267"/>
                  </a:lnTo>
                  <a:lnTo>
                    <a:pt x="487" y="3206"/>
                  </a:lnTo>
                  <a:lnTo>
                    <a:pt x="514" y="3146"/>
                  </a:lnTo>
                  <a:lnTo>
                    <a:pt x="543" y="3086"/>
                  </a:lnTo>
                  <a:lnTo>
                    <a:pt x="572" y="3026"/>
                  </a:lnTo>
                  <a:lnTo>
                    <a:pt x="602" y="2967"/>
                  </a:lnTo>
                  <a:lnTo>
                    <a:pt x="634" y="2910"/>
                  </a:lnTo>
                  <a:lnTo>
                    <a:pt x="665" y="2851"/>
                  </a:lnTo>
                  <a:lnTo>
                    <a:pt x="697" y="2793"/>
                  </a:lnTo>
                  <a:lnTo>
                    <a:pt x="730" y="2736"/>
                  </a:lnTo>
                  <a:lnTo>
                    <a:pt x="763" y="2679"/>
                  </a:lnTo>
                  <a:lnTo>
                    <a:pt x="798" y="2623"/>
                  </a:lnTo>
                  <a:lnTo>
                    <a:pt x="832" y="2567"/>
                  </a:lnTo>
                  <a:lnTo>
                    <a:pt x="868" y="2512"/>
                  </a:lnTo>
                  <a:lnTo>
                    <a:pt x="904" y="2456"/>
                  </a:lnTo>
                  <a:lnTo>
                    <a:pt x="941" y="2402"/>
                  </a:lnTo>
                  <a:lnTo>
                    <a:pt x="978" y="2348"/>
                  </a:lnTo>
                  <a:lnTo>
                    <a:pt x="1017" y="2294"/>
                  </a:lnTo>
                  <a:lnTo>
                    <a:pt x="1055" y="2241"/>
                  </a:lnTo>
                  <a:lnTo>
                    <a:pt x="1095" y="2188"/>
                  </a:lnTo>
                  <a:lnTo>
                    <a:pt x="1134" y="2137"/>
                  </a:lnTo>
                  <a:lnTo>
                    <a:pt x="1175" y="2085"/>
                  </a:lnTo>
                  <a:lnTo>
                    <a:pt x="1216" y="2033"/>
                  </a:lnTo>
                  <a:lnTo>
                    <a:pt x="1258" y="1982"/>
                  </a:lnTo>
                  <a:lnTo>
                    <a:pt x="1300" y="1933"/>
                  </a:lnTo>
                  <a:lnTo>
                    <a:pt x="1344" y="1883"/>
                  </a:lnTo>
                  <a:lnTo>
                    <a:pt x="1387" y="1833"/>
                  </a:lnTo>
                  <a:lnTo>
                    <a:pt x="1431" y="1785"/>
                  </a:lnTo>
                  <a:lnTo>
                    <a:pt x="1475" y="1737"/>
                  </a:lnTo>
                  <a:lnTo>
                    <a:pt x="1521" y="1689"/>
                  </a:lnTo>
                  <a:lnTo>
                    <a:pt x="1566" y="1643"/>
                  </a:lnTo>
                  <a:lnTo>
                    <a:pt x="1613" y="1596"/>
                  </a:lnTo>
                  <a:lnTo>
                    <a:pt x="1661" y="1550"/>
                  </a:lnTo>
                  <a:lnTo>
                    <a:pt x="1708" y="1505"/>
                  </a:lnTo>
                  <a:lnTo>
                    <a:pt x="1756" y="1460"/>
                  </a:lnTo>
                  <a:lnTo>
                    <a:pt x="1804" y="1415"/>
                  </a:lnTo>
                  <a:lnTo>
                    <a:pt x="1854" y="1372"/>
                  </a:lnTo>
                  <a:lnTo>
                    <a:pt x="1904" y="1328"/>
                  </a:lnTo>
                  <a:lnTo>
                    <a:pt x="1954" y="1286"/>
                  </a:lnTo>
                  <a:lnTo>
                    <a:pt x="2005" y="1244"/>
                  </a:lnTo>
                  <a:lnTo>
                    <a:pt x="2055" y="1203"/>
                  </a:lnTo>
                  <a:lnTo>
                    <a:pt x="2107" y="1162"/>
                  </a:lnTo>
                  <a:lnTo>
                    <a:pt x="2160" y="1122"/>
                  </a:lnTo>
                  <a:lnTo>
                    <a:pt x="2212" y="1082"/>
                  </a:lnTo>
                  <a:lnTo>
                    <a:pt x="2266" y="1043"/>
                  </a:lnTo>
                  <a:lnTo>
                    <a:pt x="2320" y="1005"/>
                  </a:lnTo>
                  <a:lnTo>
                    <a:pt x="2373" y="968"/>
                  </a:lnTo>
                  <a:lnTo>
                    <a:pt x="2428" y="930"/>
                  </a:lnTo>
                  <a:lnTo>
                    <a:pt x="2484" y="894"/>
                  </a:lnTo>
                  <a:lnTo>
                    <a:pt x="2539" y="858"/>
                  </a:lnTo>
                  <a:lnTo>
                    <a:pt x="2595" y="823"/>
                  </a:lnTo>
                  <a:lnTo>
                    <a:pt x="2652" y="788"/>
                  </a:lnTo>
                  <a:lnTo>
                    <a:pt x="2708" y="755"/>
                  </a:lnTo>
                  <a:lnTo>
                    <a:pt x="2766" y="721"/>
                  </a:lnTo>
                  <a:lnTo>
                    <a:pt x="2824" y="689"/>
                  </a:lnTo>
                  <a:lnTo>
                    <a:pt x="2883" y="657"/>
                  </a:lnTo>
                  <a:lnTo>
                    <a:pt x="2941" y="626"/>
                  </a:lnTo>
                  <a:lnTo>
                    <a:pt x="3000" y="596"/>
                  </a:lnTo>
                  <a:lnTo>
                    <a:pt x="3060" y="566"/>
                  </a:lnTo>
                  <a:lnTo>
                    <a:pt x="3121" y="538"/>
                  </a:lnTo>
                  <a:lnTo>
                    <a:pt x="3180" y="509"/>
                  </a:lnTo>
                  <a:lnTo>
                    <a:pt x="3241" y="481"/>
                  </a:lnTo>
                  <a:lnTo>
                    <a:pt x="3303" y="455"/>
                  </a:lnTo>
                  <a:lnTo>
                    <a:pt x="3365" y="428"/>
                  </a:lnTo>
                  <a:lnTo>
                    <a:pt x="3426" y="403"/>
                  </a:lnTo>
                  <a:lnTo>
                    <a:pt x="3488" y="377"/>
                  </a:lnTo>
                  <a:lnTo>
                    <a:pt x="3551" y="354"/>
                  </a:lnTo>
                  <a:lnTo>
                    <a:pt x="3615" y="331"/>
                  </a:lnTo>
                  <a:lnTo>
                    <a:pt x="3677" y="308"/>
                  </a:lnTo>
                  <a:lnTo>
                    <a:pt x="3741" y="286"/>
                  </a:lnTo>
                  <a:lnTo>
                    <a:pt x="3806" y="265"/>
                  </a:lnTo>
                  <a:lnTo>
                    <a:pt x="3870" y="245"/>
                  </a:lnTo>
                  <a:lnTo>
                    <a:pt x="3935" y="225"/>
                  </a:lnTo>
                  <a:lnTo>
                    <a:pt x="4000" y="207"/>
                  </a:lnTo>
                  <a:lnTo>
                    <a:pt x="4065" y="189"/>
                  </a:lnTo>
                  <a:lnTo>
                    <a:pt x="4131" y="171"/>
                  </a:lnTo>
                  <a:lnTo>
                    <a:pt x="4198" y="155"/>
                  </a:lnTo>
                  <a:lnTo>
                    <a:pt x="4264" y="140"/>
                  </a:lnTo>
                  <a:lnTo>
                    <a:pt x="4330" y="125"/>
                  </a:lnTo>
                  <a:lnTo>
                    <a:pt x="4398" y="111"/>
                  </a:lnTo>
                  <a:lnTo>
                    <a:pt x="4465" y="97"/>
                  </a:lnTo>
                  <a:lnTo>
                    <a:pt x="4533" y="85"/>
                  </a:lnTo>
                  <a:lnTo>
                    <a:pt x="4601" y="73"/>
                  </a:lnTo>
                  <a:lnTo>
                    <a:pt x="4670" y="63"/>
                  </a:lnTo>
                  <a:lnTo>
                    <a:pt x="4737" y="53"/>
                  </a:lnTo>
                  <a:lnTo>
                    <a:pt x="4806" y="44"/>
                  </a:lnTo>
                  <a:lnTo>
                    <a:pt x="4875" y="36"/>
                  </a:lnTo>
                  <a:lnTo>
                    <a:pt x="4945" y="28"/>
                  </a:lnTo>
                  <a:lnTo>
                    <a:pt x="5014" y="21"/>
                  </a:lnTo>
                  <a:lnTo>
                    <a:pt x="5084" y="16"/>
                  </a:lnTo>
                  <a:lnTo>
                    <a:pt x="5155" y="11"/>
                  </a:lnTo>
                  <a:lnTo>
                    <a:pt x="5225" y="7"/>
                  </a:lnTo>
                  <a:lnTo>
                    <a:pt x="5295" y="4"/>
                  </a:lnTo>
                  <a:lnTo>
                    <a:pt x="5366" y="2"/>
                  </a:lnTo>
                  <a:lnTo>
                    <a:pt x="5437" y="0"/>
                  </a:lnTo>
                  <a:lnTo>
                    <a:pt x="5508" y="0"/>
                  </a:lnTo>
                  <a:lnTo>
                    <a:pt x="5508" y="0"/>
                  </a:lnTo>
                  <a:lnTo>
                    <a:pt x="5579" y="0"/>
                  </a:lnTo>
                  <a:lnTo>
                    <a:pt x="5650" y="2"/>
                  </a:lnTo>
                  <a:lnTo>
                    <a:pt x="5721" y="4"/>
                  </a:lnTo>
                  <a:lnTo>
                    <a:pt x="5792" y="7"/>
                  </a:lnTo>
                  <a:lnTo>
                    <a:pt x="5861" y="11"/>
                  </a:lnTo>
                  <a:lnTo>
                    <a:pt x="5932" y="16"/>
                  </a:lnTo>
                  <a:lnTo>
                    <a:pt x="6002" y="21"/>
                  </a:lnTo>
                  <a:lnTo>
                    <a:pt x="6071" y="28"/>
                  </a:lnTo>
                  <a:lnTo>
                    <a:pt x="6141" y="36"/>
                  </a:lnTo>
                  <a:lnTo>
                    <a:pt x="6210" y="44"/>
                  </a:lnTo>
                  <a:lnTo>
                    <a:pt x="6279" y="53"/>
                  </a:lnTo>
                  <a:lnTo>
                    <a:pt x="6346" y="63"/>
                  </a:lnTo>
                  <a:lnTo>
                    <a:pt x="6415" y="73"/>
                  </a:lnTo>
                  <a:lnTo>
                    <a:pt x="6483" y="85"/>
                  </a:lnTo>
                  <a:lnTo>
                    <a:pt x="6551" y="97"/>
                  </a:lnTo>
                  <a:lnTo>
                    <a:pt x="6618" y="111"/>
                  </a:lnTo>
                  <a:lnTo>
                    <a:pt x="6686" y="125"/>
                  </a:lnTo>
                  <a:lnTo>
                    <a:pt x="6752" y="140"/>
                  </a:lnTo>
                  <a:lnTo>
                    <a:pt x="6818" y="155"/>
                  </a:lnTo>
                  <a:lnTo>
                    <a:pt x="6885" y="171"/>
                  </a:lnTo>
                  <a:lnTo>
                    <a:pt x="6951" y="189"/>
                  </a:lnTo>
                  <a:lnTo>
                    <a:pt x="7016" y="207"/>
                  </a:lnTo>
                  <a:lnTo>
                    <a:pt x="7081" y="225"/>
                  </a:lnTo>
                  <a:lnTo>
                    <a:pt x="7146" y="245"/>
                  </a:lnTo>
                  <a:lnTo>
                    <a:pt x="7210" y="265"/>
                  </a:lnTo>
                  <a:lnTo>
                    <a:pt x="7275" y="286"/>
                  </a:lnTo>
                  <a:lnTo>
                    <a:pt x="7339" y="308"/>
                  </a:lnTo>
                  <a:lnTo>
                    <a:pt x="7401" y="331"/>
                  </a:lnTo>
                  <a:lnTo>
                    <a:pt x="7465" y="354"/>
                  </a:lnTo>
                  <a:lnTo>
                    <a:pt x="7528" y="377"/>
                  </a:lnTo>
                  <a:lnTo>
                    <a:pt x="7590" y="403"/>
                  </a:lnTo>
                  <a:lnTo>
                    <a:pt x="7651" y="428"/>
                  </a:lnTo>
                  <a:lnTo>
                    <a:pt x="7713" y="455"/>
                  </a:lnTo>
                  <a:lnTo>
                    <a:pt x="7775" y="481"/>
                  </a:lnTo>
                  <a:lnTo>
                    <a:pt x="7836" y="509"/>
                  </a:lnTo>
                  <a:lnTo>
                    <a:pt x="7895" y="538"/>
                  </a:lnTo>
                  <a:lnTo>
                    <a:pt x="7956" y="566"/>
                  </a:lnTo>
                  <a:lnTo>
                    <a:pt x="8016" y="596"/>
                  </a:lnTo>
                  <a:lnTo>
                    <a:pt x="8075" y="626"/>
                  </a:lnTo>
                  <a:lnTo>
                    <a:pt x="8133" y="657"/>
                  </a:lnTo>
                  <a:lnTo>
                    <a:pt x="8192" y="689"/>
                  </a:lnTo>
                  <a:lnTo>
                    <a:pt x="8250" y="721"/>
                  </a:lnTo>
                  <a:lnTo>
                    <a:pt x="8308" y="755"/>
                  </a:lnTo>
                  <a:lnTo>
                    <a:pt x="8364" y="788"/>
                  </a:lnTo>
                  <a:lnTo>
                    <a:pt x="8421" y="823"/>
                  </a:lnTo>
                  <a:lnTo>
                    <a:pt x="8477" y="858"/>
                  </a:lnTo>
                  <a:lnTo>
                    <a:pt x="8532" y="894"/>
                  </a:lnTo>
                  <a:lnTo>
                    <a:pt x="8588" y="930"/>
                  </a:lnTo>
                  <a:lnTo>
                    <a:pt x="8643" y="968"/>
                  </a:lnTo>
                  <a:lnTo>
                    <a:pt x="8696" y="1005"/>
                  </a:lnTo>
                  <a:lnTo>
                    <a:pt x="8750" y="1043"/>
                  </a:lnTo>
                  <a:lnTo>
                    <a:pt x="8804" y="1082"/>
                  </a:lnTo>
                  <a:lnTo>
                    <a:pt x="8856" y="1122"/>
                  </a:lnTo>
                  <a:lnTo>
                    <a:pt x="8909" y="1162"/>
                  </a:lnTo>
                  <a:lnTo>
                    <a:pt x="8961" y="1203"/>
                  </a:lnTo>
                  <a:lnTo>
                    <a:pt x="9011" y="1244"/>
                  </a:lnTo>
                  <a:lnTo>
                    <a:pt x="9062" y="1286"/>
                  </a:lnTo>
                  <a:lnTo>
                    <a:pt x="9113" y="1328"/>
                  </a:lnTo>
                  <a:lnTo>
                    <a:pt x="9162" y="1372"/>
                  </a:lnTo>
                  <a:lnTo>
                    <a:pt x="9212" y="1415"/>
                  </a:lnTo>
                  <a:lnTo>
                    <a:pt x="9260" y="1460"/>
                  </a:lnTo>
                  <a:lnTo>
                    <a:pt x="9308" y="1505"/>
                  </a:lnTo>
                  <a:lnTo>
                    <a:pt x="9356" y="1550"/>
                  </a:lnTo>
                  <a:lnTo>
                    <a:pt x="9403" y="1596"/>
                  </a:lnTo>
                  <a:lnTo>
                    <a:pt x="9450" y="1643"/>
                  </a:lnTo>
                  <a:lnTo>
                    <a:pt x="9495" y="1689"/>
                  </a:lnTo>
                  <a:lnTo>
                    <a:pt x="9541" y="1737"/>
                  </a:lnTo>
                  <a:lnTo>
                    <a:pt x="9585" y="1785"/>
                  </a:lnTo>
                  <a:lnTo>
                    <a:pt x="9629" y="1833"/>
                  </a:lnTo>
                  <a:lnTo>
                    <a:pt x="9672" y="1883"/>
                  </a:lnTo>
                  <a:lnTo>
                    <a:pt x="9716" y="1933"/>
                  </a:lnTo>
                  <a:lnTo>
                    <a:pt x="9758" y="1982"/>
                  </a:lnTo>
                  <a:lnTo>
                    <a:pt x="9800" y="2033"/>
                  </a:lnTo>
                  <a:lnTo>
                    <a:pt x="9842" y="2085"/>
                  </a:lnTo>
                  <a:lnTo>
                    <a:pt x="9882" y="2137"/>
                  </a:lnTo>
                  <a:lnTo>
                    <a:pt x="9921" y="2188"/>
                  </a:lnTo>
                  <a:lnTo>
                    <a:pt x="9961" y="2241"/>
                  </a:lnTo>
                  <a:lnTo>
                    <a:pt x="9999" y="2294"/>
                  </a:lnTo>
                  <a:lnTo>
                    <a:pt x="10038" y="2348"/>
                  </a:lnTo>
                  <a:lnTo>
                    <a:pt x="10075" y="2402"/>
                  </a:lnTo>
                  <a:lnTo>
                    <a:pt x="10112" y="2456"/>
                  </a:lnTo>
                  <a:lnTo>
                    <a:pt x="10148" y="2512"/>
                  </a:lnTo>
                  <a:lnTo>
                    <a:pt x="10184" y="2567"/>
                  </a:lnTo>
                  <a:lnTo>
                    <a:pt x="10218" y="2623"/>
                  </a:lnTo>
                  <a:lnTo>
                    <a:pt x="10253" y="2679"/>
                  </a:lnTo>
                  <a:lnTo>
                    <a:pt x="10286" y="2736"/>
                  </a:lnTo>
                  <a:lnTo>
                    <a:pt x="10319" y="2793"/>
                  </a:lnTo>
                  <a:lnTo>
                    <a:pt x="10351" y="2851"/>
                  </a:lnTo>
                  <a:lnTo>
                    <a:pt x="10382" y="2910"/>
                  </a:lnTo>
                  <a:lnTo>
                    <a:pt x="10414" y="2967"/>
                  </a:lnTo>
                  <a:lnTo>
                    <a:pt x="10444" y="3026"/>
                  </a:lnTo>
                  <a:lnTo>
                    <a:pt x="10473" y="3086"/>
                  </a:lnTo>
                  <a:lnTo>
                    <a:pt x="10502" y="3146"/>
                  </a:lnTo>
                  <a:lnTo>
                    <a:pt x="10529" y="3206"/>
                  </a:lnTo>
                  <a:lnTo>
                    <a:pt x="10556" y="3267"/>
                  </a:lnTo>
                  <a:lnTo>
                    <a:pt x="10583" y="3328"/>
                  </a:lnTo>
                  <a:lnTo>
                    <a:pt x="10609" y="3389"/>
                  </a:lnTo>
                  <a:lnTo>
                    <a:pt x="10634" y="3450"/>
                  </a:lnTo>
                  <a:lnTo>
                    <a:pt x="10659" y="3512"/>
                  </a:lnTo>
                  <a:lnTo>
                    <a:pt x="10682" y="3575"/>
                  </a:lnTo>
                  <a:lnTo>
                    <a:pt x="10704" y="3637"/>
                  </a:lnTo>
                  <a:lnTo>
                    <a:pt x="10726" y="3701"/>
                  </a:lnTo>
                  <a:lnTo>
                    <a:pt x="10748" y="3764"/>
                  </a:lnTo>
                  <a:lnTo>
                    <a:pt x="10768" y="3828"/>
                  </a:lnTo>
                  <a:lnTo>
                    <a:pt x="10788" y="3892"/>
                  </a:lnTo>
                  <a:lnTo>
                    <a:pt x="10807" y="3957"/>
                  </a:lnTo>
                  <a:lnTo>
                    <a:pt x="10826" y="4022"/>
                  </a:lnTo>
                  <a:lnTo>
                    <a:pt x="10843" y="4087"/>
                  </a:lnTo>
                  <a:lnTo>
                    <a:pt x="10859" y="4151"/>
                  </a:lnTo>
                  <a:lnTo>
                    <a:pt x="10875" y="4217"/>
                  </a:lnTo>
                  <a:lnTo>
                    <a:pt x="10889" y="4283"/>
                  </a:lnTo>
                  <a:lnTo>
                    <a:pt x="10904" y="4350"/>
                  </a:lnTo>
                  <a:lnTo>
                    <a:pt x="10918" y="4416"/>
                  </a:lnTo>
                  <a:lnTo>
                    <a:pt x="10930" y="4483"/>
                  </a:lnTo>
                  <a:lnTo>
                    <a:pt x="10942" y="4551"/>
                  </a:lnTo>
                  <a:lnTo>
                    <a:pt x="10952" y="4618"/>
                  </a:lnTo>
                  <a:lnTo>
                    <a:pt x="10962" y="4686"/>
                  </a:lnTo>
                  <a:lnTo>
                    <a:pt x="10971" y="4754"/>
                  </a:lnTo>
                  <a:lnTo>
                    <a:pt x="10981" y="4822"/>
                  </a:lnTo>
                  <a:lnTo>
                    <a:pt x="10988" y="4891"/>
                  </a:lnTo>
                  <a:lnTo>
                    <a:pt x="10994" y="4960"/>
                  </a:lnTo>
                  <a:lnTo>
                    <a:pt x="11000" y="5029"/>
                  </a:lnTo>
                  <a:lnTo>
                    <a:pt x="11005" y="5098"/>
                  </a:lnTo>
                  <a:lnTo>
                    <a:pt x="11009" y="5168"/>
                  </a:lnTo>
                  <a:lnTo>
                    <a:pt x="11012" y="5237"/>
                  </a:lnTo>
                  <a:lnTo>
                    <a:pt x="11014" y="5307"/>
                  </a:lnTo>
                  <a:lnTo>
                    <a:pt x="11016" y="5378"/>
                  </a:lnTo>
                  <a:lnTo>
                    <a:pt x="11016" y="5448"/>
                  </a:lnTo>
                  <a:lnTo>
                    <a:pt x="11016" y="5448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9" name="Freeform 56"/>
            <p:cNvSpPr>
              <a:spLocks noEditPoints="1"/>
            </p:cNvSpPr>
            <p:nvPr/>
          </p:nvSpPr>
          <p:spPr bwMode="auto">
            <a:xfrm>
              <a:off x="6212352" y="2064016"/>
              <a:ext cx="274638" cy="412750"/>
            </a:xfrm>
            <a:custGeom>
              <a:avLst/>
              <a:gdLst>
                <a:gd name="T0" fmla="*/ 3097 w 4148"/>
                <a:gd name="T1" fmla="*/ 1896 h 6234"/>
                <a:gd name="T2" fmla="*/ 3044 w 4148"/>
                <a:gd name="T3" fmla="*/ 1703 h 6234"/>
                <a:gd name="T4" fmla="*/ 2954 w 4148"/>
                <a:gd name="T5" fmla="*/ 1525 h 6234"/>
                <a:gd name="T6" fmla="*/ 2807 w 4148"/>
                <a:gd name="T7" fmla="*/ 1344 h 6234"/>
                <a:gd name="T8" fmla="*/ 2647 w 4148"/>
                <a:gd name="T9" fmla="*/ 1211 h 6234"/>
                <a:gd name="T10" fmla="*/ 2472 w 4148"/>
                <a:gd name="T11" fmla="*/ 1115 h 6234"/>
                <a:gd name="T12" fmla="*/ 2281 w 4148"/>
                <a:gd name="T13" fmla="*/ 1059 h 6234"/>
                <a:gd name="T14" fmla="*/ 2074 w 4148"/>
                <a:gd name="T15" fmla="*/ 1039 h 6234"/>
                <a:gd name="T16" fmla="*/ 1842 w 4148"/>
                <a:gd name="T17" fmla="*/ 1064 h 6234"/>
                <a:gd name="T18" fmla="*/ 1653 w 4148"/>
                <a:gd name="T19" fmla="*/ 1125 h 6234"/>
                <a:gd name="T20" fmla="*/ 1480 w 4148"/>
                <a:gd name="T21" fmla="*/ 1225 h 6234"/>
                <a:gd name="T22" fmla="*/ 1305 w 4148"/>
                <a:gd name="T23" fmla="*/ 1382 h 6234"/>
                <a:gd name="T24" fmla="*/ 1181 w 4148"/>
                <a:gd name="T25" fmla="*/ 1547 h 6234"/>
                <a:gd name="T26" fmla="*/ 1095 w 4148"/>
                <a:gd name="T27" fmla="*/ 1726 h 6234"/>
                <a:gd name="T28" fmla="*/ 1048 w 4148"/>
                <a:gd name="T29" fmla="*/ 1921 h 6234"/>
                <a:gd name="T30" fmla="*/ 1040 w 4148"/>
                <a:gd name="T31" fmla="*/ 2157 h 6234"/>
                <a:gd name="T32" fmla="*/ 1073 w 4148"/>
                <a:gd name="T33" fmla="*/ 2359 h 6234"/>
                <a:gd name="T34" fmla="*/ 1145 w 4148"/>
                <a:gd name="T35" fmla="*/ 2545 h 6234"/>
                <a:gd name="T36" fmla="*/ 1254 w 4148"/>
                <a:gd name="T37" fmla="*/ 2714 h 6234"/>
                <a:gd name="T38" fmla="*/ 1419 w 4148"/>
                <a:gd name="T39" fmla="*/ 2884 h 6234"/>
                <a:gd name="T40" fmla="*/ 1586 w 4148"/>
                <a:gd name="T41" fmla="*/ 2998 h 6234"/>
                <a:gd name="T42" fmla="*/ 1769 w 4148"/>
                <a:gd name="T43" fmla="*/ 3074 h 6234"/>
                <a:gd name="T44" fmla="*/ 1969 w 4148"/>
                <a:gd name="T45" fmla="*/ 3112 h 6234"/>
                <a:gd name="T46" fmla="*/ 2205 w 4148"/>
                <a:gd name="T47" fmla="*/ 3110 h 6234"/>
                <a:gd name="T48" fmla="*/ 2402 w 4148"/>
                <a:gd name="T49" fmla="*/ 3066 h 6234"/>
                <a:gd name="T50" fmla="*/ 2583 w 4148"/>
                <a:gd name="T51" fmla="*/ 2986 h 6234"/>
                <a:gd name="T52" fmla="*/ 2749 w 4148"/>
                <a:gd name="T53" fmla="*/ 2867 h 6234"/>
                <a:gd name="T54" fmla="*/ 2910 w 4148"/>
                <a:gd name="T55" fmla="*/ 2694 h 6234"/>
                <a:gd name="T56" fmla="*/ 3015 w 4148"/>
                <a:gd name="T57" fmla="*/ 2522 h 6234"/>
                <a:gd name="T58" fmla="*/ 3081 w 4148"/>
                <a:gd name="T59" fmla="*/ 2335 h 6234"/>
                <a:gd name="T60" fmla="*/ 3110 w 4148"/>
                <a:gd name="T61" fmla="*/ 2132 h 6234"/>
                <a:gd name="T62" fmla="*/ 4140 w 4148"/>
                <a:gd name="T63" fmla="*/ 2289 h 6234"/>
                <a:gd name="T64" fmla="*/ 4073 w 4148"/>
                <a:gd name="T65" fmla="*/ 2652 h 6234"/>
                <a:gd name="T66" fmla="*/ 2523 w 4148"/>
                <a:gd name="T67" fmla="*/ 5978 h 6234"/>
                <a:gd name="T68" fmla="*/ 2434 w 4148"/>
                <a:gd name="T69" fmla="*/ 6091 h 6234"/>
                <a:gd name="T70" fmla="*/ 2315 w 4148"/>
                <a:gd name="T71" fmla="*/ 6175 h 6234"/>
                <a:gd name="T72" fmla="*/ 2163 w 4148"/>
                <a:gd name="T73" fmla="*/ 6227 h 6234"/>
                <a:gd name="T74" fmla="*/ 2002 w 4148"/>
                <a:gd name="T75" fmla="*/ 6229 h 6234"/>
                <a:gd name="T76" fmla="*/ 1865 w 4148"/>
                <a:gd name="T77" fmla="*/ 6190 h 6234"/>
                <a:gd name="T78" fmla="*/ 1728 w 4148"/>
                <a:gd name="T79" fmla="*/ 6103 h 6234"/>
                <a:gd name="T80" fmla="*/ 1638 w 4148"/>
                <a:gd name="T81" fmla="*/ 5994 h 6234"/>
                <a:gd name="T82" fmla="*/ 88 w 4148"/>
                <a:gd name="T83" fmla="*/ 2693 h 6234"/>
                <a:gd name="T84" fmla="*/ 14 w 4148"/>
                <a:gd name="T85" fmla="*/ 2339 h 6234"/>
                <a:gd name="T86" fmla="*/ 2 w 4148"/>
                <a:gd name="T87" fmla="*/ 1972 h 6234"/>
                <a:gd name="T88" fmla="*/ 60 w 4148"/>
                <a:gd name="T89" fmla="*/ 1565 h 6234"/>
                <a:gd name="T90" fmla="*/ 193 w 4148"/>
                <a:gd name="T91" fmla="*/ 1189 h 6234"/>
                <a:gd name="T92" fmla="*/ 401 w 4148"/>
                <a:gd name="T93" fmla="*/ 846 h 6234"/>
                <a:gd name="T94" fmla="*/ 646 w 4148"/>
                <a:gd name="T95" fmla="*/ 572 h 6234"/>
                <a:gd name="T96" fmla="*/ 969 w 4148"/>
                <a:gd name="T97" fmla="*/ 315 h 6234"/>
                <a:gd name="T98" fmla="*/ 1324 w 4148"/>
                <a:gd name="T99" fmla="*/ 134 h 6234"/>
                <a:gd name="T100" fmla="*/ 1711 w 4148"/>
                <a:gd name="T101" fmla="*/ 30 h 6234"/>
                <a:gd name="T102" fmla="*/ 2074 w 4148"/>
                <a:gd name="T103" fmla="*/ 0 h 6234"/>
                <a:gd name="T104" fmla="*/ 2488 w 4148"/>
                <a:gd name="T105" fmla="*/ 38 h 6234"/>
                <a:gd name="T106" fmla="*/ 2870 w 4148"/>
                <a:gd name="T107" fmla="*/ 153 h 6234"/>
                <a:gd name="T108" fmla="*/ 3221 w 4148"/>
                <a:gd name="T109" fmla="*/ 342 h 6234"/>
                <a:gd name="T110" fmla="*/ 3540 w 4148"/>
                <a:gd name="T111" fmla="*/ 609 h 6234"/>
                <a:gd name="T112" fmla="*/ 3777 w 4148"/>
                <a:gd name="T113" fmla="*/ 887 h 6234"/>
                <a:gd name="T114" fmla="*/ 3976 w 4148"/>
                <a:gd name="T115" fmla="*/ 1235 h 6234"/>
                <a:gd name="T116" fmla="*/ 4100 w 4148"/>
                <a:gd name="T117" fmla="*/ 1614 h 6234"/>
                <a:gd name="T118" fmla="*/ 4147 w 4148"/>
                <a:gd name="T119" fmla="*/ 2024 h 62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</a:cxnLst>
              <a:rect l="0" t="0" r="r" b="b"/>
              <a:pathLst>
                <a:path w="4148" h="6234">
                  <a:moveTo>
                    <a:pt x="3111" y="2078"/>
                  </a:moveTo>
                  <a:lnTo>
                    <a:pt x="3111" y="2078"/>
                  </a:lnTo>
                  <a:lnTo>
                    <a:pt x="3110" y="2024"/>
                  </a:lnTo>
                  <a:lnTo>
                    <a:pt x="3108" y="1999"/>
                  </a:lnTo>
                  <a:lnTo>
                    <a:pt x="3106" y="1973"/>
                  </a:lnTo>
                  <a:lnTo>
                    <a:pt x="3104" y="1947"/>
                  </a:lnTo>
                  <a:lnTo>
                    <a:pt x="3100" y="1921"/>
                  </a:lnTo>
                  <a:lnTo>
                    <a:pt x="3097" y="1896"/>
                  </a:lnTo>
                  <a:lnTo>
                    <a:pt x="3092" y="1871"/>
                  </a:lnTo>
                  <a:lnTo>
                    <a:pt x="3087" y="1846"/>
                  </a:lnTo>
                  <a:lnTo>
                    <a:pt x="3081" y="1821"/>
                  </a:lnTo>
                  <a:lnTo>
                    <a:pt x="3075" y="1797"/>
                  </a:lnTo>
                  <a:lnTo>
                    <a:pt x="3068" y="1773"/>
                  </a:lnTo>
                  <a:lnTo>
                    <a:pt x="3060" y="1749"/>
                  </a:lnTo>
                  <a:lnTo>
                    <a:pt x="3053" y="1726"/>
                  </a:lnTo>
                  <a:lnTo>
                    <a:pt x="3044" y="1703"/>
                  </a:lnTo>
                  <a:lnTo>
                    <a:pt x="3035" y="1679"/>
                  </a:lnTo>
                  <a:lnTo>
                    <a:pt x="3025" y="1656"/>
                  </a:lnTo>
                  <a:lnTo>
                    <a:pt x="3015" y="1634"/>
                  </a:lnTo>
                  <a:lnTo>
                    <a:pt x="3003" y="1611"/>
                  </a:lnTo>
                  <a:lnTo>
                    <a:pt x="2992" y="1589"/>
                  </a:lnTo>
                  <a:lnTo>
                    <a:pt x="2980" y="1568"/>
                  </a:lnTo>
                  <a:lnTo>
                    <a:pt x="2967" y="1547"/>
                  </a:lnTo>
                  <a:lnTo>
                    <a:pt x="2954" y="1525"/>
                  </a:lnTo>
                  <a:lnTo>
                    <a:pt x="2940" y="1504"/>
                  </a:lnTo>
                  <a:lnTo>
                    <a:pt x="2926" y="1483"/>
                  </a:lnTo>
                  <a:lnTo>
                    <a:pt x="2910" y="1462"/>
                  </a:lnTo>
                  <a:lnTo>
                    <a:pt x="2894" y="1442"/>
                  </a:lnTo>
                  <a:lnTo>
                    <a:pt x="2878" y="1422"/>
                  </a:lnTo>
                  <a:lnTo>
                    <a:pt x="2862" y="1401"/>
                  </a:lnTo>
                  <a:lnTo>
                    <a:pt x="2844" y="1382"/>
                  </a:lnTo>
                  <a:lnTo>
                    <a:pt x="2807" y="1344"/>
                  </a:lnTo>
                  <a:lnTo>
                    <a:pt x="2807" y="1344"/>
                  </a:lnTo>
                  <a:lnTo>
                    <a:pt x="2769" y="1307"/>
                  </a:lnTo>
                  <a:lnTo>
                    <a:pt x="2749" y="1289"/>
                  </a:lnTo>
                  <a:lnTo>
                    <a:pt x="2729" y="1273"/>
                  </a:lnTo>
                  <a:lnTo>
                    <a:pt x="2709" y="1256"/>
                  </a:lnTo>
                  <a:lnTo>
                    <a:pt x="2689" y="1240"/>
                  </a:lnTo>
                  <a:lnTo>
                    <a:pt x="2668" y="1225"/>
                  </a:lnTo>
                  <a:lnTo>
                    <a:pt x="2647" y="1211"/>
                  </a:lnTo>
                  <a:lnTo>
                    <a:pt x="2626" y="1197"/>
                  </a:lnTo>
                  <a:lnTo>
                    <a:pt x="2605" y="1183"/>
                  </a:lnTo>
                  <a:lnTo>
                    <a:pt x="2583" y="1170"/>
                  </a:lnTo>
                  <a:lnTo>
                    <a:pt x="2562" y="1158"/>
                  </a:lnTo>
                  <a:lnTo>
                    <a:pt x="2540" y="1147"/>
                  </a:lnTo>
                  <a:lnTo>
                    <a:pt x="2517" y="1136"/>
                  </a:lnTo>
                  <a:lnTo>
                    <a:pt x="2495" y="1125"/>
                  </a:lnTo>
                  <a:lnTo>
                    <a:pt x="2472" y="1115"/>
                  </a:lnTo>
                  <a:lnTo>
                    <a:pt x="2449" y="1106"/>
                  </a:lnTo>
                  <a:lnTo>
                    <a:pt x="2425" y="1097"/>
                  </a:lnTo>
                  <a:lnTo>
                    <a:pt x="2402" y="1090"/>
                  </a:lnTo>
                  <a:lnTo>
                    <a:pt x="2379" y="1082"/>
                  </a:lnTo>
                  <a:lnTo>
                    <a:pt x="2354" y="1075"/>
                  </a:lnTo>
                  <a:lnTo>
                    <a:pt x="2330" y="1069"/>
                  </a:lnTo>
                  <a:lnTo>
                    <a:pt x="2306" y="1064"/>
                  </a:lnTo>
                  <a:lnTo>
                    <a:pt x="2281" y="1059"/>
                  </a:lnTo>
                  <a:lnTo>
                    <a:pt x="2256" y="1053"/>
                  </a:lnTo>
                  <a:lnTo>
                    <a:pt x="2231" y="1050"/>
                  </a:lnTo>
                  <a:lnTo>
                    <a:pt x="2205" y="1046"/>
                  </a:lnTo>
                  <a:lnTo>
                    <a:pt x="2179" y="1044"/>
                  </a:lnTo>
                  <a:lnTo>
                    <a:pt x="2153" y="1042"/>
                  </a:lnTo>
                  <a:lnTo>
                    <a:pt x="2128" y="1040"/>
                  </a:lnTo>
                  <a:lnTo>
                    <a:pt x="2074" y="1039"/>
                  </a:lnTo>
                  <a:lnTo>
                    <a:pt x="2074" y="1039"/>
                  </a:lnTo>
                  <a:lnTo>
                    <a:pt x="2020" y="1040"/>
                  </a:lnTo>
                  <a:lnTo>
                    <a:pt x="1995" y="1042"/>
                  </a:lnTo>
                  <a:lnTo>
                    <a:pt x="1969" y="1044"/>
                  </a:lnTo>
                  <a:lnTo>
                    <a:pt x="1943" y="1046"/>
                  </a:lnTo>
                  <a:lnTo>
                    <a:pt x="1917" y="1050"/>
                  </a:lnTo>
                  <a:lnTo>
                    <a:pt x="1892" y="1053"/>
                  </a:lnTo>
                  <a:lnTo>
                    <a:pt x="1867" y="1059"/>
                  </a:lnTo>
                  <a:lnTo>
                    <a:pt x="1842" y="1064"/>
                  </a:lnTo>
                  <a:lnTo>
                    <a:pt x="1818" y="1069"/>
                  </a:lnTo>
                  <a:lnTo>
                    <a:pt x="1794" y="1075"/>
                  </a:lnTo>
                  <a:lnTo>
                    <a:pt x="1769" y="1082"/>
                  </a:lnTo>
                  <a:lnTo>
                    <a:pt x="1746" y="1090"/>
                  </a:lnTo>
                  <a:lnTo>
                    <a:pt x="1723" y="1097"/>
                  </a:lnTo>
                  <a:lnTo>
                    <a:pt x="1699" y="1106"/>
                  </a:lnTo>
                  <a:lnTo>
                    <a:pt x="1676" y="1115"/>
                  </a:lnTo>
                  <a:lnTo>
                    <a:pt x="1653" y="1125"/>
                  </a:lnTo>
                  <a:lnTo>
                    <a:pt x="1631" y="1136"/>
                  </a:lnTo>
                  <a:lnTo>
                    <a:pt x="1608" y="1147"/>
                  </a:lnTo>
                  <a:lnTo>
                    <a:pt x="1586" y="1158"/>
                  </a:lnTo>
                  <a:lnTo>
                    <a:pt x="1565" y="1170"/>
                  </a:lnTo>
                  <a:lnTo>
                    <a:pt x="1543" y="1183"/>
                  </a:lnTo>
                  <a:lnTo>
                    <a:pt x="1522" y="1197"/>
                  </a:lnTo>
                  <a:lnTo>
                    <a:pt x="1501" y="1211"/>
                  </a:lnTo>
                  <a:lnTo>
                    <a:pt x="1480" y="1225"/>
                  </a:lnTo>
                  <a:lnTo>
                    <a:pt x="1459" y="1240"/>
                  </a:lnTo>
                  <a:lnTo>
                    <a:pt x="1439" y="1256"/>
                  </a:lnTo>
                  <a:lnTo>
                    <a:pt x="1419" y="1273"/>
                  </a:lnTo>
                  <a:lnTo>
                    <a:pt x="1399" y="1289"/>
                  </a:lnTo>
                  <a:lnTo>
                    <a:pt x="1379" y="1307"/>
                  </a:lnTo>
                  <a:lnTo>
                    <a:pt x="1341" y="1344"/>
                  </a:lnTo>
                  <a:lnTo>
                    <a:pt x="1341" y="1344"/>
                  </a:lnTo>
                  <a:lnTo>
                    <a:pt x="1305" y="1382"/>
                  </a:lnTo>
                  <a:lnTo>
                    <a:pt x="1286" y="1401"/>
                  </a:lnTo>
                  <a:lnTo>
                    <a:pt x="1270" y="1422"/>
                  </a:lnTo>
                  <a:lnTo>
                    <a:pt x="1254" y="1442"/>
                  </a:lnTo>
                  <a:lnTo>
                    <a:pt x="1238" y="1462"/>
                  </a:lnTo>
                  <a:lnTo>
                    <a:pt x="1222" y="1483"/>
                  </a:lnTo>
                  <a:lnTo>
                    <a:pt x="1208" y="1504"/>
                  </a:lnTo>
                  <a:lnTo>
                    <a:pt x="1194" y="1525"/>
                  </a:lnTo>
                  <a:lnTo>
                    <a:pt x="1181" y="1547"/>
                  </a:lnTo>
                  <a:lnTo>
                    <a:pt x="1168" y="1568"/>
                  </a:lnTo>
                  <a:lnTo>
                    <a:pt x="1156" y="1589"/>
                  </a:lnTo>
                  <a:lnTo>
                    <a:pt x="1145" y="1611"/>
                  </a:lnTo>
                  <a:lnTo>
                    <a:pt x="1133" y="1634"/>
                  </a:lnTo>
                  <a:lnTo>
                    <a:pt x="1123" y="1656"/>
                  </a:lnTo>
                  <a:lnTo>
                    <a:pt x="1113" y="1679"/>
                  </a:lnTo>
                  <a:lnTo>
                    <a:pt x="1104" y="1703"/>
                  </a:lnTo>
                  <a:lnTo>
                    <a:pt x="1095" y="1726"/>
                  </a:lnTo>
                  <a:lnTo>
                    <a:pt x="1088" y="1749"/>
                  </a:lnTo>
                  <a:lnTo>
                    <a:pt x="1080" y="1773"/>
                  </a:lnTo>
                  <a:lnTo>
                    <a:pt x="1073" y="1797"/>
                  </a:lnTo>
                  <a:lnTo>
                    <a:pt x="1067" y="1821"/>
                  </a:lnTo>
                  <a:lnTo>
                    <a:pt x="1062" y="1846"/>
                  </a:lnTo>
                  <a:lnTo>
                    <a:pt x="1056" y="1871"/>
                  </a:lnTo>
                  <a:lnTo>
                    <a:pt x="1051" y="1896"/>
                  </a:lnTo>
                  <a:lnTo>
                    <a:pt x="1048" y="1921"/>
                  </a:lnTo>
                  <a:lnTo>
                    <a:pt x="1044" y="1947"/>
                  </a:lnTo>
                  <a:lnTo>
                    <a:pt x="1042" y="1973"/>
                  </a:lnTo>
                  <a:lnTo>
                    <a:pt x="1040" y="1999"/>
                  </a:lnTo>
                  <a:lnTo>
                    <a:pt x="1038" y="2024"/>
                  </a:lnTo>
                  <a:lnTo>
                    <a:pt x="1037" y="2078"/>
                  </a:lnTo>
                  <a:lnTo>
                    <a:pt x="1037" y="2078"/>
                  </a:lnTo>
                  <a:lnTo>
                    <a:pt x="1038" y="2132"/>
                  </a:lnTo>
                  <a:lnTo>
                    <a:pt x="1040" y="2157"/>
                  </a:lnTo>
                  <a:lnTo>
                    <a:pt x="1042" y="2184"/>
                  </a:lnTo>
                  <a:lnTo>
                    <a:pt x="1044" y="2209"/>
                  </a:lnTo>
                  <a:lnTo>
                    <a:pt x="1048" y="2235"/>
                  </a:lnTo>
                  <a:lnTo>
                    <a:pt x="1051" y="2261"/>
                  </a:lnTo>
                  <a:lnTo>
                    <a:pt x="1056" y="2285"/>
                  </a:lnTo>
                  <a:lnTo>
                    <a:pt x="1062" y="2310"/>
                  </a:lnTo>
                  <a:lnTo>
                    <a:pt x="1067" y="2335"/>
                  </a:lnTo>
                  <a:lnTo>
                    <a:pt x="1073" y="2359"/>
                  </a:lnTo>
                  <a:lnTo>
                    <a:pt x="1080" y="2383"/>
                  </a:lnTo>
                  <a:lnTo>
                    <a:pt x="1088" y="2407"/>
                  </a:lnTo>
                  <a:lnTo>
                    <a:pt x="1095" y="2430"/>
                  </a:lnTo>
                  <a:lnTo>
                    <a:pt x="1104" y="2454"/>
                  </a:lnTo>
                  <a:lnTo>
                    <a:pt x="1113" y="2477"/>
                  </a:lnTo>
                  <a:lnTo>
                    <a:pt x="1123" y="2500"/>
                  </a:lnTo>
                  <a:lnTo>
                    <a:pt x="1133" y="2522"/>
                  </a:lnTo>
                  <a:lnTo>
                    <a:pt x="1145" y="2545"/>
                  </a:lnTo>
                  <a:lnTo>
                    <a:pt x="1156" y="2567"/>
                  </a:lnTo>
                  <a:lnTo>
                    <a:pt x="1168" y="2588"/>
                  </a:lnTo>
                  <a:lnTo>
                    <a:pt x="1181" y="2610"/>
                  </a:lnTo>
                  <a:lnTo>
                    <a:pt x="1194" y="2631"/>
                  </a:lnTo>
                  <a:lnTo>
                    <a:pt x="1208" y="2652"/>
                  </a:lnTo>
                  <a:lnTo>
                    <a:pt x="1222" y="2674"/>
                  </a:lnTo>
                  <a:lnTo>
                    <a:pt x="1238" y="2694"/>
                  </a:lnTo>
                  <a:lnTo>
                    <a:pt x="1254" y="2714"/>
                  </a:lnTo>
                  <a:lnTo>
                    <a:pt x="1270" y="2735"/>
                  </a:lnTo>
                  <a:lnTo>
                    <a:pt x="1286" y="2755"/>
                  </a:lnTo>
                  <a:lnTo>
                    <a:pt x="1305" y="2774"/>
                  </a:lnTo>
                  <a:lnTo>
                    <a:pt x="1341" y="2813"/>
                  </a:lnTo>
                  <a:lnTo>
                    <a:pt x="1341" y="2813"/>
                  </a:lnTo>
                  <a:lnTo>
                    <a:pt x="1379" y="2849"/>
                  </a:lnTo>
                  <a:lnTo>
                    <a:pt x="1399" y="2867"/>
                  </a:lnTo>
                  <a:lnTo>
                    <a:pt x="1419" y="2884"/>
                  </a:lnTo>
                  <a:lnTo>
                    <a:pt x="1439" y="2900"/>
                  </a:lnTo>
                  <a:lnTo>
                    <a:pt x="1459" y="2916"/>
                  </a:lnTo>
                  <a:lnTo>
                    <a:pt x="1480" y="2931"/>
                  </a:lnTo>
                  <a:lnTo>
                    <a:pt x="1501" y="2946"/>
                  </a:lnTo>
                  <a:lnTo>
                    <a:pt x="1522" y="2960"/>
                  </a:lnTo>
                  <a:lnTo>
                    <a:pt x="1543" y="2973"/>
                  </a:lnTo>
                  <a:lnTo>
                    <a:pt x="1565" y="2986"/>
                  </a:lnTo>
                  <a:lnTo>
                    <a:pt x="1586" y="2998"/>
                  </a:lnTo>
                  <a:lnTo>
                    <a:pt x="1608" y="3009"/>
                  </a:lnTo>
                  <a:lnTo>
                    <a:pt x="1631" y="3021"/>
                  </a:lnTo>
                  <a:lnTo>
                    <a:pt x="1653" y="3031"/>
                  </a:lnTo>
                  <a:lnTo>
                    <a:pt x="1676" y="3041"/>
                  </a:lnTo>
                  <a:lnTo>
                    <a:pt x="1699" y="3050"/>
                  </a:lnTo>
                  <a:lnTo>
                    <a:pt x="1723" y="3059"/>
                  </a:lnTo>
                  <a:lnTo>
                    <a:pt x="1746" y="3066"/>
                  </a:lnTo>
                  <a:lnTo>
                    <a:pt x="1769" y="3074"/>
                  </a:lnTo>
                  <a:lnTo>
                    <a:pt x="1794" y="3081"/>
                  </a:lnTo>
                  <a:lnTo>
                    <a:pt x="1818" y="3088"/>
                  </a:lnTo>
                  <a:lnTo>
                    <a:pt x="1842" y="3093"/>
                  </a:lnTo>
                  <a:lnTo>
                    <a:pt x="1867" y="3098"/>
                  </a:lnTo>
                  <a:lnTo>
                    <a:pt x="1892" y="3103"/>
                  </a:lnTo>
                  <a:lnTo>
                    <a:pt x="1917" y="3106"/>
                  </a:lnTo>
                  <a:lnTo>
                    <a:pt x="1943" y="3110"/>
                  </a:lnTo>
                  <a:lnTo>
                    <a:pt x="1969" y="3112"/>
                  </a:lnTo>
                  <a:lnTo>
                    <a:pt x="1995" y="3114"/>
                  </a:lnTo>
                  <a:lnTo>
                    <a:pt x="2020" y="3116"/>
                  </a:lnTo>
                  <a:lnTo>
                    <a:pt x="2074" y="3117"/>
                  </a:lnTo>
                  <a:lnTo>
                    <a:pt x="2074" y="3117"/>
                  </a:lnTo>
                  <a:lnTo>
                    <a:pt x="2128" y="3116"/>
                  </a:lnTo>
                  <a:lnTo>
                    <a:pt x="2153" y="3114"/>
                  </a:lnTo>
                  <a:lnTo>
                    <a:pt x="2179" y="3112"/>
                  </a:lnTo>
                  <a:lnTo>
                    <a:pt x="2205" y="3110"/>
                  </a:lnTo>
                  <a:lnTo>
                    <a:pt x="2231" y="3106"/>
                  </a:lnTo>
                  <a:lnTo>
                    <a:pt x="2256" y="3103"/>
                  </a:lnTo>
                  <a:lnTo>
                    <a:pt x="2281" y="3098"/>
                  </a:lnTo>
                  <a:lnTo>
                    <a:pt x="2306" y="3093"/>
                  </a:lnTo>
                  <a:lnTo>
                    <a:pt x="2330" y="3088"/>
                  </a:lnTo>
                  <a:lnTo>
                    <a:pt x="2354" y="3081"/>
                  </a:lnTo>
                  <a:lnTo>
                    <a:pt x="2379" y="3074"/>
                  </a:lnTo>
                  <a:lnTo>
                    <a:pt x="2402" y="3066"/>
                  </a:lnTo>
                  <a:lnTo>
                    <a:pt x="2425" y="3059"/>
                  </a:lnTo>
                  <a:lnTo>
                    <a:pt x="2449" y="3050"/>
                  </a:lnTo>
                  <a:lnTo>
                    <a:pt x="2472" y="3041"/>
                  </a:lnTo>
                  <a:lnTo>
                    <a:pt x="2495" y="3031"/>
                  </a:lnTo>
                  <a:lnTo>
                    <a:pt x="2517" y="3021"/>
                  </a:lnTo>
                  <a:lnTo>
                    <a:pt x="2540" y="3009"/>
                  </a:lnTo>
                  <a:lnTo>
                    <a:pt x="2562" y="2998"/>
                  </a:lnTo>
                  <a:lnTo>
                    <a:pt x="2583" y="2986"/>
                  </a:lnTo>
                  <a:lnTo>
                    <a:pt x="2605" y="2973"/>
                  </a:lnTo>
                  <a:lnTo>
                    <a:pt x="2626" y="2960"/>
                  </a:lnTo>
                  <a:lnTo>
                    <a:pt x="2647" y="2946"/>
                  </a:lnTo>
                  <a:lnTo>
                    <a:pt x="2668" y="2931"/>
                  </a:lnTo>
                  <a:lnTo>
                    <a:pt x="2689" y="2916"/>
                  </a:lnTo>
                  <a:lnTo>
                    <a:pt x="2709" y="2900"/>
                  </a:lnTo>
                  <a:lnTo>
                    <a:pt x="2729" y="2884"/>
                  </a:lnTo>
                  <a:lnTo>
                    <a:pt x="2749" y="2867"/>
                  </a:lnTo>
                  <a:lnTo>
                    <a:pt x="2769" y="2849"/>
                  </a:lnTo>
                  <a:lnTo>
                    <a:pt x="2807" y="2813"/>
                  </a:lnTo>
                  <a:lnTo>
                    <a:pt x="2807" y="2813"/>
                  </a:lnTo>
                  <a:lnTo>
                    <a:pt x="2844" y="2774"/>
                  </a:lnTo>
                  <a:lnTo>
                    <a:pt x="2862" y="2755"/>
                  </a:lnTo>
                  <a:lnTo>
                    <a:pt x="2878" y="2735"/>
                  </a:lnTo>
                  <a:lnTo>
                    <a:pt x="2894" y="2714"/>
                  </a:lnTo>
                  <a:lnTo>
                    <a:pt x="2910" y="2694"/>
                  </a:lnTo>
                  <a:lnTo>
                    <a:pt x="2926" y="2674"/>
                  </a:lnTo>
                  <a:lnTo>
                    <a:pt x="2940" y="2652"/>
                  </a:lnTo>
                  <a:lnTo>
                    <a:pt x="2954" y="2631"/>
                  </a:lnTo>
                  <a:lnTo>
                    <a:pt x="2967" y="2610"/>
                  </a:lnTo>
                  <a:lnTo>
                    <a:pt x="2980" y="2588"/>
                  </a:lnTo>
                  <a:lnTo>
                    <a:pt x="2992" y="2567"/>
                  </a:lnTo>
                  <a:lnTo>
                    <a:pt x="3003" y="2545"/>
                  </a:lnTo>
                  <a:lnTo>
                    <a:pt x="3015" y="2522"/>
                  </a:lnTo>
                  <a:lnTo>
                    <a:pt x="3025" y="2500"/>
                  </a:lnTo>
                  <a:lnTo>
                    <a:pt x="3035" y="2477"/>
                  </a:lnTo>
                  <a:lnTo>
                    <a:pt x="3044" y="2454"/>
                  </a:lnTo>
                  <a:lnTo>
                    <a:pt x="3053" y="2430"/>
                  </a:lnTo>
                  <a:lnTo>
                    <a:pt x="3060" y="2407"/>
                  </a:lnTo>
                  <a:lnTo>
                    <a:pt x="3068" y="2383"/>
                  </a:lnTo>
                  <a:lnTo>
                    <a:pt x="3075" y="2359"/>
                  </a:lnTo>
                  <a:lnTo>
                    <a:pt x="3081" y="2335"/>
                  </a:lnTo>
                  <a:lnTo>
                    <a:pt x="3087" y="2310"/>
                  </a:lnTo>
                  <a:lnTo>
                    <a:pt x="3092" y="2285"/>
                  </a:lnTo>
                  <a:lnTo>
                    <a:pt x="3097" y="2261"/>
                  </a:lnTo>
                  <a:lnTo>
                    <a:pt x="3100" y="2235"/>
                  </a:lnTo>
                  <a:lnTo>
                    <a:pt x="3104" y="2209"/>
                  </a:lnTo>
                  <a:lnTo>
                    <a:pt x="3106" y="2184"/>
                  </a:lnTo>
                  <a:lnTo>
                    <a:pt x="3108" y="2157"/>
                  </a:lnTo>
                  <a:lnTo>
                    <a:pt x="3110" y="2132"/>
                  </a:lnTo>
                  <a:lnTo>
                    <a:pt x="3111" y="2078"/>
                  </a:lnTo>
                  <a:lnTo>
                    <a:pt x="3111" y="2078"/>
                  </a:lnTo>
                  <a:close/>
                  <a:moveTo>
                    <a:pt x="4148" y="2078"/>
                  </a:moveTo>
                  <a:lnTo>
                    <a:pt x="4148" y="2078"/>
                  </a:lnTo>
                  <a:lnTo>
                    <a:pt x="4147" y="2133"/>
                  </a:lnTo>
                  <a:lnTo>
                    <a:pt x="4146" y="2187"/>
                  </a:lnTo>
                  <a:lnTo>
                    <a:pt x="4143" y="2238"/>
                  </a:lnTo>
                  <a:lnTo>
                    <a:pt x="4140" y="2289"/>
                  </a:lnTo>
                  <a:lnTo>
                    <a:pt x="4134" y="2339"/>
                  </a:lnTo>
                  <a:lnTo>
                    <a:pt x="4128" y="2388"/>
                  </a:lnTo>
                  <a:lnTo>
                    <a:pt x="4122" y="2435"/>
                  </a:lnTo>
                  <a:lnTo>
                    <a:pt x="4114" y="2481"/>
                  </a:lnTo>
                  <a:lnTo>
                    <a:pt x="4105" y="2526"/>
                  </a:lnTo>
                  <a:lnTo>
                    <a:pt x="4095" y="2569"/>
                  </a:lnTo>
                  <a:lnTo>
                    <a:pt x="4085" y="2612"/>
                  </a:lnTo>
                  <a:lnTo>
                    <a:pt x="4073" y="2652"/>
                  </a:lnTo>
                  <a:lnTo>
                    <a:pt x="4060" y="2693"/>
                  </a:lnTo>
                  <a:lnTo>
                    <a:pt x="4045" y="2731"/>
                  </a:lnTo>
                  <a:lnTo>
                    <a:pt x="4030" y="2768"/>
                  </a:lnTo>
                  <a:lnTo>
                    <a:pt x="4014" y="2805"/>
                  </a:lnTo>
                  <a:lnTo>
                    <a:pt x="2540" y="5945"/>
                  </a:lnTo>
                  <a:lnTo>
                    <a:pt x="2540" y="5945"/>
                  </a:lnTo>
                  <a:lnTo>
                    <a:pt x="2532" y="5962"/>
                  </a:lnTo>
                  <a:lnTo>
                    <a:pt x="2523" y="5978"/>
                  </a:lnTo>
                  <a:lnTo>
                    <a:pt x="2513" y="5994"/>
                  </a:lnTo>
                  <a:lnTo>
                    <a:pt x="2503" y="6009"/>
                  </a:lnTo>
                  <a:lnTo>
                    <a:pt x="2493" y="6024"/>
                  </a:lnTo>
                  <a:lnTo>
                    <a:pt x="2482" y="6038"/>
                  </a:lnTo>
                  <a:lnTo>
                    <a:pt x="2471" y="6052"/>
                  </a:lnTo>
                  <a:lnTo>
                    <a:pt x="2460" y="6065"/>
                  </a:lnTo>
                  <a:lnTo>
                    <a:pt x="2447" y="6078"/>
                  </a:lnTo>
                  <a:lnTo>
                    <a:pt x="2434" y="6091"/>
                  </a:lnTo>
                  <a:lnTo>
                    <a:pt x="2421" y="6103"/>
                  </a:lnTo>
                  <a:lnTo>
                    <a:pt x="2407" y="6115"/>
                  </a:lnTo>
                  <a:lnTo>
                    <a:pt x="2393" y="6126"/>
                  </a:lnTo>
                  <a:lnTo>
                    <a:pt x="2379" y="6136"/>
                  </a:lnTo>
                  <a:lnTo>
                    <a:pt x="2364" y="6146"/>
                  </a:lnTo>
                  <a:lnTo>
                    <a:pt x="2347" y="6157"/>
                  </a:lnTo>
                  <a:lnTo>
                    <a:pt x="2347" y="6157"/>
                  </a:lnTo>
                  <a:lnTo>
                    <a:pt x="2315" y="6175"/>
                  </a:lnTo>
                  <a:lnTo>
                    <a:pt x="2283" y="6190"/>
                  </a:lnTo>
                  <a:lnTo>
                    <a:pt x="2265" y="6197"/>
                  </a:lnTo>
                  <a:lnTo>
                    <a:pt x="2249" y="6203"/>
                  </a:lnTo>
                  <a:lnTo>
                    <a:pt x="2232" y="6209"/>
                  </a:lnTo>
                  <a:lnTo>
                    <a:pt x="2216" y="6214"/>
                  </a:lnTo>
                  <a:lnTo>
                    <a:pt x="2199" y="6218"/>
                  </a:lnTo>
                  <a:lnTo>
                    <a:pt x="2180" y="6222"/>
                  </a:lnTo>
                  <a:lnTo>
                    <a:pt x="2163" y="6227"/>
                  </a:lnTo>
                  <a:lnTo>
                    <a:pt x="2146" y="6229"/>
                  </a:lnTo>
                  <a:lnTo>
                    <a:pt x="2128" y="6231"/>
                  </a:lnTo>
                  <a:lnTo>
                    <a:pt x="2110" y="6233"/>
                  </a:lnTo>
                  <a:lnTo>
                    <a:pt x="2074" y="6234"/>
                  </a:lnTo>
                  <a:lnTo>
                    <a:pt x="2074" y="6234"/>
                  </a:lnTo>
                  <a:lnTo>
                    <a:pt x="2038" y="6233"/>
                  </a:lnTo>
                  <a:lnTo>
                    <a:pt x="2020" y="6231"/>
                  </a:lnTo>
                  <a:lnTo>
                    <a:pt x="2002" y="6229"/>
                  </a:lnTo>
                  <a:lnTo>
                    <a:pt x="1985" y="6227"/>
                  </a:lnTo>
                  <a:lnTo>
                    <a:pt x="1968" y="6222"/>
                  </a:lnTo>
                  <a:lnTo>
                    <a:pt x="1949" y="6218"/>
                  </a:lnTo>
                  <a:lnTo>
                    <a:pt x="1933" y="6214"/>
                  </a:lnTo>
                  <a:lnTo>
                    <a:pt x="1916" y="6209"/>
                  </a:lnTo>
                  <a:lnTo>
                    <a:pt x="1899" y="6203"/>
                  </a:lnTo>
                  <a:lnTo>
                    <a:pt x="1883" y="6197"/>
                  </a:lnTo>
                  <a:lnTo>
                    <a:pt x="1865" y="6190"/>
                  </a:lnTo>
                  <a:lnTo>
                    <a:pt x="1833" y="6175"/>
                  </a:lnTo>
                  <a:lnTo>
                    <a:pt x="1801" y="6157"/>
                  </a:lnTo>
                  <a:lnTo>
                    <a:pt x="1801" y="6157"/>
                  </a:lnTo>
                  <a:lnTo>
                    <a:pt x="1785" y="6146"/>
                  </a:lnTo>
                  <a:lnTo>
                    <a:pt x="1770" y="6136"/>
                  </a:lnTo>
                  <a:lnTo>
                    <a:pt x="1755" y="6126"/>
                  </a:lnTo>
                  <a:lnTo>
                    <a:pt x="1741" y="6115"/>
                  </a:lnTo>
                  <a:lnTo>
                    <a:pt x="1728" y="6103"/>
                  </a:lnTo>
                  <a:lnTo>
                    <a:pt x="1715" y="6091"/>
                  </a:lnTo>
                  <a:lnTo>
                    <a:pt x="1701" y="6078"/>
                  </a:lnTo>
                  <a:lnTo>
                    <a:pt x="1690" y="6065"/>
                  </a:lnTo>
                  <a:lnTo>
                    <a:pt x="1678" y="6052"/>
                  </a:lnTo>
                  <a:lnTo>
                    <a:pt x="1667" y="6038"/>
                  </a:lnTo>
                  <a:lnTo>
                    <a:pt x="1657" y="6024"/>
                  </a:lnTo>
                  <a:lnTo>
                    <a:pt x="1647" y="6009"/>
                  </a:lnTo>
                  <a:lnTo>
                    <a:pt x="1638" y="5994"/>
                  </a:lnTo>
                  <a:lnTo>
                    <a:pt x="1629" y="5978"/>
                  </a:lnTo>
                  <a:lnTo>
                    <a:pt x="1620" y="5962"/>
                  </a:lnTo>
                  <a:lnTo>
                    <a:pt x="1612" y="5945"/>
                  </a:lnTo>
                  <a:lnTo>
                    <a:pt x="134" y="2805"/>
                  </a:lnTo>
                  <a:lnTo>
                    <a:pt x="134" y="2805"/>
                  </a:lnTo>
                  <a:lnTo>
                    <a:pt x="118" y="2768"/>
                  </a:lnTo>
                  <a:lnTo>
                    <a:pt x="103" y="2731"/>
                  </a:lnTo>
                  <a:lnTo>
                    <a:pt x="88" y="2693"/>
                  </a:lnTo>
                  <a:lnTo>
                    <a:pt x="75" y="2652"/>
                  </a:lnTo>
                  <a:lnTo>
                    <a:pt x="63" y="2612"/>
                  </a:lnTo>
                  <a:lnTo>
                    <a:pt x="53" y="2569"/>
                  </a:lnTo>
                  <a:lnTo>
                    <a:pt x="43" y="2526"/>
                  </a:lnTo>
                  <a:lnTo>
                    <a:pt x="34" y="2481"/>
                  </a:lnTo>
                  <a:lnTo>
                    <a:pt x="26" y="2435"/>
                  </a:lnTo>
                  <a:lnTo>
                    <a:pt x="20" y="2388"/>
                  </a:lnTo>
                  <a:lnTo>
                    <a:pt x="14" y="2339"/>
                  </a:lnTo>
                  <a:lnTo>
                    <a:pt x="9" y="2289"/>
                  </a:lnTo>
                  <a:lnTo>
                    <a:pt x="5" y="2238"/>
                  </a:lnTo>
                  <a:lnTo>
                    <a:pt x="2" y="2187"/>
                  </a:lnTo>
                  <a:lnTo>
                    <a:pt x="1" y="2133"/>
                  </a:lnTo>
                  <a:lnTo>
                    <a:pt x="0" y="2078"/>
                  </a:lnTo>
                  <a:lnTo>
                    <a:pt x="0" y="2078"/>
                  </a:lnTo>
                  <a:lnTo>
                    <a:pt x="1" y="2024"/>
                  </a:lnTo>
                  <a:lnTo>
                    <a:pt x="2" y="1972"/>
                  </a:lnTo>
                  <a:lnTo>
                    <a:pt x="5" y="1919"/>
                  </a:lnTo>
                  <a:lnTo>
                    <a:pt x="10" y="1867"/>
                  </a:lnTo>
                  <a:lnTo>
                    <a:pt x="16" y="1815"/>
                  </a:lnTo>
                  <a:lnTo>
                    <a:pt x="22" y="1765"/>
                  </a:lnTo>
                  <a:lnTo>
                    <a:pt x="30" y="1714"/>
                  </a:lnTo>
                  <a:lnTo>
                    <a:pt x="39" y="1663"/>
                  </a:lnTo>
                  <a:lnTo>
                    <a:pt x="48" y="1614"/>
                  </a:lnTo>
                  <a:lnTo>
                    <a:pt x="60" y="1565"/>
                  </a:lnTo>
                  <a:lnTo>
                    <a:pt x="72" y="1516"/>
                  </a:lnTo>
                  <a:lnTo>
                    <a:pt x="85" y="1468"/>
                  </a:lnTo>
                  <a:lnTo>
                    <a:pt x="101" y="1421"/>
                  </a:lnTo>
                  <a:lnTo>
                    <a:pt x="117" y="1373"/>
                  </a:lnTo>
                  <a:lnTo>
                    <a:pt x="134" y="1326"/>
                  </a:lnTo>
                  <a:lnTo>
                    <a:pt x="152" y="1281"/>
                  </a:lnTo>
                  <a:lnTo>
                    <a:pt x="172" y="1235"/>
                  </a:lnTo>
                  <a:lnTo>
                    <a:pt x="193" y="1189"/>
                  </a:lnTo>
                  <a:lnTo>
                    <a:pt x="215" y="1145"/>
                  </a:lnTo>
                  <a:lnTo>
                    <a:pt x="237" y="1101"/>
                  </a:lnTo>
                  <a:lnTo>
                    <a:pt x="262" y="1058"/>
                  </a:lnTo>
                  <a:lnTo>
                    <a:pt x="288" y="1014"/>
                  </a:lnTo>
                  <a:lnTo>
                    <a:pt x="314" y="971"/>
                  </a:lnTo>
                  <a:lnTo>
                    <a:pt x="343" y="929"/>
                  </a:lnTo>
                  <a:lnTo>
                    <a:pt x="371" y="887"/>
                  </a:lnTo>
                  <a:lnTo>
                    <a:pt x="401" y="846"/>
                  </a:lnTo>
                  <a:lnTo>
                    <a:pt x="433" y="806"/>
                  </a:lnTo>
                  <a:lnTo>
                    <a:pt x="465" y="765"/>
                  </a:lnTo>
                  <a:lnTo>
                    <a:pt x="500" y="726"/>
                  </a:lnTo>
                  <a:lnTo>
                    <a:pt x="534" y="686"/>
                  </a:lnTo>
                  <a:lnTo>
                    <a:pt x="570" y="648"/>
                  </a:lnTo>
                  <a:lnTo>
                    <a:pt x="608" y="609"/>
                  </a:lnTo>
                  <a:lnTo>
                    <a:pt x="608" y="609"/>
                  </a:lnTo>
                  <a:lnTo>
                    <a:pt x="646" y="572"/>
                  </a:lnTo>
                  <a:lnTo>
                    <a:pt x="685" y="535"/>
                  </a:lnTo>
                  <a:lnTo>
                    <a:pt x="724" y="501"/>
                  </a:lnTo>
                  <a:lnTo>
                    <a:pt x="764" y="466"/>
                  </a:lnTo>
                  <a:lnTo>
                    <a:pt x="804" y="434"/>
                  </a:lnTo>
                  <a:lnTo>
                    <a:pt x="845" y="402"/>
                  </a:lnTo>
                  <a:lnTo>
                    <a:pt x="885" y="372"/>
                  </a:lnTo>
                  <a:lnTo>
                    <a:pt x="928" y="342"/>
                  </a:lnTo>
                  <a:lnTo>
                    <a:pt x="969" y="315"/>
                  </a:lnTo>
                  <a:lnTo>
                    <a:pt x="1012" y="289"/>
                  </a:lnTo>
                  <a:lnTo>
                    <a:pt x="1055" y="262"/>
                  </a:lnTo>
                  <a:lnTo>
                    <a:pt x="1099" y="238"/>
                  </a:lnTo>
                  <a:lnTo>
                    <a:pt x="1143" y="215"/>
                  </a:lnTo>
                  <a:lnTo>
                    <a:pt x="1187" y="193"/>
                  </a:lnTo>
                  <a:lnTo>
                    <a:pt x="1233" y="172"/>
                  </a:lnTo>
                  <a:lnTo>
                    <a:pt x="1278" y="153"/>
                  </a:lnTo>
                  <a:lnTo>
                    <a:pt x="1324" y="134"/>
                  </a:lnTo>
                  <a:lnTo>
                    <a:pt x="1370" y="117"/>
                  </a:lnTo>
                  <a:lnTo>
                    <a:pt x="1418" y="101"/>
                  </a:lnTo>
                  <a:lnTo>
                    <a:pt x="1465" y="86"/>
                  </a:lnTo>
                  <a:lnTo>
                    <a:pt x="1513" y="72"/>
                  </a:lnTo>
                  <a:lnTo>
                    <a:pt x="1562" y="60"/>
                  </a:lnTo>
                  <a:lnTo>
                    <a:pt x="1611" y="48"/>
                  </a:lnTo>
                  <a:lnTo>
                    <a:pt x="1661" y="38"/>
                  </a:lnTo>
                  <a:lnTo>
                    <a:pt x="1711" y="30"/>
                  </a:lnTo>
                  <a:lnTo>
                    <a:pt x="1761" y="22"/>
                  </a:lnTo>
                  <a:lnTo>
                    <a:pt x="1812" y="16"/>
                  </a:lnTo>
                  <a:lnTo>
                    <a:pt x="1863" y="10"/>
                  </a:lnTo>
                  <a:lnTo>
                    <a:pt x="1915" y="5"/>
                  </a:lnTo>
                  <a:lnTo>
                    <a:pt x="1968" y="2"/>
                  </a:lnTo>
                  <a:lnTo>
                    <a:pt x="2020" y="1"/>
                  </a:lnTo>
                  <a:lnTo>
                    <a:pt x="2074" y="0"/>
                  </a:lnTo>
                  <a:lnTo>
                    <a:pt x="2074" y="0"/>
                  </a:lnTo>
                  <a:lnTo>
                    <a:pt x="2128" y="1"/>
                  </a:lnTo>
                  <a:lnTo>
                    <a:pt x="2180" y="2"/>
                  </a:lnTo>
                  <a:lnTo>
                    <a:pt x="2233" y="5"/>
                  </a:lnTo>
                  <a:lnTo>
                    <a:pt x="2285" y="10"/>
                  </a:lnTo>
                  <a:lnTo>
                    <a:pt x="2336" y="16"/>
                  </a:lnTo>
                  <a:lnTo>
                    <a:pt x="2387" y="22"/>
                  </a:lnTo>
                  <a:lnTo>
                    <a:pt x="2437" y="30"/>
                  </a:lnTo>
                  <a:lnTo>
                    <a:pt x="2488" y="38"/>
                  </a:lnTo>
                  <a:lnTo>
                    <a:pt x="2537" y="48"/>
                  </a:lnTo>
                  <a:lnTo>
                    <a:pt x="2586" y="60"/>
                  </a:lnTo>
                  <a:lnTo>
                    <a:pt x="2635" y="72"/>
                  </a:lnTo>
                  <a:lnTo>
                    <a:pt x="2683" y="86"/>
                  </a:lnTo>
                  <a:lnTo>
                    <a:pt x="2730" y="101"/>
                  </a:lnTo>
                  <a:lnTo>
                    <a:pt x="2778" y="117"/>
                  </a:lnTo>
                  <a:lnTo>
                    <a:pt x="2824" y="134"/>
                  </a:lnTo>
                  <a:lnTo>
                    <a:pt x="2870" y="153"/>
                  </a:lnTo>
                  <a:lnTo>
                    <a:pt x="2915" y="172"/>
                  </a:lnTo>
                  <a:lnTo>
                    <a:pt x="2961" y="193"/>
                  </a:lnTo>
                  <a:lnTo>
                    <a:pt x="3006" y="215"/>
                  </a:lnTo>
                  <a:lnTo>
                    <a:pt x="3049" y="238"/>
                  </a:lnTo>
                  <a:lnTo>
                    <a:pt x="3093" y="262"/>
                  </a:lnTo>
                  <a:lnTo>
                    <a:pt x="3136" y="289"/>
                  </a:lnTo>
                  <a:lnTo>
                    <a:pt x="3179" y="315"/>
                  </a:lnTo>
                  <a:lnTo>
                    <a:pt x="3221" y="342"/>
                  </a:lnTo>
                  <a:lnTo>
                    <a:pt x="3263" y="372"/>
                  </a:lnTo>
                  <a:lnTo>
                    <a:pt x="3303" y="402"/>
                  </a:lnTo>
                  <a:lnTo>
                    <a:pt x="3344" y="434"/>
                  </a:lnTo>
                  <a:lnTo>
                    <a:pt x="3384" y="466"/>
                  </a:lnTo>
                  <a:lnTo>
                    <a:pt x="3424" y="501"/>
                  </a:lnTo>
                  <a:lnTo>
                    <a:pt x="3463" y="535"/>
                  </a:lnTo>
                  <a:lnTo>
                    <a:pt x="3502" y="572"/>
                  </a:lnTo>
                  <a:lnTo>
                    <a:pt x="3540" y="609"/>
                  </a:lnTo>
                  <a:lnTo>
                    <a:pt x="3540" y="609"/>
                  </a:lnTo>
                  <a:lnTo>
                    <a:pt x="3578" y="648"/>
                  </a:lnTo>
                  <a:lnTo>
                    <a:pt x="3614" y="686"/>
                  </a:lnTo>
                  <a:lnTo>
                    <a:pt x="3648" y="726"/>
                  </a:lnTo>
                  <a:lnTo>
                    <a:pt x="3683" y="765"/>
                  </a:lnTo>
                  <a:lnTo>
                    <a:pt x="3715" y="806"/>
                  </a:lnTo>
                  <a:lnTo>
                    <a:pt x="3747" y="846"/>
                  </a:lnTo>
                  <a:lnTo>
                    <a:pt x="3777" y="887"/>
                  </a:lnTo>
                  <a:lnTo>
                    <a:pt x="3806" y="929"/>
                  </a:lnTo>
                  <a:lnTo>
                    <a:pt x="3834" y="971"/>
                  </a:lnTo>
                  <a:lnTo>
                    <a:pt x="3860" y="1014"/>
                  </a:lnTo>
                  <a:lnTo>
                    <a:pt x="3886" y="1058"/>
                  </a:lnTo>
                  <a:lnTo>
                    <a:pt x="3911" y="1101"/>
                  </a:lnTo>
                  <a:lnTo>
                    <a:pt x="3933" y="1145"/>
                  </a:lnTo>
                  <a:lnTo>
                    <a:pt x="3955" y="1189"/>
                  </a:lnTo>
                  <a:lnTo>
                    <a:pt x="3976" y="1235"/>
                  </a:lnTo>
                  <a:lnTo>
                    <a:pt x="3996" y="1281"/>
                  </a:lnTo>
                  <a:lnTo>
                    <a:pt x="4014" y="1326"/>
                  </a:lnTo>
                  <a:lnTo>
                    <a:pt x="4031" y="1373"/>
                  </a:lnTo>
                  <a:lnTo>
                    <a:pt x="4047" y="1421"/>
                  </a:lnTo>
                  <a:lnTo>
                    <a:pt x="4063" y="1468"/>
                  </a:lnTo>
                  <a:lnTo>
                    <a:pt x="4076" y="1516"/>
                  </a:lnTo>
                  <a:lnTo>
                    <a:pt x="4088" y="1565"/>
                  </a:lnTo>
                  <a:lnTo>
                    <a:pt x="4100" y="1614"/>
                  </a:lnTo>
                  <a:lnTo>
                    <a:pt x="4110" y="1663"/>
                  </a:lnTo>
                  <a:lnTo>
                    <a:pt x="4118" y="1714"/>
                  </a:lnTo>
                  <a:lnTo>
                    <a:pt x="4126" y="1765"/>
                  </a:lnTo>
                  <a:lnTo>
                    <a:pt x="4132" y="1815"/>
                  </a:lnTo>
                  <a:lnTo>
                    <a:pt x="4138" y="1867"/>
                  </a:lnTo>
                  <a:lnTo>
                    <a:pt x="4143" y="1919"/>
                  </a:lnTo>
                  <a:lnTo>
                    <a:pt x="4146" y="1972"/>
                  </a:lnTo>
                  <a:lnTo>
                    <a:pt x="4147" y="2024"/>
                  </a:lnTo>
                  <a:lnTo>
                    <a:pt x="4148" y="2078"/>
                  </a:lnTo>
                  <a:lnTo>
                    <a:pt x="4148" y="207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20" name="Group 88"/>
          <p:cNvGrpSpPr>
            <a:grpSpLocks noChangeAspect="1"/>
          </p:cNvGrpSpPr>
          <p:nvPr/>
        </p:nvGrpSpPr>
        <p:grpSpPr bwMode="auto">
          <a:xfrm>
            <a:off x="1044347" y="2633445"/>
            <a:ext cx="900000" cy="900000"/>
            <a:chOff x="5497" y="2317"/>
            <a:chExt cx="454" cy="454"/>
          </a:xfrm>
        </p:grpSpPr>
        <p:sp>
          <p:nvSpPr>
            <p:cNvPr id="23" name="Freeform 89"/>
            <p:cNvSpPr>
              <a:spLocks/>
            </p:cNvSpPr>
            <p:nvPr/>
          </p:nvSpPr>
          <p:spPr bwMode="auto">
            <a:xfrm>
              <a:off x="5497" y="2317"/>
              <a:ext cx="454" cy="454"/>
            </a:xfrm>
            <a:custGeom>
              <a:avLst/>
              <a:gdLst>
                <a:gd name="T0" fmla="*/ 454 w 454"/>
                <a:gd name="T1" fmla="*/ 227 h 454"/>
                <a:gd name="T2" fmla="*/ 450 w 454"/>
                <a:gd name="T3" fmla="*/ 272 h 454"/>
                <a:gd name="T4" fmla="*/ 437 w 454"/>
                <a:gd name="T5" fmla="*/ 316 h 454"/>
                <a:gd name="T6" fmla="*/ 415 w 454"/>
                <a:gd name="T7" fmla="*/ 355 h 454"/>
                <a:gd name="T8" fmla="*/ 387 w 454"/>
                <a:gd name="T9" fmla="*/ 387 h 454"/>
                <a:gd name="T10" fmla="*/ 355 w 454"/>
                <a:gd name="T11" fmla="*/ 415 h 454"/>
                <a:gd name="T12" fmla="*/ 316 w 454"/>
                <a:gd name="T13" fmla="*/ 437 h 454"/>
                <a:gd name="T14" fmla="*/ 272 w 454"/>
                <a:gd name="T15" fmla="*/ 450 h 454"/>
                <a:gd name="T16" fmla="*/ 227 w 454"/>
                <a:gd name="T17" fmla="*/ 454 h 454"/>
                <a:gd name="T18" fmla="*/ 203 w 454"/>
                <a:gd name="T19" fmla="*/ 452 h 454"/>
                <a:gd name="T20" fmla="*/ 160 w 454"/>
                <a:gd name="T21" fmla="*/ 443 h 454"/>
                <a:gd name="T22" fmla="*/ 119 w 454"/>
                <a:gd name="T23" fmla="*/ 426 h 454"/>
                <a:gd name="T24" fmla="*/ 82 w 454"/>
                <a:gd name="T25" fmla="*/ 402 h 454"/>
                <a:gd name="T26" fmla="*/ 52 w 454"/>
                <a:gd name="T27" fmla="*/ 372 h 454"/>
                <a:gd name="T28" fmla="*/ 28 w 454"/>
                <a:gd name="T29" fmla="*/ 335 h 454"/>
                <a:gd name="T30" fmla="*/ 11 w 454"/>
                <a:gd name="T31" fmla="*/ 294 h 454"/>
                <a:gd name="T32" fmla="*/ 2 w 454"/>
                <a:gd name="T33" fmla="*/ 251 h 454"/>
                <a:gd name="T34" fmla="*/ 0 w 454"/>
                <a:gd name="T35" fmla="*/ 227 h 454"/>
                <a:gd name="T36" fmla="*/ 4 w 454"/>
                <a:gd name="T37" fmla="*/ 182 h 454"/>
                <a:gd name="T38" fmla="*/ 17 w 454"/>
                <a:gd name="T39" fmla="*/ 138 h 454"/>
                <a:gd name="T40" fmla="*/ 39 w 454"/>
                <a:gd name="T41" fmla="*/ 99 h 454"/>
                <a:gd name="T42" fmla="*/ 67 w 454"/>
                <a:gd name="T43" fmla="*/ 67 h 454"/>
                <a:gd name="T44" fmla="*/ 99 w 454"/>
                <a:gd name="T45" fmla="*/ 39 h 454"/>
                <a:gd name="T46" fmla="*/ 138 w 454"/>
                <a:gd name="T47" fmla="*/ 17 h 454"/>
                <a:gd name="T48" fmla="*/ 182 w 454"/>
                <a:gd name="T49" fmla="*/ 4 h 454"/>
                <a:gd name="T50" fmla="*/ 227 w 454"/>
                <a:gd name="T51" fmla="*/ 0 h 454"/>
                <a:gd name="T52" fmla="*/ 251 w 454"/>
                <a:gd name="T53" fmla="*/ 2 h 454"/>
                <a:gd name="T54" fmla="*/ 294 w 454"/>
                <a:gd name="T55" fmla="*/ 11 h 454"/>
                <a:gd name="T56" fmla="*/ 335 w 454"/>
                <a:gd name="T57" fmla="*/ 28 h 454"/>
                <a:gd name="T58" fmla="*/ 372 w 454"/>
                <a:gd name="T59" fmla="*/ 52 h 454"/>
                <a:gd name="T60" fmla="*/ 402 w 454"/>
                <a:gd name="T61" fmla="*/ 82 h 454"/>
                <a:gd name="T62" fmla="*/ 426 w 454"/>
                <a:gd name="T63" fmla="*/ 119 h 454"/>
                <a:gd name="T64" fmla="*/ 443 w 454"/>
                <a:gd name="T65" fmla="*/ 160 h 454"/>
                <a:gd name="T66" fmla="*/ 452 w 454"/>
                <a:gd name="T67" fmla="*/ 203 h 454"/>
                <a:gd name="T68" fmla="*/ 454 w 454"/>
                <a:gd name="T69" fmla="*/ 227 h 45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454" h="454">
                  <a:moveTo>
                    <a:pt x="454" y="227"/>
                  </a:moveTo>
                  <a:lnTo>
                    <a:pt x="454" y="227"/>
                  </a:lnTo>
                  <a:lnTo>
                    <a:pt x="452" y="251"/>
                  </a:lnTo>
                  <a:lnTo>
                    <a:pt x="450" y="272"/>
                  </a:lnTo>
                  <a:lnTo>
                    <a:pt x="443" y="294"/>
                  </a:lnTo>
                  <a:lnTo>
                    <a:pt x="437" y="316"/>
                  </a:lnTo>
                  <a:lnTo>
                    <a:pt x="426" y="335"/>
                  </a:lnTo>
                  <a:lnTo>
                    <a:pt x="415" y="355"/>
                  </a:lnTo>
                  <a:lnTo>
                    <a:pt x="402" y="372"/>
                  </a:lnTo>
                  <a:lnTo>
                    <a:pt x="387" y="387"/>
                  </a:lnTo>
                  <a:lnTo>
                    <a:pt x="372" y="402"/>
                  </a:lnTo>
                  <a:lnTo>
                    <a:pt x="355" y="415"/>
                  </a:lnTo>
                  <a:lnTo>
                    <a:pt x="335" y="426"/>
                  </a:lnTo>
                  <a:lnTo>
                    <a:pt x="316" y="437"/>
                  </a:lnTo>
                  <a:lnTo>
                    <a:pt x="294" y="443"/>
                  </a:lnTo>
                  <a:lnTo>
                    <a:pt x="272" y="450"/>
                  </a:lnTo>
                  <a:lnTo>
                    <a:pt x="251" y="452"/>
                  </a:lnTo>
                  <a:lnTo>
                    <a:pt x="227" y="454"/>
                  </a:lnTo>
                  <a:lnTo>
                    <a:pt x="227" y="454"/>
                  </a:lnTo>
                  <a:lnTo>
                    <a:pt x="203" y="452"/>
                  </a:lnTo>
                  <a:lnTo>
                    <a:pt x="182" y="450"/>
                  </a:lnTo>
                  <a:lnTo>
                    <a:pt x="160" y="443"/>
                  </a:lnTo>
                  <a:lnTo>
                    <a:pt x="138" y="437"/>
                  </a:lnTo>
                  <a:lnTo>
                    <a:pt x="119" y="426"/>
                  </a:lnTo>
                  <a:lnTo>
                    <a:pt x="99" y="415"/>
                  </a:lnTo>
                  <a:lnTo>
                    <a:pt x="82" y="402"/>
                  </a:lnTo>
                  <a:lnTo>
                    <a:pt x="67" y="387"/>
                  </a:lnTo>
                  <a:lnTo>
                    <a:pt x="52" y="372"/>
                  </a:lnTo>
                  <a:lnTo>
                    <a:pt x="39" y="355"/>
                  </a:lnTo>
                  <a:lnTo>
                    <a:pt x="28" y="335"/>
                  </a:lnTo>
                  <a:lnTo>
                    <a:pt x="17" y="316"/>
                  </a:lnTo>
                  <a:lnTo>
                    <a:pt x="11" y="294"/>
                  </a:lnTo>
                  <a:lnTo>
                    <a:pt x="4" y="272"/>
                  </a:lnTo>
                  <a:lnTo>
                    <a:pt x="2" y="251"/>
                  </a:lnTo>
                  <a:lnTo>
                    <a:pt x="0" y="227"/>
                  </a:lnTo>
                  <a:lnTo>
                    <a:pt x="0" y="227"/>
                  </a:lnTo>
                  <a:lnTo>
                    <a:pt x="2" y="203"/>
                  </a:lnTo>
                  <a:lnTo>
                    <a:pt x="4" y="182"/>
                  </a:lnTo>
                  <a:lnTo>
                    <a:pt x="11" y="160"/>
                  </a:lnTo>
                  <a:lnTo>
                    <a:pt x="17" y="138"/>
                  </a:lnTo>
                  <a:lnTo>
                    <a:pt x="28" y="119"/>
                  </a:lnTo>
                  <a:lnTo>
                    <a:pt x="39" y="99"/>
                  </a:lnTo>
                  <a:lnTo>
                    <a:pt x="52" y="82"/>
                  </a:lnTo>
                  <a:lnTo>
                    <a:pt x="67" y="67"/>
                  </a:lnTo>
                  <a:lnTo>
                    <a:pt x="82" y="52"/>
                  </a:lnTo>
                  <a:lnTo>
                    <a:pt x="99" y="39"/>
                  </a:lnTo>
                  <a:lnTo>
                    <a:pt x="119" y="28"/>
                  </a:lnTo>
                  <a:lnTo>
                    <a:pt x="138" y="17"/>
                  </a:lnTo>
                  <a:lnTo>
                    <a:pt x="160" y="11"/>
                  </a:lnTo>
                  <a:lnTo>
                    <a:pt x="182" y="4"/>
                  </a:lnTo>
                  <a:lnTo>
                    <a:pt x="203" y="2"/>
                  </a:lnTo>
                  <a:lnTo>
                    <a:pt x="227" y="0"/>
                  </a:lnTo>
                  <a:lnTo>
                    <a:pt x="227" y="0"/>
                  </a:lnTo>
                  <a:lnTo>
                    <a:pt x="251" y="2"/>
                  </a:lnTo>
                  <a:lnTo>
                    <a:pt x="272" y="4"/>
                  </a:lnTo>
                  <a:lnTo>
                    <a:pt x="294" y="11"/>
                  </a:lnTo>
                  <a:lnTo>
                    <a:pt x="316" y="17"/>
                  </a:lnTo>
                  <a:lnTo>
                    <a:pt x="335" y="28"/>
                  </a:lnTo>
                  <a:lnTo>
                    <a:pt x="355" y="39"/>
                  </a:lnTo>
                  <a:lnTo>
                    <a:pt x="372" y="52"/>
                  </a:lnTo>
                  <a:lnTo>
                    <a:pt x="387" y="67"/>
                  </a:lnTo>
                  <a:lnTo>
                    <a:pt x="402" y="82"/>
                  </a:lnTo>
                  <a:lnTo>
                    <a:pt x="415" y="99"/>
                  </a:lnTo>
                  <a:lnTo>
                    <a:pt x="426" y="119"/>
                  </a:lnTo>
                  <a:lnTo>
                    <a:pt x="437" y="138"/>
                  </a:lnTo>
                  <a:lnTo>
                    <a:pt x="443" y="160"/>
                  </a:lnTo>
                  <a:lnTo>
                    <a:pt x="450" y="182"/>
                  </a:lnTo>
                  <a:lnTo>
                    <a:pt x="452" y="203"/>
                  </a:lnTo>
                  <a:lnTo>
                    <a:pt x="454" y="227"/>
                  </a:lnTo>
                  <a:lnTo>
                    <a:pt x="454" y="227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5" name="Freeform 90"/>
            <p:cNvSpPr>
              <a:spLocks/>
            </p:cNvSpPr>
            <p:nvPr/>
          </p:nvSpPr>
          <p:spPr bwMode="auto">
            <a:xfrm>
              <a:off x="5612" y="2470"/>
              <a:ext cx="194" cy="186"/>
            </a:xfrm>
            <a:custGeom>
              <a:avLst/>
              <a:gdLst>
                <a:gd name="T0" fmla="*/ 51 w 194"/>
                <a:gd name="T1" fmla="*/ 26 h 186"/>
                <a:gd name="T2" fmla="*/ 51 w 194"/>
                <a:gd name="T3" fmla="*/ 26 h 186"/>
                <a:gd name="T4" fmla="*/ 54 w 194"/>
                <a:gd name="T5" fmla="*/ 39 h 186"/>
                <a:gd name="T6" fmla="*/ 58 w 194"/>
                <a:gd name="T7" fmla="*/ 50 h 186"/>
                <a:gd name="T8" fmla="*/ 62 w 194"/>
                <a:gd name="T9" fmla="*/ 59 h 186"/>
                <a:gd name="T10" fmla="*/ 69 w 194"/>
                <a:gd name="T11" fmla="*/ 63 h 186"/>
                <a:gd name="T12" fmla="*/ 77 w 194"/>
                <a:gd name="T13" fmla="*/ 68 h 186"/>
                <a:gd name="T14" fmla="*/ 86 w 194"/>
                <a:gd name="T15" fmla="*/ 70 h 186"/>
                <a:gd name="T16" fmla="*/ 97 w 194"/>
                <a:gd name="T17" fmla="*/ 70 h 186"/>
                <a:gd name="T18" fmla="*/ 97 w 194"/>
                <a:gd name="T19" fmla="*/ 70 h 186"/>
                <a:gd name="T20" fmla="*/ 140 w 194"/>
                <a:gd name="T21" fmla="*/ 61 h 186"/>
                <a:gd name="T22" fmla="*/ 194 w 194"/>
                <a:gd name="T23" fmla="*/ 109 h 186"/>
                <a:gd name="T24" fmla="*/ 93 w 194"/>
                <a:gd name="T25" fmla="*/ 186 h 186"/>
                <a:gd name="T26" fmla="*/ 13 w 194"/>
                <a:gd name="T27" fmla="*/ 104 h 186"/>
                <a:gd name="T28" fmla="*/ 0 w 194"/>
                <a:gd name="T29" fmla="*/ 104 h 186"/>
                <a:gd name="T30" fmla="*/ 0 w 194"/>
                <a:gd name="T31" fmla="*/ 0 h 186"/>
                <a:gd name="T32" fmla="*/ 90 w 194"/>
                <a:gd name="T33" fmla="*/ 0 h 186"/>
                <a:gd name="T34" fmla="*/ 90 w 194"/>
                <a:gd name="T35" fmla="*/ 0 h 186"/>
                <a:gd name="T36" fmla="*/ 67 w 194"/>
                <a:gd name="T37" fmla="*/ 9 h 186"/>
                <a:gd name="T38" fmla="*/ 67 w 194"/>
                <a:gd name="T39" fmla="*/ 9 h 186"/>
                <a:gd name="T40" fmla="*/ 62 w 194"/>
                <a:gd name="T41" fmla="*/ 11 h 186"/>
                <a:gd name="T42" fmla="*/ 56 w 194"/>
                <a:gd name="T43" fmla="*/ 13 h 186"/>
                <a:gd name="T44" fmla="*/ 54 w 194"/>
                <a:gd name="T45" fmla="*/ 18 h 186"/>
                <a:gd name="T46" fmla="*/ 51 w 194"/>
                <a:gd name="T47" fmla="*/ 26 h 186"/>
                <a:gd name="T48" fmla="*/ 51 w 194"/>
                <a:gd name="T49" fmla="*/ 26 h 1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94" h="186">
                  <a:moveTo>
                    <a:pt x="51" y="26"/>
                  </a:moveTo>
                  <a:lnTo>
                    <a:pt x="51" y="26"/>
                  </a:lnTo>
                  <a:lnTo>
                    <a:pt x="54" y="39"/>
                  </a:lnTo>
                  <a:lnTo>
                    <a:pt x="58" y="50"/>
                  </a:lnTo>
                  <a:lnTo>
                    <a:pt x="62" y="59"/>
                  </a:lnTo>
                  <a:lnTo>
                    <a:pt x="69" y="63"/>
                  </a:lnTo>
                  <a:lnTo>
                    <a:pt x="77" y="68"/>
                  </a:lnTo>
                  <a:lnTo>
                    <a:pt x="86" y="70"/>
                  </a:lnTo>
                  <a:lnTo>
                    <a:pt x="97" y="70"/>
                  </a:lnTo>
                  <a:lnTo>
                    <a:pt x="97" y="70"/>
                  </a:lnTo>
                  <a:lnTo>
                    <a:pt x="140" y="61"/>
                  </a:lnTo>
                  <a:lnTo>
                    <a:pt x="194" y="109"/>
                  </a:lnTo>
                  <a:lnTo>
                    <a:pt x="93" y="186"/>
                  </a:lnTo>
                  <a:lnTo>
                    <a:pt x="13" y="104"/>
                  </a:lnTo>
                  <a:lnTo>
                    <a:pt x="0" y="104"/>
                  </a:lnTo>
                  <a:lnTo>
                    <a:pt x="0" y="0"/>
                  </a:lnTo>
                  <a:lnTo>
                    <a:pt x="90" y="0"/>
                  </a:lnTo>
                  <a:lnTo>
                    <a:pt x="90" y="0"/>
                  </a:lnTo>
                  <a:lnTo>
                    <a:pt x="67" y="9"/>
                  </a:lnTo>
                  <a:lnTo>
                    <a:pt x="67" y="9"/>
                  </a:lnTo>
                  <a:lnTo>
                    <a:pt x="62" y="11"/>
                  </a:lnTo>
                  <a:lnTo>
                    <a:pt x="56" y="13"/>
                  </a:lnTo>
                  <a:lnTo>
                    <a:pt x="54" y="18"/>
                  </a:lnTo>
                  <a:lnTo>
                    <a:pt x="51" y="26"/>
                  </a:lnTo>
                  <a:lnTo>
                    <a:pt x="51" y="26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6" name="Freeform 91"/>
            <p:cNvSpPr>
              <a:spLocks/>
            </p:cNvSpPr>
            <p:nvPr/>
          </p:nvSpPr>
          <p:spPr bwMode="auto">
            <a:xfrm>
              <a:off x="5776" y="2574"/>
              <a:ext cx="34" cy="35"/>
            </a:xfrm>
            <a:custGeom>
              <a:avLst/>
              <a:gdLst>
                <a:gd name="T0" fmla="*/ 17 w 34"/>
                <a:gd name="T1" fmla="*/ 0 h 35"/>
                <a:gd name="T2" fmla="*/ 17 w 34"/>
                <a:gd name="T3" fmla="*/ 0 h 35"/>
                <a:gd name="T4" fmla="*/ 24 w 34"/>
                <a:gd name="T5" fmla="*/ 2 h 35"/>
                <a:gd name="T6" fmla="*/ 30 w 34"/>
                <a:gd name="T7" fmla="*/ 5 h 35"/>
                <a:gd name="T8" fmla="*/ 32 w 34"/>
                <a:gd name="T9" fmla="*/ 11 h 35"/>
                <a:gd name="T10" fmla="*/ 34 w 34"/>
                <a:gd name="T11" fmla="*/ 18 h 35"/>
                <a:gd name="T12" fmla="*/ 34 w 34"/>
                <a:gd name="T13" fmla="*/ 18 h 35"/>
                <a:gd name="T14" fmla="*/ 32 w 34"/>
                <a:gd name="T15" fmla="*/ 24 h 35"/>
                <a:gd name="T16" fmla="*/ 30 w 34"/>
                <a:gd name="T17" fmla="*/ 31 h 35"/>
                <a:gd name="T18" fmla="*/ 24 w 34"/>
                <a:gd name="T19" fmla="*/ 33 h 35"/>
                <a:gd name="T20" fmla="*/ 17 w 34"/>
                <a:gd name="T21" fmla="*/ 35 h 35"/>
                <a:gd name="T22" fmla="*/ 17 w 34"/>
                <a:gd name="T23" fmla="*/ 35 h 35"/>
                <a:gd name="T24" fmla="*/ 11 w 34"/>
                <a:gd name="T25" fmla="*/ 33 h 35"/>
                <a:gd name="T26" fmla="*/ 4 w 34"/>
                <a:gd name="T27" fmla="*/ 31 h 35"/>
                <a:gd name="T28" fmla="*/ 2 w 34"/>
                <a:gd name="T29" fmla="*/ 24 h 35"/>
                <a:gd name="T30" fmla="*/ 0 w 34"/>
                <a:gd name="T31" fmla="*/ 18 h 35"/>
                <a:gd name="T32" fmla="*/ 0 w 34"/>
                <a:gd name="T33" fmla="*/ 18 h 35"/>
                <a:gd name="T34" fmla="*/ 2 w 34"/>
                <a:gd name="T35" fmla="*/ 11 h 35"/>
                <a:gd name="T36" fmla="*/ 4 w 34"/>
                <a:gd name="T37" fmla="*/ 5 h 35"/>
                <a:gd name="T38" fmla="*/ 11 w 34"/>
                <a:gd name="T39" fmla="*/ 2 h 35"/>
                <a:gd name="T40" fmla="*/ 17 w 34"/>
                <a:gd name="T41" fmla="*/ 0 h 35"/>
                <a:gd name="T42" fmla="*/ 17 w 34"/>
                <a:gd name="T43" fmla="*/ 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34" h="35">
                  <a:moveTo>
                    <a:pt x="17" y="0"/>
                  </a:moveTo>
                  <a:lnTo>
                    <a:pt x="17" y="0"/>
                  </a:lnTo>
                  <a:lnTo>
                    <a:pt x="24" y="2"/>
                  </a:lnTo>
                  <a:lnTo>
                    <a:pt x="30" y="5"/>
                  </a:lnTo>
                  <a:lnTo>
                    <a:pt x="32" y="11"/>
                  </a:lnTo>
                  <a:lnTo>
                    <a:pt x="34" y="18"/>
                  </a:lnTo>
                  <a:lnTo>
                    <a:pt x="34" y="18"/>
                  </a:lnTo>
                  <a:lnTo>
                    <a:pt x="32" y="24"/>
                  </a:lnTo>
                  <a:lnTo>
                    <a:pt x="30" y="31"/>
                  </a:lnTo>
                  <a:lnTo>
                    <a:pt x="24" y="33"/>
                  </a:lnTo>
                  <a:lnTo>
                    <a:pt x="17" y="35"/>
                  </a:lnTo>
                  <a:lnTo>
                    <a:pt x="17" y="35"/>
                  </a:lnTo>
                  <a:lnTo>
                    <a:pt x="11" y="33"/>
                  </a:lnTo>
                  <a:lnTo>
                    <a:pt x="4" y="31"/>
                  </a:lnTo>
                  <a:lnTo>
                    <a:pt x="2" y="24"/>
                  </a:lnTo>
                  <a:lnTo>
                    <a:pt x="0" y="18"/>
                  </a:lnTo>
                  <a:lnTo>
                    <a:pt x="0" y="18"/>
                  </a:lnTo>
                  <a:lnTo>
                    <a:pt x="2" y="11"/>
                  </a:lnTo>
                  <a:lnTo>
                    <a:pt x="4" y="5"/>
                  </a:lnTo>
                  <a:lnTo>
                    <a:pt x="11" y="2"/>
                  </a:lnTo>
                  <a:lnTo>
                    <a:pt x="17" y="0"/>
                  </a:lnTo>
                  <a:lnTo>
                    <a:pt x="17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8" name="Freeform 92"/>
            <p:cNvSpPr>
              <a:spLocks/>
            </p:cNvSpPr>
            <p:nvPr/>
          </p:nvSpPr>
          <p:spPr bwMode="auto">
            <a:xfrm>
              <a:off x="5681" y="2496"/>
              <a:ext cx="43" cy="26"/>
            </a:xfrm>
            <a:custGeom>
              <a:avLst/>
              <a:gdLst>
                <a:gd name="T0" fmla="*/ 43 w 43"/>
                <a:gd name="T1" fmla="*/ 5 h 26"/>
                <a:gd name="T2" fmla="*/ 43 w 43"/>
                <a:gd name="T3" fmla="*/ 5 h 26"/>
                <a:gd name="T4" fmla="*/ 41 w 43"/>
                <a:gd name="T5" fmla="*/ 13 h 26"/>
                <a:gd name="T6" fmla="*/ 37 w 43"/>
                <a:gd name="T7" fmla="*/ 20 h 26"/>
                <a:gd name="T8" fmla="*/ 30 w 43"/>
                <a:gd name="T9" fmla="*/ 24 h 26"/>
                <a:gd name="T10" fmla="*/ 21 w 43"/>
                <a:gd name="T11" fmla="*/ 26 h 26"/>
                <a:gd name="T12" fmla="*/ 21 w 43"/>
                <a:gd name="T13" fmla="*/ 26 h 26"/>
                <a:gd name="T14" fmla="*/ 13 w 43"/>
                <a:gd name="T15" fmla="*/ 24 h 26"/>
                <a:gd name="T16" fmla="*/ 6 w 43"/>
                <a:gd name="T17" fmla="*/ 20 h 26"/>
                <a:gd name="T18" fmla="*/ 2 w 43"/>
                <a:gd name="T19" fmla="*/ 13 h 26"/>
                <a:gd name="T20" fmla="*/ 0 w 43"/>
                <a:gd name="T21" fmla="*/ 5 h 26"/>
                <a:gd name="T22" fmla="*/ 0 w 43"/>
                <a:gd name="T23" fmla="*/ 0 h 26"/>
                <a:gd name="T24" fmla="*/ 28 w 43"/>
                <a:gd name="T25" fmla="*/ 0 h 26"/>
                <a:gd name="T26" fmla="*/ 43 w 43"/>
                <a:gd name="T27" fmla="*/ 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3" h="26">
                  <a:moveTo>
                    <a:pt x="43" y="5"/>
                  </a:moveTo>
                  <a:lnTo>
                    <a:pt x="43" y="5"/>
                  </a:lnTo>
                  <a:lnTo>
                    <a:pt x="41" y="13"/>
                  </a:lnTo>
                  <a:lnTo>
                    <a:pt x="37" y="20"/>
                  </a:lnTo>
                  <a:lnTo>
                    <a:pt x="30" y="24"/>
                  </a:lnTo>
                  <a:lnTo>
                    <a:pt x="21" y="26"/>
                  </a:lnTo>
                  <a:lnTo>
                    <a:pt x="21" y="26"/>
                  </a:lnTo>
                  <a:lnTo>
                    <a:pt x="13" y="24"/>
                  </a:lnTo>
                  <a:lnTo>
                    <a:pt x="6" y="20"/>
                  </a:lnTo>
                  <a:lnTo>
                    <a:pt x="2" y="13"/>
                  </a:lnTo>
                  <a:lnTo>
                    <a:pt x="0" y="5"/>
                  </a:lnTo>
                  <a:lnTo>
                    <a:pt x="0" y="0"/>
                  </a:lnTo>
                  <a:lnTo>
                    <a:pt x="28" y="0"/>
                  </a:lnTo>
                  <a:lnTo>
                    <a:pt x="43" y="5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0" name="Freeform 93"/>
            <p:cNvSpPr>
              <a:spLocks/>
            </p:cNvSpPr>
            <p:nvPr/>
          </p:nvSpPr>
          <p:spPr bwMode="auto">
            <a:xfrm>
              <a:off x="5741" y="2470"/>
              <a:ext cx="35" cy="35"/>
            </a:xfrm>
            <a:custGeom>
              <a:avLst/>
              <a:gdLst>
                <a:gd name="T0" fmla="*/ 18 w 35"/>
                <a:gd name="T1" fmla="*/ 0 h 35"/>
                <a:gd name="T2" fmla="*/ 18 w 35"/>
                <a:gd name="T3" fmla="*/ 0 h 35"/>
                <a:gd name="T4" fmla="*/ 24 w 35"/>
                <a:gd name="T5" fmla="*/ 3 h 35"/>
                <a:gd name="T6" fmla="*/ 31 w 35"/>
                <a:gd name="T7" fmla="*/ 5 h 35"/>
                <a:gd name="T8" fmla="*/ 33 w 35"/>
                <a:gd name="T9" fmla="*/ 11 h 35"/>
                <a:gd name="T10" fmla="*/ 35 w 35"/>
                <a:gd name="T11" fmla="*/ 18 h 35"/>
                <a:gd name="T12" fmla="*/ 35 w 35"/>
                <a:gd name="T13" fmla="*/ 18 h 35"/>
                <a:gd name="T14" fmla="*/ 33 w 35"/>
                <a:gd name="T15" fmla="*/ 24 h 35"/>
                <a:gd name="T16" fmla="*/ 31 w 35"/>
                <a:gd name="T17" fmla="*/ 31 h 35"/>
                <a:gd name="T18" fmla="*/ 24 w 35"/>
                <a:gd name="T19" fmla="*/ 33 h 35"/>
                <a:gd name="T20" fmla="*/ 18 w 35"/>
                <a:gd name="T21" fmla="*/ 35 h 35"/>
                <a:gd name="T22" fmla="*/ 18 w 35"/>
                <a:gd name="T23" fmla="*/ 35 h 35"/>
                <a:gd name="T24" fmla="*/ 11 w 35"/>
                <a:gd name="T25" fmla="*/ 33 h 35"/>
                <a:gd name="T26" fmla="*/ 5 w 35"/>
                <a:gd name="T27" fmla="*/ 31 h 35"/>
                <a:gd name="T28" fmla="*/ 2 w 35"/>
                <a:gd name="T29" fmla="*/ 24 h 35"/>
                <a:gd name="T30" fmla="*/ 0 w 35"/>
                <a:gd name="T31" fmla="*/ 18 h 35"/>
                <a:gd name="T32" fmla="*/ 0 w 35"/>
                <a:gd name="T33" fmla="*/ 18 h 35"/>
                <a:gd name="T34" fmla="*/ 2 w 35"/>
                <a:gd name="T35" fmla="*/ 11 h 35"/>
                <a:gd name="T36" fmla="*/ 5 w 35"/>
                <a:gd name="T37" fmla="*/ 5 h 35"/>
                <a:gd name="T38" fmla="*/ 11 w 35"/>
                <a:gd name="T39" fmla="*/ 3 h 35"/>
                <a:gd name="T40" fmla="*/ 18 w 35"/>
                <a:gd name="T41" fmla="*/ 0 h 35"/>
                <a:gd name="T42" fmla="*/ 18 w 35"/>
                <a:gd name="T43" fmla="*/ 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35" h="35">
                  <a:moveTo>
                    <a:pt x="18" y="0"/>
                  </a:moveTo>
                  <a:lnTo>
                    <a:pt x="18" y="0"/>
                  </a:lnTo>
                  <a:lnTo>
                    <a:pt x="24" y="3"/>
                  </a:lnTo>
                  <a:lnTo>
                    <a:pt x="31" y="5"/>
                  </a:lnTo>
                  <a:lnTo>
                    <a:pt x="33" y="11"/>
                  </a:lnTo>
                  <a:lnTo>
                    <a:pt x="35" y="18"/>
                  </a:lnTo>
                  <a:lnTo>
                    <a:pt x="35" y="18"/>
                  </a:lnTo>
                  <a:lnTo>
                    <a:pt x="33" y="24"/>
                  </a:lnTo>
                  <a:lnTo>
                    <a:pt x="31" y="31"/>
                  </a:lnTo>
                  <a:lnTo>
                    <a:pt x="24" y="33"/>
                  </a:lnTo>
                  <a:lnTo>
                    <a:pt x="18" y="35"/>
                  </a:lnTo>
                  <a:lnTo>
                    <a:pt x="18" y="35"/>
                  </a:lnTo>
                  <a:lnTo>
                    <a:pt x="11" y="33"/>
                  </a:lnTo>
                  <a:lnTo>
                    <a:pt x="5" y="31"/>
                  </a:lnTo>
                  <a:lnTo>
                    <a:pt x="2" y="24"/>
                  </a:lnTo>
                  <a:lnTo>
                    <a:pt x="0" y="18"/>
                  </a:lnTo>
                  <a:lnTo>
                    <a:pt x="0" y="18"/>
                  </a:lnTo>
                  <a:lnTo>
                    <a:pt x="2" y="11"/>
                  </a:lnTo>
                  <a:lnTo>
                    <a:pt x="5" y="5"/>
                  </a:lnTo>
                  <a:lnTo>
                    <a:pt x="11" y="3"/>
                  </a:lnTo>
                  <a:lnTo>
                    <a:pt x="18" y="0"/>
                  </a:lnTo>
                  <a:lnTo>
                    <a:pt x="18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1" name="Freeform 94"/>
            <p:cNvSpPr>
              <a:spLocks/>
            </p:cNvSpPr>
            <p:nvPr/>
          </p:nvSpPr>
          <p:spPr bwMode="auto">
            <a:xfrm>
              <a:off x="5750" y="2592"/>
              <a:ext cx="35" cy="34"/>
            </a:xfrm>
            <a:custGeom>
              <a:avLst/>
              <a:gdLst>
                <a:gd name="T0" fmla="*/ 17 w 35"/>
                <a:gd name="T1" fmla="*/ 0 h 34"/>
                <a:gd name="T2" fmla="*/ 17 w 35"/>
                <a:gd name="T3" fmla="*/ 0 h 34"/>
                <a:gd name="T4" fmla="*/ 24 w 35"/>
                <a:gd name="T5" fmla="*/ 2 h 34"/>
                <a:gd name="T6" fmla="*/ 30 w 35"/>
                <a:gd name="T7" fmla="*/ 4 h 34"/>
                <a:gd name="T8" fmla="*/ 32 w 35"/>
                <a:gd name="T9" fmla="*/ 10 h 34"/>
                <a:gd name="T10" fmla="*/ 35 w 35"/>
                <a:gd name="T11" fmla="*/ 17 h 34"/>
                <a:gd name="T12" fmla="*/ 35 w 35"/>
                <a:gd name="T13" fmla="*/ 17 h 34"/>
                <a:gd name="T14" fmla="*/ 32 w 35"/>
                <a:gd name="T15" fmla="*/ 23 h 34"/>
                <a:gd name="T16" fmla="*/ 30 w 35"/>
                <a:gd name="T17" fmla="*/ 30 h 34"/>
                <a:gd name="T18" fmla="*/ 24 w 35"/>
                <a:gd name="T19" fmla="*/ 32 h 34"/>
                <a:gd name="T20" fmla="*/ 17 w 35"/>
                <a:gd name="T21" fmla="*/ 34 h 34"/>
                <a:gd name="T22" fmla="*/ 17 w 35"/>
                <a:gd name="T23" fmla="*/ 34 h 34"/>
                <a:gd name="T24" fmla="*/ 11 w 35"/>
                <a:gd name="T25" fmla="*/ 32 h 34"/>
                <a:gd name="T26" fmla="*/ 4 w 35"/>
                <a:gd name="T27" fmla="*/ 30 h 34"/>
                <a:gd name="T28" fmla="*/ 2 w 35"/>
                <a:gd name="T29" fmla="*/ 23 h 34"/>
                <a:gd name="T30" fmla="*/ 0 w 35"/>
                <a:gd name="T31" fmla="*/ 17 h 34"/>
                <a:gd name="T32" fmla="*/ 0 w 35"/>
                <a:gd name="T33" fmla="*/ 17 h 34"/>
                <a:gd name="T34" fmla="*/ 2 w 35"/>
                <a:gd name="T35" fmla="*/ 10 h 34"/>
                <a:gd name="T36" fmla="*/ 4 w 35"/>
                <a:gd name="T37" fmla="*/ 4 h 34"/>
                <a:gd name="T38" fmla="*/ 11 w 35"/>
                <a:gd name="T39" fmla="*/ 2 h 34"/>
                <a:gd name="T40" fmla="*/ 17 w 35"/>
                <a:gd name="T41" fmla="*/ 0 h 34"/>
                <a:gd name="T42" fmla="*/ 17 w 35"/>
                <a:gd name="T43" fmla="*/ 0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35" h="34">
                  <a:moveTo>
                    <a:pt x="17" y="0"/>
                  </a:moveTo>
                  <a:lnTo>
                    <a:pt x="17" y="0"/>
                  </a:lnTo>
                  <a:lnTo>
                    <a:pt x="24" y="2"/>
                  </a:lnTo>
                  <a:lnTo>
                    <a:pt x="30" y="4"/>
                  </a:lnTo>
                  <a:lnTo>
                    <a:pt x="32" y="10"/>
                  </a:lnTo>
                  <a:lnTo>
                    <a:pt x="35" y="17"/>
                  </a:lnTo>
                  <a:lnTo>
                    <a:pt x="35" y="17"/>
                  </a:lnTo>
                  <a:lnTo>
                    <a:pt x="32" y="23"/>
                  </a:lnTo>
                  <a:lnTo>
                    <a:pt x="30" y="30"/>
                  </a:lnTo>
                  <a:lnTo>
                    <a:pt x="24" y="32"/>
                  </a:lnTo>
                  <a:lnTo>
                    <a:pt x="17" y="34"/>
                  </a:lnTo>
                  <a:lnTo>
                    <a:pt x="17" y="34"/>
                  </a:lnTo>
                  <a:lnTo>
                    <a:pt x="11" y="32"/>
                  </a:lnTo>
                  <a:lnTo>
                    <a:pt x="4" y="30"/>
                  </a:lnTo>
                  <a:lnTo>
                    <a:pt x="2" y="23"/>
                  </a:lnTo>
                  <a:lnTo>
                    <a:pt x="0" y="17"/>
                  </a:lnTo>
                  <a:lnTo>
                    <a:pt x="0" y="17"/>
                  </a:lnTo>
                  <a:lnTo>
                    <a:pt x="2" y="10"/>
                  </a:lnTo>
                  <a:lnTo>
                    <a:pt x="4" y="4"/>
                  </a:lnTo>
                  <a:lnTo>
                    <a:pt x="11" y="2"/>
                  </a:lnTo>
                  <a:lnTo>
                    <a:pt x="17" y="0"/>
                  </a:lnTo>
                  <a:lnTo>
                    <a:pt x="17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2" name="Freeform 95"/>
            <p:cNvSpPr>
              <a:spLocks/>
            </p:cNvSpPr>
            <p:nvPr/>
          </p:nvSpPr>
          <p:spPr bwMode="auto">
            <a:xfrm>
              <a:off x="5724" y="2609"/>
              <a:ext cx="35" cy="34"/>
            </a:xfrm>
            <a:custGeom>
              <a:avLst/>
              <a:gdLst>
                <a:gd name="T0" fmla="*/ 17 w 35"/>
                <a:gd name="T1" fmla="*/ 0 h 34"/>
                <a:gd name="T2" fmla="*/ 17 w 35"/>
                <a:gd name="T3" fmla="*/ 0 h 34"/>
                <a:gd name="T4" fmla="*/ 24 w 35"/>
                <a:gd name="T5" fmla="*/ 2 h 34"/>
                <a:gd name="T6" fmla="*/ 30 w 35"/>
                <a:gd name="T7" fmla="*/ 4 h 34"/>
                <a:gd name="T8" fmla="*/ 32 w 35"/>
                <a:gd name="T9" fmla="*/ 11 h 34"/>
                <a:gd name="T10" fmla="*/ 35 w 35"/>
                <a:gd name="T11" fmla="*/ 17 h 34"/>
                <a:gd name="T12" fmla="*/ 35 w 35"/>
                <a:gd name="T13" fmla="*/ 17 h 34"/>
                <a:gd name="T14" fmla="*/ 32 w 35"/>
                <a:gd name="T15" fmla="*/ 24 h 34"/>
                <a:gd name="T16" fmla="*/ 30 w 35"/>
                <a:gd name="T17" fmla="*/ 30 h 34"/>
                <a:gd name="T18" fmla="*/ 24 w 35"/>
                <a:gd name="T19" fmla="*/ 32 h 34"/>
                <a:gd name="T20" fmla="*/ 17 w 35"/>
                <a:gd name="T21" fmla="*/ 34 h 34"/>
                <a:gd name="T22" fmla="*/ 17 w 35"/>
                <a:gd name="T23" fmla="*/ 34 h 34"/>
                <a:gd name="T24" fmla="*/ 11 w 35"/>
                <a:gd name="T25" fmla="*/ 32 h 34"/>
                <a:gd name="T26" fmla="*/ 4 w 35"/>
                <a:gd name="T27" fmla="*/ 30 h 34"/>
                <a:gd name="T28" fmla="*/ 2 w 35"/>
                <a:gd name="T29" fmla="*/ 24 h 34"/>
                <a:gd name="T30" fmla="*/ 0 w 35"/>
                <a:gd name="T31" fmla="*/ 17 h 34"/>
                <a:gd name="T32" fmla="*/ 0 w 35"/>
                <a:gd name="T33" fmla="*/ 17 h 34"/>
                <a:gd name="T34" fmla="*/ 2 w 35"/>
                <a:gd name="T35" fmla="*/ 11 h 34"/>
                <a:gd name="T36" fmla="*/ 4 w 35"/>
                <a:gd name="T37" fmla="*/ 4 h 34"/>
                <a:gd name="T38" fmla="*/ 11 w 35"/>
                <a:gd name="T39" fmla="*/ 2 h 34"/>
                <a:gd name="T40" fmla="*/ 17 w 35"/>
                <a:gd name="T41" fmla="*/ 0 h 34"/>
                <a:gd name="T42" fmla="*/ 17 w 35"/>
                <a:gd name="T43" fmla="*/ 0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35" h="34">
                  <a:moveTo>
                    <a:pt x="17" y="0"/>
                  </a:moveTo>
                  <a:lnTo>
                    <a:pt x="17" y="0"/>
                  </a:lnTo>
                  <a:lnTo>
                    <a:pt x="24" y="2"/>
                  </a:lnTo>
                  <a:lnTo>
                    <a:pt x="30" y="4"/>
                  </a:lnTo>
                  <a:lnTo>
                    <a:pt x="32" y="11"/>
                  </a:lnTo>
                  <a:lnTo>
                    <a:pt x="35" y="17"/>
                  </a:lnTo>
                  <a:lnTo>
                    <a:pt x="35" y="17"/>
                  </a:lnTo>
                  <a:lnTo>
                    <a:pt x="32" y="24"/>
                  </a:lnTo>
                  <a:lnTo>
                    <a:pt x="30" y="30"/>
                  </a:lnTo>
                  <a:lnTo>
                    <a:pt x="24" y="32"/>
                  </a:lnTo>
                  <a:lnTo>
                    <a:pt x="17" y="34"/>
                  </a:lnTo>
                  <a:lnTo>
                    <a:pt x="17" y="34"/>
                  </a:lnTo>
                  <a:lnTo>
                    <a:pt x="11" y="32"/>
                  </a:lnTo>
                  <a:lnTo>
                    <a:pt x="4" y="30"/>
                  </a:lnTo>
                  <a:lnTo>
                    <a:pt x="2" y="24"/>
                  </a:lnTo>
                  <a:lnTo>
                    <a:pt x="0" y="17"/>
                  </a:lnTo>
                  <a:lnTo>
                    <a:pt x="0" y="17"/>
                  </a:lnTo>
                  <a:lnTo>
                    <a:pt x="2" y="11"/>
                  </a:lnTo>
                  <a:lnTo>
                    <a:pt x="4" y="4"/>
                  </a:lnTo>
                  <a:lnTo>
                    <a:pt x="11" y="2"/>
                  </a:lnTo>
                  <a:lnTo>
                    <a:pt x="17" y="0"/>
                  </a:lnTo>
                  <a:lnTo>
                    <a:pt x="17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3" name="Freeform 96"/>
            <p:cNvSpPr>
              <a:spLocks/>
            </p:cNvSpPr>
            <p:nvPr/>
          </p:nvSpPr>
          <p:spPr bwMode="auto">
            <a:xfrm>
              <a:off x="5698" y="2626"/>
              <a:ext cx="35" cy="35"/>
            </a:xfrm>
            <a:custGeom>
              <a:avLst/>
              <a:gdLst>
                <a:gd name="T0" fmla="*/ 17 w 35"/>
                <a:gd name="T1" fmla="*/ 0 h 35"/>
                <a:gd name="T2" fmla="*/ 17 w 35"/>
                <a:gd name="T3" fmla="*/ 0 h 35"/>
                <a:gd name="T4" fmla="*/ 24 w 35"/>
                <a:gd name="T5" fmla="*/ 2 h 35"/>
                <a:gd name="T6" fmla="*/ 30 w 35"/>
                <a:gd name="T7" fmla="*/ 4 h 35"/>
                <a:gd name="T8" fmla="*/ 32 w 35"/>
                <a:gd name="T9" fmla="*/ 11 h 35"/>
                <a:gd name="T10" fmla="*/ 35 w 35"/>
                <a:gd name="T11" fmla="*/ 17 h 35"/>
                <a:gd name="T12" fmla="*/ 35 w 35"/>
                <a:gd name="T13" fmla="*/ 17 h 35"/>
                <a:gd name="T14" fmla="*/ 32 w 35"/>
                <a:gd name="T15" fmla="*/ 24 h 35"/>
                <a:gd name="T16" fmla="*/ 30 w 35"/>
                <a:gd name="T17" fmla="*/ 30 h 35"/>
                <a:gd name="T18" fmla="*/ 24 w 35"/>
                <a:gd name="T19" fmla="*/ 33 h 35"/>
                <a:gd name="T20" fmla="*/ 17 w 35"/>
                <a:gd name="T21" fmla="*/ 35 h 35"/>
                <a:gd name="T22" fmla="*/ 17 w 35"/>
                <a:gd name="T23" fmla="*/ 35 h 35"/>
                <a:gd name="T24" fmla="*/ 11 w 35"/>
                <a:gd name="T25" fmla="*/ 33 h 35"/>
                <a:gd name="T26" fmla="*/ 4 w 35"/>
                <a:gd name="T27" fmla="*/ 30 h 35"/>
                <a:gd name="T28" fmla="*/ 2 w 35"/>
                <a:gd name="T29" fmla="*/ 24 h 35"/>
                <a:gd name="T30" fmla="*/ 0 w 35"/>
                <a:gd name="T31" fmla="*/ 17 h 35"/>
                <a:gd name="T32" fmla="*/ 0 w 35"/>
                <a:gd name="T33" fmla="*/ 17 h 35"/>
                <a:gd name="T34" fmla="*/ 2 w 35"/>
                <a:gd name="T35" fmla="*/ 11 h 35"/>
                <a:gd name="T36" fmla="*/ 4 w 35"/>
                <a:gd name="T37" fmla="*/ 4 h 35"/>
                <a:gd name="T38" fmla="*/ 11 w 35"/>
                <a:gd name="T39" fmla="*/ 2 h 35"/>
                <a:gd name="T40" fmla="*/ 17 w 35"/>
                <a:gd name="T41" fmla="*/ 0 h 35"/>
                <a:gd name="T42" fmla="*/ 17 w 35"/>
                <a:gd name="T43" fmla="*/ 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35" h="35">
                  <a:moveTo>
                    <a:pt x="17" y="0"/>
                  </a:moveTo>
                  <a:lnTo>
                    <a:pt x="17" y="0"/>
                  </a:lnTo>
                  <a:lnTo>
                    <a:pt x="24" y="2"/>
                  </a:lnTo>
                  <a:lnTo>
                    <a:pt x="30" y="4"/>
                  </a:lnTo>
                  <a:lnTo>
                    <a:pt x="32" y="11"/>
                  </a:lnTo>
                  <a:lnTo>
                    <a:pt x="35" y="17"/>
                  </a:lnTo>
                  <a:lnTo>
                    <a:pt x="35" y="17"/>
                  </a:lnTo>
                  <a:lnTo>
                    <a:pt x="32" y="24"/>
                  </a:lnTo>
                  <a:lnTo>
                    <a:pt x="30" y="30"/>
                  </a:lnTo>
                  <a:lnTo>
                    <a:pt x="24" y="33"/>
                  </a:lnTo>
                  <a:lnTo>
                    <a:pt x="17" y="35"/>
                  </a:lnTo>
                  <a:lnTo>
                    <a:pt x="17" y="35"/>
                  </a:lnTo>
                  <a:lnTo>
                    <a:pt x="11" y="33"/>
                  </a:lnTo>
                  <a:lnTo>
                    <a:pt x="4" y="30"/>
                  </a:lnTo>
                  <a:lnTo>
                    <a:pt x="2" y="24"/>
                  </a:lnTo>
                  <a:lnTo>
                    <a:pt x="0" y="17"/>
                  </a:lnTo>
                  <a:lnTo>
                    <a:pt x="0" y="17"/>
                  </a:lnTo>
                  <a:lnTo>
                    <a:pt x="2" y="11"/>
                  </a:lnTo>
                  <a:lnTo>
                    <a:pt x="4" y="4"/>
                  </a:lnTo>
                  <a:lnTo>
                    <a:pt x="11" y="2"/>
                  </a:lnTo>
                  <a:lnTo>
                    <a:pt x="17" y="0"/>
                  </a:lnTo>
                  <a:lnTo>
                    <a:pt x="17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4" name="Freeform 97"/>
            <p:cNvSpPr>
              <a:spLocks/>
            </p:cNvSpPr>
            <p:nvPr/>
          </p:nvSpPr>
          <p:spPr bwMode="auto">
            <a:xfrm>
              <a:off x="5681" y="2470"/>
              <a:ext cx="164" cy="122"/>
            </a:xfrm>
            <a:custGeom>
              <a:avLst/>
              <a:gdLst>
                <a:gd name="T0" fmla="*/ 164 w 164"/>
                <a:gd name="T1" fmla="*/ 122 h 122"/>
                <a:gd name="T2" fmla="*/ 164 w 164"/>
                <a:gd name="T3" fmla="*/ 18 h 122"/>
                <a:gd name="T4" fmla="*/ 129 w 164"/>
                <a:gd name="T5" fmla="*/ 26 h 122"/>
                <a:gd name="T6" fmla="*/ 84 w 164"/>
                <a:gd name="T7" fmla="*/ 3 h 122"/>
                <a:gd name="T8" fmla="*/ 73 w 164"/>
                <a:gd name="T9" fmla="*/ 0 h 122"/>
                <a:gd name="T10" fmla="*/ 0 w 164"/>
                <a:gd name="T11" fmla="*/ 26 h 122"/>
                <a:gd name="T12" fmla="*/ 24 w 164"/>
                <a:gd name="T13" fmla="*/ 52 h 122"/>
                <a:gd name="T14" fmla="*/ 78 w 164"/>
                <a:gd name="T15" fmla="*/ 44 h 122"/>
                <a:gd name="T16" fmla="*/ 78 w 164"/>
                <a:gd name="T17" fmla="*/ 44 h 122"/>
                <a:gd name="T18" fmla="*/ 132 w 164"/>
                <a:gd name="T19" fmla="*/ 91 h 122"/>
                <a:gd name="T20" fmla="*/ 132 w 164"/>
                <a:gd name="T21" fmla="*/ 91 h 122"/>
                <a:gd name="T22" fmla="*/ 142 w 164"/>
                <a:gd name="T23" fmla="*/ 104 h 122"/>
                <a:gd name="T24" fmla="*/ 145 w 164"/>
                <a:gd name="T25" fmla="*/ 111 h 122"/>
                <a:gd name="T26" fmla="*/ 147 w 164"/>
                <a:gd name="T27" fmla="*/ 122 h 122"/>
                <a:gd name="T28" fmla="*/ 164 w 164"/>
                <a:gd name="T29" fmla="*/ 122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64" h="122">
                  <a:moveTo>
                    <a:pt x="164" y="122"/>
                  </a:moveTo>
                  <a:lnTo>
                    <a:pt x="164" y="18"/>
                  </a:lnTo>
                  <a:lnTo>
                    <a:pt x="129" y="26"/>
                  </a:lnTo>
                  <a:lnTo>
                    <a:pt x="84" y="3"/>
                  </a:lnTo>
                  <a:lnTo>
                    <a:pt x="73" y="0"/>
                  </a:lnTo>
                  <a:lnTo>
                    <a:pt x="0" y="26"/>
                  </a:lnTo>
                  <a:lnTo>
                    <a:pt x="24" y="52"/>
                  </a:lnTo>
                  <a:lnTo>
                    <a:pt x="78" y="44"/>
                  </a:lnTo>
                  <a:lnTo>
                    <a:pt x="78" y="44"/>
                  </a:lnTo>
                  <a:lnTo>
                    <a:pt x="132" y="91"/>
                  </a:lnTo>
                  <a:lnTo>
                    <a:pt x="132" y="91"/>
                  </a:lnTo>
                  <a:lnTo>
                    <a:pt x="142" y="104"/>
                  </a:lnTo>
                  <a:lnTo>
                    <a:pt x="145" y="111"/>
                  </a:lnTo>
                  <a:lnTo>
                    <a:pt x="147" y="122"/>
                  </a:lnTo>
                  <a:lnTo>
                    <a:pt x="164" y="122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35" name="Group 112"/>
          <p:cNvGrpSpPr>
            <a:grpSpLocks noChangeAspect="1"/>
          </p:cNvGrpSpPr>
          <p:nvPr/>
        </p:nvGrpSpPr>
        <p:grpSpPr bwMode="auto">
          <a:xfrm>
            <a:off x="4468637" y="2635429"/>
            <a:ext cx="900000" cy="898016"/>
            <a:chOff x="6069" y="2329"/>
            <a:chExt cx="454" cy="453"/>
          </a:xfrm>
        </p:grpSpPr>
        <p:sp>
          <p:nvSpPr>
            <p:cNvPr id="36" name="Freeform 113"/>
            <p:cNvSpPr>
              <a:spLocks/>
            </p:cNvSpPr>
            <p:nvPr/>
          </p:nvSpPr>
          <p:spPr bwMode="auto">
            <a:xfrm>
              <a:off x="6069" y="2329"/>
              <a:ext cx="454" cy="453"/>
            </a:xfrm>
            <a:custGeom>
              <a:avLst/>
              <a:gdLst>
                <a:gd name="T0" fmla="*/ 3627 w 3632"/>
                <a:gd name="T1" fmla="*/ 1951 h 3624"/>
                <a:gd name="T2" fmla="*/ 3595 w 3632"/>
                <a:gd name="T3" fmla="*/ 2177 h 3624"/>
                <a:gd name="T4" fmla="*/ 3537 w 3632"/>
                <a:gd name="T5" fmla="*/ 2393 h 3624"/>
                <a:gd name="T6" fmla="*/ 3453 w 3632"/>
                <a:gd name="T7" fmla="*/ 2597 h 3624"/>
                <a:gd name="T8" fmla="*/ 3346 w 3632"/>
                <a:gd name="T9" fmla="*/ 2789 h 3624"/>
                <a:gd name="T10" fmla="*/ 3217 w 3632"/>
                <a:gd name="T11" fmla="*/ 2964 h 3624"/>
                <a:gd name="T12" fmla="*/ 3069 w 3632"/>
                <a:gd name="T13" fmla="*/ 3124 h 3624"/>
                <a:gd name="T14" fmla="*/ 2903 w 3632"/>
                <a:gd name="T15" fmla="*/ 3264 h 3624"/>
                <a:gd name="T16" fmla="*/ 2720 w 3632"/>
                <a:gd name="T17" fmla="*/ 3384 h 3624"/>
                <a:gd name="T18" fmla="*/ 2523 w 3632"/>
                <a:gd name="T19" fmla="*/ 3481 h 3624"/>
                <a:gd name="T20" fmla="*/ 2313 w 3632"/>
                <a:gd name="T21" fmla="*/ 3555 h 3624"/>
                <a:gd name="T22" fmla="*/ 2092 w 3632"/>
                <a:gd name="T23" fmla="*/ 3603 h 3624"/>
                <a:gd name="T24" fmla="*/ 1863 w 3632"/>
                <a:gd name="T25" fmla="*/ 3623 h 3624"/>
                <a:gd name="T26" fmla="*/ 1676 w 3632"/>
                <a:gd name="T27" fmla="*/ 3619 h 3624"/>
                <a:gd name="T28" fmla="*/ 1450 w 3632"/>
                <a:gd name="T29" fmla="*/ 3587 h 3624"/>
                <a:gd name="T30" fmla="*/ 1234 w 3632"/>
                <a:gd name="T31" fmla="*/ 3529 h 3624"/>
                <a:gd name="T32" fmla="*/ 1029 w 3632"/>
                <a:gd name="T33" fmla="*/ 3445 h 3624"/>
                <a:gd name="T34" fmla="*/ 837 w 3632"/>
                <a:gd name="T35" fmla="*/ 3339 h 3624"/>
                <a:gd name="T36" fmla="*/ 661 w 3632"/>
                <a:gd name="T37" fmla="*/ 3210 h 3624"/>
                <a:gd name="T38" fmla="*/ 501 w 3632"/>
                <a:gd name="T39" fmla="*/ 3062 h 3624"/>
                <a:gd name="T40" fmla="*/ 360 w 3632"/>
                <a:gd name="T41" fmla="*/ 2896 h 3624"/>
                <a:gd name="T42" fmla="*/ 241 w 3632"/>
                <a:gd name="T43" fmla="*/ 2714 h 3624"/>
                <a:gd name="T44" fmla="*/ 143 w 3632"/>
                <a:gd name="T45" fmla="*/ 2517 h 3624"/>
                <a:gd name="T46" fmla="*/ 69 w 3632"/>
                <a:gd name="T47" fmla="*/ 2308 h 3624"/>
                <a:gd name="T48" fmla="*/ 21 w 3632"/>
                <a:gd name="T49" fmla="*/ 2088 h 3624"/>
                <a:gd name="T50" fmla="*/ 1 w 3632"/>
                <a:gd name="T51" fmla="*/ 1859 h 3624"/>
                <a:gd name="T52" fmla="*/ 5 w 3632"/>
                <a:gd name="T53" fmla="*/ 1673 h 3624"/>
                <a:gd name="T54" fmla="*/ 37 w 3632"/>
                <a:gd name="T55" fmla="*/ 1447 h 3624"/>
                <a:gd name="T56" fmla="*/ 95 w 3632"/>
                <a:gd name="T57" fmla="*/ 1231 h 3624"/>
                <a:gd name="T58" fmla="*/ 179 w 3632"/>
                <a:gd name="T59" fmla="*/ 1027 h 3624"/>
                <a:gd name="T60" fmla="*/ 286 w 3632"/>
                <a:gd name="T61" fmla="*/ 835 h 3624"/>
                <a:gd name="T62" fmla="*/ 415 w 3632"/>
                <a:gd name="T63" fmla="*/ 660 h 3624"/>
                <a:gd name="T64" fmla="*/ 563 w 3632"/>
                <a:gd name="T65" fmla="*/ 500 h 3624"/>
                <a:gd name="T66" fmla="*/ 729 w 3632"/>
                <a:gd name="T67" fmla="*/ 360 h 3624"/>
                <a:gd name="T68" fmla="*/ 912 w 3632"/>
                <a:gd name="T69" fmla="*/ 240 h 3624"/>
                <a:gd name="T70" fmla="*/ 1109 w 3632"/>
                <a:gd name="T71" fmla="*/ 143 h 3624"/>
                <a:gd name="T72" fmla="*/ 1319 w 3632"/>
                <a:gd name="T73" fmla="*/ 69 h 3624"/>
                <a:gd name="T74" fmla="*/ 1540 w 3632"/>
                <a:gd name="T75" fmla="*/ 21 h 3624"/>
                <a:gd name="T76" fmla="*/ 1769 w 3632"/>
                <a:gd name="T77" fmla="*/ 1 h 3624"/>
                <a:gd name="T78" fmla="*/ 1956 w 3632"/>
                <a:gd name="T79" fmla="*/ 5 h 3624"/>
                <a:gd name="T80" fmla="*/ 2182 w 3632"/>
                <a:gd name="T81" fmla="*/ 37 h 3624"/>
                <a:gd name="T82" fmla="*/ 2398 w 3632"/>
                <a:gd name="T83" fmla="*/ 95 h 3624"/>
                <a:gd name="T84" fmla="*/ 2603 w 3632"/>
                <a:gd name="T85" fmla="*/ 179 h 3624"/>
                <a:gd name="T86" fmla="*/ 2795 w 3632"/>
                <a:gd name="T87" fmla="*/ 285 h 3624"/>
                <a:gd name="T88" fmla="*/ 2971 w 3632"/>
                <a:gd name="T89" fmla="*/ 414 h 3624"/>
                <a:gd name="T90" fmla="*/ 3131 w 3632"/>
                <a:gd name="T91" fmla="*/ 562 h 3624"/>
                <a:gd name="T92" fmla="*/ 3272 w 3632"/>
                <a:gd name="T93" fmla="*/ 728 h 3624"/>
                <a:gd name="T94" fmla="*/ 3391 w 3632"/>
                <a:gd name="T95" fmla="*/ 910 h 3624"/>
                <a:gd name="T96" fmla="*/ 3489 w 3632"/>
                <a:gd name="T97" fmla="*/ 1107 h 3624"/>
                <a:gd name="T98" fmla="*/ 3563 w 3632"/>
                <a:gd name="T99" fmla="*/ 1316 h 3624"/>
                <a:gd name="T100" fmla="*/ 3611 w 3632"/>
                <a:gd name="T101" fmla="*/ 1536 h 3624"/>
                <a:gd name="T102" fmla="*/ 3631 w 3632"/>
                <a:gd name="T103" fmla="*/ 1765 h 36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3632" h="3624">
                  <a:moveTo>
                    <a:pt x="3632" y="1812"/>
                  </a:moveTo>
                  <a:lnTo>
                    <a:pt x="3632" y="1812"/>
                  </a:lnTo>
                  <a:lnTo>
                    <a:pt x="3631" y="1859"/>
                  </a:lnTo>
                  <a:lnTo>
                    <a:pt x="3630" y="1906"/>
                  </a:lnTo>
                  <a:lnTo>
                    <a:pt x="3627" y="1951"/>
                  </a:lnTo>
                  <a:lnTo>
                    <a:pt x="3622" y="1997"/>
                  </a:lnTo>
                  <a:lnTo>
                    <a:pt x="3617" y="2043"/>
                  </a:lnTo>
                  <a:lnTo>
                    <a:pt x="3611" y="2088"/>
                  </a:lnTo>
                  <a:lnTo>
                    <a:pt x="3603" y="2132"/>
                  </a:lnTo>
                  <a:lnTo>
                    <a:pt x="3595" y="2177"/>
                  </a:lnTo>
                  <a:lnTo>
                    <a:pt x="3585" y="2222"/>
                  </a:lnTo>
                  <a:lnTo>
                    <a:pt x="3574" y="2265"/>
                  </a:lnTo>
                  <a:lnTo>
                    <a:pt x="3563" y="2308"/>
                  </a:lnTo>
                  <a:lnTo>
                    <a:pt x="3550" y="2350"/>
                  </a:lnTo>
                  <a:lnTo>
                    <a:pt x="3537" y="2393"/>
                  </a:lnTo>
                  <a:lnTo>
                    <a:pt x="3522" y="2436"/>
                  </a:lnTo>
                  <a:lnTo>
                    <a:pt x="3506" y="2476"/>
                  </a:lnTo>
                  <a:lnTo>
                    <a:pt x="3489" y="2517"/>
                  </a:lnTo>
                  <a:lnTo>
                    <a:pt x="3472" y="2558"/>
                  </a:lnTo>
                  <a:lnTo>
                    <a:pt x="3453" y="2597"/>
                  </a:lnTo>
                  <a:lnTo>
                    <a:pt x="3434" y="2637"/>
                  </a:lnTo>
                  <a:lnTo>
                    <a:pt x="3412" y="2676"/>
                  </a:lnTo>
                  <a:lnTo>
                    <a:pt x="3391" y="2714"/>
                  </a:lnTo>
                  <a:lnTo>
                    <a:pt x="3369" y="2752"/>
                  </a:lnTo>
                  <a:lnTo>
                    <a:pt x="3346" y="2789"/>
                  </a:lnTo>
                  <a:lnTo>
                    <a:pt x="3322" y="2825"/>
                  </a:lnTo>
                  <a:lnTo>
                    <a:pt x="3297" y="2861"/>
                  </a:lnTo>
                  <a:lnTo>
                    <a:pt x="3272" y="2896"/>
                  </a:lnTo>
                  <a:lnTo>
                    <a:pt x="3245" y="2930"/>
                  </a:lnTo>
                  <a:lnTo>
                    <a:pt x="3217" y="2964"/>
                  </a:lnTo>
                  <a:lnTo>
                    <a:pt x="3189" y="2997"/>
                  </a:lnTo>
                  <a:lnTo>
                    <a:pt x="3161" y="3030"/>
                  </a:lnTo>
                  <a:lnTo>
                    <a:pt x="3131" y="3062"/>
                  </a:lnTo>
                  <a:lnTo>
                    <a:pt x="3100" y="3093"/>
                  </a:lnTo>
                  <a:lnTo>
                    <a:pt x="3069" y="3124"/>
                  </a:lnTo>
                  <a:lnTo>
                    <a:pt x="3037" y="3154"/>
                  </a:lnTo>
                  <a:lnTo>
                    <a:pt x="3004" y="3182"/>
                  </a:lnTo>
                  <a:lnTo>
                    <a:pt x="2971" y="3210"/>
                  </a:lnTo>
                  <a:lnTo>
                    <a:pt x="2937" y="3238"/>
                  </a:lnTo>
                  <a:lnTo>
                    <a:pt x="2903" y="3264"/>
                  </a:lnTo>
                  <a:lnTo>
                    <a:pt x="2867" y="3290"/>
                  </a:lnTo>
                  <a:lnTo>
                    <a:pt x="2831" y="3314"/>
                  </a:lnTo>
                  <a:lnTo>
                    <a:pt x="2795" y="3339"/>
                  </a:lnTo>
                  <a:lnTo>
                    <a:pt x="2758" y="3361"/>
                  </a:lnTo>
                  <a:lnTo>
                    <a:pt x="2720" y="3384"/>
                  </a:lnTo>
                  <a:lnTo>
                    <a:pt x="2682" y="3405"/>
                  </a:lnTo>
                  <a:lnTo>
                    <a:pt x="2642" y="3426"/>
                  </a:lnTo>
                  <a:lnTo>
                    <a:pt x="2603" y="3445"/>
                  </a:lnTo>
                  <a:lnTo>
                    <a:pt x="2564" y="3464"/>
                  </a:lnTo>
                  <a:lnTo>
                    <a:pt x="2523" y="3481"/>
                  </a:lnTo>
                  <a:lnTo>
                    <a:pt x="2481" y="3498"/>
                  </a:lnTo>
                  <a:lnTo>
                    <a:pt x="2441" y="3514"/>
                  </a:lnTo>
                  <a:lnTo>
                    <a:pt x="2398" y="3529"/>
                  </a:lnTo>
                  <a:lnTo>
                    <a:pt x="2356" y="3542"/>
                  </a:lnTo>
                  <a:lnTo>
                    <a:pt x="2313" y="3555"/>
                  </a:lnTo>
                  <a:lnTo>
                    <a:pt x="2270" y="3567"/>
                  </a:lnTo>
                  <a:lnTo>
                    <a:pt x="2227" y="3577"/>
                  </a:lnTo>
                  <a:lnTo>
                    <a:pt x="2182" y="3587"/>
                  </a:lnTo>
                  <a:lnTo>
                    <a:pt x="2137" y="3595"/>
                  </a:lnTo>
                  <a:lnTo>
                    <a:pt x="2092" y="3603"/>
                  </a:lnTo>
                  <a:lnTo>
                    <a:pt x="2047" y="3609"/>
                  </a:lnTo>
                  <a:lnTo>
                    <a:pt x="2002" y="3614"/>
                  </a:lnTo>
                  <a:lnTo>
                    <a:pt x="1956" y="3619"/>
                  </a:lnTo>
                  <a:lnTo>
                    <a:pt x="1910" y="3622"/>
                  </a:lnTo>
                  <a:lnTo>
                    <a:pt x="1863" y="3623"/>
                  </a:lnTo>
                  <a:lnTo>
                    <a:pt x="1816" y="3624"/>
                  </a:lnTo>
                  <a:lnTo>
                    <a:pt x="1816" y="3624"/>
                  </a:lnTo>
                  <a:lnTo>
                    <a:pt x="1769" y="3623"/>
                  </a:lnTo>
                  <a:lnTo>
                    <a:pt x="1722" y="3622"/>
                  </a:lnTo>
                  <a:lnTo>
                    <a:pt x="1676" y="3619"/>
                  </a:lnTo>
                  <a:lnTo>
                    <a:pt x="1630" y="3614"/>
                  </a:lnTo>
                  <a:lnTo>
                    <a:pt x="1585" y="3609"/>
                  </a:lnTo>
                  <a:lnTo>
                    <a:pt x="1540" y="3603"/>
                  </a:lnTo>
                  <a:lnTo>
                    <a:pt x="1495" y="3595"/>
                  </a:lnTo>
                  <a:lnTo>
                    <a:pt x="1450" y="3587"/>
                  </a:lnTo>
                  <a:lnTo>
                    <a:pt x="1405" y="3577"/>
                  </a:lnTo>
                  <a:lnTo>
                    <a:pt x="1362" y="3567"/>
                  </a:lnTo>
                  <a:lnTo>
                    <a:pt x="1319" y="3555"/>
                  </a:lnTo>
                  <a:lnTo>
                    <a:pt x="1276" y="3542"/>
                  </a:lnTo>
                  <a:lnTo>
                    <a:pt x="1234" y="3529"/>
                  </a:lnTo>
                  <a:lnTo>
                    <a:pt x="1191" y="3514"/>
                  </a:lnTo>
                  <a:lnTo>
                    <a:pt x="1151" y="3498"/>
                  </a:lnTo>
                  <a:lnTo>
                    <a:pt x="1109" y="3481"/>
                  </a:lnTo>
                  <a:lnTo>
                    <a:pt x="1068" y="3464"/>
                  </a:lnTo>
                  <a:lnTo>
                    <a:pt x="1029" y="3445"/>
                  </a:lnTo>
                  <a:lnTo>
                    <a:pt x="990" y="3426"/>
                  </a:lnTo>
                  <a:lnTo>
                    <a:pt x="950" y="3405"/>
                  </a:lnTo>
                  <a:lnTo>
                    <a:pt x="912" y="3384"/>
                  </a:lnTo>
                  <a:lnTo>
                    <a:pt x="874" y="3361"/>
                  </a:lnTo>
                  <a:lnTo>
                    <a:pt x="837" y="3339"/>
                  </a:lnTo>
                  <a:lnTo>
                    <a:pt x="801" y="3314"/>
                  </a:lnTo>
                  <a:lnTo>
                    <a:pt x="765" y="3290"/>
                  </a:lnTo>
                  <a:lnTo>
                    <a:pt x="729" y="3264"/>
                  </a:lnTo>
                  <a:lnTo>
                    <a:pt x="695" y="3238"/>
                  </a:lnTo>
                  <a:lnTo>
                    <a:pt x="661" y="3210"/>
                  </a:lnTo>
                  <a:lnTo>
                    <a:pt x="628" y="3182"/>
                  </a:lnTo>
                  <a:lnTo>
                    <a:pt x="595" y="3154"/>
                  </a:lnTo>
                  <a:lnTo>
                    <a:pt x="563" y="3124"/>
                  </a:lnTo>
                  <a:lnTo>
                    <a:pt x="532" y="3093"/>
                  </a:lnTo>
                  <a:lnTo>
                    <a:pt x="501" y="3062"/>
                  </a:lnTo>
                  <a:lnTo>
                    <a:pt x="471" y="3030"/>
                  </a:lnTo>
                  <a:lnTo>
                    <a:pt x="443" y="2997"/>
                  </a:lnTo>
                  <a:lnTo>
                    <a:pt x="415" y="2964"/>
                  </a:lnTo>
                  <a:lnTo>
                    <a:pt x="387" y="2930"/>
                  </a:lnTo>
                  <a:lnTo>
                    <a:pt x="360" y="2896"/>
                  </a:lnTo>
                  <a:lnTo>
                    <a:pt x="335" y="2861"/>
                  </a:lnTo>
                  <a:lnTo>
                    <a:pt x="310" y="2825"/>
                  </a:lnTo>
                  <a:lnTo>
                    <a:pt x="286" y="2789"/>
                  </a:lnTo>
                  <a:lnTo>
                    <a:pt x="263" y="2752"/>
                  </a:lnTo>
                  <a:lnTo>
                    <a:pt x="241" y="2714"/>
                  </a:lnTo>
                  <a:lnTo>
                    <a:pt x="220" y="2676"/>
                  </a:lnTo>
                  <a:lnTo>
                    <a:pt x="198" y="2637"/>
                  </a:lnTo>
                  <a:lnTo>
                    <a:pt x="179" y="2597"/>
                  </a:lnTo>
                  <a:lnTo>
                    <a:pt x="160" y="2558"/>
                  </a:lnTo>
                  <a:lnTo>
                    <a:pt x="143" y="2517"/>
                  </a:lnTo>
                  <a:lnTo>
                    <a:pt x="126" y="2476"/>
                  </a:lnTo>
                  <a:lnTo>
                    <a:pt x="110" y="2436"/>
                  </a:lnTo>
                  <a:lnTo>
                    <a:pt x="95" y="2393"/>
                  </a:lnTo>
                  <a:lnTo>
                    <a:pt x="82" y="2350"/>
                  </a:lnTo>
                  <a:lnTo>
                    <a:pt x="69" y="2308"/>
                  </a:lnTo>
                  <a:lnTo>
                    <a:pt x="58" y="2265"/>
                  </a:lnTo>
                  <a:lnTo>
                    <a:pt x="47" y="2222"/>
                  </a:lnTo>
                  <a:lnTo>
                    <a:pt x="37" y="2177"/>
                  </a:lnTo>
                  <a:lnTo>
                    <a:pt x="29" y="2132"/>
                  </a:lnTo>
                  <a:lnTo>
                    <a:pt x="21" y="2088"/>
                  </a:lnTo>
                  <a:lnTo>
                    <a:pt x="15" y="2043"/>
                  </a:lnTo>
                  <a:lnTo>
                    <a:pt x="10" y="1997"/>
                  </a:lnTo>
                  <a:lnTo>
                    <a:pt x="5" y="1951"/>
                  </a:lnTo>
                  <a:lnTo>
                    <a:pt x="2" y="1906"/>
                  </a:lnTo>
                  <a:lnTo>
                    <a:pt x="1" y="1859"/>
                  </a:lnTo>
                  <a:lnTo>
                    <a:pt x="0" y="1812"/>
                  </a:lnTo>
                  <a:lnTo>
                    <a:pt x="0" y="1812"/>
                  </a:lnTo>
                  <a:lnTo>
                    <a:pt x="1" y="1765"/>
                  </a:lnTo>
                  <a:lnTo>
                    <a:pt x="2" y="1718"/>
                  </a:lnTo>
                  <a:lnTo>
                    <a:pt x="5" y="1673"/>
                  </a:lnTo>
                  <a:lnTo>
                    <a:pt x="10" y="1627"/>
                  </a:lnTo>
                  <a:lnTo>
                    <a:pt x="15" y="1581"/>
                  </a:lnTo>
                  <a:lnTo>
                    <a:pt x="21" y="1536"/>
                  </a:lnTo>
                  <a:lnTo>
                    <a:pt x="29" y="1492"/>
                  </a:lnTo>
                  <a:lnTo>
                    <a:pt x="37" y="1447"/>
                  </a:lnTo>
                  <a:lnTo>
                    <a:pt x="47" y="1402"/>
                  </a:lnTo>
                  <a:lnTo>
                    <a:pt x="58" y="1359"/>
                  </a:lnTo>
                  <a:lnTo>
                    <a:pt x="69" y="1316"/>
                  </a:lnTo>
                  <a:lnTo>
                    <a:pt x="82" y="1274"/>
                  </a:lnTo>
                  <a:lnTo>
                    <a:pt x="95" y="1231"/>
                  </a:lnTo>
                  <a:lnTo>
                    <a:pt x="110" y="1188"/>
                  </a:lnTo>
                  <a:lnTo>
                    <a:pt x="126" y="1148"/>
                  </a:lnTo>
                  <a:lnTo>
                    <a:pt x="143" y="1107"/>
                  </a:lnTo>
                  <a:lnTo>
                    <a:pt x="160" y="1066"/>
                  </a:lnTo>
                  <a:lnTo>
                    <a:pt x="179" y="1027"/>
                  </a:lnTo>
                  <a:lnTo>
                    <a:pt x="198" y="987"/>
                  </a:lnTo>
                  <a:lnTo>
                    <a:pt x="220" y="948"/>
                  </a:lnTo>
                  <a:lnTo>
                    <a:pt x="241" y="910"/>
                  </a:lnTo>
                  <a:lnTo>
                    <a:pt x="263" y="872"/>
                  </a:lnTo>
                  <a:lnTo>
                    <a:pt x="286" y="835"/>
                  </a:lnTo>
                  <a:lnTo>
                    <a:pt x="310" y="799"/>
                  </a:lnTo>
                  <a:lnTo>
                    <a:pt x="335" y="763"/>
                  </a:lnTo>
                  <a:lnTo>
                    <a:pt x="360" y="728"/>
                  </a:lnTo>
                  <a:lnTo>
                    <a:pt x="387" y="694"/>
                  </a:lnTo>
                  <a:lnTo>
                    <a:pt x="415" y="660"/>
                  </a:lnTo>
                  <a:lnTo>
                    <a:pt x="443" y="627"/>
                  </a:lnTo>
                  <a:lnTo>
                    <a:pt x="471" y="594"/>
                  </a:lnTo>
                  <a:lnTo>
                    <a:pt x="501" y="562"/>
                  </a:lnTo>
                  <a:lnTo>
                    <a:pt x="532" y="531"/>
                  </a:lnTo>
                  <a:lnTo>
                    <a:pt x="563" y="500"/>
                  </a:lnTo>
                  <a:lnTo>
                    <a:pt x="595" y="470"/>
                  </a:lnTo>
                  <a:lnTo>
                    <a:pt x="628" y="442"/>
                  </a:lnTo>
                  <a:lnTo>
                    <a:pt x="661" y="414"/>
                  </a:lnTo>
                  <a:lnTo>
                    <a:pt x="695" y="386"/>
                  </a:lnTo>
                  <a:lnTo>
                    <a:pt x="729" y="360"/>
                  </a:lnTo>
                  <a:lnTo>
                    <a:pt x="765" y="334"/>
                  </a:lnTo>
                  <a:lnTo>
                    <a:pt x="801" y="310"/>
                  </a:lnTo>
                  <a:lnTo>
                    <a:pt x="837" y="285"/>
                  </a:lnTo>
                  <a:lnTo>
                    <a:pt x="874" y="263"/>
                  </a:lnTo>
                  <a:lnTo>
                    <a:pt x="912" y="240"/>
                  </a:lnTo>
                  <a:lnTo>
                    <a:pt x="950" y="219"/>
                  </a:lnTo>
                  <a:lnTo>
                    <a:pt x="990" y="198"/>
                  </a:lnTo>
                  <a:lnTo>
                    <a:pt x="1029" y="179"/>
                  </a:lnTo>
                  <a:lnTo>
                    <a:pt x="1068" y="160"/>
                  </a:lnTo>
                  <a:lnTo>
                    <a:pt x="1109" y="143"/>
                  </a:lnTo>
                  <a:lnTo>
                    <a:pt x="1151" y="126"/>
                  </a:lnTo>
                  <a:lnTo>
                    <a:pt x="1191" y="110"/>
                  </a:lnTo>
                  <a:lnTo>
                    <a:pt x="1234" y="95"/>
                  </a:lnTo>
                  <a:lnTo>
                    <a:pt x="1276" y="82"/>
                  </a:lnTo>
                  <a:lnTo>
                    <a:pt x="1319" y="69"/>
                  </a:lnTo>
                  <a:lnTo>
                    <a:pt x="1362" y="57"/>
                  </a:lnTo>
                  <a:lnTo>
                    <a:pt x="1405" y="47"/>
                  </a:lnTo>
                  <a:lnTo>
                    <a:pt x="1450" y="37"/>
                  </a:lnTo>
                  <a:lnTo>
                    <a:pt x="1495" y="29"/>
                  </a:lnTo>
                  <a:lnTo>
                    <a:pt x="1540" y="21"/>
                  </a:lnTo>
                  <a:lnTo>
                    <a:pt x="1585" y="15"/>
                  </a:lnTo>
                  <a:lnTo>
                    <a:pt x="1630" y="10"/>
                  </a:lnTo>
                  <a:lnTo>
                    <a:pt x="1676" y="5"/>
                  </a:lnTo>
                  <a:lnTo>
                    <a:pt x="1722" y="2"/>
                  </a:lnTo>
                  <a:lnTo>
                    <a:pt x="1769" y="1"/>
                  </a:lnTo>
                  <a:lnTo>
                    <a:pt x="1816" y="0"/>
                  </a:lnTo>
                  <a:lnTo>
                    <a:pt x="1816" y="0"/>
                  </a:lnTo>
                  <a:lnTo>
                    <a:pt x="1863" y="1"/>
                  </a:lnTo>
                  <a:lnTo>
                    <a:pt x="1910" y="2"/>
                  </a:lnTo>
                  <a:lnTo>
                    <a:pt x="1956" y="5"/>
                  </a:lnTo>
                  <a:lnTo>
                    <a:pt x="2002" y="10"/>
                  </a:lnTo>
                  <a:lnTo>
                    <a:pt x="2047" y="15"/>
                  </a:lnTo>
                  <a:lnTo>
                    <a:pt x="2092" y="21"/>
                  </a:lnTo>
                  <a:lnTo>
                    <a:pt x="2137" y="29"/>
                  </a:lnTo>
                  <a:lnTo>
                    <a:pt x="2182" y="37"/>
                  </a:lnTo>
                  <a:lnTo>
                    <a:pt x="2227" y="47"/>
                  </a:lnTo>
                  <a:lnTo>
                    <a:pt x="2270" y="57"/>
                  </a:lnTo>
                  <a:lnTo>
                    <a:pt x="2313" y="69"/>
                  </a:lnTo>
                  <a:lnTo>
                    <a:pt x="2356" y="82"/>
                  </a:lnTo>
                  <a:lnTo>
                    <a:pt x="2398" y="95"/>
                  </a:lnTo>
                  <a:lnTo>
                    <a:pt x="2441" y="110"/>
                  </a:lnTo>
                  <a:lnTo>
                    <a:pt x="2481" y="126"/>
                  </a:lnTo>
                  <a:lnTo>
                    <a:pt x="2523" y="143"/>
                  </a:lnTo>
                  <a:lnTo>
                    <a:pt x="2564" y="160"/>
                  </a:lnTo>
                  <a:lnTo>
                    <a:pt x="2603" y="179"/>
                  </a:lnTo>
                  <a:lnTo>
                    <a:pt x="2642" y="198"/>
                  </a:lnTo>
                  <a:lnTo>
                    <a:pt x="2682" y="219"/>
                  </a:lnTo>
                  <a:lnTo>
                    <a:pt x="2720" y="240"/>
                  </a:lnTo>
                  <a:lnTo>
                    <a:pt x="2758" y="263"/>
                  </a:lnTo>
                  <a:lnTo>
                    <a:pt x="2795" y="285"/>
                  </a:lnTo>
                  <a:lnTo>
                    <a:pt x="2831" y="310"/>
                  </a:lnTo>
                  <a:lnTo>
                    <a:pt x="2867" y="334"/>
                  </a:lnTo>
                  <a:lnTo>
                    <a:pt x="2903" y="360"/>
                  </a:lnTo>
                  <a:lnTo>
                    <a:pt x="2937" y="386"/>
                  </a:lnTo>
                  <a:lnTo>
                    <a:pt x="2971" y="414"/>
                  </a:lnTo>
                  <a:lnTo>
                    <a:pt x="3004" y="442"/>
                  </a:lnTo>
                  <a:lnTo>
                    <a:pt x="3037" y="470"/>
                  </a:lnTo>
                  <a:lnTo>
                    <a:pt x="3069" y="500"/>
                  </a:lnTo>
                  <a:lnTo>
                    <a:pt x="3100" y="531"/>
                  </a:lnTo>
                  <a:lnTo>
                    <a:pt x="3131" y="562"/>
                  </a:lnTo>
                  <a:lnTo>
                    <a:pt x="3161" y="594"/>
                  </a:lnTo>
                  <a:lnTo>
                    <a:pt x="3189" y="627"/>
                  </a:lnTo>
                  <a:lnTo>
                    <a:pt x="3217" y="660"/>
                  </a:lnTo>
                  <a:lnTo>
                    <a:pt x="3245" y="694"/>
                  </a:lnTo>
                  <a:lnTo>
                    <a:pt x="3272" y="728"/>
                  </a:lnTo>
                  <a:lnTo>
                    <a:pt x="3297" y="763"/>
                  </a:lnTo>
                  <a:lnTo>
                    <a:pt x="3322" y="799"/>
                  </a:lnTo>
                  <a:lnTo>
                    <a:pt x="3346" y="835"/>
                  </a:lnTo>
                  <a:lnTo>
                    <a:pt x="3369" y="872"/>
                  </a:lnTo>
                  <a:lnTo>
                    <a:pt x="3391" y="910"/>
                  </a:lnTo>
                  <a:lnTo>
                    <a:pt x="3412" y="948"/>
                  </a:lnTo>
                  <a:lnTo>
                    <a:pt x="3434" y="987"/>
                  </a:lnTo>
                  <a:lnTo>
                    <a:pt x="3453" y="1027"/>
                  </a:lnTo>
                  <a:lnTo>
                    <a:pt x="3472" y="1066"/>
                  </a:lnTo>
                  <a:lnTo>
                    <a:pt x="3489" y="1107"/>
                  </a:lnTo>
                  <a:lnTo>
                    <a:pt x="3506" y="1148"/>
                  </a:lnTo>
                  <a:lnTo>
                    <a:pt x="3522" y="1188"/>
                  </a:lnTo>
                  <a:lnTo>
                    <a:pt x="3537" y="1231"/>
                  </a:lnTo>
                  <a:lnTo>
                    <a:pt x="3550" y="1274"/>
                  </a:lnTo>
                  <a:lnTo>
                    <a:pt x="3563" y="1316"/>
                  </a:lnTo>
                  <a:lnTo>
                    <a:pt x="3574" y="1359"/>
                  </a:lnTo>
                  <a:lnTo>
                    <a:pt x="3585" y="1402"/>
                  </a:lnTo>
                  <a:lnTo>
                    <a:pt x="3595" y="1447"/>
                  </a:lnTo>
                  <a:lnTo>
                    <a:pt x="3603" y="1492"/>
                  </a:lnTo>
                  <a:lnTo>
                    <a:pt x="3611" y="1536"/>
                  </a:lnTo>
                  <a:lnTo>
                    <a:pt x="3617" y="1581"/>
                  </a:lnTo>
                  <a:lnTo>
                    <a:pt x="3622" y="1627"/>
                  </a:lnTo>
                  <a:lnTo>
                    <a:pt x="3627" y="1673"/>
                  </a:lnTo>
                  <a:lnTo>
                    <a:pt x="3630" y="1718"/>
                  </a:lnTo>
                  <a:lnTo>
                    <a:pt x="3631" y="1765"/>
                  </a:lnTo>
                  <a:lnTo>
                    <a:pt x="3632" y="1812"/>
                  </a:lnTo>
                  <a:lnTo>
                    <a:pt x="3632" y="1812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7" name="Freeform 114"/>
            <p:cNvSpPr>
              <a:spLocks noEditPoints="1"/>
            </p:cNvSpPr>
            <p:nvPr/>
          </p:nvSpPr>
          <p:spPr bwMode="auto">
            <a:xfrm>
              <a:off x="6177" y="2436"/>
              <a:ext cx="238" cy="239"/>
            </a:xfrm>
            <a:custGeom>
              <a:avLst/>
              <a:gdLst>
                <a:gd name="T0" fmla="*/ 1796 w 1902"/>
                <a:gd name="T1" fmla="*/ 250 h 1916"/>
                <a:gd name="T2" fmla="*/ 1336 w 1902"/>
                <a:gd name="T3" fmla="*/ 158 h 1916"/>
                <a:gd name="T4" fmla="*/ 1016 w 1902"/>
                <a:gd name="T5" fmla="*/ 90 h 1916"/>
                <a:gd name="T6" fmla="*/ 515 w 1902"/>
                <a:gd name="T7" fmla="*/ 1 h 1916"/>
                <a:gd name="T8" fmla="*/ 76 w 1902"/>
                <a:gd name="T9" fmla="*/ 112 h 1916"/>
                <a:gd name="T10" fmla="*/ 3 w 1902"/>
                <a:gd name="T11" fmla="*/ 803 h 1916"/>
                <a:gd name="T12" fmla="*/ 180 w 1902"/>
                <a:gd name="T13" fmla="*/ 955 h 1916"/>
                <a:gd name="T14" fmla="*/ 770 w 1902"/>
                <a:gd name="T15" fmla="*/ 999 h 1916"/>
                <a:gd name="T16" fmla="*/ 334 w 1902"/>
                <a:gd name="T17" fmla="*/ 1252 h 1916"/>
                <a:gd name="T18" fmla="*/ 211 w 1902"/>
                <a:gd name="T19" fmla="*/ 1674 h 1916"/>
                <a:gd name="T20" fmla="*/ 336 w 1902"/>
                <a:gd name="T21" fmla="*/ 1833 h 1916"/>
                <a:gd name="T22" fmla="*/ 829 w 1902"/>
                <a:gd name="T23" fmla="*/ 1915 h 1916"/>
                <a:gd name="T24" fmla="*/ 1268 w 1902"/>
                <a:gd name="T25" fmla="*/ 1804 h 1916"/>
                <a:gd name="T26" fmla="*/ 1446 w 1902"/>
                <a:gd name="T27" fmla="*/ 1433 h 1916"/>
                <a:gd name="T28" fmla="*/ 1841 w 1902"/>
                <a:gd name="T29" fmla="*/ 1312 h 1916"/>
                <a:gd name="T30" fmla="*/ 1902 w 1902"/>
                <a:gd name="T31" fmla="*/ 399 h 1916"/>
                <a:gd name="T32" fmla="*/ 920 w 1902"/>
                <a:gd name="T33" fmla="*/ 179 h 1916"/>
                <a:gd name="T34" fmla="*/ 812 w 1902"/>
                <a:gd name="T35" fmla="*/ 299 h 1916"/>
                <a:gd name="T36" fmla="*/ 465 w 1902"/>
                <a:gd name="T37" fmla="*/ 357 h 1916"/>
                <a:gd name="T38" fmla="*/ 124 w 1902"/>
                <a:gd name="T39" fmla="*/ 245 h 1916"/>
                <a:gd name="T40" fmla="*/ 336 w 1902"/>
                <a:gd name="T41" fmla="*/ 144 h 1916"/>
                <a:gd name="T42" fmla="*/ 269 w 1902"/>
                <a:gd name="T43" fmla="*/ 450 h 1916"/>
                <a:gd name="T44" fmla="*/ 720 w 1902"/>
                <a:gd name="T45" fmla="*/ 474 h 1916"/>
                <a:gd name="T46" fmla="*/ 299 w 1902"/>
                <a:gd name="T47" fmla="*/ 597 h 1916"/>
                <a:gd name="T48" fmla="*/ 566 w 1902"/>
                <a:gd name="T49" fmla="*/ 891 h 1916"/>
                <a:gd name="T50" fmla="*/ 130 w 1902"/>
                <a:gd name="T51" fmla="*/ 787 h 1916"/>
                <a:gd name="T52" fmla="*/ 354 w 1902"/>
                <a:gd name="T53" fmla="*/ 732 h 1916"/>
                <a:gd name="T54" fmla="*/ 770 w 1902"/>
                <a:gd name="T55" fmla="*/ 874 h 1916"/>
                <a:gd name="T56" fmla="*/ 1157 w 1902"/>
                <a:gd name="T57" fmla="*/ 1726 h 1916"/>
                <a:gd name="T58" fmla="*/ 630 w 1902"/>
                <a:gd name="T59" fmla="*/ 1785 h 1916"/>
                <a:gd name="T60" fmla="*/ 335 w 1902"/>
                <a:gd name="T61" fmla="*/ 1674 h 1916"/>
                <a:gd name="T62" fmla="*/ 656 w 1902"/>
                <a:gd name="T63" fmla="*/ 1645 h 1916"/>
                <a:gd name="T64" fmla="*/ 1047 w 1902"/>
                <a:gd name="T65" fmla="*/ 1624 h 1916"/>
                <a:gd name="T66" fmla="*/ 1172 w 1902"/>
                <a:gd name="T67" fmla="*/ 1454 h 1916"/>
                <a:gd name="T68" fmla="*/ 778 w 1902"/>
                <a:gd name="T69" fmla="*/ 1527 h 1916"/>
                <a:gd name="T70" fmla="*/ 342 w 1902"/>
                <a:gd name="T71" fmla="*/ 1424 h 1916"/>
                <a:gd name="T72" fmla="*/ 478 w 1902"/>
                <a:gd name="T73" fmla="*/ 1327 h 1916"/>
                <a:gd name="T74" fmla="*/ 948 w 1902"/>
                <a:gd name="T75" fmla="*/ 1303 h 1916"/>
                <a:gd name="T76" fmla="*/ 1221 w 1902"/>
                <a:gd name="T77" fmla="*/ 1409 h 1916"/>
                <a:gd name="T78" fmla="*/ 1735 w 1902"/>
                <a:gd name="T79" fmla="*/ 1238 h 1916"/>
                <a:gd name="T80" fmla="*/ 1302 w 1902"/>
                <a:gd name="T81" fmla="*/ 1312 h 1916"/>
                <a:gd name="T82" fmla="*/ 957 w 1902"/>
                <a:gd name="T83" fmla="*/ 1179 h 1916"/>
                <a:gd name="T84" fmla="*/ 1154 w 1902"/>
                <a:gd name="T85" fmla="*/ 1159 h 1916"/>
                <a:gd name="T86" fmla="*/ 1548 w 1902"/>
                <a:gd name="T87" fmla="*/ 1155 h 1916"/>
                <a:gd name="T88" fmla="*/ 1777 w 1902"/>
                <a:gd name="T89" fmla="*/ 937 h 1916"/>
                <a:gd name="T90" fmla="*/ 1388 w 1902"/>
                <a:gd name="T91" fmla="*/ 1047 h 1916"/>
                <a:gd name="T92" fmla="*/ 982 w 1902"/>
                <a:gd name="T93" fmla="*/ 993 h 1916"/>
                <a:gd name="T94" fmla="*/ 907 w 1902"/>
                <a:gd name="T95" fmla="*/ 827 h 1916"/>
                <a:gd name="T96" fmla="*/ 1303 w 1902"/>
                <a:gd name="T97" fmla="*/ 906 h 1916"/>
                <a:gd name="T98" fmla="*/ 1686 w 1902"/>
                <a:gd name="T99" fmla="*/ 859 h 1916"/>
                <a:gd name="T100" fmla="*/ 1715 w 1902"/>
                <a:gd name="T101" fmla="*/ 718 h 1916"/>
                <a:gd name="T102" fmla="*/ 1178 w 1902"/>
                <a:gd name="T103" fmla="*/ 773 h 1916"/>
                <a:gd name="T104" fmla="*/ 901 w 1902"/>
                <a:gd name="T105" fmla="*/ 680 h 1916"/>
                <a:gd name="T106" fmla="*/ 1075 w 1902"/>
                <a:gd name="T107" fmla="*/ 614 h 1916"/>
                <a:gd name="T108" fmla="*/ 1518 w 1902"/>
                <a:gd name="T109" fmla="*/ 629 h 1916"/>
                <a:gd name="T110" fmla="*/ 1279 w 1902"/>
                <a:gd name="T111" fmla="*/ 516 h 1916"/>
                <a:gd name="T112" fmla="*/ 923 w 1902"/>
                <a:gd name="T113" fmla="*/ 433 h 1916"/>
                <a:gd name="T114" fmla="*/ 940 w 1902"/>
                <a:gd name="T115" fmla="*/ 356 h 1916"/>
                <a:gd name="T116" fmla="*/ 1336 w 1902"/>
                <a:gd name="T117" fmla="*/ 281 h 1916"/>
                <a:gd name="T118" fmla="*/ 1762 w 1902"/>
                <a:gd name="T119" fmla="*/ 376 h 1916"/>
                <a:gd name="T120" fmla="*/ 1665 w 1902"/>
                <a:gd name="T121" fmla="*/ 472 h 19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1902" h="1916">
                  <a:moveTo>
                    <a:pt x="1902" y="399"/>
                  </a:moveTo>
                  <a:lnTo>
                    <a:pt x="1902" y="399"/>
                  </a:lnTo>
                  <a:lnTo>
                    <a:pt x="1902" y="385"/>
                  </a:lnTo>
                  <a:lnTo>
                    <a:pt x="1899" y="370"/>
                  </a:lnTo>
                  <a:lnTo>
                    <a:pt x="1895" y="355"/>
                  </a:lnTo>
                  <a:lnTo>
                    <a:pt x="1889" y="341"/>
                  </a:lnTo>
                  <a:lnTo>
                    <a:pt x="1882" y="328"/>
                  </a:lnTo>
                  <a:lnTo>
                    <a:pt x="1873" y="315"/>
                  </a:lnTo>
                  <a:lnTo>
                    <a:pt x="1864" y="304"/>
                  </a:lnTo>
                  <a:lnTo>
                    <a:pt x="1852" y="292"/>
                  </a:lnTo>
                  <a:lnTo>
                    <a:pt x="1840" y="280"/>
                  </a:lnTo>
                  <a:lnTo>
                    <a:pt x="1826" y="270"/>
                  </a:lnTo>
                  <a:lnTo>
                    <a:pt x="1812" y="260"/>
                  </a:lnTo>
                  <a:lnTo>
                    <a:pt x="1796" y="250"/>
                  </a:lnTo>
                  <a:lnTo>
                    <a:pt x="1778" y="241"/>
                  </a:lnTo>
                  <a:lnTo>
                    <a:pt x="1760" y="232"/>
                  </a:lnTo>
                  <a:lnTo>
                    <a:pt x="1741" y="224"/>
                  </a:lnTo>
                  <a:lnTo>
                    <a:pt x="1722" y="216"/>
                  </a:lnTo>
                  <a:lnTo>
                    <a:pt x="1702" y="209"/>
                  </a:lnTo>
                  <a:lnTo>
                    <a:pt x="1680" y="203"/>
                  </a:lnTo>
                  <a:lnTo>
                    <a:pt x="1636" y="191"/>
                  </a:lnTo>
                  <a:lnTo>
                    <a:pt x="1589" y="180"/>
                  </a:lnTo>
                  <a:lnTo>
                    <a:pt x="1540" y="173"/>
                  </a:lnTo>
                  <a:lnTo>
                    <a:pt x="1490" y="166"/>
                  </a:lnTo>
                  <a:lnTo>
                    <a:pt x="1438" y="161"/>
                  </a:lnTo>
                  <a:lnTo>
                    <a:pt x="1387" y="159"/>
                  </a:lnTo>
                  <a:lnTo>
                    <a:pt x="1336" y="158"/>
                  </a:lnTo>
                  <a:lnTo>
                    <a:pt x="1336" y="158"/>
                  </a:lnTo>
                  <a:lnTo>
                    <a:pt x="1279" y="159"/>
                  </a:lnTo>
                  <a:lnTo>
                    <a:pt x="1222" y="162"/>
                  </a:lnTo>
                  <a:lnTo>
                    <a:pt x="1166" y="169"/>
                  </a:lnTo>
                  <a:lnTo>
                    <a:pt x="1111" y="176"/>
                  </a:lnTo>
                  <a:lnTo>
                    <a:pt x="1111" y="176"/>
                  </a:lnTo>
                  <a:lnTo>
                    <a:pt x="1105" y="165"/>
                  </a:lnTo>
                  <a:lnTo>
                    <a:pt x="1096" y="155"/>
                  </a:lnTo>
                  <a:lnTo>
                    <a:pt x="1087" y="144"/>
                  </a:lnTo>
                  <a:lnTo>
                    <a:pt x="1078" y="134"/>
                  </a:lnTo>
                  <a:lnTo>
                    <a:pt x="1067" y="125"/>
                  </a:lnTo>
                  <a:lnTo>
                    <a:pt x="1056" y="115"/>
                  </a:lnTo>
                  <a:lnTo>
                    <a:pt x="1044" y="107"/>
                  </a:lnTo>
                  <a:lnTo>
                    <a:pt x="1030" y="98"/>
                  </a:lnTo>
                  <a:lnTo>
                    <a:pt x="1016" y="90"/>
                  </a:lnTo>
                  <a:lnTo>
                    <a:pt x="1002" y="82"/>
                  </a:lnTo>
                  <a:lnTo>
                    <a:pt x="970" y="68"/>
                  </a:lnTo>
                  <a:lnTo>
                    <a:pt x="937" y="55"/>
                  </a:lnTo>
                  <a:lnTo>
                    <a:pt x="901" y="43"/>
                  </a:lnTo>
                  <a:lnTo>
                    <a:pt x="862" y="33"/>
                  </a:lnTo>
                  <a:lnTo>
                    <a:pt x="823" y="25"/>
                  </a:lnTo>
                  <a:lnTo>
                    <a:pt x="783" y="17"/>
                  </a:lnTo>
                  <a:lnTo>
                    <a:pt x="740" y="11"/>
                  </a:lnTo>
                  <a:lnTo>
                    <a:pt x="697" y="7"/>
                  </a:lnTo>
                  <a:lnTo>
                    <a:pt x="653" y="3"/>
                  </a:lnTo>
                  <a:lnTo>
                    <a:pt x="610" y="1"/>
                  </a:lnTo>
                  <a:lnTo>
                    <a:pt x="566" y="0"/>
                  </a:lnTo>
                  <a:lnTo>
                    <a:pt x="566" y="0"/>
                  </a:lnTo>
                  <a:lnTo>
                    <a:pt x="515" y="1"/>
                  </a:lnTo>
                  <a:lnTo>
                    <a:pt x="464" y="4"/>
                  </a:lnTo>
                  <a:lnTo>
                    <a:pt x="412" y="9"/>
                  </a:lnTo>
                  <a:lnTo>
                    <a:pt x="362" y="15"/>
                  </a:lnTo>
                  <a:lnTo>
                    <a:pt x="313" y="23"/>
                  </a:lnTo>
                  <a:lnTo>
                    <a:pt x="266" y="33"/>
                  </a:lnTo>
                  <a:lnTo>
                    <a:pt x="222" y="45"/>
                  </a:lnTo>
                  <a:lnTo>
                    <a:pt x="200" y="51"/>
                  </a:lnTo>
                  <a:lnTo>
                    <a:pt x="180" y="59"/>
                  </a:lnTo>
                  <a:lnTo>
                    <a:pt x="161" y="66"/>
                  </a:lnTo>
                  <a:lnTo>
                    <a:pt x="142" y="75"/>
                  </a:lnTo>
                  <a:lnTo>
                    <a:pt x="124" y="83"/>
                  </a:lnTo>
                  <a:lnTo>
                    <a:pt x="106" y="93"/>
                  </a:lnTo>
                  <a:lnTo>
                    <a:pt x="90" y="103"/>
                  </a:lnTo>
                  <a:lnTo>
                    <a:pt x="76" y="112"/>
                  </a:lnTo>
                  <a:lnTo>
                    <a:pt x="62" y="123"/>
                  </a:lnTo>
                  <a:lnTo>
                    <a:pt x="50" y="134"/>
                  </a:lnTo>
                  <a:lnTo>
                    <a:pt x="38" y="146"/>
                  </a:lnTo>
                  <a:lnTo>
                    <a:pt x="29" y="158"/>
                  </a:lnTo>
                  <a:lnTo>
                    <a:pt x="20" y="171"/>
                  </a:lnTo>
                  <a:lnTo>
                    <a:pt x="13" y="183"/>
                  </a:lnTo>
                  <a:lnTo>
                    <a:pt x="7" y="197"/>
                  </a:lnTo>
                  <a:lnTo>
                    <a:pt x="3" y="212"/>
                  </a:lnTo>
                  <a:lnTo>
                    <a:pt x="0" y="227"/>
                  </a:lnTo>
                  <a:lnTo>
                    <a:pt x="0" y="242"/>
                  </a:lnTo>
                  <a:lnTo>
                    <a:pt x="0" y="772"/>
                  </a:lnTo>
                  <a:lnTo>
                    <a:pt x="0" y="772"/>
                  </a:lnTo>
                  <a:lnTo>
                    <a:pt x="0" y="788"/>
                  </a:lnTo>
                  <a:lnTo>
                    <a:pt x="3" y="803"/>
                  </a:lnTo>
                  <a:lnTo>
                    <a:pt x="7" y="816"/>
                  </a:lnTo>
                  <a:lnTo>
                    <a:pt x="13" y="830"/>
                  </a:lnTo>
                  <a:lnTo>
                    <a:pt x="20" y="843"/>
                  </a:lnTo>
                  <a:lnTo>
                    <a:pt x="29" y="856"/>
                  </a:lnTo>
                  <a:lnTo>
                    <a:pt x="38" y="869"/>
                  </a:lnTo>
                  <a:lnTo>
                    <a:pt x="50" y="880"/>
                  </a:lnTo>
                  <a:lnTo>
                    <a:pt x="62" y="891"/>
                  </a:lnTo>
                  <a:lnTo>
                    <a:pt x="76" y="902"/>
                  </a:lnTo>
                  <a:lnTo>
                    <a:pt x="90" y="912"/>
                  </a:lnTo>
                  <a:lnTo>
                    <a:pt x="106" y="922"/>
                  </a:lnTo>
                  <a:lnTo>
                    <a:pt x="124" y="930"/>
                  </a:lnTo>
                  <a:lnTo>
                    <a:pt x="142" y="939"/>
                  </a:lnTo>
                  <a:lnTo>
                    <a:pt x="161" y="947"/>
                  </a:lnTo>
                  <a:lnTo>
                    <a:pt x="180" y="955"/>
                  </a:lnTo>
                  <a:lnTo>
                    <a:pt x="200" y="962"/>
                  </a:lnTo>
                  <a:lnTo>
                    <a:pt x="222" y="969"/>
                  </a:lnTo>
                  <a:lnTo>
                    <a:pt x="266" y="981"/>
                  </a:lnTo>
                  <a:lnTo>
                    <a:pt x="313" y="991"/>
                  </a:lnTo>
                  <a:lnTo>
                    <a:pt x="362" y="999"/>
                  </a:lnTo>
                  <a:lnTo>
                    <a:pt x="412" y="1006"/>
                  </a:lnTo>
                  <a:lnTo>
                    <a:pt x="464" y="1010"/>
                  </a:lnTo>
                  <a:lnTo>
                    <a:pt x="515" y="1012"/>
                  </a:lnTo>
                  <a:lnTo>
                    <a:pt x="566" y="1013"/>
                  </a:lnTo>
                  <a:lnTo>
                    <a:pt x="566" y="1013"/>
                  </a:lnTo>
                  <a:lnTo>
                    <a:pt x="617" y="1012"/>
                  </a:lnTo>
                  <a:lnTo>
                    <a:pt x="668" y="1010"/>
                  </a:lnTo>
                  <a:lnTo>
                    <a:pt x="720" y="1006"/>
                  </a:lnTo>
                  <a:lnTo>
                    <a:pt x="770" y="999"/>
                  </a:lnTo>
                  <a:lnTo>
                    <a:pt x="770" y="1168"/>
                  </a:lnTo>
                  <a:lnTo>
                    <a:pt x="770" y="1168"/>
                  </a:lnTo>
                  <a:lnTo>
                    <a:pt x="719" y="1169"/>
                  </a:lnTo>
                  <a:lnTo>
                    <a:pt x="668" y="1172"/>
                  </a:lnTo>
                  <a:lnTo>
                    <a:pt x="617" y="1176"/>
                  </a:lnTo>
                  <a:lnTo>
                    <a:pt x="568" y="1183"/>
                  </a:lnTo>
                  <a:lnTo>
                    <a:pt x="520" y="1191"/>
                  </a:lnTo>
                  <a:lnTo>
                    <a:pt x="474" y="1202"/>
                  </a:lnTo>
                  <a:lnTo>
                    <a:pt x="431" y="1213"/>
                  </a:lnTo>
                  <a:lnTo>
                    <a:pt x="409" y="1220"/>
                  </a:lnTo>
                  <a:lnTo>
                    <a:pt x="389" y="1227"/>
                  </a:lnTo>
                  <a:lnTo>
                    <a:pt x="370" y="1235"/>
                  </a:lnTo>
                  <a:lnTo>
                    <a:pt x="351" y="1243"/>
                  </a:lnTo>
                  <a:lnTo>
                    <a:pt x="334" y="1252"/>
                  </a:lnTo>
                  <a:lnTo>
                    <a:pt x="317" y="1261"/>
                  </a:lnTo>
                  <a:lnTo>
                    <a:pt x="301" y="1271"/>
                  </a:lnTo>
                  <a:lnTo>
                    <a:pt x="287" y="1280"/>
                  </a:lnTo>
                  <a:lnTo>
                    <a:pt x="273" y="1291"/>
                  </a:lnTo>
                  <a:lnTo>
                    <a:pt x="260" y="1303"/>
                  </a:lnTo>
                  <a:lnTo>
                    <a:pt x="249" y="1313"/>
                  </a:lnTo>
                  <a:lnTo>
                    <a:pt x="240" y="1326"/>
                  </a:lnTo>
                  <a:lnTo>
                    <a:pt x="231" y="1339"/>
                  </a:lnTo>
                  <a:lnTo>
                    <a:pt x="224" y="1352"/>
                  </a:lnTo>
                  <a:lnTo>
                    <a:pt x="218" y="1366"/>
                  </a:lnTo>
                  <a:lnTo>
                    <a:pt x="214" y="1379"/>
                  </a:lnTo>
                  <a:lnTo>
                    <a:pt x="212" y="1394"/>
                  </a:lnTo>
                  <a:lnTo>
                    <a:pt x="211" y="1409"/>
                  </a:lnTo>
                  <a:lnTo>
                    <a:pt x="211" y="1674"/>
                  </a:lnTo>
                  <a:lnTo>
                    <a:pt x="211" y="1674"/>
                  </a:lnTo>
                  <a:lnTo>
                    <a:pt x="212" y="1689"/>
                  </a:lnTo>
                  <a:lnTo>
                    <a:pt x="214" y="1704"/>
                  </a:lnTo>
                  <a:lnTo>
                    <a:pt x="218" y="1719"/>
                  </a:lnTo>
                  <a:lnTo>
                    <a:pt x="225" y="1733"/>
                  </a:lnTo>
                  <a:lnTo>
                    <a:pt x="231" y="1745"/>
                  </a:lnTo>
                  <a:lnTo>
                    <a:pt x="240" y="1758"/>
                  </a:lnTo>
                  <a:lnTo>
                    <a:pt x="250" y="1770"/>
                  </a:lnTo>
                  <a:lnTo>
                    <a:pt x="261" y="1782"/>
                  </a:lnTo>
                  <a:lnTo>
                    <a:pt x="274" y="1793"/>
                  </a:lnTo>
                  <a:lnTo>
                    <a:pt x="288" y="1804"/>
                  </a:lnTo>
                  <a:lnTo>
                    <a:pt x="303" y="1813"/>
                  </a:lnTo>
                  <a:lnTo>
                    <a:pt x="319" y="1823"/>
                  </a:lnTo>
                  <a:lnTo>
                    <a:pt x="336" y="1833"/>
                  </a:lnTo>
                  <a:lnTo>
                    <a:pt x="354" y="1841"/>
                  </a:lnTo>
                  <a:lnTo>
                    <a:pt x="372" y="1850"/>
                  </a:lnTo>
                  <a:lnTo>
                    <a:pt x="392" y="1857"/>
                  </a:lnTo>
                  <a:lnTo>
                    <a:pt x="412" y="1865"/>
                  </a:lnTo>
                  <a:lnTo>
                    <a:pt x="434" y="1871"/>
                  </a:lnTo>
                  <a:lnTo>
                    <a:pt x="479" y="1883"/>
                  </a:lnTo>
                  <a:lnTo>
                    <a:pt x="526" y="1893"/>
                  </a:lnTo>
                  <a:lnTo>
                    <a:pt x="575" y="1901"/>
                  </a:lnTo>
                  <a:lnTo>
                    <a:pt x="625" y="1907"/>
                  </a:lnTo>
                  <a:lnTo>
                    <a:pt x="675" y="1912"/>
                  </a:lnTo>
                  <a:lnTo>
                    <a:pt x="726" y="1915"/>
                  </a:lnTo>
                  <a:lnTo>
                    <a:pt x="778" y="1916"/>
                  </a:lnTo>
                  <a:lnTo>
                    <a:pt x="778" y="1916"/>
                  </a:lnTo>
                  <a:lnTo>
                    <a:pt x="829" y="1915"/>
                  </a:lnTo>
                  <a:lnTo>
                    <a:pt x="881" y="1912"/>
                  </a:lnTo>
                  <a:lnTo>
                    <a:pt x="932" y="1907"/>
                  </a:lnTo>
                  <a:lnTo>
                    <a:pt x="982" y="1901"/>
                  </a:lnTo>
                  <a:lnTo>
                    <a:pt x="1030" y="1893"/>
                  </a:lnTo>
                  <a:lnTo>
                    <a:pt x="1077" y="1883"/>
                  </a:lnTo>
                  <a:lnTo>
                    <a:pt x="1122" y="1871"/>
                  </a:lnTo>
                  <a:lnTo>
                    <a:pt x="1143" y="1865"/>
                  </a:lnTo>
                  <a:lnTo>
                    <a:pt x="1163" y="1857"/>
                  </a:lnTo>
                  <a:lnTo>
                    <a:pt x="1183" y="1850"/>
                  </a:lnTo>
                  <a:lnTo>
                    <a:pt x="1203" y="1841"/>
                  </a:lnTo>
                  <a:lnTo>
                    <a:pt x="1220" y="1833"/>
                  </a:lnTo>
                  <a:lnTo>
                    <a:pt x="1237" y="1823"/>
                  </a:lnTo>
                  <a:lnTo>
                    <a:pt x="1253" y="1813"/>
                  </a:lnTo>
                  <a:lnTo>
                    <a:pt x="1268" y="1804"/>
                  </a:lnTo>
                  <a:lnTo>
                    <a:pt x="1282" y="1793"/>
                  </a:lnTo>
                  <a:lnTo>
                    <a:pt x="1294" y="1782"/>
                  </a:lnTo>
                  <a:lnTo>
                    <a:pt x="1306" y="1770"/>
                  </a:lnTo>
                  <a:lnTo>
                    <a:pt x="1316" y="1758"/>
                  </a:lnTo>
                  <a:lnTo>
                    <a:pt x="1324" y="1745"/>
                  </a:lnTo>
                  <a:lnTo>
                    <a:pt x="1332" y="1733"/>
                  </a:lnTo>
                  <a:lnTo>
                    <a:pt x="1337" y="1719"/>
                  </a:lnTo>
                  <a:lnTo>
                    <a:pt x="1341" y="1704"/>
                  </a:lnTo>
                  <a:lnTo>
                    <a:pt x="1343" y="1689"/>
                  </a:lnTo>
                  <a:lnTo>
                    <a:pt x="1344" y="1674"/>
                  </a:lnTo>
                  <a:lnTo>
                    <a:pt x="1344" y="1436"/>
                  </a:lnTo>
                  <a:lnTo>
                    <a:pt x="1344" y="1436"/>
                  </a:lnTo>
                  <a:lnTo>
                    <a:pt x="1396" y="1435"/>
                  </a:lnTo>
                  <a:lnTo>
                    <a:pt x="1446" y="1433"/>
                  </a:lnTo>
                  <a:lnTo>
                    <a:pt x="1497" y="1427"/>
                  </a:lnTo>
                  <a:lnTo>
                    <a:pt x="1546" y="1421"/>
                  </a:lnTo>
                  <a:lnTo>
                    <a:pt x="1594" y="1412"/>
                  </a:lnTo>
                  <a:lnTo>
                    <a:pt x="1640" y="1403"/>
                  </a:lnTo>
                  <a:lnTo>
                    <a:pt x="1684" y="1390"/>
                  </a:lnTo>
                  <a:lnTo>
                    <a:pt x="1705" y="1384"/>
                  </a:lnTo>
                  <a:lnTo>
                    <a:pt x="1725" y="1376"/>
                  </a:lnTo>
                  <a:lnTo>
                    <a:pt x="1744" y="1369"/>
                  </a:lnTo>
                  <a:lnTo>
                    <a:pt x="1764" y="1360"/>
                  </a:lnTo>
                  <a:lnTo>
                    <a:pt x="1781" y="1352"/>
                  </a:lnTo>
                  <a:lnTo>
                    <a:pt x="1798" y="1343"/>
                  </a:lnTo>
                  <a:lnTo>
                    <a:pt x="1813" y="1334"/>
                  </a:lnTo>
                  <a:lnTo>
                    <a:pt x="1828" y="1323"/>
                  </a:lnTo>
                  <a:lnTo>
                    <a:pt x="1841" y="1312"/>
                  </a:lnTo>
                  <a:lnTo>
                    <a:pt x="1853" y="1302"/>
                  </a:lnTo>
                  <a:lnTo>
                    <a:pt x="1865" y="1290"/>
                  </a:lnTo>
                  <a:lnTo>
                    <a:pt x="1874" y="1278"/>
                  </a:lnTo>
                  <a:lnTo>
                    <a:pt x="1883" y="1265"/>
                  </a:lnTo>
                  <a:lnTo>
                    <a:pt x="1889" y="1253"/>
                  </a:lnTo>
                  <a:lnTo>
                    <a:pt x="1896" y="1239"/>
                  </a:lnTo>
                  <a:lnTo>
                    <a:pt x="1899" y="1225"/>
                  </a:lnTo>
                  <a:lnTo>
                    <a:pt x="1902" y="1210"/>
                  </a:lnTo>
                  <a:lnTo>
                    <a:pt x="1902" y="1195"/>
                  </a:lnTo>
                  <a:lnTo>
                    <a:pt x="1902" y="402"/>
                  </a:lnTo>
                  <a:lnTo>
                    <a:pt x="1902" y="402"/>
                  </a:lnTo>
                  <a:lnTo>
                    <a:pt x="1902" y="402"/>
                  </a:lnTo>
                  <a:lnTo>
                    <a:pt x="1902" y="399"/>
                  </a:lnTo>
                  <a:lnTo>
                    <a:pt x="1902" y="399"/>
                  </a:lnTo>
                  <a:close/>
                  <a:moveTo>
                    <a:pt x="566" y="124"/>
                  </a:moveTo>
                  <a:lnTo>
                    <a:pt x="566" y="124"/>
                  </a:lnTo>
                  <a:lnTo>
                    <a:pt x="606" y="124"/>
                  </a:lnTo>
                  <a:lnTo>
                    <a:pt x="643" y="126"/>
                  </a:lnTo>
                  <a:lnTo>
                    <a:pt x="679" y="128"/>
                  </a:lnTo>
                  <a:lnTo>
                    <a:pt x="712" y="131"/>
                  </a:lnTo>
                  <a:lnTo>
                    <a:pt x="745" y="136"/>
                  </a:lnTo>
                  <a:lnTo>
                    <a:pt x="775" y="140"/>
                  </a:lnTo>
                  <a:lnTo>
                    <a:pt x="804" y="146"/>
                  </a:lnTo>
                  <a:lnTo>
                    <a:pt x="831" y="151"/>
                  </a:lnTo>
                  <a:lnTo>
                    <a:pt x="856" y="158"/>
                  </a:lnTo>
                  <a:lnTo>
                    <a:pt x="878" y="164"/>
                  </a:lnTo>
                  <a:lnTo>
                    <a:pt x="900" y="172"/>
                  </a:lnTo>
                  <a:lnTo>
                    <a:pt x="920" y="179"/>
                  </a:lnTo>
                  <a:lnTo>
                    <a:pt x="937" y="187"/>
                  </a:lnTo>
                  <a:lnTo>
                    <a:pt x="953" y="193"/>
                  </a:lnTo>
                  <a:lnTo>
                    <a:pt x="967" y="200"/>
                  </a:lnTo>
                  <a:lnTo>
                    <a:pt x="979" y="208"/>
                  </a:lnTo>
                  <a:lnTo>
                    <a:pt x="979" y="208"/>
                  </a:lnTo>
                  <a:lnTo>
                    <a:pt x="945" y="220"/>
                  </a:lnTo>
                  <a:lnTo>
                    <a:pt x="913" y="233"/>
                  </a:lnTo>
                  <a:lnTo>
                    <a:pt x="883" y="247"/>
                  </a:lnTo>
                  <a:lnTo>
                    <a:pt x="869" y="256"/>
                  </a:lnTo>
                  <a:lnTo>
                    <a:pt x="856" y="263"/>
                  </a:lnTo>
                  <a:lnTo>
                    <a:pt x="844" y="272"/>
                  </a:lnTo>
                  <a:lnTo>
                    <a:pt x="833" y="281"/>
                  </a:lnTo>
                  <a:lnTo>
                    <a:pt x="822" y="290"/>
                  </a:lnTo>
                  <a:lnTo>
                    <a:pt x="812" y="299"/>
                  </a:lnTo>
                  <a:lnTo>
                    <a:pt x="804" y="310"/>
                  </a:lnTo>
                  <a:lnTo>
                    <a:pt x="795" y="320"/>
                  </a:lnTo>
                  <a:lnTo>
                    <a:pt x="789" y="330"/>
                  </a:lnTo>
                  <a:lnTo>
                    <a:pt x="783" y="342"/>
                  </a:lnTo>
                  <a:lnTo>
                    <a:pt x="783" y="342"/>
                  </a:lnTo>
                  <a:lnTo>
                    <a:pt x="736" y="349"/>
                  </a:lnTo>
                  <a:lnTo>
                    <a:pt x="683" y="355"/>
                  </a:lnTo>
                  <a:lnTo>
                    <a:pt x="656" y="357"/>
                  </a:lnTo>
                  <a:lnTo>
                    <a:pt x="627" y="359"/>
                  </a:lnTo>
                  <a:lnTo>
                    <a:pt x="597" y="360"/>
                  </a:lnTo>
                  <a:lnTo>
                    <a:pt x="566" y="360"/>
                  </a:lnTo>
                  <a:lnTo>
                    <a:pt x="566" y="360"/>
                  </a:lnTo>
                  <a:lnTo>
                    <a:pt x="514" y="359"/>
                  </a:lnTo>
                  <a:lnTo>
                    <a:pt x="465" y="357"/>
                  </a:lnTo>
                  <a:lnTo>
                    <a:pt x="418" y="353"/>
                  </a:lnTo>
                  <a:lnTo>
                    <a:pt x="375" y="346"/>
                  </a:lnTo>
                  <a:lnTo>
                    <a:pt x="336" y="340"/>
                  </a:lnTo>
                  <a:lnTo>
                    <a:pt x="299" y="331"/>
                  </a:lnTo>
                  <a:lnTo>
                    <a:pt x="266" y="323"/>
                  </a:lnTo>
                  <a:lnTo>
                    <a:pt x="237" y="314"/>
                  </a:lnTo>
                  <a:lnTo>
                    <a:pt x="210" y="305"/>
                  </a:lnTo>
                  <a:lnTo>
                    <a:pt x="187" y="294"/>
                  </a:lnTo>
                  <a:lnTo>
                    <a:pt x="167" y="284"/>
                  </a:lnTo>
                  <a:lnTo>
                    <a:pt x="151" y="275"/>
                  </a:lnTo>
                  <a:lnTo>
                    <a:pt x="140" y="265"/>
                  </a:lnTo>
                  <a:lnTo>
                    <a:pt x="130" y="257"/>
                  </a:lnTo>
                  <a:lnTo>
                    <a:pt x="125" y="249"/>
                  </a:lnTo>
                  <a:lnTo>
                    <a:pt x="124" y="245"/>
                  </a:lnTo>
                  <a:lnTo>
                    <a:pt x="122" y="242"/>
                  </a:lnTo>
                  <a:lnTo>
                    <a:pt x="122" y="242"/>
                  </a:lnTo>
                  <a:lnTo>
                    <a:pt x="124" y="239"/>
                  </a:lnTo>
                  <a:lnTo>
                    <a:pt x="125" y="234"/>
                  </a:lnTo>
                  <a:lnTo>
                    <a:pt x="130" y="227"/>
                  </a:lnTo>
                  <a:lnTo>
                    <a:pt x="140" y="219"/>
                  </a:lnTo>
                  <a:lnTo>
                    <a:pt x="151" y="209"/>
                  </a:lnTo>
                  <a:lnTo>
                    <a:pt x="167" y="199"/>
                  </a:lnTo>
                  <a:lnTo>
                    <a:pt x="187" y="190"/>
                  </a:lnTo>
                  <a:lnTo>
                    <a:pt x="210" y="179"/>
                  </a:lnTo>
                  <a:lnTo>
                    <a:pt x="237" y="170"/>
                  </a:lnTo>
                  <a:lnTo>
                    <a:pt x="266" y="161"/>
                  </a:lnTo>
                  <a:lnTo>
                    <a:pt x="299" y="151"/>
                  </a:lnTo>
                  <a:lnTo>
                    <a:pt x="336" y="144"/>
                  </a:lnTo>
                  <a:lnTo>
                    <a:pt x="375" y="138"/>
                  </a:lnTo>
                  <a:lnTo>
                    <a:pt x="418" y="131"/>
                  </a:lnTo>
                  <a:lnTo>
                    <a:pt x="465" y="127"/>
                  </a:lnTo>
                  <a:lnTo>
                    <a:pt x="514" y="125"/>
                  </a:lnTo>
                  <a:lnTo>
                    <a:pt x="566" y="124"/>
                  </a:lnTo>
                  <a:lnTo>
                    <a:pt x="566" y="124"/>
                  </a:lnTo>
                  <a:close/>
                  <a:moveTo>
                    <a:pt x="122" y="398"/>
                  </a:moveTo>
                  <a:lnTo>
                    <a:pt x="122" y="398"/>
                  </a:lnTo>
                  <a:lnTo>
                    <a:pt x="144" y="409"/>
                  </a:lnTo>
                  <a:lnTo>
                    <a:pt x="167" y="419"/>
                  </a:lnTo>
                  <a:lnTo>
                    <a:pt x="191" y="428"/>
                  </a:lnTo>
                  <a:lnTo>
                    <a:pt x="216" y="436"/>
                  </a:lnTo>
                  <a:lnTo>
                    <a:pt x="242" y="444"/>
                  </a:lnTo>
                  <a:lnTo>
                    <a:pt x="269" y="450"/>
                  </a:lnTo>
                  <a:lnTo>
                    <a:pt x="296" y="457"/>
                  </a:lnTo>
                  <a:lnTo>
                    <a:pt x="325" y="462"/>
                  </a:lnTo>
                  <a:lnTo>
                    <a:pt x="354" y="467"/>
                  </a:lnTo>
                  <a:lnTo>
                    <a:pt x="384" y="472"/>
                  </a:lnTo>
                  <a:lnTo>
                    <a:pt x="414" y="475"/>
                  </a:lnTo>
                  <a:lnTo>
                    <a:pt x="443" y="478"/>
                  </a:lnTo>
                  <a:lnTo>
                    <a:pt x="474" y="480"/>
                  </a:lnTo>
                  <a:lnTo>
                    <a:pt x="504" y="482"/>
                  </a:lnTo>
                  <a:lnTo>
                    <a:pt x="535" y="483"/>
                  </a:lnTo>
                  <a:lnTo>
                    <a:pt x="566" y="483"/>
                  </a:lnTo>
                  <a:lnTo>
                    <a:pt x="566" y="483"/>
                  </a:lnTo>
                  <a:lnTo>
                    <a:pt x="617" y="482"/>
                  </a:lnTo>
                  <a:lnTo>
                    <a:pt x="668" y="479"/>
                  </a:lnTo>
                  <a:lnTo>
                    <a:pt x="720" y="474"/>
                  </a:lnTo>
                  <a:lnTo>
                    <a:pt x="770" y="467"/>
                  </a:lnTo>
                  <a:lnTo>
                    <a:pt x="770" y="609"/>
                  </a:lnTo>
                  <a:lnTo>
                    <a:pt x="770" y="609"/>
                  </a:lnTo>
                  <a:lnTo>
                    <a:pt x="724" y="615"/>
                  </a:lnTo>
                  <a:lnTo>
                    <a:pt x="675" y="621"/>
                  </a:lnTo>
                  <a:lnTo>
                    <a:pt x="623" y="624"/>
                  </a:lnTo>
                  <a:lnTo>
                    <a:pt x="566" y="625"/>
                  </a:lnTo>
                  <a:lnTo>
                    <a:pt x="566" y="625"/>
                  </a:lnTo>
                  <a:lnTo>
                    <a:pt x="514" y="624"/>
                  </a:lnTo>
                  <a:lnTo>
                    <a:pt x="465" y="622"/>
                  </a:lnTo>
                  <a:lnTo>
                    <a:pt x="418" y="618"/>
                  </a:lnTo>
                  <a:lnTo>
                    <a:pt x="375" y="612"/>
                  </a:lnTo>
                  <a:lnTo>
                    <a:pt x="336" y="605"/>
                  </a:lnTo>
                  <a:lnTo>
                    <a:pt x="299" y="597"/>
                  </a:lnTo>
                  <a:lnTo>
                    <a:pt x="266" y="589"/>
                  </a:lnTo>
                  <a:lnTo>
                    <a:pt x="237" y="579"/>
                  </a:lnTo>
                  <a:lnTo>
                    <a:pt x="210" y="570"/>
                  </a:lnTo>
                  <a:lnTo>
                    <a:pt x="187" y="559"/>
                  </a:lnTo>
                  <a:lnTo>
                    <a:pt x="167" y="549"/>
                  </a:lnTo>
                  <a:lnTo>
                    <a:pt x="151" y="540"/>
                  </a:lnTo>
                  <a:lnTo>
                    <a:pt x="140" y="530"/>
                  </a:lnTo>
                  <a:lnTo>
                    <a:pt x="130" y="522"/>
                  </a:lnTo>
                  <a:lnTo>
                    <a:pt x="125" y="514"/>
                  </a:lnTo>
                  <a:lnTo>
                    <a:pt x="124" y="510"/>
                  </a:lnTo>
                  <a:lnTo>
                    <a:pt x="122" y="507"/>
                  </a:lnTo>
                  <a:lnTo>
                    <a:pt x="122" y="398"/>
                  </a:lnTo>
                  <a:close/>
                  <a:moveTo>
                    <a:pt x="566" y="891"/>
                  </a:moveTo>
                  <a:lnTo>
                    <a:pt x="566" y="891"/>
                  </a:lnTo>
                  <a:lnTo>
                    <a:pt x="514" y="890"/>
                  </a:lnTo>
                  <a:lnTo>
                    <a:pt x="465" y="887"/>
                  </a:lnTo>
                  <a:lnTo>
                    <a:pt x="418" y="882"/>
                  </a:lnTo>
                  <a:lnTo>
                    <a:pt x="375" y="877"/>
                  </a:lnTo>
                  <a:lnTo>
                    <a:pt x="336" y="870"/>
                  </a:lnTo>
                  <a:lnTo>
                    <a:pt x="299" y="862"/>
                  </a:lnTo>
                  <a:lnTo>
                    <a:pt x="266" y="854"/>
                  </a:lnTo>
                  <a:lnTo>
                    <a:pt x="237" y="844"/>
                  </a:lnTo>
                  <a:lnTo>
                    <a:pt x="210" y="835"/>
                  </a:lnTo>
                  <a:lnTo>
                    <a:pt x="187" y="825"/>
                  </a:lnTo>
                  <a:lnTo>
                    <a:pt x="167" y="814"/>
                  </a:lnTo>
                  <a:lnTo>
                    <a:pt x="151" y="805"/>
                  </a:lnTo>
                  <a:lnTo>
                    <a:pt x="140" y="796"/>
                  </a:lnTo>
                  <a:lnTo>
                    <a:pt x="130" y="787"/>
                  </a:lnTo>
                  <a:lnTo>
                    <a:pt x="125" y="779"/>
                  </a:lnTo>
                  <a:lnTo>
                    <a:pt x="124" y="776"/>
                  </a:lnTo>
                  <a:lnTo>
                    <a:pt x="122" y="772"/>
                  </a:lnTo>
                  <a:lnTo>
                    <a:pt x="122" y="663"/>
                  </a:lnTo>
                  <a:lnTo>
                    <a:pt x="122" y="663"/>
                  </a:lnTo>
                  <a:lnTo>
                    <a:pt x="144" y="674"/>
                  </a:lnTo>
                  <a:lnTo>
                    <a:pt x="167" y="683"/>
                  </a:lnTo>
                  <a:lnTo>
                    <a:pt x="191" y="693"/>
                  </a:lnTo>
                  <a:lnTo>
                    <a:pt x="216" y="702"/>
                  </a:lnTo>
                  <a:lnTo>
                    <a:pt x="242" y="709"/>
                  </a:lnTo>
                  <a:lnTo>
                    <a:pt x="269" y="715"/>
                  </a:lnTo>
                  <a:lnTo>
                    <a:pt x="296" y="722"/>
                  </a:lnTo>
                  <a:lnTo>
                    <a:pt x="325" y="727"/>
                  </a:lnTo>
                  <a:lnTo>
                    <a:pt x="354" y="732"/>
                  </a:lnTo>
                  <a:lnTo>
                    <a:pt x="384" y="737"/>
                  </a:lnTo>
                  <a:lnTo>
                    <a:pt x="414" y="740"/>
                  </a:lnTo>
                  <a:lnTo>
                    <a:pt x="443" y="743"/>
                  </a:lnTo>
                  <a:lnTo>
                    <a:pt x="474" y="745"/>
                  </a:lnTo>
                  <a:lnTo>
                    <a:pt x="504" y="747"/>
                  </a:lnTo>
                  <a:lnTo>
                    <a:pt x="535" y="748"/>
                  </a:lnTo>
                  <a:lnTo>
                    <a:pt x="566" y="748"/>
                  </a:lnTo>
                  <a:lnTo>
                    <a:pt x="566" y="748"/>
                  </a:lnTo>
                  <a:lnTo>
                    <a:pt x="617" y="747"/>
                  </a:lnTo>
                  <a:lnTo>
                    <a:pt x="668" y="744"/>
                  </a:lnTo>
                  <a:lnTo>
                    <a:pt x="720" y="739"/>
                  </a:lnTo>
                  <a:lnTo>
                    <a:pt x="770" y="732"/>
                  </a:lnTo>
                  <a:lnTo>
                    <a:pt x="770" y="874"/>
                  </a:lnTo>
                  <a:lnTo>
                    <a:pt x="770" y="874"/>
                  </a:lnTo>
                  <a:lnTo>
                    <a:pt x="724" y="881"/>
                  </a:lnTo>
                  <a:lnTo>
                    <a:pt x="675" y="886"/>
                  </a:lnTo>
                  <a:lnTo>
                    <a:pt x="623" y="889"/>
                  </a:lnTo>
                  <a:lnTo>
                    <a:pt x="566" y="891"/>
                  </a:lnTo>
                  <a:lnTo>
                    <a:pt x="566" y="891"/>
                  </a:lnTo>
                  <a:close/>
                  <a:moveTo>
                    <a:pt x="1221" y="1674"/>
                  </a:moveTo>
                  <a:lnTo>
                    <a:pt x="1221" y="1674"/>
                  </a:lnTo>
                  <a:lnTo>
                    <a:pt x="1221" y="1677"/>
                  </a:lnTo>
                  <a:lnTo>
                    <a:pt x="1220" y="1682"/>
                  </a:lnTo>
                  <a:lnTo>
                    <a:pt x="1213" y="1689"/>
                  </a:lnTo>
                  <a:lnTo>
                    <a:pt x="1205" y="1697"/>
                  </a:lnTo>
                  <a:lnTo>
                    <a:pt x="1192" y="1707"/>
                  </a:lnTo>
                  <a:lnTo>
                    <a:pt x="1176" y="1717"/>
                  </a:lnTo>
                  <a:lnTo>
                    <a:pt x="1157" y="1726"/>
                  </a:lnTo>
                  <a:lnTo>
                    <a:pt x="1133" y="1737"/>
                  </a:lnTo>
                  <a:lnTo>
                    <a:pt x="1108" y="1746"/>
                  </a:lnTo>
                  <a:lnTo>
                    <a:pt x="1078" y="1755"/>
                  </a:lnTo>
                  <a:lnTo>
                    <a:pt x="1045" y="1765"/>
                  </a:lnTo>
                  <a:lnTo>
                    <a:pt x="1009" y="1772"/>
                  </a:lnTo>
                  <a:lnTo>
                    <a:pt x="968" y="1778"/>
                  </a:lnTo>
                  <a:lnTo>
                    <a:pt x="925" y="1785"/>
                  </a:lnTo>
                  <a:lnTo>
                    <a:pt x="880" y="1789"/>
                  </a:lnTo>
                  <a:lnTo>
                    <a:pt x="831" y="1791"/>
                  </a:lnTo>
                  <a:lnTo>
                    <a:pt x="778" y="1792"/>
                  </a:lnTo>
                  <a:lnTo>
                    <a:pt x="778" y="1792"/>
                  </a:lnTo>
                  <a:lnTo>
                    <a:pt x="725" y="1791"/>
                  </a:lnTo>
                  <a:lnTo>
                    <a:pt x="676" y="1789"/>
                  </a:lnTo>
                  <a:lnTo>
                    <a:pt x="630" y="1785"/>
                  </a:lnTo>
                  <a:lnTo>
                    <a:pt x="587" y="1778"/>
                  </a:lnTo>
                  <a:lnTo>
                    <a:pt x="548" y="1772"/>
                  </a:lnTo>
                  <a:lnTo>
                    <a:pt x="512" y="1765"/>
                  </a:lnTo>
                  <a:lnTo>
                    <a:pt x="478" y="1755"/>
                  </a:lnTo>
                  <a:lnTo>
                    <a:pt x="449" y="1746"/>
                  </a:lnTo>
                  <a:lnTo>
                    <a:pt x="422" y="1737"/>
                  </a:lnTo>
                  <a:lnTo>
                    <a:pt x="399" y="1726"/>
                  </a:lnTo>
                  <a:lnTo>
                    <a:pt x="379" y="1717"/>
                  </a:lnTo>
                  <a:lnTo>
                    <a:pt x="363" y="1707"/>
                  </a:lnTo>
                  <a:lnTo>
                    <a:pt x="351" y="1697"/>
                  </a:lnTo>
                  <a:lnTo>
                    <a:pt x="342" y="1689"/>
                  </a:lnTo>
                  <a:lnTo>
                    <a:pt x="337" y="1682"/>
                  </a:lnTo>
                  <a:lnTo>
                    <a:pt x="335" y="1677"/>
                  </a:lnTo>
                  <a:lnTo>
                    <a:pt x="335" y="1674"/>
                  </a:lnTo>
                  <a:lnTo>
                    <a:pt x="335" y="1566"/>
                  </a:lnTo>
                  <a:lnTo>
                    <a:pt x="335" y="1566"/>
                  </a:lnTo>
                  <a:lnTo>
                    <a:pt x="356" y="1576"/>
                  </a:lnTo>
                  <a:lnTo>
                    <a:pt x="378" y="1586"/>
                  </a:lnTo>
                  <a:lnTo>
                    <a:pt x="403" y="1594"/>
                  </a:lnTo>
                  <a:lnTo>
                    <a:pt x="427" y="1603"/>
                  </a:lnTo>
                  <a:lnTo>
                    <a:pt x="454" y="1610"/>
                  </a:lnTo>
                  <a:lnTo>
                    <a:pt x="481" y="1618"/>
                  </a:lnTo>
                  <a:lnTo>
                    <a:pt x="508" y="1624"/>
                  </a:lnTo>
                  <a:lnTo>
                    <a:pt x="536" y="1629"/>
                  </a:lnTo>
                  <a:lnTo>
                    <a:pt x="566" y="1635"/>
                  </a:lnTo>
                  <a:lnTo>
                    <a:pt x="595" y="1639"/>
                  </a:lnTo>
                  <a:lnTo>
                    <a:pt x="625" y="1642"/>
                  </a:lnTo>
                  <a:lnTo>
                    <a:pt x="656" y="1645"/>
                  </a:lnTo>
                  <a:lnTo>
                    <a:pt x="685" y="1647"/>
                  </a:lnTo>
                  <a:lnTo>
                    <a:pt x="716" y="1650"/>
                  </a:lnTo>
                  <a:lnTo>
                    <a:pt x="747" y="1651"/>
                  </a:lnTo>
                  <a:lnTo>
                    <a:pt x="778" y="1651"/>
                  </a:lnTo>
                  <a:lnTo>
                    <a:pt x="778" y="1651"/>
                  </a:lnTo>
                  <a:lnTo>
                    <a:pt x="808" y="1651"/>
                  </a:lnTo>
                  <a:lnTo>
                    <a:pt x="839" y="1650"/>
                  </a:lnTo>
                  <a:lnTo>
                    <a:pt x="870" y="1647"/>
                  </a:lnTo>
                  <a:lnTo>
                    <a:pt x="901" y="1645"/>
                  </a:lnTo>
                  <a:lnTo>
                    <a:pt x="931" y="1642"/>
                  </a:lnTo>
                  <a:lnTo>
                    <a:pt x="961" y="1639"/>
                  </a:lnTo>
                  <a:lnTo>
                    <a:pt x="990" y="1635"/>
                  </a:lnTo>
                  <a:lnTo>
                    <a:pt x="1019" y="1629"/>
                  </a:lnTo>
                  <a:lnTo>
                    <a:pt x="1047" y="1624"/>
                  </a:lnTo>
                  <a:lnTo>
                    <a:pt x="1075" y="1618"/>
                  </a:lnTo>
                  <a:lnTo>
                    <a:pt x="1102" y="1610"/>
                  </a:lnTo>
                  <a:lnTo>
                    <a:pt x="1128" y="1603"/>
                  </a:lnTo>
                  <a:lnTo>
                    <a:pt x="1153" y="1594"/>
                  </a:lnTo>
                  <a:lnTo>
                    <a:pt x="1177" y="1586"/>
                  </a:lnTo>
                  <a:lnTo>
                    <a:pt x="1199" y="1576"/>
                  </a:lnTo>
                  <a:lnTo>
                    <a:pt x="1221" y="1566"/>
                  </a:lnTo>
                  <a:lnTo>
                    <a:pt x="1221" y="1674"/>
                  </a:lnTo>
                  <a:lnTo>
                    <a:pt x="1221" y="1674"/>
                  </a:lnTo>
                  <a:close/>
                  <a:moveTo>
                    <a:pt x="1207" y="1429"/>
                  </a:moveTo>
                  <a:lnTo>
                    <a:pt x="1207" y="1429"/>
                  </a:lnTo>
                  <a:lnTo>
                    <a:pt x="1197" y="1438"/>
                  </a:lnTo>
                  <a:lnTo>
                    <a:pt x="1186" y="1445"/>
                  </a:lnTo>
                  <a:lnTo>
                    <a:pt x="1172" y="1454"/>
                  </a:lnTo>
                  <a:lnTo>
                    <a:pt x="1156" y="1461"/>
                  </a:lnTo>
                  <a:lnTo>
                    <a:pt x="1137" y="1470"/>
                  </a:lnTo>
                  <a:lnTo>
                    <a:pt x="1115" y="1478"/>
                  </a:lnTo>
                  <a:lnTo>
                    <a:pt x="1092" y="1486"/>
                  </a:lnTo>
                  <a:lnTo>
                    <a:pt x="1066" y="1493"/>
                  </a:lnTo>
                  <a:lnTo>
                    <a:pt x="1038" y="1501"/>
                  </a:lnTo>
                  <a:lnTo>
                    <a:pt x="1008" y="1507"/>
                  </a:lnTo>
                  <a:lnTo>
                    <a:pt x="976" y="1512"/>
                  </a:lnTo>
                  <a:lnTo>
                    <a:pt x="940" y="1518"/>
                  </a:lnTo>
                  <a:lnTo>
                    <a:pt x="903" y="1522"/>
                  </a:lnTo>
                  <a:lnTo>
                    <a:pt x="864" y="1525"/>
                  </a:lnTo>
                  <a:lnTo>
                    <a:pt x="822" y="1526"/>
                  </a:lnTo>
                  <a:lnTo>
                    <a:pt x="778" y="1527"/>
                  </a:lnTo>
                  <a:lnTo>
                    <a:pt x="778" y="1527"/>
                  </a:lnTo>
                  <a:lnTo>
                    <a:pt x="725" y="1526"/>
                  </a:lnTo>
                  <a:lnTo>
                    <a:pt x="676" y="1524"/>
                  </a:lnTo>
                  <a:lnTo>
                    <a:pt x="630" y="1520"/>
                  </a:lnTo>
                  <a:lnTo>
                    <a:pt x="587" y="1513"/>
                  </a:lnTo>
                  <a:lnTo>
                    <a:pt x="548" y="1507"/>
                  </a:lnTo>
                  <a:lnTo>
                    <a:pt x="512" y="1499"/>
                  </a:lnTo>
                  <a:lnTo>
                    <a:pt x="478" y="1490"/>
                  </a:lnTo>
                  <a:lnTo>
                    <a:pt x="449" y="1481"/>
                  </a:lnTo>
                  <a:lnTo>
                    <a:pt x="422" y="1471"/>
                  </a:lnTo>
                  <a:lnTo>
                    <a:pt x="399" y="1461"/>
                  </a:lnTo>
                  <a:lnTo>
                    <a:pt x="379" y="1452"/>
                  </a:lnTo>
                  <a:lnTo>
                    <a:pt x="363" y="1442"/>
                  </a:lnTo>
                  <a:lnTo>
                    <a:pt x="351" y="1433"/>
                  </a:lnTo>
                  <a:lnTo>
                    <a:pt x="342" y="1424"/>
                  </a:lnTo>
                  <a:lnTo>
                    <a:pt x="337" y="1416"/>
                  </a:lnTo>
                  <a:lnTo>
                    <a:pt x="335" y="1412"/>
                  </a:lnTo>
                  <a:lnTo>
                    <a:pt x="335" y="1409"/>
                  </a:lnTo>
                  <a:lnTo>
                    <a:pt x="335" y="1409"/>
                  </a:lnTo>
                  <a:lnTo>
                    <a:pt x="335" y="1406"/>
                  </a:lnTo>
                  <a:lnTo>
                    <a:pt x="337" y="1402"/>
                  </a:lnTo>
                  <a:lnTo>
                    <a:pt x="342" y="1394"/>
                  </a:lnTo>
                  <a:lnTo>
                    <a:pt x="351" y="1386"/>
                  </a:lnTo>
                  <a:lnTo>
                    <a:pt x="363" y="1376"/>
                  </a:lnTo>
                  <a:lnTo>
                    <a:pt x="379" y="1367"/>
                  </a:lnTo>
                  <a:lnTo>
                    <a:pt x="399" y="1357"/>
                  </a:lnTo>
                  <a:lnTo>
                    <a:pt x="422" y="1346"/>
                  </a:lnTo>
                  <a:lnTo>
                    <a:pt x="449" y="1337"/>
                  </a:lnTo>
                  <a:lnTo>
                    <a:pt x="478" y="1327"/>
                  </a:lnTo>
                  <a:lnTo>
                    <a:pt x="512" y="1319"/>
                  </a:lnTo>
                  <a:lnTo>
                    <a:pt x="548" y="1311"/>
                  </a:lnTo>
                  <a:lnTo>
                    <a:pt x="587" y="1305"/>
                  </a:lnTo>
                  <a:lnTo>
                    <a:pt x="630" y="1298"/>
                  </a:lnTo>
                  <a:lnTo>
                    <a:pt x="676" y="1294"/>
                  </a:lnTo>
                  <a:lnTo>
                    <a:pt x="725" y="1292"/>
                  </a:lnTo>
                  <a:lnTo>
                    <a:pt x="778" y="1291"/>
                  </a:lnTo>
                  <a:lnTo>
                    <a:pt x="778" y="1291"/>
                  </a:lnTo>
                  <a:lnTo>
                    <a:pt x="795" y="1291"/>
                  </a:lnTo>
                  <a:lnTo>
                    <a:pt x="812" y="1292"/>
                  </a:lnTo>
                  <a:lnTo>
                    <a:pt x="812" y="1292"/>
                  </a:lnTo>
                  <a:lnTo>
                    <a:pt x="860" y="1294"/>
                  </a:lnTo>
                  <a:lnTo>
                    <a:pt x="905" y="1297"/>
                  </a:lnTo>
                  <a:lnTo>
                    <a:pt x="948" y="1303"/>
                  </a:lnTo>
                  <a:lnTo>
                    <a:pt x="987" y="1308"/>
                  </a:lnTo>
                  <a:lnTo>
                    <a:pt x="1025" y="1316"/>
                  </a:lnTo>
                  <a:lnTo>
                    <a:pt x="1058" y="1323"/>
                  </a:lnTo>
                  <a:lnTo>
                    <a:pt x="1089" y="1331"/>
                  </a:lnTo>
                  <a:lnTo>
                    <a:pt x="1116" y="1341"/>
                  </a:lnTo>
                  <a:lnTo>
                    <a:pt x="1141" y="1350"/>
                  </a:lnTo>
                  <a:lnTo>
                    <a:pt x="1161" y="1359"/>
                  </a:lnTo>
                  <a:lnTo>
                    <a:pt x="1179" y="1369"/>
                  </a:lnTo>
                  <a:lnTo>
                    <a:pt x="1194" y="1377"/>
                  </a:lnTo>
                  <a:lnTo>
                    <a:pt x="1206" y="1387"/>
                  </a:lnTo>
                  <a:lnTo>
                    <a:pt x="1214" y="1395"/>
                  </a:lnTo>
                  <a:lnTo>
                    <a:pt x="1220" y="1403"/>
                  </a:lnTo>
                  <a:lnTo>
                    <a:pt x="1221" y="1406"/>
                  </a:lnTo>
                  <a:lnTo>
                    <a:pt x="1221" y="1409"/>
                  </a:lnTo>
                  <a:lnTo>
                    <a:pt x="1221" y="1409"/>
                  </a:lnTo>
                  <a:lnTo>
                    <a:pt x="1220" y="1413"/>
                  </a:lnTo>
                  <a:lnTo>
                    <a:pt x="1217" y="1419"/>
                  </a:lnTo>
                  <a:lnTo>
                    <a:pt x="1212" y="1424"/>
                  </a:lnTo>
                  <a:lnTo>
                    <a:pt x="1207" y="1429"/>
                  </a:lnTo>
                  <a:lnTo>
                    <a:pt x="1207" y="1429"/>
                  </a:lnTo>
                  <a:close/>
                  <a:moveTo>
                    <a:pt x="1780" y="1195"/>
                  </a:moveTo>
                  <a:lnTo>
                    <a:pt x="1780" y="1195"/>
                  </a:lnTo>
                  <a:lnTo>
                    <a:pt x="1778" y="1198"/>
                  </a:lnTo>
                  <a:lnTo>
                    <a:pt x="1777" y="1202"/>
                  </a:lnTo>
                  <a:lnTo>
                    <a:pt x="1772" y="1210"/>
                  </a:lnTo>
                  <a:lnTo>
                    <a:pt x="1762" y="1219"/>
                  </a:lnTo>
                  <a:lnTo>
                    <a:pt x="1751" y="1228"/>
                  </a:lnTo>
                  <a:lnTo>
                    <a:pt x="1735" y="1238"/>
                  </a:lnTo>
                  <a:lnTo>
                    <a:pt x="1715" y="1247"/>
                  </a:lnTo>
                  <a:lnTo>
                    <a:pt x="1692" y="1257"/>
                  </a:lnTo>
                  <a:lnTo>
                    <a:pt x="1665" y="1267"/>
                  </a:lnTo>
                  <a:lnTo>
                    <a:pt x="1636" y="1276"/>
                  </a:lnTo>
                  <a:lnTo>
                    <a:pt x="1603" y="1285"/>
                  </a:lnTo>
                  <a:lnTo>
                    <a:pt x="1566" y="1293"/>
                  </a:lnTo>
                  <a:lnTo>
                    <a:pt x="1527" y="1300"/>
                  </a:lnTo>
                  <a:lnTo>
                    <a:pt x="1484" y="1305"/>
                  </a:lnTo>
                  <a:lnTo>
                    <a:pt x="1437" y="1309"/>
                  </a:lnTo>
                  <a:lnTo>
                    <a:pt x="1388" y="1312"/>
                  </a:lnTo>
                  <a:lnTo>
                    <a:pt x="1336" y="1313"/>
                  </a:lnTo>
                  <a:lnTo>
                    <a:pt x="1336" y="1313"/>
                  </a:lnTo>
                  <a:lnTo>
                    <a:pt x="1302" y="1312"/>
                  </a:lnTo>
                  <a:lnTo>
                    <a:pt x="1302" y="1312"/>
                  </a:lnTo>
                  <a:lnTo>
                    <a:pt x="1288" y="1297"/>
                  </a:lnTo>
                  <a:lnTo>
                    <a:pt x="1271" y="1284"/>
                  </a:lnTo>
                  <a:lnTo>
                    <a:pt x="1252" y="1271"/>
                  </a:lnTo>
                  <a:lnTo>
                    <a:pt x="1231" y="1258"/>
                  </a:lnTo>
                  <a:lnTo>
                    <a:pt x="1210" y="1246"/>
                  </a:lnTo>
                  <a:lnTo>
                    <a:pt x="1187" y="1236"/>
                  </a:lnTo>
                  <a:lnTo>
                    <a:pt x="1161" y="1226"/>
                  </a:lnTo>
                  <a:lnTo>
                    <a:pt x="1135" y="1218"/>
                  </a:lnTo>
                  <a:lnTo>
                    <a:pt x="1108" y="1209"/>
                  </a:lnTo>
                  <a:lnTo>
                    <a:pt x="1079" y="1202"/>
                  </a:lnTo>
                  <a:lnTo>
                    <a:pt x="1050" y="1194"/>
                  </a:lnTo>
                  <a:lnTo>
                    <a:pt x="1020" y="1189"/>
                  </a:lnTo>
                  <a:lnTo>
                    <a:pt x="989" y="1184"/>
                  </a:lnTo>
                  <a:lnTo>
                    <a:pt x="957" y="1179"/>
                  </a:lnTo>
                  <a:lnTo>
                    <a:pt x="925" y="1175"/>
                  </a:lnTo>
                  <a:lnTo>
                    <a:pt x="893" y="1173"/>
                  </a:lnTo>
                  <a:lnTo>
                    <a:pt x="893" y="1087"/>
                  </a:lnTo>
                  <a:lnTo>
                    <a:pt x="893" y="1087"/>
                  </a:lnTo>
                  <a:lnTo>
                    <a:pt x="915" y="1096"/>
                  </a:lnTo>
                  <a:lnTo>
                    <a:pt x="937" y="1106"/>
                  </a:lnTo>
                  <a:lnTo>
                    <a:pt x="962" y="1115"/>
                  </a:lnTo>
                  <a:lnTo>
                    <a:pt x="986" y="1124"/>
                  </a:lnTo>
                  <a:lnTo>
                    <a:pt x="1012" y="1131"/>
                  </a:lnTo>
                  <a:lnTo>
                    <a:pt x="1040" y="1138"/>
                  </a:lnTo>
                  <a:lnTo>
                    <a:pt x="1066" y="1144"/>
                  </a:lnTo>
                  <a:lnTo>
                    <a:pt x="1095" y="1150"/>
                  </a:lnTo>
                  <a:lnTo>
                    <a:pt x="1124" y="1155"/>
                  </a:lnTo>
                  <a:lnTo>
                    <a:pt x="1154" y="1159"/>
                  </a:lnTo>
                  <a:lnTo>
                    <a:pt x="1183" y="1163"/>
                  </a:lnTo>
                  <a:lnTo>
                    <a:pt x="1213" y="1165"/>
                  </a:lnTo>
                  <a:lnTo>
                    <a:pt x="1244" y="1168"/>
                  </a:lnTo>
                  <a:lnTo>
                    <a:pt x="1275" y="1170"/>
                  </a:lnTo>
                  <a:lnTo>
                    <a:pt x="1305" y="1171"/>
                  </a:lnTo>
                  <a:lnTo>
                    <a:pt x="1336" y="1171"/>
                  </a:lnTo>
                  <a:lnTo>
                    <a:pt x="1336" y="1171"/>
                  </a:lnTo>
                  <a:lnTo>
                    <a:pt x="1367" y="1171"/>
                  </a:lnTo>
                  <a:lnTo>
                    <a:pt x="1398" y="1170"/>
                  </a:lnTo>
                  <a:lnTo>
                    <a:pt x="1428" y="1168"/>
                  </a:lnTo>
                  <a:lnTo>
                    <a:pt x="1459" y="1165"/>
                  </a:lnTo>
                  <a:lnTo>
                    <a:pt x="1488" y="1163"/>
                  </a:lnTo>
                  <a:lnTo>
                    <a:pt x="1518" y="1159"/>
                  </a:lnTo>
                  <a:lnTo>
                    <a:pt x="1548" y="1155"/>
                  </a:lnTo>
                  <a:lnTo>
                    <a:pt x="1577" y="1150"/>
                  </a:lnTo>
                  <a:lnTo>
                    <a:pt x="1606" y="1144"/>
                  </a:lnTo>
                  <a:lnTo>
                    <a:pt x="1633" y="1138"/>
                  </a:lnTo>
                  <a:lnTo>
                    <a:pt x="1660" y="1131"/>
                  </a:lnTo>
                  <a:lnTo>
                    <a:pt x="1686" y="1124"/>
                  </a:lnTo>
                  <a:lnTo>
                    <a:pt x="1711" y="1115"/>
                  </a:lnTo>
                  <a:lnTo>
                    <a:pt x="1735" y="1106"/>
                  </a:lnTo>
                  <a:lnTo>
                    <a:pt x="1758" y="1096"/>
                  </a:lnTo>
                  <a:lnTo>
                    <a:pt x="1780" y="1086"/>
                  </a:lnTo>
                  <a:lnTo>
                    <a:pt x="1780" y="1195"/>
                  </a:lnTo>
                  <a:close/>
                  <a:moveTo>
                    <a:pt x="1780" y="929"/>
                  </a:moveTo>
                  <a:lnTo>
                    <a:pt x="1780" y="929"/>
                  </a:lnTo>
                  <a:lnTo>
                    <a:pt x="1778" y="932"/>
                  </a:lnTo>
                  <a:lnTo>
                    <a:pt x="1777" y="937"/>
                  </a:lnTo>
                  <a:lnTo>
                    <a:pt x="1772" y="944"/>
                  </a:lnTo>
                  <a:lnTo>
                    <a:pt x="1762" y="953"/>
                  </a:lnTo>
                  <a:lnTo>
                    <a:pt x="1751" y="962"/>
                  </a:lnTo>
                  <a:lnTo>
                    <a:pt x="1735" y="972"/>
                  </a:lnTo>
                  <a:lnTo>
                    <a:pt x="1715" y="982"/>
                  </a:lnTo>
                  <a:lnTo>
                    <a:pt x="1692" y="992"/>
                  </a:lnTo>
                  <a:lnTo>
                    <a:pt x="1665" y="1002"/>
                  </a:lnTo>
                  <a:lnTo>
                    <a:pt x="1636" y="1011"/>
                  </a:lnTo>
                  <a:lnTo>
                    <a:pt x="1603" y="1020"/>
                  </a:lnTo>
                  <a:lnTo>
                    <a:pt x="1566" y="1027"/>
                  </a:lnTo>
                  <a:lnTo>
                    <a:pt x="1527" y="1035"/>
                  </a:lnTo>
                  <a:lnTo>
                    <a:pt x="1484" y="1040"/>
                  </a:lnTo>
                  <a:lnTo>
                    <a:pt x="1437" y="1044"/>
                  </a:lnTo>
                  <a:lnTo>
                    <a:pt x="1388" y="1047"/>
                  </a:lnTo>
                  <a:lnTo>
                    <a:pt x="1336" y="1047"/>
                  </a:lnTo>
                  <a:lnTo>
                    <a:pt x="1336" y="1047"/>
                  </a:lnTo>
                  <a:lnTo>
                    <a:pt x="1296" y="1047"/>
                  </a:lnTo>
                  <a:lnTo>
                    <a:pt x="1259" y="1045"/>
                  </a:lnTo>
                  <a:lnTo>
                    <a:pt x="1224" y="1043"/>
                  </a:lnTo>
                  <a:lnTo>
                    <a:pt x="1190" y="1040"/>
                  </a:lnTo>
                  <a:lnTo>
                    <a:pt x="1157" y="1036"/>
                  </a:lnTo>
                  <a:lnTo>
                    <a:pt x="1127" y="1031"/>
                  </a:lnTo>
                  <a:lnTo>
                    <a:pt x="1098" y="1026"/>
                  </a:lnTo>
                  <a:lnTo>
                    <a:pt x="1071" y="1020"/>
                  </a:lnTo>
                  <a:lnTo>
                    <a:pt x="1046" y="1013"/>
                  </a:lnTo>
                  <a:lnTo>
                    <a:pt x="1024" y="1007"/>
                  </a:lnTo>
                  <a:lnTo>
                    <a:pt x="1002" y="999"/>
                  </a:lnTo>
                  <a:lnTo>
                    <a:pt x="982" y="993"/>
                  </a:lnTo>
                  <a:lnTo>
                    <a:pt x="965" y="986"/>
                  </a:lnTo>
                  <a:lnTo>
                    <a:pt x="949" y="978"/>
                  </a:lnTo>
                  <a:lnTo>
                    <a:pt x="935" y="971"/>
                  </a:lnTo>
                  <a:lnTo>
                    <a:pt x="923" y="963"/>
                  </a:lnTo>
                  <a:lnTo>
                    <a:pt x="923" y="963"/>
                  </a:lnTo>
                  <a:lnTo>
                    <a:pt x="910" y="954"/>
                  </a:lnTo>
                  <a:lnTo>
                    <a:pt x="901" y="945"/>
                  </a:lnTo>
                  <a:lnTo>
                    <a:pt x="898" y="941"/>
                  </a:lnTo>
                  <a:lnTo>
                    <a:pt x="896" y="937"/>
                  </a:lnTo>
                  <a:lnTo>
                    <a:pt x="893" y="932"/>
                  </a:lnTo>
                  <a:lnTo>
                    <a:pt x="893" y="929"/>
                  </a:lnTo>
                  <a:lnTo>
                    <a:pt x="893" y="822"/>
                  </a:lnTo>
                  <a:lnTo>
                    <a:pt x="893" y="822"/>
                  </a:lnTo>
                  <a:lnTo>
                    <a:pt x="907" y="827"/>
                  </a:lnTo>
                  <a:lnTo>
                    <a:pt x="923" y="834"/>
                  </a:lnTo>
                  <a:lnTo>
                    <a:pt x="923" y="834"/>
                  </a:lnTo>
                  <a:lnTo>
                    <a:pt x="958" y="847"/>
                  </a:lnTo>
                  <a:lnTo>
                    <a:pt x="997" y="860"/>
                  </a:lnTo>
                  <a:lnTo>
                    <a:pt x="1037" y="872"/>
                  </a:lnTo>
                  <a:lnTo>
                    <a:pt x="1080" y="881"/>
                  </a:lnTo>
                  <a:lnTo>
                    <a:pt x="1080" y="881"/>
                  </a:lnTo>
                  <a:lnTo>
                    <a:pt x="1111" y="887"/>
                  </a:lnTo>
                  <a:lnTo>
                    <a:pt x="1142" y="892"/>
                  </a:lnTo>
                  <a:lnTo>
                    <a:pt x="1174" y="896"/>
                  </a:lnTo>
                  <a:lnTo>
                    <a:pt x="1206" y="899"/>
                  </a:lnTo>
                  <a:lnTo>
                    <a:pt x="1238" y="903"/>
                  </a:lnTo>
                  <a:lnTo>
                    <a:pt x="1271" y="905"/>
                  </a:lnTo>
                  <a:lnTo>
                    <a:pt x="1303" y="906"/>
                  </a:lnTo>
                  <a:lnTo>
                    <a:pt x="1336" y="906"/>
                  </a:lnTo>
                  <a:lnTo>
                    <a:pt x="1336" y="906"/>
                  </a:lnTo>
                  <a:lnTo>
                    <a:pt x="1367" y="906"/>
                  </a:lnTo>
                  <a:lnTo>
                    <a:pt x="1398" y="905"/>
                  </a:lnTo>
                  <a:lnTo>
                    <a:pt x="1428" y="903"/>
                  </a:lnTo>
                  <a:lnTo>
                    <a:pt x="1459" y="901"/>
                  </a:lnTo>
                  <a:lnTo>
                    <a:pt x="1488" y="898"/>
                  </a:lnTo>
                  <a:lnTo>
                    <a:pt x="1518" y="894"/>
                  </a:lnTo>
                  <a:lnTo>
                    <a:pt x="1548" y="890"/>
                  </a:lnTo>
                  <a:lnTo>
                    <a:pt x="1577" y="885"/>
                  </a:lnTo>
                  <a:lnTo>
                    <a:pt x="1606" y="879"/>
                  </a:lnTo>
                  <a:lnTo>
                    <a:pt x="1633" y="873"/>
                  </a:lnTo>
                  <a:lnTo>
                    <a:pt x="1660" y="866"/>
                  </a:lnTo>
                  <a:lnTo>
                    <a:pt x="1686" y="859"/>
                  </a:lnTo>
                  <a:lnTo>
                    <a:pt x="1711" y="851"/>
                  </a:lnTo>
                  <a:lnTo>
                    <a:pt x="1735" y="841"/>
                  </a:lnTo>
                  <a:lnTo>
                    <a:pt x="1758" y="831"/>
                  </a:lnTo>
                  <a:lnTo>
                    <a:pt x="1780" y="822"/>
                  </a:lnTo>
                  <a:lnTo>
                    <a:pt x="1780" y="929"/>
                  </a:lnTo>
                  <a:close/>
                  <a:moveTo>
                    <a:pt x="1780" y="664"/>
                  </a:moveTo>
                  <a:lnTo>
                    <a:pt x="1780" y="664"/>
                  </a:lnTo>
                  <a:lnTo>
                    <a:pt x="1778" y="668"/>
                  </a:lnTo>
                  <a:lnTo>
                    <a:pt x="1777" y="672"/>
                  </a:lnTo>
                  <a:lnTo>
                    <a:pt x="1772" y="679"/>
                  </a:lnTo>
                  <a:lnTo>
                    <a:pt x="1762" y="688"/>
                  </a:lnTo>
                  <a:lnTo>
                    <a:pt x="1751" y="697"/>
                  </a:lnTo>
                  <a:lnTo>
                    <a:pt x="1735" y="707"/>
                  </a:lnTo>
                  <a:lnTo>
                    <a:pt x="1715" y="718"/>
                  </a:lnTo>
                  <a:lnTo>
                    <a:pt x="1692" y="727"/>
                  </a:lnTo>
                  <a:lnTo>
                    <a:pt x="1665" y="737"/>
                  </a:lnTo>
                  <a:lnTo>
                    <a:pt x="1636" y="746"/>
                  </a:lnTo>
                  <a:lnTo>
                    <a:pt x="1603" y="755"/>
                  </a:lnTo>
                  <a:lnTo>
                    <a:pt x="1566" y="762"/>
                  </a:lnTo>
                  <a:lnTo>
                    <a:pt x="1527" y="770"/>
                  </a:lnTo>
                  <a:lnTo>
                    <a:pt x="1484" y="775"/>
                  </a:lnTo>
                  <a:lnTo>
                    <a:pt x="1437" y="779"/>
                  </a:lnTo>
                  <a:lnTo>
                    <a:pt x="1388" y="782"/>
                  </a:lnTo>
                  <a:lnTo>
                    <a:pt x="1336" y="782"/>
                  </a:lnTo>
                  <a:lnTo>
                    <a:pt x="1336" y="782"/>
                  </a:lnTo>
                  <a:lnTo>
                    <a:pt x="1279" y="781"/>
                  </a:lnTo>
                  <a:lnTo>
                    <a:pt x="1227" y="778"/>
                  </a:lnTo>
                  <a:lnTo>
                    <a:pt x="1178" y="773"/>
                  </a:lnTo>
                  <a:lnTo>
                    <a:pt x="1132" y="766"/>
                  </a:lnTo>
                  <a:lnTo>
                    <a:pt x="1132" y="766"/>
                  </a:lnTo>
                  <a:lnTo>
                    <a:pt x="1097" y="760"/>
                  </a:lnTo>
                  <a:lnTo>
                    <a:pt x="1065" y="754"/>
                  </a:lnTo>
                  <a:lnTo>
                    <a:pt x="1035" y="745"/>
                  </a:lnTo>
                  <a:lnTo>
                    <a:pt x="1009" y="737"/>
                  </a:lnTo>
                  <a:lnTo>
                    <a:pt x="1009" y="737"/>
                  </a:lnTo>
                  <a:lnTo>
                    <a:pt x="982" y="727"/>
                  </a:lnTo>
                  <a:lnTo>
                    <a:pt x="960" y="718"/>
                  </a:lnTo>
                  <a:lnTo>
                    <a:pt x="939" y="708"/>
                  </a:lnTo>
                  <a:lnTo>
                    <a:pt x="923" y="698"/>
                  </a:lnTo>
                  <a:lnTo>
                    <a:pt x="923" y="698"/>
                  </a:lnTo>
                  <a:lnTo>
                    <a:pt x="910" y="689"/>
                  </a:lnTo>
                  <a:lnTo>
                    <a:pt x="901" y="680"/>
                  </a:lnTo>
                  <a:lnTo>
                    <a:pt x="896" y="672"/>
                  </a:lnTo>
                  <a:lnTo>
                    <a:pt x="893" y="668"/>
                  </a:lnTo>
                  <a:lnTo>
                    <a:pt x="893" y="664"/>
                  </a:lnTo>
                  <a:lnTo>
                    <a:pt x="893" y="556"/>
                  </a:lnTo>
                  <a:lnTo>
                    <a:pt x="893" y="556"/>
                  </a:lnTo>
                  <a:lnTo>
                    <a:pt x="908" y="562"/>
                  </a:lnTo>
                  <a:lnTo>
                    <a:pt x="923" y="569"/>
                  </a:lnTo>
                  <a:lnTo>
                    <a:pt x="923" y="569"/>
                  </a:lnTo>
                  <a:lnTo>
                    <a:pt x="946" y="577"/>
                  </a:lnTo>
                  <a:lnTo>
                    <a:pt x="970" y="587"/>
                  </a:lnTo>
                  <a:lnTo>
                    <a:pt x="995" y="594"/>
                  </a:lnTo>
                  <a:lnTo>
                    <a:pt x="1020" y="602"/>
                  </a:lnTo>
                  <a:lnTo>
                    <a:pt x="1047" y="609"/>
                  </a:lnTo>
                  <a:lnTo>
                    <a:pt x="1075" y="614"/>
                  </a:lnTo>
                  <a:lnTo>
                    <a:pt x="1103" y="620"/>
                  </a:lnTo>
                  <a:lnTo>
                    <a:pt x="1132" y="625"/>
                  </a:lnTo>
                  <a:lnTo>
                    <a:pt x="1132" y="625"/>
                  </a:lnTo>
                  <a:lnTo>
                    <a:pt x="1182" y="631"/>
                  </a:lnTo>
                  <a:lnTo>
                    <a:pt x="1234" y="637"/>
                  </a:lnTo>
                  <a:lnTo>
                    <a:pt x="1285" y="640"/>
                  </a:lnTo>
                  <a:lnTo>
                    <a:pt x="1336" y="641"/>
                  </a:lnTo>
                  <a:lnTo>
                    <a:pt x="1336" y="641"/>
                  </a:lnTo>
                  <a:lnTo>
                    <a:pt x="1367" y="641"/>
                  </a:lnTo>
                  <a:lnTo>
                    <a:pt x="1398" y="640"/>
                  </a:lnTo>
                  <a:lnTo>
                    <a:pt x="1428" y="638"/>
                  </a:lnTo>
                  <a:lnTo>
                    <a:pt x="1459" y="636"/>
                  </a:lnTo>
                  <a:lnTo>
                    <a:pt x="1488" y="632"/>
                  </a:lnTo>
                  <a:lnTo>
                    <a:pt x="1518" y="629"/>
                  </a:lnTo>
                  <a:lnTo>
                    <a:pt x="1548" y="625"/>
                  </a:lnTo>
                  <a:lnTo>
                    <a:pt x="1577" y="620"/>
                  </a:lnTo>
                  <a:lnTo>
                    <a:pt x="1606" y="614"/>
                  </a:lnTo>
                  <a:lnTo>
                    <a:pt x="1633" y="608"/>
                  </a:lnTo>
                  <a:lnTo>
                    <a:pt x="1660" y="600"/>
                  </a:lnTo>
                  <a:lnTo>
                    <a:pt x="1686" y="593"/>
                  </a:lnTo>
                  <a:lnTo>
                    <a:pt x="1711" y="586"/>
                  </a:lnTo>
                  <a:lnTo>
                    <a:pt x="1735" y="576"/>
                  </a:lnTo>
                  <a:lnTo>
                    <a:pt x="1758" y="566"/>
                  </a:lnTo>
                  <a:lnTo>
                    <a:pt x="1780" y="556"/>
                  </a:lnTo>
                  <a:lnTo>
                    <a:pt x="1780" y="664"/>
                  </a:lnTo>
                  <a:close/>
                  <a:moveTo>
                    <a:pt x="1336" y="518"/>
                  </a:moveTo>
                  <a:lnTo>
                    <a:pt x="1336" y="518"/>
                  </a:lnTo>
                  <a:lnTo>
                    <a:pt x="1279" y="516"/>
                  </a:lnTo>
                  <a:lnTo>
                    <a:pt x="1227" y="513"/>
                  </a:lnTo>
                  <a:lnTo>
                    <a:pt x="1178" y="508"/>
                  </a:lnTo>
                  <a:lnTo>
                    <a:pt x="1132" y="502"/>
                  </a:lnTo>
                  <a:lnTo>
                    <a:pt x="1132" y="502"/>
                  </a:lnTo>
                  <a:lnTo>
                    <a:pt x="1097" y="495"/>
                  </a:lnTo>
                  <a:lnTo>
                    <a:pt x="1065" y="488"/>
                  </a:lnTo>
                  <a:lnTo>
                    <a:pt x="1035" y="480"/>
                  </a:lnTo>
                  <a:lnTo>
                    <a:pt x="1009" y="472"/>
                  </a:lnTo>
                  <a:lnTo>
                    <a:pt x="1009" y="472"/>
                  </a:lnTo>
                  <a:lnTo>
                    <a:pt x="982" y="462"/>
                  </a:lnTo>
                  <a:lnTo>
                    <a:pt x="960" y="453"/>
                  </a:lnTo>
                  <a:lnTo>
                    <a:pt x="939" y="443"/>
                  </a:lnTo>
                  <a:lnTo>
                    <a:pt x="923" y="433"/>
                  </a:lnTo>
                  <a:lnTo>
                    <a:pt x="923" y="433"/>
                  </a:lnTo>
                  <a:lnTo>
                    <a:pt x="910" y="424"/>
                  </a:lnTo>
                  <a:lnTo>
                    <a:pt x="901" y="414"/>
                  </a:lnTo>
                  <a:lnTo>
                    <a:pt x="898" y="410"/>
                  </a:lnTo>
                  <a:lnTo>
                    <a:pt x="896" y="407"/>
                  </a:lnTo>
                  <a:lnTo>
                    <a:pt x="893" y="403"/>
                  </a:lnTo>
                  <a:lnTo>
                    <a:pt x="893" y="399"/>
                  </a:lnTo>
                  <a:lnTo>
                    <a:pt x="893" y="399"/>
                  </a:lnTo>
                  <a:lnTo>
                    <a:pt x="894" y="394"/>
                  </a:lnTo>
                  <a:lnTo>
                    <a:pt x="897" y="389"/>
                  </a:lnTo>
                  <a:lnTo>
                    <a:pt x="902" y="382"/>
                  </a:lnTo>
                  <a:lnTo>
                    <a:pt x="908" y="376"/>
                  </a:lnTo>
                  <a:lnTo>
                    <a:pt x="917" y="370"/>
                  </a:lnTo>
                  <a:lnTo>
                    <a:pt x="928" y="363"/>
                  </a:lnTo>
                  <a:lnTo>
                    <a:pt x="940" y="356"/>
                  </a:lnTo>
                  <a:lnTo>
                    <a:pt x="954" y="348"/>
                  </a:lnTo>
                  <a:lnTo>
                    <a:pt x="970" y="342"/>
                  </a:lnTo>
                  <a:lnTo>
                    <a:pt x="988" y="334"/>
                  </a:lnTo>
                  <a:lnTo>
                    <a:pt x="1008" y="327"/>
                  </a:lnTo>
                  <a:lnTo>
                    <a:pt x="1029" y="321"/>
                  </a:lnTo>
                  <a:lnTo>
                    <a:pt x="1052" y="314"/>
                  </a:lnTo>
                  <a:lnTo>
                    <a:pt x="1077" y="308"/>
                  </a:lnTo>
                  <a:lnTo>
                    <a:pt x="1103" y="303"/>
                  </a:lnTo>
                  <a:lnTo>
                    <a:pt x="1132" y="297"/>
                  </a:lnTo>
                  <a:lnTo>
                    <a:pt x="1132" y="297"/>
                  </a:lnTo>
                  <a:lnTo>
                    <a:pt x="1178" y="291"/>
                  </a:lnTo>
                  <a:lnTo>
                    <a:pt x="1227" y="286"/>
                  </a:lnTo>
                  <a:lnTo>
                    <a:pt x="1279" y="282"/>
                  </a:lnTo>
                  <a:lnTo>
                    <a:pt x="1336" y="281"/>
                  </a:lnTo>
                  <a:lnTo>
                    <a:pt x="1336" y="281"/>
                  </a:lnTo>
                  <a:lnTo>
                    <a:pt x="1388" y="282"/>
                  </a:lnTo>
                  <a:lnTo>
                    <a:pt x="1437" y="284"/>
                  </a:lnTo>
                  <a:lnTo>
                    <a:pt x="1484" y="289"/>
                  </a:lnTo>
                  <a:lnTo>
                    <a:pt x="1527" y="295"/>
                  </a:lnTo>
                  <a:lnTo>
                    <a:pt x="1566" y="302"/>
                  </a:lnTo>
                  <a:lnTo>
                    <a:pt x="1603" y="309"/>
                  </a:lnTo>
                  <a:lnTo>
                    <a:pt x="1636" y="319"/>
                  </a:lnTo>
                  <a:lnTo>
                    <a:pt x="1665" y="327"/>
                  </a:lnTo>
                  <a:lnTo>
                    <a:pt x="1692" y="337"/>
                  </a:lnTo>
                  <a:lnTo>
                    <a:pt x="1715" y="347"/>
                  </a:lnTo>
                  <a:lnTo>
                    <a:pt x="1735" y="357"/>
                  </a:lnTo>
                  <a:lnTo>
                    <a:pt x="1751" y="366"/>
                  </a:lnTo>
                  <a:lnTo>
                    <a:pt x="1762" y="376"/>
                  </a:lnTo>
                  <a:lnTo>
                    <a:pt x="1772" y="385"/>
                  </a:lnTo>
                  <a:lnTo>
                    <a:pt x="1777" y="392"/>
                  </a:lnTo>
                  <a:lnTo>
                    <a:pt x="1778" y="396"/>
                  </a:lnTo>
                  <a:lnTo>
                    <a:pt x="1780" y="399"/>
                  </a:lnTo>
                  <a:lnTo>
                    <a:pt x="1780" y="399"/>
                  </a:lnTo>
                  <a:lnTo>
                    <a:pt x="1778" y="403"/>
                  </a:lnTo>
                  <a:lnTo>
                    <a:pt x="1777" y="406"/>
                  </a:lnTo>
                  <a:lnTo>
                    <a:pt x="1772" y="414"/>
                  </a:lnTo>
                  <a:lnTo>
                    <a:pt x="1762" y="423"/>
                  </a:lnTo>
                  <a:lnTo>
                    <a:pt x="1751" y="432"/>
                  </a:lnTo>
                  <a:lnTo>
                    <a:pt x="1735" y="442"/>
                  </a:lnTo>
                  <a:lnTo>
                    <a:pt x="1715" y="452"/>
                  </a:lnTo>
                  <a:lnTo>
                    <a:pt x="1692" y="462"/>
                  </a:lnTo>
                  <a:lnTo>
                    <a:pt x="1665" y="472"/>
                  </a:lnTo>
                  <a:lnTo>
                    <a:pt x="1636" y="480"/>
                  </a:lnTo>
                  <a:lnTo>
                    <a:pt x="1603" y="489"/>
                  </a:lnTo>
                  <a:lnTo>
                    <a:pt x="1566" y="497"/>
                  </a:lnTo>
                  <a:lnTo>
                    <a:pt x="1527" y="504"/>
                  </a:lnTo>
                  <a:lnTo>
                    <a:pt x="1484" y="510"/>
                  </a:lnTo>
                  <a:lnTo>
                    <a:pt x="1437" y="514"/>
                  </a:lnTo>
                  <a:lnTo>
                    <a:pt x="1388" y="516"/>
                  </a:lnTo>
                  <a:lnTo>
                    <a:pt x="1336" y="518"/>
                  </a:lnTo>
                  <a:lnTo>
                    <a:pt x="1336" y="51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cxnSp>
        <p:nvCxnSpPr>
          <p:cNvPr id="40" name="Lige forbindelse 39"/>
          <p:cNvCxnSpPr/>
          <p:nvPr/>
        </p:nvCxnSpPr>
        <p:spPr>
          <a:xfrm flipH="1">
            <a:off x="7392144" y="4067200"/>
            <a:ext cx="36004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Lige forbindelse 40"/>
          <p:cNvCxnSpPr/>
          <p:nvPr/>
        </p:nvCxnSpPr>
        <p:spPr>
          <a:xfrm flipH="1">
            <a:off x="4042306" y="4070023"/>
            <a:ext cx="36004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Lige forbindelse 41"/>
          <p:cNvCxnSpPr/>
          <p:nvPr/>
        </p:nvCxnSpPr>
        <p:spPr>
          <a:xfrm flipH="1">
            <a:off x="829578" y="4067200"/>
            <a:ext cx="36004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847523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7" name="Billede 46"/>
          <p:cNvPicPr>
            <a:picLocks noChangeAspect="1"/>
          </p:cNvPicPr>
          <p:nvPr/>
        </p:nvPicPr>
        <p:blipFill rotWithShape="1">
          <a:blip r:embed="rId4" cstate="hqprint">
            <a:duotone>
              <a:prstClr val="black"/>
              <a:srgbClr val="006961">
                <a:tint val="45000"/>
                <a:satMod val="400000"/>
              </a:srgb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15228"/>
          <a:stretch/>
        </p:blipFill>
        <p:spPr>
          <a:xfrm>
            <a:off x="0" y="1"/>
            <a:ext cx="12185062" cy="6885384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41339" y="693738"/>
            <a:ext cx="9731125" cy="940329"/>
          </a:xfrm>
        </p:spPr>
        <p:txBody>
          <a:bodyPr/>
          <a:lstStyle/>
          <a:p>
            <a:r>
              <a:rPr lang="da-DK" sz="3600" dirty="0">
                <a:solidFill>
                  <a:schemeClr val="bg1"/>
                </a:solidFill>
              </a:rPr>
              <a:t>Vi er med hele vejen </a:t>
            </a:r>
            <a:br>
              <a:rPr lang="da-DK" sz="3600" dirty="0">
                <a:solidFill>
                  <a:schemeClr val="bg1"/>
                </a:solidFill>
              </a:rPr>
            </a:br>
            <a:r>
              <a:rPr lang="da-DK" sz="3600" dirty="0" smtClean="0">
                <a:solidFill>
                  <a:schemeClr val="bg1"/>
                </a:solidFill>
              </a:rPr>
              <a:t>- med tilpassede </a:t>
            </a:r>
            <a:br>
              <a:rPr lang="da-DK" sz="3600" dirty="0" smtClean="0">
                <a:solidFill>
                  <a:schemeClr val="bg1"/>
                </a:solidFill>
              </a:rPr>
            </a:br>
            <a:r>
              <a:rPr lang="da-DK" sz="3600" dirty="0" smtClean="0">
                <a:solidFill>
                  <a:schemeClr val="bg1"/>
                </a:solidFill>
              </a:rPr>
              <a:t>finansieringsløsninger</a:t>
            </a:r>
            <a:r>
              <a:rPr lang="da-DK" sz="3600" dirty="0">
                <a:solidFill>
                  <a:schemeClr val="bg1"/>
                </a:solidFill>
              </a:rPr>
              <a:t/>
            </a:r>
            <a:br>
              <a:rPr lang="da-DK" sz="3600" dirty="0">
                <a:solidFill>
                  <a:schemeClr val="bg1"/>
                </a:solidFill>
              </a:rPr>
            </a:br>
            <a:endParaRPr lang="da-DK" sz="3600" dirty="0">
              <a:solidFill>
                <a:schemeClr val="bg1"/>
              </a:solidFill>
            </a:endParaRPr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r>
              <a:rPr lang="da-DK"/>
              <a:t>/ Side </a:t>
            </a:r>
            <a:fld id="{45D37B1E-C366-494F-A587-962AD9AABC83}" type="slidenum">
              <a:rPr lang="da-DK"/>
              <a:pPr/>
              <a:t>14</a:t>
            </a:fld>
            <a:endParaRPr lang="da-DK" dirty="0"/>
          </a:p>
        </p:txBody>
      </p:sp>
      <p:sp>
        <p:nvSpPr>
          <p:cNvPr id="45" name="Tekstfelt 44"/>
          <p:cNvSpPr txBox="1">
            <a:spLocks/>
          </p:cNvSpPr>
          <p:nvPr/>
        </p:nvSpPr>
        <p:spPr>
          <a:xfrm>
            <a:off x="8421413" y="1492589"/>
            <a:ext cx="2488420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i="1" dirty="0"/>
              <a:t>.</a:t>
            </a:r>
          </a:p>
          <a:p>
            <a:pPr marL="285750" indent="-285750">
              <a:buFontTx/>
              <a:buChar char="-"/>
            </a:pPr>
            <a:endParaRPr lang="da-DK" sz="1400" i="1" dirty="0"/>
          </a:p>
        </p:txBody>
      </p:sp>
      <p:sp>
        <p:nvSpPr>
          <p:cNvPr id="55" name="Ellipse 54"/>
          <p:cNvSpPr>
            <a:spLocks/>
          </p:cNvSpPr>
          <p:nvPr/>
        </p:nvSpPr>
        <p:spPr>
          <a:xfrm>
            <a:off x="3843691" y="5840261"/>
            <a:ext cx="432048" cy="420067"/>
          </a:xfrm>
          <a:prstGeom prst="ellipse">
            <a:avLst/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6" name="Tekstfelt 55"/>
          <p:cNvSpPr txBox="1">
            <a:spLocks/>
          </p:cNvSpPr>
          <p:nvPr/>
        </p:nvSpPr>
        <p:spPr>
          <a:xfrm>
            <a:off x="4348808" y="5911794"/>
            <a:ext cx="2664296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STARTUP</a:t>
            </a:r>
          </a:p>
        </p:txBody>
      </p:sp>
      <p:sp>
        <p:nvSpPr>
          <p:cNvPr id="57" name="Ellipse 56"/>
          <p:cNvSpPr>
            <a:spLocks/>
          </p:cNvSpPr>
          <p:nvPr/>
        </p:nvSpPr>
        <p:spPr>
          <a:xfrm>
            <a:off x="6584148" y="4150818"/>
            <a:ext cx="432048" cy="420067"/>
          </a:xfrm>
          <a:prstGeom prst="ellipse">
            <a:avLst/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8" name="Tekstfelt 57"/>
          <p:cNvSpPr txBox="1">
            <a:spLocks/>
          </p:cNvSpPr>
          <p:nvPr/>
        </p:nvSpPr>
        <p:spPr>
          <a:xfrm>
            <a:off x="7181226" y="4081428"/>
            <a:ext cx="2664296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VÆKST-</a:t>
            </a:r>
            <a:b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</a:b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VIRKSOMHED</a:t>
            </a:r>
          </a:p>
        </p:txBody>
      </p:sp>
      <p:sp>
        <p:nvSpPr>
          <p:cNvPr id="62" name="Ellipse 61"/>
          <p:cNvSpPr>
            <a:spLocks/>
          </p:cNvSpPr>
          <p:nvPr/>
        </p:nvSpPr>
        <p:spPr>
          <a:xfrm>
            <a:off x="9501967" y="2354031"/>
            <a:ext cx="432048" cy="420067"/>
          </a:xfrm>
          <a:prstGeom prst="ellipse">
            <a:avLst/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63" name="Tekstfelt 62"/>
          <p:cNvSpPr txBox="1">
            <a:spLocks/>
          </p:cNvSpPr>
          <p:nvPr/>
        </p:nvSpPr>
        <p:spPr>
          <a:xfrm>
            <a:off x="10056440" y="2294418"/>
            <a:ext cx="2664296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GLOBAL </a:t>
            </a:r>
            <a:b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</a:br>
            <a:r>
              <a:rPr lang="da-DK" dirty="0">
                <a:solidFill>
                  <a:schemeClr val="bg1"/>
                </a:solidFill>
                <a:latin typeface="Museo Sans Rounded 300" panose="02000000000000000000" pitchFamily="50" charset="0"/>
              </a:rPr>
              <a:t>SKALER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151111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kstfelt 7"/>
          <p:cNvSpPr txBox="1"/>
          <p:nvPr/>
        </p:nvSpPr>
        <p:spPr>
          <a:xfrm>
            <a:off x="1537469" y="5381456"/>
            <a:ext cx="10151923" cy="11695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200" b="1" dirty="0">
                <a:latin typeface="Museo Sans Rounded 300" panose="02000000000000000000" pitchFamily="50" charset="0"/>
              </a:rPr>
              <a:t>Klassisk lånekapital: </a:t>
            </a:r>
            <a:r>
              <a:rPr lang="da-DK" sz="2200" b="1" dirty="0" smtClean="0">
                <a:latin typeface="Museo Sans Rounded 300" panose="02000000000000000000" pitchFamily="50" charset="0"/>
              </a:rPr>
              <a:t>Vækstlån til tidligere faser</a:t>
            </a:r>
            <a:endParaRPr lang="da-DK" sz="2200" b="1" dirty="0">
              <a:latin typeface="Museo Sans Rounded 300" panose="02000000000000000000" pitchFamily="50" charset="0"/>
            </a:endParaRPr>
          </a:p>
          <a:p>
            <a:pPr marL="285750" indent="-285750">
              <a:buFontTx/>
              <a:buChar char="-"/>
            </a:pPr>
            <a:r>
              <a:rPr lang="da-DK" dirty="0" smtClean="0">
                <a:latin typeface="Museo Sans Rounded 300" panose="02000000000000000000" pitchFamily="50" charset="0"/>
              </a:rPr>
              <a:t>En </a:t>
            </a:r>
            <a:r>
              <a:rPr lang="da-DK" dirty="0">
                <a:latin typeface="Museo Sans Rounded 300" panose="02000000000000000000" pitchFamily="50" charset="0"/>
              </a:rPr>
              <a:t>justeret udgave af det velkendte </a:t>
            </a:r>
            <a:r>
              <a:rPr lang="da-DK" dirty="0" smtClean="0">
                <a:latin typeface="Museo Sans Rounded 300" panose="02000000000000000000" pitchFamily="50" charset="0"/>
              </a:rPr>
              <a:t>Vækstlån til de tidlige faser</a:t>
            </a:r>
          </a:p>
          <a:p>
            <a:pPr marL="285750" indent="-285750">
              <a:buFontTx/>
              <a:buChar char="-"/>
            </a:pPr>
            <a:r>
              <a:rPr lang="da-DK" dirty="0" smtClean="0">
                <a:latin typeface="Museo Sans Rounded 300" panose="02000000000000000000" pitchFamily="50" charset="0"/>
              </a:rPr>
              <a:t>Målrettet kommercielt attraktive virksomheder med vækstpotentiale, som </a:t>
            </a:r>
            <a:r>
              <a:rPr lang="da-DK" dirty="0">
                <a:latin typeface="Museo Sans Rounded 300" panose="02000000000000000000" pitchFamily="50" charset="0"/>
              </a:rPr>
              <a:t>ikke </a:t>
            </a:r>
            <a:r>
              <a:rPr lang="da-DK" dirty="0" smtClean="0">
                <a:latin typeface="Museo Sans Rounded 300" panose="02000000000000000000" pitchFamily="50" charset="0"/>
              </a:rPr>
              <a:t>er ventureegnede</a:t>
            </a:r>
            <a:endParaRPr lang="en-GB" dirty="0">
              <a:latin typeface="Museo Sans Rounded 300" panose="02000000000000000000" pitchFamily="50" charset="0"/>
            </a:endParaRPr>
          </a:p>
          <a:p>
            <a:endParaRPr lang="en-GB" dirty="0" err="1" smtClean="0"/>
          </a:p>
        </p:txBody>
      </p:sp>
      <p:sp>
        <p:nvSpPr>
          <p:cNvPr id="2" name="Pladsholder til tekst 1"/>
          <p:cNvSpPr>
            <a:spLocks noGrp="1"/>
          </p:cNvSpPr>
          <p:nvPr>
            <p:ph type="body" sz="quarter" idx="13"/>
          </p:nvPr>
        </p:nvSpPr>
        <p:spPr>
          <a:xfrm>
            <a:off x="1579099" y="1714848"/>
            <a:ext cx="10277541" cy="1095736"/>
          </a:xfrm>
        </p:spPr>
        <p:txBody>
          <a:bodyPr/>
          <a:lstStyle/>
          <a:p>
            <a:r>
              <a:rPr lang="da-DK" sz="2200" b="1" dirty="0">
                <a:latin typeface="Museo Sans Rounded 300" panose="02000000000000000000" pitchFamily="50" charset="0"/>
              </a:rPr>
              <a:t>Styrket fondsindsats: </a:t>
            </a:r>
            <a:r>
              <a:rPr lang="da-DK" sz="2200" b="1" dirty="0" smtClean="0">
                <a:latin typeface="Museo Sans Rounded 300" panose="02000000000000000000" pitchFamily="50" charset="0"/>
              </a:rPr>
              <a:t>Partnerskaber </a:t>
            </a:r>
            <a:r>
              <a:rPr lang="da-DK" sz="2200" b="1" dirty="0">
                <a:latin typeface="Museo Sans Rounded 300" panose="02000000000000000000" pitchFamily="50" charset="0"/>
              </a:rPr>
              <a:t>med nye private </a:t>
            </a:r>
            <a:r>
              <a:rPr lang="da-DK" sz="2200" b="1" dirty="0" smtClean="0">
                <a:latin typeface="Museo Sans Rounded 300" panose="02000000000000000000" pitchFamily="50" charset="0"/>
              </a:rPr>
              <a:t>aktører</a:t>
            </a:r>
            <a:endParaRPr lang="da-DK" sz="2200" b="1" dirty="0">
              <a:latin typeface="Museo Sans Rounded 300" panose="02000000000000000000" pitchFamily="50" charset="0"/>
            </a:endParaRPr>
          </a:p>
          <a:p>
            <a:pPr marL="285750" indent="-285750">
              <a:buFontTx/>
              <a:buChar char="-"/>
            </a:pPr>
            <a:r>
              <a:rPr lang="da-DK" dirty="0" smtClean="0">
                <a:latin typeface="Museo Sans Rounded 300" panose="02000000000000000000" pitchFamily="50" charset="0"/>
              </a:rPr>
              <a:t>Vækstfonden er </a:t>
            </a:r>
            <a:r>
              <a:rPr lang="da-DK" dirty="0" err="1" smtClean="0">
                <a:latin typeface="Museo Sans Rounded 300" panose="02000000000000000000" pitchFamily="50" charset="0"/>
              </a:rPr>
              <a:t>cornerstone</a:t>
            </a:r>
            <a:r>
              <a:rPr lang="da-DK" dirty="0" smtClean="0">
                <a:latin typeface="Museo Sans Rounded 300" panose="02000000000000000000" pitchFamily="50" charset="0"/>
              </a:rPr>
              <a:t>-investor og </a:t>
            </a:r>
            <a:r>
              <a:rPr lang="da-DK" dirty="0">
                <a:latin typeface="Museo Sans Rounded 300" panose="02000000000000000000" pitchFamily="50" charset="0"/>
              </a:rPr>
              <a:t>fødselshjælper </a:t>
            </a:r>
            <a:endParaRPr lang="da-DK" dirty="0" smtClean="0">
              <a:latin typeface="Museo Sans Rounded 300" panose="02000000000000000000" pitchFamily="50" charset="0"/>
            </a:endParaRPr>
          </a:p>
          <a:p>
            <a:pPr marL="285750" indent="-285750">
              <a:buFontTx/>
              <a:buChar char="-"/>
            </a:pPr>
            <a:r>
              <a:rPr lang="da-DK" dirty="0" smtClean="0">
                <a:latin typeface="Museo Sans Rounded 300" panose="02000000000000000000" pitchFamily="50" charset="0"/>
              </a:rPr>
              <a:t>Partnerskaber med </a:t>
            </a:r>
            <a:r>
              <a:rPr lang="da-DK" dirty="0">
                <a:latin typeface="Museo Sans Rounded 300" panose="02000000000000000000" pitchFamily="50" charset="0"/>
              </a:rPr>
              <a:t>nye typer af private </a:t>
            </a:r>
            <a:r>
              <a:rPr lang="da-DK" dirty="0" smtClean="0">
                <a:latin typeface="Museo Sans Rounded 300" panose="02000000000000000000" pitchFamily="50" charset="0"/>
              </a:rPr>
              <a:t>aktører, </a:t>
            </a:r>
            <a:r>
              <a:rPr lang="da-DK" dirty="0">
                <a:latin typeface="Museo Sans Rounded 300" panose="02000000000000000000" pitchFamily="50" charset="0"/>
              </a:rPr>
              <a:t>fx acceleratorer, </a:t>
            </a:r>
            <a:r>
              <a:rPr lang="da-DK" dirty="0" err="1" smtClean="0">
                <a:latin typeface="Museo Sans Rounded 300" panose="02000000000000000000" pitchFamily="50" charset="0"/>
              </a:rPr>
              <a:t>pre</a:t>
            </a:r>
            <a:r>
              <a:rPr lang="da-DK" dirty="0" smtClean="0">
                <a:latin typeface="Museo Sans Rounded 300" panose="02000000000000000000" pitchFamily="50" charset="0"/>
              </a:rPr>
              <a:t>-seed-fonde og </a:t>
            </a:r>
            <a:r>
              <a:rPr lang="da-DK" dirty="0" err="1" smtClean="0">
                <a:latin typeface="Museo Sans Rounded 300" panose="02000000000000000000" pitchFamily="50" charset="0"/>
              </a:rPr>
              <a:t>inkubatorer</a:t>
            </a:r>
            <a:endParaRPr lang="da-DK" dirty="0">
              <a:latin typeface="Museo Sans Rounded 300" panose="02000000000000000000" pitchFamily="50" charset="0"/>
            </a:endParaRPr>
          </a:p>
          <a:p>
            <a:endParaRPr lang="da-DK" dirty="0">
              <a:latin typeface="Museo Sans Rounded 300" panose="02000000000000000000" pitchFamily="50" charset="0"/>
            </a:endParaRPr>
          </a:p>
          <a:p>
            <a:pPr lvl="0"/>
            <a:endParaRPr lang="da-DK" dirty="0">
              <a:latin typeface="Museo Sans Rounded 300" panose="02000000000000000000" pitchFamily="50" charset="0"/>
            </a:endParaRPr>
          </a:p>
          <a:p>
            <a:pPr lvl="0"/>
            <a:endParaRPr lang="en-GB" dirty="0">
              <a:latin typeface="Museo Sans Rounded 300" panose="02000000000000000000" pitchFamily="50" charset="0"/>
            </a:endParaRPr>
          </a:p>
          <a:p>
            <a:endParaRPr lang="da-DK" dirty="0">
              <a:latin typeface="Museo Sans Rounded 300" panose="02000000000000000000" pitchFamily="50" charset="0"/>
            </a:endParaRPr>
          </a:p>
          <a:p>
            <a:endParaRPr lang="en-GB" dirty="0" smtClean="0"/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15</a:t>
            </a:fld>
            <a:endParaRPr lang="da-DK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Nye </a:t>
            </a:r>
            <a:r>
              <a:rPr lang="en-GB" dirty="0" err="1" smtClean="0"/>
              <a:t>initiativer</a:t>
            </a:r>
            <a:endParaRPr lang="en-GB" dirty="0"/>
          </a:p>
        </p:txBody>
      </p:sp>
      <p:sp>
        <p:nvSpPr>
          <p:cNvPr id="6" name="Tekstfelt 5"/>
          <p:cNvSpPr txBox="1"/>
          <p:nvPr/>
        </p:nvSpPr>
        <p:spPr>
          <a:xfrm>
            <a:off x="1562331" y="2924944"/>
            <a:ext cx="10250745" cy="11695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200" b="1" dirty="0" err="1">
                <a:latin typeface="Museo Sans Rounded 300" panose="02000000000000000000" pitchFamily="50" charset="0"/>
              </a:rPr>
              <a:t>Early</a:t>
            </a:r>
            <a:r>
              <a:rPr lang="da-DK" sz="2200" b="1" dirty="0">
                <a:latin typeface="Museo Sans Rounded 300" panose="02000000000000000000" pitchFamily="50" charset="0"/>
              </a:rPr>
              <a:t> engagement: Konvertibelt lån til ventureegnede virksomheder</a:t>
            </a:r>
            <a:endParaRPr lang="da-DK" sz="2200" dirty="0">
              <a:latin typeface="Museo Sans Rounded 300" panose="02000000000000000000" pitchFamily="50" charset="0"/>
            </a:endParaRPr>
          </a:p>
          <a:p>
            <a:pPr marL="285750" indent="-285750">
              <a:buFontTx/>
              <a:buChar char="-"/>
            </a:pPr>
            <a:r>
              <a:rPr lang="da-DK" dirty="0" smtClean="0">
                <a:latin typeface="Museo Sans Rounded 300" panose="02000000000000000000" pitchFamily="50" charset="0"/>
              </a:rPr>
              <a:t>Konvertibelt </a:t>
            </a:r>
            <a:r>
              <a:rPr lang="da-DK" dirty="0">
                <a:latin typeface="Museo Sans Rounded 300" panose="02000000000000000000" pitchFamily="50" charset="0"/>
              </a:rPr>
              <a:t>lån </a:t>
            </a:r>
            <a:r>
              <a:rPr lang="da-DK" dirty="0" smtClean="0">
                <a:latin typeface="Museo Sans Rounded 300" panose="02000000000000000000" pitchFamily="50" charset="0"/>
              </a:rPr>
              <a:t>til selskaber </a:t>
            </a:r>
            <a:r>
              <a:rPr lang="da-DK" dirty="0">
                <a:latin typeface="Museo Sans Rounded 300" panose="02000000000000000000" pitchFamily="50" charset="0"/>
              </a:rPr>
              <a:t>med stort </a:t>
            </a:r>
            <a:r>
              <a:rPr lang="da-DK" dirty="0" smtClean="0">
                <a:latin typeface="Museo Sans Rounded 300" panose="02000000000000000000" pitchFamily="50" charset="0"/>
              </a:rPr>
              <a:t>værdipotentiale</a:t>
            </a:r>
          </a:p>
          <a:p>
            <a:pPr marL="285750" indent="-285750">
              <a:buFontTx/>
              <a:buChar char="-"/>
            </a:pPr>
            <a:r>
              <a:rPr lang="da-DK" dirty="0" smtClean="0">
                <a:latin typeface="Museo Sans Rounded 300" panose="02000000000000000000" pitchFamily="50" charset="0"/>
              </a:rPr>
              <a:t>Ventureegnede, </a:t>
            </a:r>
            <a:r>
              <a:rPr lang="da-DK" dirty="0">
                <a:latin typeface="Museo Sans Rounded 300" panose="02000000000000000000" pitchFamily="50" charset="0"/>
              </a:rPr>
              <a:t>men endnu </a:t>
            </a:r>
            <a:r>
              <a:rPr lang="da-DK" dirty="0" smtClean="0">
                <a:latin typeface="Museo Sans Rounded 300" panose="02000000000000000000" pitchFamily="50" charset="0"/>
              </a:rPr>
              <a:t>uden dokumenteret </a:t>
            </a:r>
            <a:r>
              <a:rPr lang="da-DK" dirty="0" err="1">
                <a:latin typeface="Museo Sans Rounded 300" panose="02000000000000000000" pitchFamily="50" charset="0"/>
              </a:rPr>
              <a:t>track</a:t>
            </a:r>
            <a:r>
              <a:rPr lang="da-DK" dirty="0">
                <a:latin typeface="Museo Sans Rounded 300" panose="02000000000000000000" pitchFamily="50" charset="0"/>
              </a:rPr>
              <a:t> </a:t>
            </a:r>
            <a:r>
              <a:rPr lang="da-DK" dirty="0" err="1" smtClean="0">
                <a:latin typeface="Museo Sans Rounded 300" panose="02000000000000000000" pitchFamily="50" charset="0"/>
              </a:rPr>
              <a:t>record</a:t>
            </a:r>
            <a:endParaRPr lang="da-DK" dirty="0" smtClean="0">
              <a:latin typeface="Museo Sans Rounded 300" panose="02000000000000000000" pitchFamily="50" charset="0"/>
            </a:endParaRPr>
          </a:p>
          <a:p>
            <a:endParaRPr lang="en-GB" dirty="0" err="1" smtClean="0"/>
          </a:p>
        </p:txBody>
      </p:sp>
      <p:sp>
        <p:nvSpPr>
          <p:cNvPr id="7" name="Tekstfelt 6"/>
          <p:cNvSpPr txBox="1"/>
          <p:nvPr/>
        </p:nvSpPr>
        <p:spPr>
          <a:xfrm>
            <a:off x="1537469" y="4120624"/>
            <a:ext cx="10235182" cy="89255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lvl="0"/>
            <a:r>
              <a:rPr lang="da-DK" sz="2200" b="1" dirty="0" err="1" smtClean="0">
                <a:latin typeface="Museo Sans Rounded 300" panose="02000000000000000000" pitchFamily="50" charset="0"/>
              </a:rPr>
              <a:t>Matching</a:t>
            </a:r>
            <a:r>
              <a:rPr lang="da-DK" sz="2200" b="1" dirty="0" smtClean="0">
                <a:latin typeface="Museo Sans Rounded 300" panose="02000000000000000000" pitchFamily="50" charset="0"/>
              </a:rPr>
              <a:t>-facilitet</a:t>
            </a:r>
            <a:r>
              <a:rPr lang="da-DK" sz="2200" b="1" dirty="0">
                <a:latin typeface="Museo Sans Rounded 300" panose="02000000000000000000" pitchFamily="50" charset="0"/>
              </a:rPr>
              <a:t>: Lån via business </a:t>
            </a:r>
            <a:r>
              <a:rPr lang="da-DK" sz="2200" b="1" dirty="0" err="1">
                <a:latin typeface="Museo Sans Rounded 300" panose="02000000000000000000" pitchFamily="50" charset="0"/>
              </a:rPr>
              <a:t>angels</a:t>
            </a:r>
            <a:endParaRPr lang="da-DK" sz="2200" b="1" dirty="0">
              <a:latin typeface="Museo Sans Rounded 300" panose="02000000000000000000" pitchFamily="50" charset="0"/>
            </a:endParaRPr>
          </a:p>
          <a:p>
            <a:pPr marL="285750" lvl="0" indent="-285750">
              <a:buFontTx/>
              <a:buChar char="-"/>
            </a:pPr>
            <a:r>
              <a:rPr lang="da-DK" dirty="0" err="1" smtClean="0">
                <a:latin typeface="Museo Sans Rounded 300" panose="02000000000000000000" pitchFamily="50" charset="0"/>
              </a:rPr>
              <a:t>Matching</a:t>
            </a:r>
            <a:r>
              <a:rPr lang="da-DK" dirty="0" smtClean="0">
                <a:latin typeface="Museo Sans Rounded 300" panose="02000000000000000000" pitchFamily="50" charset="0"/>
              </a:rPr>
              <a:t> til business </a:t>
            </a:r>
            <a:r>
              <a:rPr lang="da-DK" dirty="0" err="1" smtClean="0">
                <a:latin typeface="Museo Sans Rounded 300" panose="02000000000000000000" pitchFamily="50" charset="0"/>
              </a:rPr>
              <a:t>angels</a:t>
            </a:r>
            <a:r>
              <a:rPr lang="da-DK" dirty="0" smtClean="0">
                <a:latin typeface="Museo Sans Rounded 300" panose="02000000000000000000" pitchFamily="50" charset="0"/>
              </a:rPr>
              <a:t>, der investerer </a:t>
            </a:r>
            <a:r>
              <a:rPr lang="da-DK" dirty="0">
                <a:latin typeface="Museo Sans Rounded 300" panose="02000000000000000000" pitchFamily="50" charset="0"/>
              </a:rPr>
              <a:t>egenkapital i tidlig </a:t>
            </a:r>
            <a:r>
              <a:rPr lang="da-DK" dirty="0" smtClean="0">
                <a:latin typeface="Museo Sans Rounded 300" panose="02000000000000000000" pitchFamily="50" charset="0"/>
              </a:rPr>
              <a:t>fase-selskaber</a:t>
            </a:r>
          </a:p>
          <a:p>
            <a:pPr marL="285750" lvl="0" indent="-285750">
              <a:buFontTx/>
              <a:buChar char="-"/>
            </a:pPr>
            <a:r>
              <a:rPr lang="da-DK" dirty="0" smtClean="0">
                <a:latin typeface="Museo Sans Rounded 300" panose="02000000000000000000" pitchFamily="50" charset="0"/>
              </a:rPr>
              <a:t>BA-investering matches 1 : 1 i lån direkte </a:t>
            </a:r>
            <a:r>
              <a:rPr lang="da-DK" dirty="0">
                <a:latin typeface="Museo Sans Rounded 300" panose="02000000000000000000" pitchFamily="50" charset="0"/>
              </a:rPr>
              <a:t>til </a:t>
            </a:r>
            <a:r>
              <a:rPr lang="da-DK" dirty="0" smtClean="0">
                <a:latin typeface="Museo Sans Rounded 300" panose="02000000000000000000" pitchFamily="50" charset="0"/>
              </a:rPr>
              <a:t>virksomheden</a:t>
            </a:r>
            <a:endParaRPr lang="da-DK" dirty="0">
              <a:latin typeface="Museo Sans Rounded 300" panose="02000000000000000000" pitchFamily="50" charset="0"/>
            </a:endParaRPr>
          </a:p>
        </p:txBody>
      </p:sp>
      <p:sp>
        <p:nvSpPr>
          <p:cNvPr id="10" name="Round Diagonal Corner Rectangle 4"/>
          <p:cNvSpPr>
            <a:spLocks/>
          </p:cNvSpPr>
          <p:nvPr/>
        </p:nvSpPr>
        <p:spPr>
          <a:xfrm>
            <a:off x="527895" y="1761413"/>
            <a:ext cx="792000" cy="792000"/>
          </a:xfrm>
          <a:prstGeom prst="round2DiagRect">
            <a:avLst>
              <a:gd name="adj1" fmla="val 30544"/>
              <a:gd name="adj2" fmla="val 0"/>
            </a:avLst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/>
            <a:r>
              <a:rPr lang="da-DK" sz="3200" dirty="0" smtClean="0"/>
              <a:t>1</a:t>
            </a:r>
            <a:endParaRPr lang="da-DK" sz="3200" dirty="0"/>
          </a:p>
        </p:txBody>
      </p:sp>
      <p:sp>
        <p:nvSpPr>
          <p:cNvPr id="11" name="Round Diagonal Corner Rectangle 5"/>
          <p:cNvSpPr>
            <a:spLocks/>
          </p:cNvSpPr>
          <p:nvPr/>
        </p:nvSpPr>
        <p:spPr>
          <a:xfrm>
            <a:off x="527895" y="2929962"/>
            <a:ext cx="792000" cy="792000"/>
          </a:xfrm>
          <a:prstGeom prst="round2DiagRect">
            <a:avLst>
              <a:gd name="adj1" fmla="val 30544"/>
              <a:gd name="adj2" fmla="val 0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/>
            <a:r>
              <a:rPr lang="da-DK" sz="3200" dirty="0" smtClean="0"/>
              <a:t>2</a:t>
            </a:r>
            <a:endParaRPr lang="da-DK" sz="3200" dirty="0"/>
          </a:p>
        </p:txBody>
      </p:sp>
      <p:sp>
        <p:nvSpPr>
          <p:cNvPr id="12" name="Round Diagonal Corner Rectangle 6"/>
          <p:cNvSpPr>
            <a:spLocks/>
          </p:cNvSpPr>
          <p:nvPr/>
        </p:nvSpPr>
        <p:spPr>
          <a:xfrm>
            <a:off x="527895" y="4149168"/>
            <a:ext cx="792000" cy="792000"/>
          </a:xfrm>
          <a:prstGeom prst="round2DiagRect">
            <a:avLst>
              <a:gd name="adj1" fmla="val 30544"/>
              <a:gd name="adj2" fmla="val 0"/>
            </a:avLst>
          </a:prstGeom>
          <a:solidFill>
            <a:srgbClr val="3C91A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/>
            <a:r>
              <a:rPr lang="da-DK" sz="3200" dirty="0" smtClean="0"/>
              <a:t>3</a:t>
            </a:r>
            <a:endParaRPr lang="da-DK" sz="3200" dirty="0"/>
          </a:p>
        </p:txBody>
      </p:sp>
      <p:sp>
        <p:nvSpPr>
          <p:cNvPr id="13" name="Round Diagonal Corner Rectangle 7"/>
          <p:cNvSpPr>
            <a:spLocks/>
          </p:cNvSpPr>
          <p:nvPr/>
        </p:nvSpPr>
        <p:spPr>
          <a:xfrm>
            <a:off x="527895" y="5350008"/>
            <a:ext cx="792000" cy="792000"/>
          </a:xfrm>
          <a:prstGeom prst="round2DiagRect">
            <a:avLst>
              <a:gd name="adj1" fmla="val 30544"/>
              <a:gd name="adj2" fmla="val 0"/>
            </a:avLst>
          </a:prstGeom>
          <a:solidFill>
            <a:srgbClr val="0069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/>
            <a:r>
              <a:rPr lang="da-DK" sz="3200" dirty="0" smtClean="0"/>
              <a:t>4</a:t>
            </a:r>
            <a:endParaRPr lang="da-DK" sz="3200" dirty="0"/>
          </a:p>
        </p:txBody>
      </p:sp>
    </p:spTree>
    <p:extLst>
      <p:ext uri="{BB962C8B-B14F-4D97-AF65-F5344CB8AC3E}">
        <p14:creationId xmlns:p14="http://schemas.microsoft.com/office/powerpoint/2010/main" val="38884890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2" grpId="0" build="allAtOnce"/>
      <p:bldP spid="6" grpId="0"/>
      <p:bldP spid="7" grpId="0"/>
      <p:bldP spid="10" grpId="0" animBg="1"/>
      <p:bldP spid="11" grpId="0" animBg="1"/>
      <p:bldP spid="12" grpId="0" animBg="1"/>
      <p:bldP spid="13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/>
          <p:cNvSpPr/>
          <p:nvPr/>
        </p:nvSpPr>
        <p:spPr>
          <a:xfrm>
            <a:off x="0" y="1556792"/>
            <a:ext cx="12192000" cy="5301208"/>
          </a:xfrm>
          <a:prstGeom prst="rect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>
          <a:xfrm>
            <a:off x="541338" y="693738"/>
            <a:ext cx="8434982" cy="940329"/>
          </a:xfrm>
        </p:spPr>
        <p:txBody>
          <a:bodyPr/>
          <a:lstStyle/>
          <a:p>
            <a:r>
              <a:rPr lang="da-DK" dirty="0" smtClean="0"/>
              <a:t>Vi ses igen i 2019!</a:t>
            </a:r>
            <a:endParaRPr lang="da-DK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 smtClean="0"/>
              <a:t>/ Side </a:t>
            </a:r>
            <a:fld id="{45D37B1E-C366-494F-A587-962AD9AABC83}" type="slidenum">
              <a:rPr lang="da-DK" smtClean="0"/>
              <a:pPr/>
              <a:t>16</a:t>
            </a:fld>
            <a:endParaRPr lang="da-DK" dirty="0"/>
          </a:p>
        </p:txBody>
      </p:sp>
      <p:grpSp>
        <p:nvGrpSpPr>
          <p:cNvPr id="18" name="Syddanmark"/>
          <p:cNvGrpSpPr>
            <a:grpSpLocks/>
          </p:cNvGrpSpPr>
          <p:nvPr/>
        </p:nvGrpSpPr>
        <p:grpSpPr>
          <a:xfrm>
            <a:off x="676276" y="4489635"/>
            <a:ext cx="2349500" cy="1749426"/>
            <a:chOff x="479425" y="4543425"/>
            <a:chExt cx="2349500" cy="1749426"/>
          </a:xfrm>
          <a:solidFill>
            <a:schemeClr val="bg1"/>
          </a:solidFill>
        </p:grpSpPr>
        <p:sp>
          <p:nvSpPr>
            <p:cNvPr id="19" name="Varde"/>
            <p:cNvSpPr>
              <a:spLocks/>
            </p:cNvSpPr>
            <p:nvPr/>
          </p:nvSpPr>
          <p:spPr bwMode="auto">
            <a:xfrm>
              <a:off x="479425" y="4692650"/>
              <a:ext cx="658813" cy="530225"/>
            </a:xfrm>
            <a:custGeom>
              <a:avLst/>
              <a:gdLst>
                <a:gd name="T0" fmla="*/ 162 w 1246"/>
                <a:gd name="T1" fmla="*/ 246 h 1003"/>
                <a:gd name="T2" fmla="*/ 145 w 1246"/>
                <a:gd name="T3" fmla="*/ 227 h 1003"/>
                <a:gd name="T4" fmla="*/ 124 w 1246"/>
                <a:gd name="T5" fmla="*/ 222 h 1003"/>
                <a:gd name="T6" fmla="*/ 116 w 1246"/>
                <a:gd name="T7" fmla="*/ 230 h 1003"/>
                <a:gd name="T8" fmla="*/ 103 w 1246"/>
                <a:gd name="T9" fmla="*/ 226 h 1003"/>
                <a:gd name="T10" fmla="*/ 89 w 1246"/>
                <a:gd name="T11" fmla="*/ 229 h 1003"/>
                <a:gd name="T12" fmla="*/ 81 w 1246"/>
                <a:gd name="T13" fmla="*/ 239 h 1003"/>
                <a:gd name="T14" fmla="*/ 77 w 1246"/>
                <a:gd name="T15" fmla="*/ 278 h 1003"/>
                <a:gd name="T16" fmla="*/ 90 w 1246"/>
                <a:gd name="T17" fmla="*/ 299 h 1003"/>
                <a:gd name="T18" fmla="*/ 108 w 1246"/>
                <a:gd name="T19" fmla="*/ 328 h 1003"/>
                <a:gd name="T20" fmla="*/ 59 w 1246"/>
                <a:gd name="T21" fmla="*/ 294 h 1003"/>
                <a:gd name="T22" fmla="*/ 24 w 1246"/>
                <a:gd name="T23" fmla="*/ 272 h 1003"/>
                <a:gd name="T24" fmla="*/ 8 w 1246"/>
                <a:gd name="T25" fmla="*/ 236 h 1003"/>
                <a:gd name="T26" fmla="*/ 32 w 1246"/>
                <a:gd name="T27" fmla="*/ 169 h 1003"/>
                <a:gd name="T28" fmla="*/ 46 w 1246"/>
                <a:gd name="T29" fmla="*/ 113 h 1003"/>
                <a:gd name="T30" fmla="*/ 50 w 1246"/>
                <a:gd name="T31" fmla="*/ 74 h 1003"/>
                <a:gd name="T32" fmla="*/ 47 w 1246"/>
                <a:gd name="T33" fmla="*/ 31 h 1003"/>
                <a:gd name="T34" fmla="*/ 55 w 1246"/>
                <a:gd name="T35" fmla="*/ 31 h 1003"/>
                <a:gd name="T36" fmla="*/ 56 w 1246"/>
                <a:gd name="T37" fmla="*/ 13 h 1003"/>
                <a:gd name="T38" fmla="*/ 91 w 1246"/>
                <a:gd name="T39" fmla="*/ 38 h 1003"/>
                <a:gd name="T40" fmla="*/ 107 w 1246"/>
                <a:gd name="T41" fmla="*/ 43 h 1003"/>
                <a:gd name="T42" fmla="*/ 120 w 1246"/>
                <a:gd name="T43" fmla="*/ 41 h 1003"/>
                <a:gd name="T44" fmla="*/ 131 w 1246"/>
                <a:gd name="T45" fmla="*/ 32 h 1003"/>
                <a:gd name="T46" fmla="*/ 159 w 1246"/>
                <a:gd name="T47" fmla="*/ 38 h 1003"/>
                <a:gd name="T48" fmla="*/ 191 w 1246"/>
                <a:gd name="T49" fmla="*/ 69 h 1003"/>
                <a:gd name="T50" fmla="*/ 212 w 1246"/>
                <a:gd name="T51" fmla="*/ 59 h 1003"/>
                <a:gd name="T52" fmla="*/ 222 w 1246"/>
                <a:gd name="T53" fmla="*/ 47 h 1003"/>
                <a:gd name="T54" fmla="*/ 225 w 1246"/>
                <a:gd name="T55" fmla="*/ 28 h 1003"/>
                <a:gd name="T56" fmla="*/ 236 w 1246"/>
                <a:gd name="T57" fmla="*/ 21 h 1003"/>
                <a:gd name="T58" fmla="*/ 239 w 1246"/>
                <a:gd name="T59" fmla="*/ 5 h 1003"/>
                <a:gd name="T60" fmla="*/ 246 w 1246"/>
                <a:gd name="T61" fmla="*/ 1 h 1003"/>
                <a:gd name="T62" fmla="*/ 253 w 1246"/>
                <a:gd name="T63" fmla="*/ 8 h 1003"/>
                <a:gd name="T64" fmla="*/ 267 w 1246"/>
                <a:gd name="T65" fmla="*/ 9 h 1003"/>
                <a:gd name="T66" fmla="*/ 283 w 1246"/>
                <a:gd name="T67" fmla="*/ 4 h 1003"/>
                <a:gd name="T68" fmla="*/ 295 w 1246"/>
                <a:gd name="T69" fmla="*/ 5 h 1003"/>
                <a:gd name="T70" fmla="*/ 315 w 1246"/>
                <a:gd name="T71" fmla="*/ 19 h 1003"/>
                <a:gd name="T72" fmla="*/ 337 w 1246"/>
                <a:gd name="T73" fmla="*/ 38 h 1003"/>
                <a:gd name="T74" fmla="*/ 336 w 1246"/>
                <a:gd name="T75" fmla="*/ 61 h 1003"/>
                <a:gd name="T76" fmla="*/ 345 w 1246"/>
                <a:gd name="T77" fmla="*/ 81 h 1003"/>
                <a:gd name="T78" fmla="*/ 369 w 1246"/>
                <a:gd name="T79" fmla="*/ 100 h 1003"/>
                <a:gd name="T80" fmla="*/ 359 w 1246"/>
                <a:gd name="T81" fmla="*/ 129 h 1003"/>
                <a:gd name="T82" fmla="*/ 356 w 1246"/>
                <a:gd name="T83" fmla="*/ 146 h 1003"/>
                <a:gd name="T84" fmla="*/ 405 w 1246"/>
                <a:gd name="T85" fmla="*/ 168 h 1003"/>
                <a:gd name="T86" fmla="*/ 403 w 1246"/>
                <a:gd name="T87" fmla="*/ 183 h 1003"/>
                <a:gd name="T88" fmla="*/ 410 w 1246"/>
                <a:gd name="T89" fmla="*/ 199 h 1003"/>
                <a:gd name="T90" fmla="*/ 392 w 1246"/>
                <a:gd name="T91" fmla="*/ 222 h 1003"/>
                <a:gd name="T92" fmla="*/ 361 w 1246"/>
                <a:gd name="T93" fmla="*/ 233 h 1003"/>
                <a:gd name="T94" fmla="*/ 346 w 1246"/>
                <a:gd name="T95" fmla="*/ 242 h 1003"/>
                <a:gd name="T96" fmla="*/ 330 w 1246"/>
                <a:gd name="T97" fmla="*/ 268 h 1003"/>
                <a:gd name="T98" fmla="*/ 318 w 1246"/>
                <a:gd name="T99" fmla="*/ 275 h 1003"/>
                <a:gd name="T100" fmla="*/ 299 w 1246"/>
                <a:gd name="T101" fmla="*/ 263 h 1003"/>
                <a:gd name="T102" fmla="*/ 288 w 1246"/>
                <a:gd name="T103" fmla="*/ 252 h 1003"/>
                <a:gd name="T104" fmla="*/ 278 w 1246"/>
                <a:gd name="T105" fmla="*/ 240 h 1003"/>
                <a:gd name="T106" fmla="*/ 269 w 1246"/>
                <a:gd name="T107" fmla="*/ 246 h 1003"/>
                <a:gd name="T108" fmla="*/ 260 w 1246"/>
                <a:gd name="T109" fmla="*/ 257 h 1003"/>
                <a:gd name="T110" fmla="*/ 248 w 1246"/>
                <a:gd name="T111" fmla="*/ 256 h 1003"/>
                <a:gd name="T112" fmla="*/ 241 w 1246"/>
                <a:gd name="T113" fmla="*/ 247 h 1003"/>
                <a:gd name="T114" fmla="*/ 213 w 1246"/>
                <a:gd name="T115" fmla="*/ 229 h 1003"/>
                <a:gd name="T116" fmla="*/ 187 w 1246"/>
                <a:gd name="T117" fmla="*/ 235 h 1003"/>
                <a:gd name="T118" fmla="*/ 181 w 1246"/>
                <a:gd name="T119" fmla="*/ 248 h 1003"/>
                <a:gd name="T120" fmla="*/ 181 w 1246"/>
                <a:gd name="T121" fmla="*/ 259 h 1003"/>
                <a:gd name="T122" fmla="*/ 177 w 1246"/>
                <a:gd name="T123" fmla="*/ 261 h 1003"/>
                <a:gd name="T124" fmla="*/ 166 w 1246"/>
                <a:gd name="T125" fmla="*/ 258 h 1003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246" h="1003">
                  <a:moveTo>
                    <a:pt x="488" y="777"/>
                  </a:moveTo>
                  <a:lnTo>
                    <a:pt x="490" y="767"/>
                  </a:lnTo>
                  <a:lnTo>
                    <a:pt x="490" y="756"/>
                  </a:lnTo>
                  <a:lnTo>
                    <a:pt x="489" y="747"/>
                  </a:lnTo>
                  <a:lnTo>
                    <a:pt x="487" y="738"/>
                  </a:lnTo>
                  <a:lnTo>
                    <a:pt x="482" y="730"/>
                  </a:lnTo>
                  <a:lnTo>
                    <a:pt x="477" y="721"/>
                  </a:lnTo>
                  <a:lnTo>
                    <a:pt x="472" y="714"/>
                  </a:lnTo>
                  <a:lnTo>
                    <a:pt x="464" y="708"/>
                  </a:lnTo>
                  <a:lnTo>
                    <a:pt x="434" y="681"/>
                  </a:lnTo>
                  <a:lnTo>
                    <a:pt x="403" y="656"/>
                  </a:lnTo>
                  <a:lnTo>
                    <a:pt x="395" y="658"/>
                  </a:lnTo>
                  <a:lnTo>
                    <a:pt x="387" y="660"/>
                  </a:lnTo>
                  <a:lnTo>
                    <a:pt x="379" y="664"/>
                  </a:lnTo>
                  <a:lnTo>
                    <a:pt x="373" y="668"/>
                  </a:lnTo>
                  <a:lnTo>
                    <a:pt x="367" y="672"/>
                  </a:lnTo>
                  <a:lnTo>
                    <a:pt x="362" y="677"/>
                  </a:lnTo>
                  <a:lnTo>
                    <a:pt x="358" y="685"/>
                  </a:lnTo>
                  <a:lnTo>
                    <a:pt x="356" y="693"/>
                  </a:lnTo>
                  <a:lnTo>
                    <a:pt x="347" y="692"/>
                  </a:lnTo>
                  <a:lnTo>
                    <a:pt x="338" y="690"/>
                  </a:lnTo>
                  <a:lnTo>
                    <a:pt x="331" y="687"/>
                  </a:lnTo>
                  <a:lnTo>
                    <a:pt x="323" y="684"/>
                  </a:lnTo>
                  <a:lnTo>
                    <a:pt x="316" y="680"/>
                  </a:lnTo>
                  <a:lnTo>
                    <a:pt x="309" y="678"/>
                  </a:lnTo>
                  <a:lnTo>
                    <a:pt x="300" y="676"/>
                  </a:lnTo>
                  <a:lnTo>
                    <a:pt x="291" y="674"/>
                  </a:lnTo>
                  <a:lnTo>
                    <a:pt x="282" y="677"/>
                  </a:lnTo>
                  <a:lnTo>
                    <a:pt x="275" y="681"/>
                  </a:lnTo>
                  <a:lnTo>
                    <a:pt x="268" y="687"/>
                  </a:lnTo>
                  <a:lnTo>
                    <a:pt x="261" y="692"/>
                  </a:lnTo>
                  <a:lnTo>
                    <a:pt x="256" y="698"/>
                  </a:lnTo>
                  <a:lnTo>
                    <a:pt x="251" y="705"/>
                  </a:lnTo>
                  <a:lnTo>
                    <a:pt x="247" y="712"/>
                  </a:lnTo>
                  <a:lnTo>
                    <a:pt x="242" y="719"/>
                  </a:lnTo>
                  <a:lnTo>
                    <a:pt x="229" y="753"/>
                  </a:lnTo>
                  <a:lnTo>
                    <a:pt x="216" y="787"/>
                  </a:lnTo>
                  <a:lnTo>
                    <a:pt x="219" y="805"/>
                  </a:lnTo>
                  <a:lnTo>
                    <a:pt x="223" y="820"/>
                  </a:lnTo>
                  <a:lnTo>
                    <a:pt x="230" y="835"/>
                  </a:lnTo>
                  <a:lnTo>
                    <a:pt x="236" y="849"/>
                  </a:lnTo>
                  <a:lnTo>
                    <a:pt x="243" y="861"/>
                  </a:lnTo>
                  <a:lnTo>
                    <a:pt x="252" y="874"/>
                  </a:lnTo>
                  <a:lnTo>
                    <a:pt x="260" y="886"/>
                  </a:lnTo>
                  <a:lnTo>
                    <a:pt x="270" y="897"/>
                  </a:lnTo>
                  <a:lnTo>
                    <a:pt x="288" y="919"/>
                  </a:lnTo>
                  <a:lnTo>
                    <a:pt x="304" y="944"/>
                  </a:lnTo>
                  <a:lnTo>
                    <a:pt x="312" y="957"/>
                  </a:lnTo>
                  <a:lnTo>
                    <a:pt x="318" y="971"/>
                  </a:lnTo>
                  <a:lnTo>
                    <a:pt x="324" y="986"/>
                  </a:lnTo>
                  <a:lnTo>
                    <a:pt x="329" y="1003"/>
                  </a:lnTo>
                  <a:lnTo>
                    <a:pt x="290" y="973"/>
                  </a:lnTo>
                  <a:lnTo>
                    <a:pt x="252" y="944"/>
                  </a:lnTo>
                  <a:lnTo>
                    <a:pt x="214" y="913"/>
                  </a:lnTo>
                  <a:lnTo>
                    <a:pt x="176" y="884"/>
                  </a:lnTo>
                  <a:lnTo>
                    <a:pt x="156" y="869"/>
                  </a:lnTo>
                  <a:lnTo>
                    <a:pt x="136" y="855"/>
                  </a:lnTo>
                  <a:lnTo>
                    <a:pt x="115" y="841"/>
                  </a:lnTo>
                  <a:lnTo>
                    <a:pt x="94" y="829"/>
                  </a:lnTo>
                  <a:lnTo>
                    <a:pt x="72" y="817"/>
                  </a:lnTo>
                  <a:lnTo>
                    <a:pt x="50" y="806"/>
                  </a:lnTo>
                  <a:lnTo>
                    <a:pt x="25" y="796"/>
                  </a:lnTo>
                  <a:lnTo>
                    <a:pt x="0" y="787"/>
                  </a:lnTo>
                  <a:lnTo>
                    <a:pt x="12" y="747"/>
                  </a:lnTo>
                  <a:lnTo>
                    <a:pt x="25" y="708"/>
                  </a:lnTo>
                  <a:lnTo>
                    <a:pt x="39" y="668"/>
                  </a:lnTo>
                  <a:lnTo>
                    <a:pt x="53" y="629"/>
                  </a:lnTo>
                  <a:lnTo>
                    <a:pt x="68" y="589"/>
                  </a:lnTo>
                  <a:lnTo>
                    <a:pt x="82" y="549"/>
                  </a:lnTo>
                  <a:lnTo>
                    <a:pt x="96" y="509"/>
                  </a:lnTo>
                  <a:lnTo>
                    <a:pt x="109" y="467"/>
                  </a:lnTo>
                  <a:lnTo>
                    <a:pt x="121" y="424"/>
                  </a:lnTo>
                  <a:lnTo>
                    <a:pt x="131" y="381"/>
                  </a:lnTo>
                  <a:lnTo>
                    <a:pt x="135" y="360"/>
                  </a:lnTo>
                  <a:lnTo>
                    <a:pt x="139" y="338"/>
                  </a:lnTo>
                  <a:lnTo>
                    <a:pt x="142" y="315"/>
                  </a:lnTo>
                  <a:lnTo>
                    <a:pt x="145" y="292"/>
                  </a:lnTo>
                  <a:lnTo>
                    <a:pt x="148" y="269"/>
                  </a:lnTo>
                  <a:lnTo>
                    <a:pt x="149" y="245"/>
                  </a:lnTo>
                  <a:lnTo>
                    <a:pt x="150" y="221"/>
                  </a:lnTo>
                  <a:lnTo>
                    <a:pt x="150" y="197"/>
                  </a:lnTo>
                  <a:lnTo>
                    <a:pt x="149" y="172"/>
                  </a:lnTo>
                  <a:lnTo>
                    <a:pt x="148" y="146"/>
                  </a:lnTo>
                  <a:lnTo>
                    <a:pt x="144" y="120"/>
                  </a:lnTo>
                  <a:lnTo>
                    <a:pt x="141" y="94"/>
                  </a:lnTo>
                  <a:lnTo>
                    <a:pt x="148" y="96"/>
                  </a:lnTo>
                  <a:lnTo>
                    <a:pt x="154" y="96"/>
                  </a:lnTo>
                  <a:lnTo>
                    <a:pt x="158" y="96"/>
                  </a:lnTo>
                  <a:lnTo>
                    <a:pt x="162" y="94"/>
                  </a:lnTo>
                  <a:lnTo>
                    <a:pt x="165" y="92"/>
                  </a:lnTo>
                  <a:lnTo>
                    <a:pt x="168" y="89"/>
                  </a:lnTo>
                  <a:lnTo>
                    <a:pt x="169" y="84"/>
                  </a:lnTo>
                  <a:lnTo>
                    <a:pt x="170" y="80"/>
                  </a:lnTo>
                  <a:lnTo>
                    <a:pt x="170" y="59"/>
                  </a:lnTo>
                  <a:lnTo>
                    <a:pt x="169" y="38"/>
                  </a:lnTo>
                  <a:lnTo>
                    <a:pt x="195" y="58"/>
                  </a:lnTo>
                  <a:lnTo>
                    <a:pt x="224" y="81"/>
                  </a:lnTo>
                  <a:lnTo>
                    <a:pt x="240" y="93"/>
                  </a:lnTo>
                  <a:lnTo>
                    <a:pt x="256" y="103"/>
                  </a:lnTo>
                  <a:lnTo>
                    <a:pt x="273" y="113"/>
                  </a:lnTo>
                  <a:lnTo>
                    <a:pt x="290" y="120"/>
                  </a:lnTo>
                  <a:lnTo>
                    <a:pt x="297" y="123"/>
                  </a:lnTo>
                  <a:lnTo>
                    <a:pt x="305" y="126"/>
                  </a:lnTo>
                  <a:lnTo>
                    <a:pt x="314" y="129"/>
                  </a:lnTo>
                  <a:lnTo>
                    <a:pt x="321" y="130"/>
                  </a:lnTo>
                  <a:lnTo>
                    <a:pt x="330" y="130"/>
                  </a:lnTo>
                  <a:lnTo>
                    <a:pt x="337" y="130"/>
                  </a:lnTo>
                  <a:lnTo>
                    <a:pt x="344" y="130"/>
                  </a:lnTo>
                  <a:lnTo>
                    <a:pt x="352" y="128"/>
                  </a:lnTo>
                  <a:lnTo>
                    <a:pt x="359" y="124"/>
                  </a:lnTo>
                  <a:lnTo>
                    <a:pt x="367" y="121"/>
                  </a:lnTo>
                  <a:lnTo>
                    <a:pt x="373" y="116"/>
                  </a:lnTo>
                  <a:lnTo>
                    <a:pt x="380" y="111"/>
                  </a:lnTo>
                  <a:lnTo>
                    <a:pt x="387" y="103"/>
                  </a:lnTo>
                  <a:lnTo>
                    <a:pt x="392" y="95"/>
                  </a:lnTo>
                  <a:lnTo>
                    <a:pt x="398" y="85"/>
                  </a:lnTo>
                  <a:lnTo>
                    <a:pt x="403" y="75"/>
                  </a:lnTo>
                  <a:lnTo>
                    <a:pt x="429" y="88"/>
                  </a:lnTo>
                  <a:lnTo>
                    <a:pt x="453" y="100"/>
                  </a:lnTo>
                  <a:lnTo>
                    <a:pt x="476" y="115"/>
                  </a:lnTo>
                  <a:lnTo>
                    <a:pt x="498" y="131"/>
                  </a:lnTo>
                  <a:lnTo>
                    <a:pt x="518" y="148"/>
                  </a:lnTo>
                  <a:lnTo>
                    <a:pt x="537" y="165"/>
                  </a:lnTo>
                  <a:lnTo>
                    <a:pt x="555" y="185"/>
                  </a:lnTo>
                  <a:lnTo>
                    <a:pt x="572" y="207"/>
                  </a:lnTo>
                  <a:lnTo>
                    <a:pt x="591" y="199"/>
                  </a:lnTo>
                  <a:lnTo>
                    <a:pt x="611" y="192"/>
                  </a:lnTo>
                  <a:lnTo>
                    <a:pt x="620" y="188"/>
                  </a:lnTo>
                  <a:lnTo>
                    <a:pt x="629" y="183"/>
                  </a:lnTo>
                  <a:lnTo>
                    <a:pt x="637" y="178"/>
                  </a:lnTo>
                  <a:lnTo>
                    <a:pt x="646" y="173"/>
                  </a:lnTo>
                  <a:lnTo>
                    <a:pt x="652" y="165"/>
                  </a:lnTo>
                  <a:lnTo>
                    <a:pt x="658" y="158"/>
                  </a:lnTo>
                  <a:lnTo>
                    <a:pt x="664" y="150"/>
                  </a:lnTo>
                  <a:lnTo>
                    <a:pt x="667" y="140"/>
                  </a:lnTo>
                  <a:lnTo>
                    <a:pt x="669" y="129"/>
                  </a:lnTo>
                  <a:lnTo>
                    <a:pt x="670" y="116"/>
                  </a:lnTo>
                  <a:lnTo>
                    <a:pt x="669" y="101"/>
                  </a:lnTo>
                  <a:lnTo>
                    <a:pt x="666" y="84"/>
                  </a:lnTo>
                  <a:lnTo>
                    <a:pt x="677" y="84"/>
                  </a:lnTo>
                  <a:lnTo>
                    <a:pt x="687" y="82"/>
                  </a:lnTo>
                  <a:lnTo>
                    <a:pt x="695" y="79"/>
                  </a:lnTo>
                  <a:lnTo>
                    <a:pt x="700" y="75"/>
                  </a:lnTo>
                  <a:lnTo>
                    <a:pt x="705" y="70"/>
                  </a:lnTo>
                  <a:lnTo>
                    <a:pt x="708" y="64"/>
                  </a:lnTo>
                  <a:lnTo>
                    <a:pt x="711" y="57"/>
                  </a:lnTo>
                  <a:lnTo>
                    <a:pt x="712" y="50"/>
                  </a:lnTo>
                  <a:lnTo>
                    <a:pt x="714" y="35"/>
                  </a:lnTo>
                  <a:lnTo>
                    <a:pt x="716" y="21"/>
                  </a:lnTo>
                  <a:lnTo>
                    <a:pt x="718" y="15"/>
                  </a:lnTo>
                  <a:lnTo>
                    <a:pt x="721" y="9"/>
                  </a:lnTo>
                  <a:lnTo>
                    <a:pt x="726" y="4"/>
                  </a:lnTo>
                  <a:lnTo>
                    <a:pt x="731" y="0"/>
                  </a:lnTo>
                  <a:lnTo>
                    <a:pt x="735" y="1"/>
                  </a:lnTo>
                  <a:lnTo>
                    <a:pt x="739" y="2"/>
                  </a:lnTo>
                  <a:lnTo>
                    <a:pt x="744" y="4"/>
                  </a:lnTo>
                  <a:lnTo>
                    <a:pt x="747" y="6"/>
                  </a:lnTo>
                  <a:lnTo>
                    <a:pt x="752" y="11"/>
                  </a:lnTo>
                  <a:lnTo>
                    <a:pt x="756" y="17"/>
                  </a:lnTo>
                  <a:lnTo>
                    <a:pt x="760" y="23"/>
                  </a:lnTo>
                  <a:lnTo>
                    <a:pt x="766" y="29"/>
                  </a:lnTo>
                  <a:lnTo>
                    <a:pt x="771" y="34"/>
                  </a:lnTo>
                  <a:lnTo>
                    <a:pt x="777" y="38"/>
                  </a:lnTo>
                  <a:lnTo>
                    <a:pt x="790" y="32"/>
                  </a:lnTo>
                  <a:lnTo>
                    <a:pt x="801" y="26"/>
                  </a:lnTo>
                  <a:lnTo>
                    <a:pt x="812" y="22"/>
                  </a:lnTo>
                  <a:lnTo>
                    <a:pt x="823" y="18"/>
                  </a:lnTo>
                  <a:lnTo>
                    <a:pt x="832" y="16"/>
                  </a:lnTo>
                  <a:lnTo>
                    <a:pt x="841" y="14"/>
                  </a:lnTo>
                  <a:lnTo>
                    <a:pt x="850" y="13"/>
                  </a:lnTo>
                  <a:lnTo>
                    <a:pt x="857" y="12"/>
                  </a:lnTo>
                  <a:lnTo>
                    <a:pt x="866" y="12"/>
                  </a:lnTo>
                  <a:lnTo>
                    <a:pt x="873" y="13"/>
                  </a:lnTo>
                  <a:lnTo>
                    <a:pt x="879" y="14"/>
                  </a:lnTo>
                  <a:lnTo>
                    <a:pt x="887" y="16"/>
                  </a:lnTo>
                  <a:lnTo>
                    <a:pt x="899" y="21"/>
                  </a:lnTo>
                  <a:lnTo>
                    <a:pt x="911" y="29"/>
                  </a:lnTo>
                  <a:lnTo>
                    <a:pt x="923" y="37"/>
                  </a:lnTo>
                  <a:lnTo>
                    <a:pt x="933" y="46"/>
                  </a:lnTo>
                  <a:lnTo>
                    <a:pt x="945" y="57"/>
                  </a:lnTo>
                  <a:lnTo>
                    <a:pt x="956" y="68"/>
                  </a:lnTo>
                  <a:lnTo>
                    <a:pt x="968" y="79"/>
                  </a:lnTo>
                  <a:lnTo>
                    <a:pt x="982" y="91"/>
                  </a:lnTo>
                  <a:lnTo>
                    <a:pt x="996" y="102"/>
                  </a:lnTo>
                  <a:lnTo>
                    <a:pt x="1012" y="113"/>
                  </a:lnTo>
                  <a:lnTo>
                    <a:pt x="1013" y="130"/>
                  </a:lnTo>
                  <a:lnTo>
                    <a:pt x="1013" y="144"/>
                  </a:lnTo>
                  <a:lnTo>
                    <a:pt x="1012" y="158"/>
                  </a:lnTo>
                  <a:lnTo>
                    <a:pt x="1010" y="172"/>
                  </a:lnTo>
                  <a:lnTo>
                    <a:pt x="1008" y="184"/>
                  </a:lnTo>
                  <a:lnTo>
                    <a:pt x="1005" y="197"/>
                  </a:lnTo>
                  <a:lnTo>
                    <a:pt x="1004" y="211"/>
                  </a:lnTo>
                  <a:lnTo>
                    <a:pt x="1003" y="225"/>
                  </a:lnTo>
                  <a:lnTo>
                    <a:pt x="1019" y="234"/>
                  </a:lnTo>
                  <a:lnTo>
                    <a:pt x="1035" y="243"/>
                  </a:lnTo>
                  <a:lnTo>
                    <a:pt x="1050" y="255"/>
                  </a:lnTo>
                  <a:lnTo>
                    <a:pt x="1064" y="267"/>
                  </a:lnTo>
                  <a:lnTo>
                    <a:pt x="1078" y="278"/>
                  </a:lnTo>
                  <a:lnTo>
                    <a:pt x="1092" y="290"/>
                  </a:lnTo>
                  <a:lnTo>
                    <a:pt x="1108" y="300"/>
                  </a:lnTo>
                  <a:lnTo>
                    <a:pt x="1124" y="310"/>
                  </a:lnTo>
                  <a:lnTo>
                    <a:pt x="1107" y="341"/>
                  </a:lnTo>
                  <a:lnTo>
                    <a:pt x="1088" y="371"/>
                  </a:lnTo>
                  <a:lnTo>
                    <a:pt x="1084" y="379"/>
                  </a:lnTo>
                  <a:lnTo>
                    <a:pt x="1079" y="388"/>
                  </a:lnTo>
                  <a:lnTo>
                    <a:pt x="1076" y="396"/>
                  </a:lnTo>
                  <a:lnTo>
                    <a:pt x="1073" y="406"/>
                  </a:lnTo>
                  <a:lnTo>
                    <a:pt x="1071" y="416"/>
                  </a:lnTo>
                  <a:lnTo>
                    <a:pt x="1069" y="427"/>
                  </a:lnTo>
                  <a:lnTo>
                    <a:pt x="1068" y="437"/>
                  </a:lnTo>
                  <a:lnTo>
                    <a:pt x="1068" y="450"/>
                  </a:lnTo>
                  <a:lnTo>
                    <a:pt x="1095" y="461"/>
                  </a:lnTo>
                  <a:lnTo>
                    <a:pt x="1134" y="475"/>
                  </a:lnTo>
                  <a:lnTo>
                    <a:pt x="1177" y="491"/>
                  </a:lnTo>
                  <a:lnTo>
                    <a:pt x="1217" y="506"/>
                  </a:lnTo>
                  <a:lnTo>
                    <a:pt x="1214" y="516"/>
                  </a:lnTo>
                  <a:lnTo>
                    <a:pt x="1211" y="526"/>
                  </a:lnTo>
                  <a:lnTo>
                    <a:pt x="1210" y="535"/>
                  </a:lnTo>
                  <a:lnTo>
                    <a:pt x="1209" y="543"/>
                  </a:lnTo>
                  <a:lnTo>
                    <a:pt x="1210" y="551"/>
                  </a:lnTo>
                  <a:lnTo>
                    <a:pt x="1212" y="558"/>
                  </a:lnTo>
                  <a:lnTo>
                    <a:pt x="1214" y="566"/>
                  </a:lnTo>
                  <a:lnTo>
                    <a:pt x="1217" y="572"/>
                  </a:lnTo>
                  <a:lnTo>
                    <a:pt x="1224" y="586"/>
                  </a:lnTo>
                  <a:lnTo>
                    <a:pt x="1232" y="598"/>
                  </a:lnTo>
                  <a:lnTo>
                    <a:pt x="1240" y="613"/>
                  </a:lnTo>
                  <a:lnTo>
                    <a:pt x="1246" y="628"/>
                  </a:lnTo>
                  <a:lnTo>
                    <a:pt x="1225" y="641"/>
                  </a:lnTo>
                  <a:lnTo>
                    <a:pt x="1202" y="654"/>
                  </a:lnTo>
                  <a:lnTo>
                    <a:pt x="1178" y="667"/>
                  </a:lnTo>
                  <a:lnTo>
                    <a:pt x="1155" y="678"/>
                  </a:lnTo>
                  <a:lnTo>
                    <a:pt x="1131" y="688"/>
                  </a:lnTo>
                  <a:lnTo>
                    <a:pt x="1108" y="695"/>
                  </a:lnTo>
                  <a:lnTo>
                    <a:pt x="1095" y="698"/>
                  </a:lnTo>
                  <a:lnTo>
                    <a:pt x="1083" y="700"/>
                  </a:lnTo>
                  <a:lnTo>
                    <a:pt x="1071" y="701"/>
                  </a:lnTo>
                  <a:lnTo>
                    <a:pt x="1058" y="702"/>
                  </a:lnTo>
                  <a:lnTo>
                    <a:pt x="1052" y="710"/>
                  </a:lnTo>
                  <a:lnTo>
                    <a:pt x="1046" y="717"/>
                  </a:lnTo>
                  <a:lnTo>
                    <a:pt x="1039" y="726"/>
                  </a:lnTo>
                  <a:lnTo>
                    <a:pt x="1034" y="734"/>
                  </a:lnTo>
                  <a:lnTo>
                    <a:pt x="1024" y="752"/>
                  </a:lnTo>
                  <a:lnTo>
                    <a:pt x="1013" y="770"/>
                  </a:lnTo>
                  <a:lnTo>
                    <a:pt x="1003" y="788"/>
                  </a:lnTo>
                  <a:lnTo>
                    <a:pt x="992" y="805"/>
                  </a:lnTo>
                  <a:lnTo>
                    <a:pt x="986" y="812"/>
                  </a:lnTo>
                  <a:lnTo>
                    <a:pt x="979" y="820"/>
                  </a:lnTo>
                  <a:lnTo>
                    <a:pt x="972" y="827"/>
                  </a:lnTo>
                  <a:lnTo>
                    <a:pt x="965" y="834"/>
                  </a:lnTo>
                  <a:lnTo>
                    <a:pt x="956" y="826"/>
                  </a:lnTo>
                  <a:lnTo>
                    <a:pt x="947" y="819"/>
                  </a:lnTo>
                  <a:lnTo>
                    <a:pt x="938" y="813"/>
                  </a:lnTo>
                  <a:lnTo>
                    <a:pt x="930" y="808"/>
                  </a:lnTo>
                  <a:lnTo>
                    <a:pt x="913" y="798"/>
                  </a:lnTo>
                  <a:lnTo>
                    <a:pt x="897" y="790"/>
                  </a:lnTo>
                  <a:lnTo>
                    <a:pt x="890" y="785"/>
                  </a:lnTo>
                  <a:lnTo>
                    <a:pt x="883" y="779"/>
                  </a:lnTo>
                  <a:lnTo>
                    <a:pt x="876" y="773"/>
                  </a:lnTo>
                  <a:lnTo>
                    <a:pt x="871" y="766"/>
                  </a:lnTo>
                  <a:lnTo>
                    <a:pt x="865" y="757"/>
                  </a:lnTo>
                  <a:lnTo>
                    <a:pt x="860" y="747"/>
                  </a:lnTo>
                  <a:lnTo>
                    <a:pt x="856" y="735"/>
                  </a:lnTo>
                  <a:lnTo>
                    <a:pt x="853" y="721"/>
                  </a:lnTo>
                  <a:lnTo>
                    <a:pt x="844" y="721"/>
                  </a:lnTo>
                  <a:lnTo>
                    <a:pt x="836" y="722"/>
                  </a:lnTo>
                  <a:lnTo>
                    <a:pt x="830" y="725"/>
                  </a:lnTo>
                  <a:lnTo>
                    <a:pt x="824" y="728"/>
                  </a:lnTo>
                  <a:lnTo>
                    <a:pt x="818" y="731"/>
                  </a:lnTo>
                  <a:lnTo>
                    <a:pt x="814" y="735"/>
                  </a:lnTo>
                  <a:lnTo>
                    <a:pt x="809" y="739"/>
                  </a:lnTo>
                  <a:lnTo>
                    <a:pt x="806" y="745"/>
                  </a:lnTo>
                  <a:lnTo>
                    <a:pt x="797" y="754"/>
                  </a:lnTo>
                  <a:lnTo>
                    <a:pt x="789" y="764"/>
                  </a:lnTo>
                  <a:lnTo>
                    <a:pt x="785" y="768"/>
                  </a:lnTo>
                  <a:lnTo>
                    <a:pt x="780" y="772"/>
                  </a:lnTo>
                  <a:lnTo>
                    <a:pt x="774" y="775"/>
                  </a:lnTo>
                  <a:lnTo>
                    <a:pt x="769" y="777"/>
                  </a:lnTo>
                  <a:lnTo>
                    <a:pt x="759" y="776"/>
                  </a:lnTo>
                  <a:lnTo>
                    <a:pt x="752" y="774"/>
                  </a:lnTo>
                  <a:lnTo>
                    <a:pt x="746" y="770"/>
                  </a:lnTo>
                  <a:lnTo>
                    <a:pt x="740" y="766"/>
                  </a:lnTo>
                  <a:lnTo>
                    <a:pt x="735" y="760"/>
                  </a:lnTo>
                  <a:lnTo>
                    <a:pt x="731" y="755"/>
                  </a:lnTo>
                  <a:lnTo>
                    <a:pt x="728" y="749"/>
                  </a:lnTo>
                  <a:lnTo>
                    <a:pt x="725" y="741"/>
                  </a:lnTo>
                  <a:lnTo>
                    <a:pt x="714" y="712"/>
                  </a:lnTo>
                  <a:lnTo>
                    <a:pt x="702" y="684"/>
                  </a:lnTo>
                  <a:lnTo>
                    <a:pt x="681" y="684"/>
                  </a:lnTo>
                  <a:lnTo>
                    <a:pt x="661" y="685"/>
                  </a:lnTo>
                  <a:lnTo>
                    <a:pt x="641" y="687"/>
                  </a:lnTo>
                  <a:lnTo>
                    <a:pt x="622" y="688"/>
                  </a:lnTo>
                  <a:lnTo>
                    <a:pt x="590" y="692"/>
                  </a:lnTo>
                  <a:lnTo>
                    <a:pt x="562" y="693"/>
                  </a:lnTo>
                  <a:lnTo>
                    <a:pt x="562" y="699"/>
                  </a:lnTo>
                  <a:lnTo>
                    <a:pt x="562" y="705"/>
                  </a:lnTo>
                  <a:lnTo>
                    <a:pt x="560" y="710"/>
                  </a:lnTo>
                  <a:lnTo>
                    <a:pt x="559" y="715"/>
                  </a:lnTo>
                  <a:lnTo>
                    <a:pt x="554" y="726"/>
                  </a:lnTo>
                  <a:lnTo>
                    <a:pt x="548" y="735"/>
                  </a:lnTo>
                  <a:lnTo>
                    <a:pt x="542" y="746"/>
                  </a:lnTo>
                  <a:lnTo>
                    <a:pt x="539" y="755"/>
                  </a:lnTo>
                  <a:lnTo>
                    <a:pt x="539" y="760"/>
                  </a:lnTo>
                  <a:lnTo>
                    <a:pt x="539" y="766"/>
                  </a:lnTo>
                  <a:lnTo>
                    <a:pt x="540" y="772"/>
                  </a:lnTo>
                  <a:lnTo>
                    <a:pt x="543" y="777"/>
                  </a:lnTo>
                  <a:lnTo>
                    <a:pt x="543" y="780"/>
                  </a:lnTo>
                  <a:lnTo>
                    <a:pt x="541" y="783"/>
                  </a:lnTo>
                  <a:lnTo>
                    <a:pt x="540" y="784"/>
                  </a:lnTo>
                  <a:lnTo>
                    <a:pt x="538" y="784"/>
                  </a:lnTo>
                  <a:lnTo>
                    <a:pt x="532" y="783"/>
                  </a:lnTo>
                  <a:lnTo>
                    <a:pt x="525" y="780"/>
                  </a:lnTo>
                  <a:lnTo>
                    <a:pt x="516" y="777"/>
                  </a:lnTo>
                  <a:lnTo>
                    <a:pt x="507" y="775"/>
                  </a:lnTo>
                  <a:lnTo>
                    <a:pt x="501" y="775"/>
                  </a:lnTo>
                  <a:lnTo>
                    <a:pt x="497" y="775"/>
                  </a:lnTo>
                  <a:lnTo>
                    <a:pt x="492" y="776"/>
                  </a:lnTo>
                  <a:lnTo>
                    <a:pt x="488" y="777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0" name="Varde kant"/>
            <p:cNvSpPr>
              <a:spLocks/>
            </p:cNvSpPr>
            <p:nvPr/>
          </p:nvSpPr>
          <p:spPr bwMode="auto">
            <a:xfrm>
              <a:off x="479425" y="4692650"/>
              <a:ext cx="658813" cy="530225"/>
            </a:xfrm>
            <a:custGeom>
              <a:avLst/>
              <a:gdLst>
                <a:gd name="T0" fmla="*/ 162 w 1246"/>
                <a:gd name="T1" fmla="*/ 246 h 1003"/>
                <a:gd name="T2" fmla="*/ 145 w 1246"/>
                <a:gd name="T3" fmla="*/ 227 h 1003"/>
                <a:gd name="T4" fmla="*/ 124 w 1246"/>
                <a:gd name="T5" fmla="*/ 222 h 1003"/>
                <a:gd name="T6" fmla="*/ 116 w 1246"/>
                <a:gd name="T7" fmla="*/ 230 h 1003"/>
                <a:gd name="T8" fmla="*/ 103 w 1246"/>
                <a:gd name="T9" fmla="*/ 226 h 1003"/>
                <a:gd name="T10" fmla="*/ 89 w 1246"/>
                <a:gd name="T11" fmla="*/ 229 h 1003"/>
                <a:gd name="T12" fmla="*/ 81 w 1246"/>
                <a:gd name="T13" fmla="*/ 239 h 1003"/>
                <a:gd name="T14" fmla="*/ 77 w 1246"/>
                <a:gd name="T15" fmla="*/ 278 h 1003"/>
                <a:gd name="T16" fmla="*/ 90 w 1246"/>
                <a:gd name="T17" fmla="*/ 299 h 1003"/>
                <a:gd name="T18" fmla="*/ 108 w 1246"/>
                <a:gd name="T19" fmla="*/ 328 h 1003"/>
                <a:gd name="T20" fmla="*/ 59 w 1246"/>
                <a:gd name="T21" fmla="*/ 294 h 1003"/>
                <a:gd name="T22" fmla="*/ 24 w 1246"/>
                <a:gd name="T23" fmla="*/ 272 h 1003"/>
                <a:gd name="T24" fmla="*/ 8 w 1246"/>
                <a:gd name="T25" fmla="*/ 236 h 1003"/>
                <a:gd name="T26" fmla="*/ 32 w 1246"/>
                <a:gd name="T27" fmla="*/ 169 h 1003"/>
                <a:gd name="T28" fmla="*/ 46 w 1246"/>
                <a:gd name="T29" fmla="*/ 113 h 1003"/>
                <a:gd name="T30" fmla="*/ 50 w 1246"/>
                <a:gd name="T31" fmla="*/ 74 h 1003"/>
                <a:gd name="T32" fmla="*/ 47 w 1246"/>
                <a:gd name="T33" fmla="*/ 31 h 1003"/>
                <a:gd name="T34" fmla="*/ 55 w 1246"/>
                <a:gd name="T35" fmla="*/ 31 h 1003"/>
                <a:gd name="T36" fmla="*/ 56 w 1246"/>
                <a:gd name="T37" fmla="*/ 13 h 1003"/>
                <a:gd name="T38" fmla="*/ 91 w 1246"/>
                <a:gd name="T39" fmla="*/ 38 h 1003"/>
                <a:gd name="T40" fmla="*/ 107 w 1246"/>
                <a:gd name="T41" fmla="*/ 43 h 1003"/>
                <a:gd name="T42" fmla="*/ 120 w 1246"/>
                <a:gd name="T43" fmla="*/ 41 h 1003"/>
                <a:gd name="T44" fmla="*/ 131 w 1246"/>
                <a:gd name="T45" fmla="*/ 32 h 1003"/>
                <a:gd name="T46" fmla="*/ 159 w 1246"/>
                <a:gd name="T47" fmla="*/ 38 h 1003"/>
                <a:gd name="T48" fmla="*/ 191 w 1246"/>
                <a:gd name="T49" fmla="*/ 69 h 1003"/>
                <a:gd name="T50" fmla="*/ 212 w 1246"/>
                <a:gd name="T51" fmla="*/ 59 h 1003"/>
                <a:gd name="T52" fmla="*/ 222 w 1246"/>
                <a:gd name="T53" fmla="*/ 47 h 1003"/>
                <a:gd name="T54" fmla="*/ 225 w 1246"/>
                <a:gd name="T55" fmla="*/ 28 h 1003"/>
                <a:gd name="T56" fmla="*/ 236 w 1246"/>
                <a:gd name="T57" fmla="*/ 21 h 1003"/>
                <a:gd name="T58" fmla="*/ 239 w 1246"/>
                <a:gd name="T59" fmla="*/ 5 h 1003"/>
                <a:gd name="T60" fmla="*/ 246 w 1246"/>
                <a:gd name="T61" fmla="*/ 1 h 1003"/>
                <a:gd name="T62" fmla="*/ 253 w 1246"/>
                <a:gd name="T63" fmla="*/ 8 h 1003"/>
                <a:gd name="T64" fmla="*/ 267 w 1246"/>
                <a:gd name="T65" fmla="*/ 9 h 1003"/>
                <a:gd name="T66" fmla="*/ 283 w 1246"/>
                <a:gd name="T67" fmla="*/ 4 h 1003"/>
                <a:gd name="T68" fmla="*/ 295 w 1246"/>
                <a:gd name="T69" fmla="*/ 5 h 1003"/>
                <a:gd name="T70" fmla="*/ 315 w 1246"/>
                <a:gd name="T71" fmla="*/ 19 h 1003"/>
                <a:gd name="T72" fmla="*/ 337 w 1246"/>
                <a:gd name="T73" fmla="*/ 38 h 1003"/>
                <a:gd name="T74" fmla="*/ 336 w 1246"/>
                <a:gd name="T75" fmla="*/ 61 h 1003"/>
                <a:gd name="T76" fmla="*/ 345 w 1246"/>
                <a:gd name="T77" fmla="*/ 81 h 1003"/>
                <a:gd name="T78" fmla="*/ 369 w 1246"/>
                <a:gd name="T79" fmla="*/ 100 h 1003"/>
                <a:gd name="T80" fmla="*/ 359 w 1246"/>
                <a:gd name="T81" fmla="*/ 129 h 1003"/>
                <a:gd name="T82" fmla="*/ 356 w 1246"/>
                <a:gd name="T83" fmla="*/ 146 h 1003"/>
                <a:gd name="T84" fmla="*/ 405 w 1246"/>
                <a:gd name="T85" fmla="*/ 168 h 1003"/>
                <a:gd name="T86" fmla="*/ 403 w 1246"/>
                <a:gd name="T87" fmla="*/ 183 h 1003"/>
                <a:gd name="T88" fmla="*/ 410 w 1246"/>
                <a:gd name="T89" fmla="*/ 199 h 1003"/>
                <a:gd name="T90" fmla="*/ 392 w 1246"/>
                <a:gd name="T91" fmla="*/ 222 h 1003"/>
                <a:gd name="T92" fmla="*/ 361 w 1246"/>
                <a:gd name="T93" fmla="*/ 233 h 1003"/>
                <a:gd name="T94" fmla="*/ 346 w 1246"/>
                <a:gd name="T95" fmla="*/ 242 h 1003"/>
                <a:gd name="T96" fmla="*/ 330 w 1246"/>
                <a:gd name="T97" fmla="*/ 268 h 1003"/>
                <a:gd name="T98" fmla="*/ 318 w 1246"/>
                <a:gd name="T99" fmla="*/ 275 h 1003"/>
                <a:gd name="T100" fmla="*/ 299 w 1246"/>
                <a:gd name="T101" fmla="*/ 263 h 1003"/>
                <a:gd name="T102" fmla="*/ 288 w 1246"/>
                <a:gd name="T103" fmla="*/ 252 h 1003"/>
                <a:gd name="T104" fmla="*/ 278 w 1246"/>
                <a:gd name="T105" fmla="*/ 240 h 1003"/>
                <a:gd name="T106" fmla="*/ 269 w 1246"/>
                <a:gd name="T107" fmla="*/ 246 h 1003"/>
                <a:gd name="T108" fmla="*/ 260 w 1246"/>
                <a:gd name="T109" fmla="*/ 257 h 1003"/>
                <a:gd name="T110" fmla="*/ 248 w 1246"/>
                <a:gd name="T111" fmla="*/ 256 h 1003"/>
                <a:gd name="T112" fmla="*/ 241 w 1246"/>
                <a:gd name="T113" fmla="*/ 247 h 1003"/>
                <a:gd name="T114" fmla="*/ 213 w 1246"/>
                <a:gd name="T115" fmla="*/ 229 h 1003"/>
                <a:gd name="T116" fmla="*/ 187 w 1246"/>
                <a:gd name="T117" fmla="*/ 235 h 1003"/>
                <a:gd name="T118" fmla="*/ 181 w 1246"/>
                <a:gd name="T119" fmla="*/ 248 h 1003"/>
                <a:gd name="T120" fmla="*/ 181 w 1246"/>
                <a:gd name="T121" fmla="*/ 259 h 1003"/>
                <a:gd name="T122" fmla="*/ 177 w 1246"/>
                <a:gd name="T123" fmla="*/ 261 h 1003"/>
                <a:gd name="T124" fmla="*/ 166 w 1246"/>
                <a:gd name="T125" fmla="*/ 258 h 1003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246" h="1003">
                  <a:moveTo>
                    <a:pt x="488" y="777"/>
                  </a:moveTo>
                  <a:lnTo>
                    <a:pt x="490" y="767"/>
                  </a:lnTo>
                  <a:lnTo>
                    <a:pt x="490" y="756"/>
                  </a:lnTo>
                  <a:lnTo>
                    <a:pt x="489" y="747"/>
                  </a:lnTo>
                  <a:lnTo>
                    <a:pt x="487" y="738"/>
                  </a:lnTo>
                  <a:lnTo>
                    <a:pt x="482" y="730"/>
                  </a:lnTo>
                  <a:lnTo>
                    <a:pt x="477" y="721"/>
                  </a:lnTo>
                  <a:lnTo>
                    <a:pt x="472" y="714"/>
                  </a:lnTo>
                  <a:lnTo>
                    <a:pt x="464" y="708"/>
                  </a:lnTo>
                  <a:lnTo>
                    <a:pt x="434" y="681"/>
                  </a:lnTo>
                  <a:lnTo>
                    <a:pt x="403" y="656"/>
                  </a:lnTo>
                  <a:lnTo>
                    <a:pt x="395" y="658"/>
                  </a:lnTo>
                  <a:lnTo>
                    <a:pt x="387" y="660"/>
                  </a:lnTo>
                  <a:lnTo>
                    <a:pt x="379" y="664"/>
                  </a:lnTo>
                  <a:lnTo>
                    <a:pt x="373" y="668"/>
                  </a:lnTo>
                  <a:lnTo>
                    <a:pt x="367" y="672"/>
                  </a:lnTo>
                  <a:lnTo>
                    <a:pt x="362" y="677"/>
                  </a:lnTo>
                  <a:lnTo>
                    <a:pt x="358" y="685"/>
                  </a:lnTo>
                  <a:lnTo>
                    <a:pt x="356" y="693"/>
                  </a:lnTo>
                  <a:lnTo>
                    <a:pt x="347" y="692"/>
                  </a:lnTo>
                  <a:lnTo>
                    <a:pt x="338" y="690"/>
                  </a:lnTo>
                  <a:lnTo>
                    <a:pt x="331" y="687"/>
                  </a:lnTo>
                  <a:lnTo>
                    <a:pt x="323" y="684"/>
                  </a:lnTo>
                  <a:lnTo>
                    <a:pt x="316" y="680"/>
                  </a:lnTo>
                  <a:lnTo>
                    <a:pt x="309" y="678"/>
                  </a:lnTo>
                  <a:lnTo>
                    <a:pt x="300" y="676"/>
                  </a:lnTo>
                  <a:lnTo>
                    <a:pt x="291" y="674"/>
                  </a:lnTo>
                  <a:lnTo>
                    <a:pt x="282" y="677"/>
                  </a:lnTo>
                  <a:lnTo>
                    <a:pt x="275" y="681"/>
                  </a:lnTo>
                  <a:lnTo>
                    <a:pt x="268" y="687"/>
                  </a:lnTo>
                  <a:lnTo>
                    <a:pt x="261" y="692"/>
                  </a:lnTo>
                  <a:lnTo>
                    <a:pt x="256" y="698"/>
                  </a:lnTo>
                  <a:lnTo>
                    <a:pt x="251" y="705"/>
                  </a:lnTo>
                  <a:lnTo>
                    <a:pt x="247" y="712"/>
                  </a:lnTo>
                  <a:lnTo>
                    <a:pt x="242" y="719"/>
                  </a:lnTo>
                  <a:lnTo>
                    <a:pt x="229" y="753"/>
                  </a:lnTo>
                  <a:lnTo>
                    <a:pt x="216" y="787"/>
                  </a:lnTo>
                  <a:lnTo>
                    <a:pt x="219" y="805"/>
                  </a:lnTo>
                  <a:lnTo>
                    <a:pt x="223" y="820"/>
                  </a:lnTo>
                  <a:lnTo>
                    <a:pt x="230" y="835"/>
                  </a:lnTo>
                  <a:lnTo>
                    <a:pt x="236" y="849"/>
                  </a:lnTo>
                  <a:lnTo>
                    <a:pt x="243" y="861"/>
                  </a:lnTo>
                  <a:lnTo>
                    <a:pt x="252" y="874"/>
                  </a:lnTo>
                  <a:lnTo>
                    <a:pt x="260" y="886"/>
                  </a:lnTo>
                  <a:lnTo>
                    <a:pt x="270" y="897"/>
                  </a:lnTo>
                  <a:lnTo>
                    <a:pt x="288" y="919"/>
                  </a:lnTo>
                  <a:lnTo>
                    <a:pt x="304" y="944"/>
                  </a:lnTo>
                  <a:lnTo>
                    <a:pt x="312" y="957"/>
                  </a:lnTo>
                  <a:lnTo>
                    <a:pt x="318" y="971"/>
                  </a:lnTo>
                  <a:lnTo>
                    <a:pt x="324" y="986"/>
                  </a:lnTo>
                  <a:lnTo>
                    <a:pt x="329" y="1003"/>
                  </a:lnTo>
                  <a:lnTo>
                    <a:pt x="290" y="973"/>
                  </a:lnTo>
                  <a:lnTo>
                    <a:pt x="252" y="944"/>
                  </a:lnTo>
                  <a:lnTo>
                    <a:pt x="214" y="913"/>
                  </a:lnTo>
                  <a:lnTo>
                    <a:pt x="176" y="884"/>
                  </a:lnTo>
                  <a:lnTo>
                    <a:pt x="156" y="869"/>
                  </a:lnTo>
                  <a:lnTo>
                    <a:pt x="136" y="855"/>
                  </a:lnTo>
                  <a:lnTo>
                    <a:pt x="115" y="841"/>
                  </a:lnTo>
                  <a:lnTo>
                    <a:pt x="94" y="829"/>
                  </a:lnTo>
                  <a:lnTo>
                    <a:pt x="72" y="817"/>
                  </a:lnTo>
                  <a:lnTo>
                    <a:pt x="50" y="806"/>
                  </a:lnTo>
                  <a:lnTo>
                    <a:pt x="25" y="796"/>
                  </a:lnTo>
                  <a:lnTo>
                    <a:pt x="0" y="787"/>
                  </a:lnTo>
                  <a:lnTo>
                    <a:pt x="12" y="747"/>
                  </a:lnTo>
                  <a:lnTo>
                    <a:pt x="25" y="708"/>
                  </a:lnTo>
                  <a:lnTo>
                    <a:pt x="39" y="668"/>
                  </a:lnTo>
                  <a:lnTo>
                    <a:pt x="53" y="629"/>
                  </a:lnTo>
                  <a:lnTo>
                    <a:pt x="68" y="589"/>
                  </a:lnTo>
                  <a:lnTo>
                    <a:pt x="82" y="549"/>
                  </a:lnTo>
                  <a:lnTo>
                    <a:pt x="96" y="509"/>
                  </a:lnTo>
                  <a:lnTo>
                    <a:pt x="109" y="467"/>
                  </a:lnTo>
                  <a:lnTo>
                    <a:pt x="121" y="424"/>
                  </a:lnTo>
                  <a:lnTo>
                    <a:pt x="131" y="381"/>
                  </a:lnTo>
                  <a:lnTo>
                    <a:pt x="135" y="360"/>
                  </a:lnTo>
                  <a:lnTo>
                    <a:pt x="139" y="338"/>
                  </a:lnTo>
                  <a:lnTo>
                    <a:pt x="142" y="315"/>
                  </a:lnTo>
                  <a:lnTo>
                    <a:pt x="145" y="292"/>
                  </a:lnTo>
                  <a:lnTo>
                    <a:pt x="148" y="269"/>
                  </a:lnTo>
                  <a:lnTo>
                    <a:pt x="149" y="245"/>
                  </a:lnTo>
                  <a:lnTo>
                    <a:pt x="150" y="221"/>
                  </a:lnTo>
                  <a:lnTo>
                    <a:pt x="150" y="197"/>
                  </a:lnTo>
                  <a:lnTo>
                    <a:pt x="149" y="172"/>
                  </a:lnTo>
                  <a:lnTo>
                    <a:pt x="148" y="146"/>
                  </a:lnTo>
                  <a:lnTo>
                    <a:pt x="144" y="120"/>
                  </a:lnTo>
                  <a:lnTo>
                    <a:pt x="141" y="94"/>
                  </a:lnTo>
                  <a:lnTo>
                    <a:pt x="148" y="96"/>
                  </a:lnTo>
                  <a:lnTo>
                    <a:pt x="154" y="96"/>
                  </a:lnTo>
                  <a:lnTo>
                    <a:pt x="158" y="96"/>
                  </a:lnTo>
                  <a:lnTo>
                    <a:pt x="162" y="94"/>
                  </a:lnTo>
                  <a:lnTo>
                    <a:pt x="165" y="92"/>
                  </a:lnTo>
                  <a:lnTo>
                    <a:pt x="168" y="89"/>
                  </a:lnTo>
                  <a:lnTo>
                    <a:pt x="169" y="84"/>
                  </a:lnTo>
                  <a:lnTo>
                    <a:pt x="170" y="80"/>
                  </a:lnTo>
                  <a:lnTo>
                    <a:pt x="170" y="59"/>
                  </a:lnTo>
                  <a:lnTo>
                    <a:pt x="169" y="38"/>
                  </a:lnTo>
                  <a:lnTo>
                    <a:pt x="195" y="58"/>
                  </a:lnTo>
                  <a:lnTo>
                    <a:pt x="224" y="81"/>
                  </a:lnTo>
                  <a:lnTo>
                    <a:pt x="240" y="93"/>
                  </a:lnTo>
                  <a:lnTo>
                    <a:pt x="256" y="103"/>
                  </a:lnTo>
                  <a:lnTo>
                    <a:pt x="273" y="113"/>
                  </a:lnTo>
                  <a:lnTo>
                    <a:pt x="290" y="120"/>
                  </a:lnTo>
                  <a:lnTo>
                    <a:pt x="297" y="123"/>
                  </a:lnTo>
                  <a:lnTo>
                    <a:pt x="305" y="126"/>
                  </a:lnTo>
                  <a:lnTo>
                    <a:pt x="314" y="129"/>
                  </a:lnTo>
                  <a:lnTo>
                    <a:pt x="321" y="130"/>
                  </a:lnTo>
                  <a:lnTo>
                    <a:pt x="330" y="130"/>
                  </a:lnTo>
                  <a:lnTo>
                    <a:pt x="337" y="130"/>
                  </a:lnTo>
                  <a:lnTo>
                    <a:pt x="344" y="130"/>
                  </a:lnTo>
                  <a:lnTo>
                    <a:pt x="352" y="128"/>
                  </a:lnTo>
                  <a:lnTo>
                    <a:pt x="359" y="124"/>
                  </a:lnTo>
                  <a:lnTo>
                    <a:pt x="367" y="121"/>
                  </a:lnTo>
                  <a:lnTo>
                    <a:pt x="373" y="116"/>
                  </a:lnTo>
                  <a:lnTo>
                    <a:pt x="380" y="111"/>
                  </a:lnTo>
                  <a:lnTo>
                    <a:pt x="387" y="103"/>
                  </a:lnTo>
                  <a:lnTo>
                    <a:pt x="392" y="95"/>
                  </a:lnTo>
                  <a:lnTo>
                    <a:pt x="398" y="85"/>
                  </a:lnTo>
                  <a:lnTo>
                    <a:pt x="403" y="75"/>
                  </a:lnTo>
                  <a:lnTo>
                    <a:pt x="429" y="88"/>
                  </a:lnTo>
                  <a:lnTo>
                    <a:pt x="453" y="100"/>
                  </a:lnTo>
                  <a:lnTo>
                    <a:pt x="476" y="115"/>
                  </a:lnTo>
                  <a:lnTo>
                    <a:pt x="498" y="131"/>
                  </a:lnTo>
                  <a:lnTo>
                    <a:pt x="518" y="148"/>
                  </a:lnTo>
                  <a:lnTo>
                    <a:pt x="537" y="165"/>
                  </a:lnTo>
                  <a:lnTo>
                    <a:pt x="555" y="185"/>
                  </a:lnTo>
                  <a:lnTo>
                    <a:pt x="572" y="207"/>
                  </a:lnTo>
                  <a:lnTo>
                    <a:pt x="591" y="199"/>
                  </a:lnTo>
                  <a:lnTo>
                    <a:pt x="611" y="192"/>
                  </a:lnTo>
                  <a:lnTo>
                    <a:pt x="620" y="188"/>
                  </a:lnTo>
                  <a:lnTo>
                    <a:pt x="629" y="183"/>
                  </a:lnTo>
                  <a:lnTo>
                    <a:pt x="637" y="178"/>
                  </a:lnTo>
                  <a:lnTo>
                    <a:pt x="646" y="173"/>
                  </a:lnTo>
                  <a:lnTo>
                    <a:pt x="652" y="165"/>
                  </a:lnTo>
                  <a:lnTo>
                    <a:pt x="658" y="158"/>
                  </a:lnTo>
                  <a:lnTo>
                    <a:pt x="664" y="150"/>
                  </a:lnTo>
                  <a:lnTo>
                    <a:pt x="667" y="140"/>
                  </a:lnTo>
                  <a:lnTo>
                    <a:pt x="669" y="129"/>
                  </a:lnTo>
                  <a:lnTo>
                    <a:pt x="670" y="116"/>
                  </a:lnTo>
                  <a:lnTo>
                    <a:pt x="669" y="101"/>
                  </a:lnTo>
                  <a:lnTo>
                    <a:pt x="666" y="84"/>
                  </a:lnTo>
                  <a:lnTo>
                    <a:pt x="677" y="84"/>
                  </a:lnTo>
                  <a:lnTo>
                    <a:pt x="687" y="82"/>
                  </a:lnTo>
                  <a:lnTo>
                    <a:pt x="695" y="79"/>
                  </a:lnTo>
                  <a:lnTo>
                    <a:pt x="700" y="75"/>
                  </a:lnTo>
                  <a:lnTo>
                    <a:pt x="705" y="70"/>
                  </a:lnTo>
                  <a:lnTo>
                    <a:pt x="708" y="64"/>
                  </a:lnTo>
                  <a:lnTo>
                    <a:pt x="711" y="57"/>
                  </a:lnTo>
                  <a:lnTo>
                    <a:pt x="712" y="50"/>
                  </a:lnTo>
                  <a:lnTo>
                    <a:pt x="714" y="35"/>
                  </a:lnTo>
                  <a:lnTo>
                    <a:pt x="716" y="21"/>
                  </a:lnTo>
                  <a:lnTo>
                    <a:pt x="718" y="15"/>
                  </a:lnTo>
                  <a:lnTo>
                    <a:pt x="721" y="9"/>
                  </a:lnTo>
                  <a:lnTo>
                    <a:pt x="726" y="4"/>
                  </a:lnTo>
                  <a:lnTo>
                    <a:pt x="731" y="0"/>
                  </a:lnTo>
                  <a:lnTo>
                    <a:pt x="735" y="1"/>
                  </a:lnTo>
                  <a:lnTo>
                    <a:pt x="739" y="2"/>
                  </a:lnTo>
                  <a:lnTo>
                    <a:pt x="744" y="4"/>
                  </a:lnTo>
                  <a:lnTo>
                    <a:pt x="747" y="6"/>
                  </a:lnTo>
                  <a:lnTo>
                    <a:pt x="752" y="11"/>
                  </a:lnTo>
                  <a:lnTo>
                    <a:pt x="756" y="17"/>
                  </a:lnTo>
                  <a:lnTo>
                    <a:pt x="760" y="23"/>
                  </a:lnTo>
                  <a:lnTo>
                    <a:pt x="766" y="29"/>
                  </a:lnTo>
                  <a:lnTo>
                    <a:pt x="771" y="34"/>
                  </a:lnTo>
                  <a:lnTo>
                    <a:pt x="777" y="38"/>
                  </a:lnTo>
                  <a:lnTo>
                    <a:pt x="790" y="32"/>
                  </a:lnTo>
                  <a:lnTo>
                    <a:pt x="801" y="26"/>
                  </a:lnTo>
                  <a:lnTo>
                    <a:pt x="812" y="22"/>
                  </a:lnTo>
                  <a:lnTo>
                    <a:pt x="823" y="18"/>
                  </a:lnTo>
                  <a:lnTo>
                    <a:pt x="832" y="16"/>
                  </a:lnTo>
                  <a:lnTo>
                    <a:pt x="841" y="14"/>
                  </a:lnTo>
                  <a:lnTo>
                    <a:pt x="850" y="13"/>
                  </a:lnTo>
                  <a:lnTo>
                    <a:pt x="857" y="12"/>
                  </a:lnTo>
                  <a:lnTo>
                    <a:pt x="866" y="12"/>
                  </a:lnTo>
                  <a:lnTo>
                    <a:pt x="873" y="13"/>
                  </a:lnTo>
                  <a:lnTo>
                    <a:pt x="879" y="14"/>
                  </a:lnTo>
                  <a:lnTo>
                    <a:pt x="887" y="16"/>
                  </a:lnTo>
                  <a:lnTo>
                    <a:pt x="899" y="21"/>
                  </a:lnTo>
                  <a:lnTo>
                    <a:pt x="911" y="29"/>
                  </a:lnTo>
                  <a:lnTo>
                    <a:pt x="923" y="37"/>
                  </a:lnTo>
                  <a:lnTo>
                    <a:pt x="933" y="46"/>
                  </a:lnTo>
                  <a:lnTo>
                    <a:pt x="945" y="57"/>
                  </a:lnTo>
                  <a:lnTo>
                    <a:pt x="956" y="68"/>
                  </a:lnTo>
                  <a:lnTo>
                    <a:pt x="968" y="79"/>
                  </a:lnTo>
                  <a:lnTo>
                    <a:pt x="982" y="91"/>
                  </a:lnTo>
                  <a:lnTo>
                    <a:pt x="996" y="102"/>
                  </a:lnTo>
                  <a:lnTo>
                    <a:pt x="1012" y="113"/>
                  </a:lnTo>
                  <a:lnTo>
                    <a:pt x="1013" y="130"/>
                  </a:lnTo>
                  <a:lnTo>
                    <a:pt x="1013" y="144"/>
                  </a:lnTo>
                  <a:lnTo>
                    <a:pt x="1012" y="158"/>
                  </a:lnTo>
                  <a:lnTo>
                    <a:pt x="1010" y="172"/>
                  </a:lnTo>
                  <a:lnTo>
                    <a:pt x="1008" y="184"/>
                  </a:lnTo>
                  <a:lnTo>
                    <a:pt x="1005" y="197"/>
                  </a:lnTo>
                  <a:lnTo>
                    <a:pt x="1004" y="211"/>
                  </a:lnTo>
                  <a:lnTo>
                    <a:pt x="1003" y="225"/>
                  </a:lnTo>
                  <a:lnTo>
                    <a:pt x="1019" y="234"/>
                  </a:lnTo>
                  <a:lnTo>
                    <a:pt x="1035" y="243"/>
                  </a:lnTo>
                  <a:lnTo>
                    <a:pt x="1050" y="255"/>
                  </a:lnTo>
                  <a:lnTo>
                    <a:pt x="1064" y="267"/>
                  </a:lnTo>
                  <a:lnTo>
                    <a:pt x="1078" y="278"/>
                  </a:lnTo>
                  <a:lnTo>
                    <a:pt x="1092" y="290"/>
                  </a:lnTo>
                  <a:lnTo>
                    <a:pt x="1108" y="300"/>
                  </a:lnTo>
                  <a:lnTo>
                    <a:pt x="1124" y="310"/>
                  </a:lnTo>
                  <a:lnTo>
                    <a:pt x="1107" y="341"/>
                  </a:lnTo>
                  <a:lnTo>
                    <a:pt x="1088" y="371"/>
                  </a:lnTo>
                  <a:lnTo>
                    <a:pt x="1084" y="379"/>
                  </a:lnTo>
                  <a:lnTo>
                    <a:pt x="1079" y="388"/>
                  </a:lnTo>
                  <a:lnTo>
                    <a:pt x="1076" y="396"/>
                  </a:lnTo>
                  <a:lnTo>
                    <a:pt x="1073" y="406"/>
                  </a:lnTo>
                  <a:lnTo>
                    <a:pt x="1071" y="416"/>
                  </a:lnTo>
                  <a:lnTo>
                    <a:pt x="1069" y="427"/>
                  </a:lnTo>
                  <a:lnTo>
                    <a:pt x="1068" y="437"/>
                  </a:lnTo>
                  <a:lnTo>
                    <a:pt x="1068" y="450"/>
                  </a:lnTo>
                  <a:lnTo>
                    <a:pt x="1095" y="461"/>
                  </a:lnTo>
                  <a:lnTo>
                    <a:pt x="1134" y="475"/>
                  </a:lnTo>
                  <a:lnTo>
                    <a:pt x="1177" y="491"/>
                  </a:lnTo>
                  <a:lnTo>
                    <a:pt x="1217" y="506"/>
                  </a:lnTo>
                  <a:lnTo>
                    <a:pt x="1214" y="516"/>
                  </a:lnTo>
                  <a:lnTo>
                    <a:pt x="1211" y="526"/>
                  </a:lnTo>
                  <a:lnTo>
                    <a:pt x="1210" y="535"/>
                  </a:lnTo>
                  <a:lnTo>
                    <a:pt x="1209" y="543"/>
                  </a:lnTo>
                  <a:lnTo>
                    <a:pt x="1210" y="551"/>
                  </a:lnTo>
                  <a:lnTo>
                    <a:pt x="1212" y="558"/>
                  </a:lnTo>
                  <a:lnTo>
                    <a:pt x="1214" y="566"/>
                  </a:lnTo>
                  <a:lnTo>
                    <a:pt x="1217" y="572"/>
                  </a:lnTo>
                  <a:lnTo>
                    <a:pt x="1224" y="586"/>
                  </a:lnTo>
                  <a:lnTo>
                    <a:pt x="1232" y="598"/>
                  </a:lnTo>
                  <a:lnTo>
                    <a:pt x="1240" y="613"/>
                  </a:lnTo>
                  <a:lnTo>
                    <a:pt x="1246" y="628"/>
                  </a:lnTo>
                  <a:lnTo>
                    <a:pt x="1225" y="641"/>
                  </a:lnTo>
                  <a:lnTo>
                    <a:pt x="1202" y="654"/>
                  </a:lnTo>
                  <a:lnTo>
                    <a:pt x="1178" y="667"/>
                  </a:lnTo>
                  <a:lnTo>
                    <a:pt x="1155" y="678"/>
                  </a:lnTo>
                  <a:lnTo>
                    <a:pt x="1131" y="688"/>
                  </a:lnTo>
                  <a:lnTo>
                    <a:pt x="1108" y="695"/>
                  </a:lnTo>
                  <a:lnTo>
                    <a:pt x="1095" y="698"/>
                  </a:lnTo>
                  <a:lnTo>
                    <a:pt x="1083" y="700"/>
                  </a:lnTo>
                  <a:lnTo>
                    <a:pt x="1071" y="701"/>
                  </a:lnTo>
                  <a:lnTo>
                    <a:pt x="1058" y="702"/>
                  </a:lnTo>
                  <a:lnTo>
                    <a:pt x="1052" y="710"/>
                  </a:lnTo>
                  <a:lnTo>
                    <a:pt x="1046" y="717"/>
                  </a:lnTo>
                  <a:lnTo>
                    <a:pt x="1039" y="726"/>
                  </a:lnTo>
                  <a:lnTo>
                    <a:pt x="1034" y="734"/>
                  </a:lnTo>
                  <a:lnTo>
                    <a:pt x="1024" y="752"/>
                  </a:lnTo>
                  <a:lnTo>
                    <a:pt x="1013" y="770"/>
                  </a:lnTo>
                  <a:lnTo>
                    <a:pt x="1003" y="788"/>
                  </a:lnTo>
                  <a:lnTo>
                    <a:pt x="992" y="805"/>
                  </a:lnTo>
                  <a:lnTo>
                    <a:pt x="986" y="812"/>
                  </a:lnTo>
                  <a:lnTo>
                    <a:pt x="979" y="820"/>
                  </a:lnTo>
                  <a:lnTo>
                    <a:pt x="972" y="827"/>
                  </a:lnTo>
                  <a:lnTo>
                    <a:pt x="965" y="834"/>
                  </a:lnTo>
                  <a:lnTo>
                    <a:pt x="956" y="826"/>
                  </a:lnTo>
                  <a:lnTo>
                    <a:pt x="947" y="819"/>
                  </a:lnTo>
                  <a:lnTo>
                    <a:pt x="938" y="813"/>
                  </a:lnTo>
                  <a:lnTo>
                    <a:pt x="930" y="808"/>
                  </a:lnTo>
                  <a:lnTo>
                    <a:pt x="913" y="798"/>
                  </a:lnTo>
                  <a:lnTo>
                    <a:pt x="897" y="790"/>
                  </a:lnTo>
                  <a:lnTo>
                    <a:pt x="890" y="785"/>
                  </a:lnTo>
                  <a:lnTo>
                    <a:pt x="883" y="779"/>
                  </a:lnTo>
                  <a:lnTo>
                    <a:pt x="876" y="773"/>
                  </a:lnTo>
                  <a:lnTo>
                    <a:pt x="871" y="766"/>
                  </a:lnTo>
                  <a:lnTo>
                    <a:pt x="865" y="757"/>
                  </a:lnTo>
                  <a:lnTo>
                    <a:pt x="860" y="747"/>
                  </a:lnTo>
                  <a:lnTo>
                    <a:pt x="856" y="735"/>
                  </a:lnTo>
                  <a:lnTo>
                    <a:pt x="853" y="721"/>
                  </a:lnTo>
                  <a:lnTo>
                    <a:pt x="844" y="721"/>
                  </a:lnTo>
                  <a:lnTo>
                    <a:pt x="836" y="722"/>
                  </a:lnTo>
                  <a:lnTo>
                    <a:pt x="830" y="725"/>
                  </a:lnTo>
                  <a:lnTo>
                    <a:pt x="824" y="728"/>
                  </a:lnTo>
                  <a:lnTo>
                    <a:pt x="818" y="731"/>
                  </a:lnTo>
                  <a:lnTo>
                    <a:pt x="814" y="735"/>
                  </a:lnTo>
                  <a:lnTo>
                    <a:pt x="809" y="739"/>
                  </a:lnTo>
                  <a:lnTo>
                    <a:pt x="806" y="745"/>
                  </a:lnTo>
                  <a:lnTo>
                    <a:pt x="797" y="754"/>
                  </a:lnTo>
                  <a:lnTo>
                    <a:pt x="789" y="764"/>
                  </a:lnTo>
                  <a:lnTo>
                    <a:pt x="785" y="768"/>
                  </a:lnTo>
                  <a:lnTo>
                    <a:pt x="780" y="772"/>
                  </a:lnTo>
                  <a:lnTo>
                    <a:pt x="774" y="775"/>
                  </a:lnTo>
                  <a:lnTo>
                    <a:pt x="769" y="777"/>
                  </a:lnTo>
                  <a:lnTo>
                    <a:pt x="759" y="776"/>
                  </a:lnTo>
                  <a:lnTo>
                    <a:pt x="752" y="774"/>
                  </a:lnTo>
                  <a:lnTo>
                    <a:pt x="746" y="770"/>
                  </a:lnTo>
                  <a:lnTo>
                    <a:pt x="740" y="766"/>
                  </a:lnTo>
                  <a:lnTo>
                    <a:pt x="735" y="760"/>
                  </a:lnTo>
                  <a:lnTo>
                    <a:pt x="731" y="755"/>
                  </a:lnTo>
                  <a:lnTo>
                    <a:pt x="728" y="749"/>
                  </a:lnTo>
                  <a:lnTo>
                    <a:pt x="725" y="741"/>
                  </a:lnTo>
                  <a:lnTo>
                    <a:pt x="714" y="712"/>
                  </a:lnTo>
                  <a:lnTo>
                    <a:pt x="702" y="684"/>
                  </a:lnTo>
                  <a:lnTo>
                    <a:pt x="681" y="684"/>
                  </a:lnTo>
                  <a:lnTo>
                    <a:pt x="661" y="685"/>
                  </a:lnTo>
                  <a:lnTo>
                    <a:pt x="641" y="687"/>
                  </a:lnTo>
                  <a:lnTo>
                    <a:pt x="622" y="688"/>
                  </a:lnTo>
                  <a:lnTo>
                    <a:pt x="590" y="692"/>
                  </a:lnTo>
                  <a:lnTo>
                    <a:pt x="562" y="693"/>
                  </a:lnTo>
                  <a:lnTo>
                    <a:pt x="562" y="699"/>
                  </a:lnTo>
                  <a:lnTo>
                    <a:pt x="562" y="705"/>
                  </a:lnTo>
                  <a:lnTo>
                    <a:pt x="560" y="710"/>
                  </a:lnTo>
                  <a:lnTo>
                    <a:pt x="559" y="715"/>
                  </a:lnTo>
                  <a:lnTo>
                    <a:pt x="554" y="726"/>
                  </a:lnTo>
                  <a:lnTo>
                    <a:pt x="548" y="735"/>
                  </a:lnTo>
                  <a:lnTo>
                    <a:pt x="542" y="746"/>
                  </a:lnTo>
                  <a:lnTo>
                    <a:pt x="539" y="755"/>
                  </a:lnTo>
                  <a:lnTo>
                    <a:pt x="539" y="760"/>
                  </a:lnTo>
                  <a:lnTo>
                    <a:pt x="539" y="766"/>
                  </a:lnTo>
                  <a:lnTo>
                    <a:pt x="540" y="772"/>
                  </a:lnTo>
                  <a:lnTo>
                    <a:pt x="543" y="777"/>
                  </a:lnTo>
                  <a:lnTo>
                    <a:pt x="543" y="780"/>
                  </a:lnTo>
                  <a:lnTo>
                    <a:pt x="541" y="783"/>
                  </a:lnTo>
                  <a:lnTo>
                    <a:pt x="540" y="784"/>
                  </a:lnTo>
                  <a:lnTo>
                    <a:pt x="538" y="784"/>
                  </a:lnTo>
                  <a:lnTo>
                    <a:pt x="532" y="783"/>
                  </a:lnTo>
                  <a:lnTo>
                    <a:pt x="525" y="780"/>
                  </a:lnTo>
                  <a:lnTo>
                    <a:pt x="516" y="777"/>
                  </a:lnTo>
                  <a:lnTo>
                    <a:pt x="507" y="775"/>
                  </a:lnTo>
                  <a:lnTo>
                    <a:pt x="501" y="775"/>
                  </a:lnTo>
                  <a:lnTo>
                    <a:pt x="497" y="775"/>
                  </a:lnTo>
                  <a:lnTo>
                    <a:pt x="492" y="776"/>
                  </a:lnTo>
                  <a:lnTo>
                    <a:pt x="488" y="777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1" name="Billund"/>
            <p:cNvSpPr>
              <a:spLocks/>
            </p:cNvSpPr>
            <p:nvPr/>
          </p:nvSpPr>
          <p:spPr bwMode="auto">
            <a:xfrm>
              <a:off x="1020763" y="4632325"/>
              <a:ext cx="346075" cy="417513"/>
            </a:xfrm>
            <a:custGeom>
              <a:avLst/>
              <a:gdLst>
                <a:gd name="T0" fmla="*/ 83 w 654"/>
                <a:gd name="T1" fmla="*/ 0 h 788"/>
                <a:gd name="T2" fmla="*/ 100 w 654"/>
                <a:gd name="T3" fmla="*/ 3 h 788"/>
                <a:gd name="T4" fmla="*/ 110 w 654"/>
                <a:gd name="T5" fmla="*/ 8 h 788"/>
                <a:gd name="T6" fmla="*/ 107 w 654"/>
                <a:gd name="T7" fmla="*/ 20 h 788"/>
                <a:gd name="T8" fmla="*/ 102 w 654"/>
                <a:gd name="T9" fmla="*/ 35 h 788"/>
                <a:gd name="T10" fmla="*/ 109 w 654"/>
                <a:gd name="T11" fmla="*/ 46 h 788"/>
                <a:gd name="T12" fmla="*/ 126 w 654"/>
                <a:gd name="T13" fmla="*/ 53 h 788"/>
                <a:gd name="T14" fmla="*/ 143 w 654"/>
                <a:gd name="T15" fmla="*/ 54 h 788"/>
                <a:gd name="T16" fmla="*/ 151 w 654"/>
                <a:gd name="T17" fmla="*/ 50 h 788"/>
                <a:gd name="T18" fmla="*/ 155 w 654"/>
                <a:gd name="T19" fmla="*/ 43 h 788"/>
                <a:gd name="T20" fmla="*/ 158 w 654"/>
                <a:gd name="T21" fmla="*/ 50 h 788"/>
                <a:gd name="T22" fmla="*/ 154 w 654"/>
                <a:gd name="T23" fmla="*/ 80 h 788"/>
                <a:gd name="T24" fmla="*/ 152 w 654"/>
                <a:gd name="T25" fmla="*/ 107 h 788"/>
                <a:gd name="T26" fmla="*/ 174 w 654"/>
                <a:gd name="T27" fmla="*/ 113 h 788"/>
                <a:gd name="T28" fmla="*/ 181 w 654"/>
                <a:gd name="T29" fmla="*/ 120 h 788"/>
                <a:gd name="T30" fmla="*/ 184 w 654"/>
                <a:gd name="T31" fmla="*/ 127 h 788"/>
                <a:gd name="T32" fmla="*/ 195 w 654"/>
                <a:gd name="T33" fmla="*/ 134 h 788"/>
                <a:gd name="T34" fmla="*/ 200 w 654"/>
                <a:gd name="T35" fmla="*/ 161 h 788"/>
                <a:gd name="T36" fmla="*/ 197 w 654"/>
                <a:gd name="T37" fmla="*/ 171 h 788"/>
                <a:gd name="T38" fmla="*/ 200 w 654"/>
                <a:gd name="T39" fmla="*/ 175 h 788"/>
                <a:gd name="T40" fmla="*/ 206 w 654"/>
                <a:gd name="T41" fmla="*/ 177 h 788"/>
                <a:gd name="T42" fmla="*/ 201 w 654"/>
                <a:gd name="T43" fmla="*/ 188 h 788"/>
                <a:gd name="T44" fmla="*/ 200 w 654"/>
                <a:gd name="T45" fmla="*/ 205 h 788"/>
                <a:gd name="T46" fmla="*/ 198 w 654"/>
                <a:gd name="T47" fmla="*/ 225 h 788"/>
                <a:gd name="T48" fmla="*/ 202 w 654"/>
                <a:gd name="T49" fmla="*/ 236 h 788"/>
                <a:gd name="T50" fmla="*/ 207 w 654"/>
                <a:gd name="T51" fmla="*/ 241 h 788"/>
                <a:gd name="T52" fmla="*/ 215 w 654"/>
                <a:gd name="T53" fmla="*/ 242 h 788"/>
                <a:gd name="T54" fmla="*/ 216 w 654"/>
                <a:gd name="T55" fmla="*/ 245 h 788"/>
                <a:gd name="T56" fmla="*/ 208 w 654"/>
                <a:gd name="T57" fmla="*/ 250 h 788"/>
                <a:gd name="T58" fmla="*/ 194 w 654"/>
                <a:gd name="T59" fmla="*/ 252 h 788"/>
                <a:gd name="T60" fmla="*/ 183 w 654"/>
                <a:gd name="T61" fmla="*/ 255 h 788"/>
                <a:gd name="T62" fmla="*/ 179 w 654"/>
                <a:gd name="T63" fmla="*/ 258 h 788"/>
                <a:gd name="T64" fmla="*/ 174 w 654"/>
                <a:gd name="T65" fmla="*/ 263 h 788"/>
                <a:gd name="T66" fmla="*/ 157 w 654"/>
                <a:gd name="T67" fmla="*/ 260 h 788"/>
                <a:gd name="T68" fmla="*/ 136 w 654"/>
                <a:gd name="T69" fmla="*/ 253 h 788"/>
                <a:gd name="T70" fmla="*/ 124 w 654"/>
                <a:gd name="T71" fmla="*/ 251 h 788"/>
                <a:gd name="T72" fmla="*/ 121 w 654"/>
                <a:gd name="T73" fmla="*/ 243 h 788"/>
                <a:gd name="T74" fmla="*/ 112 w 654"/>
                <a:gd name="T75" fmla="*/ 238 h 788"/>
                <a:gd name="T76" fmla="*/ 89 w 654"/>
                <a:gd name="T77" fmla="*/ 236 h 788"/>
                <a:gd name="T78" fmla="*/ 72 w 654"/>
                <a:gd name="T79" fmla="*/ 232 h 788"/>
                <a:gd name="T80" fmla="*/ 70 w 654"/>
                <a:gd name="T81" fmla="*/ 225 h 788"/>
                <a:gd name="T82" fmla="*/ 72 w 654"/>
                <a:gd name="T83" fmla="*/ 213 h 788"/>
                <a:gd name="T84" fmla="*/ 68 w 654"/>
                <a:gd name="T85" fmla="*/ 204 h 788"/>
                <a:gd name="T86" fmla="*/ 59 w 654"/>
                <a:gd name="T87" fmla="*/ 197 h 788"/>
                <a:gd name="T88" fmla="*/ 28 w 654"/>
                <a:gd name="T89" fmla="*/ 187 h 788"/>
                <a:gd name="T90" fmla="*/ 19 w 654"/>
                <a:gd name="T91" fmla="*/ 183 h 788"/>
                <a:gd name="T92" fmla="*/ 27 w 654"/>
                <a:gd name="T93" fmla="*/ 167 h 788"/>
                <a:gd name="T94" fmla="*/ 37 w 654"/>
                <a:gd name="T95" fmla="*/ 140 h 788"/>
                <a:gd name="T96" fmla="*/ 26 w 654"/>
                <a:gd name="T97" fmla="*/ 129 h 788"/>
                <a:gd name="T98" fmla="*/ 16 w 654"/>
                <a:gd name="T99" fmla="*/ 118 h 788"/>
                <a:gd name="T100" fmla="*/ 4 w 654"/>
                <a:gd name="T101" fmla="*/ 113 h 788"/>
                <a:gd name="T102" fmla="*/ 1 w 654"/>
                <a:gd name="T103" fmla="*/ 100 h 788"/>
                <a:gd name="T104" fmla="*/ 3 w 654"/>
                <a:gd name="T105" fmla="*/ 84 h 788"/>
                <a:gd name="T106" fmla="*/ 25 w 654"/>
                <a:gd name="T107" fmla="*/ 71 h 788"/>
                <a:gd name="T108" fmla="*/ 37 w 654"/>
                <a:gd name="T109" fmla="*/ 63 h 788"/>
                <a:gd name="T110" fmla="*/ 33 w 654"/>
                <a:gd name="T111" fmla="*/ 54 h 788"/>
                <a:gd name="T112" fmla="*/ 32 w 654"/>
                <a:gd name="T113" fmla="*/ 44 h 788"/>
                <a:gd name="T114" fmla="*/ 46 w 654"/>
                <a:gd name="T115" fmla="*/ 20 h 788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654" h="788">
                  <a:moveTo>
                    <a:pt x="177" y="0"/>
                  </a:moveTo>
                  <a:lnTo>
                    <a:pt x="201" y="0"/>
                  </a:lnTo>
                  <a:lnTo>
                    <a:pt x="225" y="0"/>
                  </a:lnTo>
                  <a:lnTo>
                    <a:pt x="248" y="0"/>
                  </a:lnTo>
                  <a:lnTo>
                    <a:pt x="269" y="3"/>
                  </a:lnTo>
                  <a:lnTo>
                    <a:pt x="280" y="4"/>
                  </a:lnTo>
                  <a:lnTo>
                    <a:pt x="289" y="6"/>
                  </a:lnTo>
                  <a:lnTo>
                    <a:pt x="299" y="8"/>
                  </a:lnTo>
                  <a:lnTo>
                    <a:pt x="308" y="11"/>
                  </a:lnTo>
                  <a:lnTo>
                    <a:pt x="316" y="14"/>
                  </a:lnTo>
                  <a:lnTo>
                    <a:pt x="324" y="18"/>
                  </a:lnTo>
                  <a:lnTo>
                    <a:pt x="330" y="24"/>
                  </a:lnTo>
                  <a:lnTo>
                    <a:pt x="336" y="29"/>
                  </a:lnTo>
                  <a:lnTo>
                    <a:pt x="330" y="38"/>
                  </a:lnTo>
                  <a:lnTo>
                    <a:pt x="325" y="49"/>
                  </a:lnTo>
                  <a:lnTo>
                    <a:pt x="322" y="59"/>
                  </a:lnTo>
                  <a:lnTo>
                    <a:pt x="318" y="71"/>
                  </a:lnTo>
                  <a:lnTo>
                    <a:pt x="314" y="84"/>
                  </a:lnTo>
                  <a:lnTo>
                    <a:pt x="310" y="94"/>
                  </a:lnTo>
                  <a:lnTo>
                    <a:pt x="305" y="105"/>
                  </a:lnTo>
                  <a:lnTo>
                    <a:pt x="299" y="113"/>
                  </a:lnTo>
                  <a:lnTo>
                    <a:pt x="307" y="122"/>
                  </a:lnTo>
                  <a:lnTo>
                    <a:pt x="318" y="130"/>
                  </a:lnTo>
                  <a:lnTo>
                    <a:pt x="328" y="138"/>
                  </a:lnTo>
                  <a:lnTo>
                    <a:pt x="340" y="145"/>
                  </a:lnTo>
                  <a:lnTo>
                    <a:pt x="352" y="151"/>
                  </a:lnTo>
                  <a:lnTo>
                    <a:pt x="365" y="156"/>
                  </a:lnTo>
                  <a:lnTo>
                    <a:pt x="379" y="159"/>
                  </a:lnTo>
                  <a:lnTo>
                    <a:pt x="392" y="163"/>
                  </a:lnTo>
                  <a:lnTo>
                    <a:pt x="405" y="164"/>
                  </a:lnTo>
                  <a:lnTo>
                    <a:pt x="418" y="164"/>
                  </a:lnTo>
                  <a:lnTo>
                    <a:pt x="429" y="162"/>
                  </a:lnTo>
                  <a:lnTo>
                    <a:pt x="440" y="158"/>
                  </a:lnTo>
                  <a:lnTo>
                    <a:pt x="444" y="155"/>
                  </a:lnTo>
                  <a:lnTo>
                    <a:pt x="449" y="152"/>
                  </a:lnTo>
                  <a:lnTo>
                    <a:pt x="453" y="149"/>
                  </a:lnTo>
                  <a:lnTo>
                    <a:pt x="457" y="145"/>
                  </a:lnTo>
                  <a:lnTo>
                    <a:pt x="460" y="141"/>
                  </a:lnTo>
                  <a:lnTo>
                    <a:pt x="463" y="135"/>
                  </a:lnTo>
                  <a:lnTo>
                    <a:pt x="465" y="129"/>
                  </a:lnTo>
                  <a:lnTo>
                    <a:pt x="467" y="123"/>
                  </a:lnTo>
                  <a:lnTo>
                    <a:pt x="470" y="131"/>
                  </a:lnTo>
                  <a:lnTo>
                    <a:pt x="472" y="141"/>
                  </a:lnTo>
                  <a:lnTo>
                    <a:pt x="473" y="151"/>
                  </a:lnTo>
                  <a:lnTo>
                    <a:pt x="473" y="162"/>
                  </a:lnTo>
                  <a:lnTo>
                    <a:pt x="470" y="186"/>
                  </a:lnTo>
                  <a:lnTo>
                    <a:pt x="466" y="211"/>
                  </a:lnTo>
                  <a:lnTo>
                    <a:pt x="462" y="239"/>
                  </a:lnTo>
                  <a:lnTo>
                    <a:pt x="458" y="270"/>
                  </a:lnTo>
                  <a:lnTo>
                    <a:pt x="457" y="287"/>
                  </a:lnTo>
                  <a:lnTo>
                    <a:pt x="455" y="304"/>
                  </a:lnTo>
                  <a:lnTo>
                    <a:pt x="457" y="321"/>
                  </a:lnTo>
                  <a:lnTo>
                    <a:pt x="458" y="338"/>
                  </a:lnTo>
                  <a:lnTo>
                    <a:pt x="479" y="338"/>
                  </a:lnTo>
                  <a:lnTo>
                    <a:pt x="500" y="338"/>
                  </a:lnTo>
                  <a:lnTo>
                    <a:pt x="521" y="338"/>
                  </a:lnTo>
                  <a:lnTo>
                    <a:pt x="542" y="338"/>
                  </a:lnTo>
                  <a:lnTo>
                    <a:pt x="542" y="347"/>
                  </a:lnTo>
                  <a:lnTo>
                    <a:pt x="542" y="354"/>
                  </a:lnTo>
                  <a:lnTo>
                    <a:pt x="542" y="361"/>
                  </a:lnTo>
                  <a:lnTo>
                    <a:pt x="544" y="367"/>
                  </a:lnTo>
                  <a:lnTo>
                    <a:pt x="546" y="372"/>
                  </a:lnTo>
                  <a:lnTo>
                    <a:pt x="548" y="377"/>
                  </a:lnTo>
                  <a:lnTo>
                    <a:pt x="551" y="382"/>
                  </a:lnTo>
                  <a:lnTo>
                    <a:pt x="556" y="386"/>
                  </a:lnTo>
                  <a:lnTo>
                    <a:pt x="564" y="392"/>
                  </a:lnTo>
                  <a:lnTo>
                    <a:pt x="574" y="397"/>
                  </a:lnTo>
                  <a:lnTo>
                    <a:pt x="586" y="401"/>
                  </a:lnTo>
                  <a:lnTo>
                    <a:pt x="599" y="404"/>
                  </a:lnTo>
                  <a:lnTo>
                    <a:pt x="598" y="433"/>
                  </a:lnTo>
                  <a:lnTo>
                    <a:pt x="599" y="465"/>
                  </a:lnTo>
                  <a:lnTo>
                    <a:pt x="599" y="481"/>
                  </a:lnTo>
                  <a:lnTo>
                    <a:pt x="598" y="494"/>
                  </a:lnTo>
                  <a:lnTo>
                    <a:pt x="597" y="501"/>
                  </a:lnTo>
                  <a:lnTo>
                    <a:pt x="594" y="506"/>
                  </a:lnTo>
                  <a:lnTo>
                    <a:pt x="592" y="511"/>
                  </a:lnTo>
                  <a:lnTo>
                    <a:pt x="589" y="516"/>
                  </a:lnTo>
                  <a:lnTo>
                    <a:pt x="591" y="520"/>
                  </a:lnTo>
                  <a:lnTo>
                    <a:pt x="594" y="523"/>
                  </a:lnTo>
                  <a:lnTo>
                    <a:pt x="599" y="524"/>
                  </a:lnTo>
                  <a:lnTo>
                    <a:pt x="604" y="525"/>
                  </a:lnTo>
                  <a:lnTo>
                    <a:pt x="616" y="525"/>
                  </a:lnTo>
                  <a:lnTo>
                    <a:pt x="626" y="525"/>
                  </a:lnTo>
                  <a:lnTo>
                    <a:pt x="619" y="531"/>
                  </a:lnTo>
                  <a:lnTo>
                    <a:pt x="612" y="537"/>
                  </a:lnTo>
                  <a:lnTo>
                    <a:pt x="608" y="545"/>
                  </a:lnTo>
                  <a:lnTo>
                    <a:pt x="604" y="552"/>
                  </a:lnTo>
                  <a:lnTo>
                    <a:pt x="602" y="562"/>
                  </a:lnTo>
                  <a:lnTo>
                    <a:pt x="601" y="571"/>
                  </a:lnTo>
                  <a:lnTo>
                    <a:pt x="600" y="582"/>
                  </a:lnTo>
                  <a:lnTo>
                    <a:pt x="600" y="592"/>
                  </a:lnTo>
                  <a:lnTo>
                    <a:pt x="600" y="614"/>
                  </a:lnTo>
                  <a:lnTo>
                    <a:pt x="599" y="638"/>
                  </a:lnTo>
                  <a:lnTo>
                    <a:pt x="598" y="649"/>
                  </a:lnTo>
                  <a:lnTo>
                    <a:pt x="596" y="662"/>
                  </a:lnTo>
                  <a:lnTo>
                    <a:pt x="593" y="673"/>
                  </a:lnTo>
                  <a:lnTo>
                    <a:pt x="589" y="685"/>
                  </a:lnTo>
                  <a:lnTo>
                    <a:pt x="596" y="691"/>
                  </a:lnTo>
                  <a:lnTo>
                    <a:pt x="601" y="699"/>
                  </a:lnTo>
                  <a:lnTo>
                    <a:pt x="606" y="706"/>
                  </a:lnTo>
                  <a:lnTo>
                    <a:pt x="611" y="713"/>
                  </a:lnTo>
                  <a:lnTo>
                    <a:pt x="614" y="716"/>
                  </a:lnTo>
                  <a:lnTo>
                    <a:pt x="618" y="720"/>
                  </a:lnTo>
                  <a:lnTo>
                    <a:pt x="622" y="722"/>
                  </a:lnTo>
                  <a:lnTo>
                    <a:pt x="627" y="724"/>
                  </a:lnTo>
                  <a:lnTo>
                    <a:pt x="632" y="725"/>
                  </a:lnTo>
                  <a:lnTo>
                    <a:pt x="639" y="725"/>
                  </a:lnTo>
                  <a:lnTo>
                    <a:pt x="646" y="724"/>
                  </a:lnTo>
                  <a:lnTo>
                    <a:pt x="654" y="722"/>
                  </a:lnTo>
                  <a:lnTo>
                    <a:pt x="653" y="727"/>
                  </a:lnTo>
                  <a:lnTo>
                    <a:pt x="652" y="731"/>
                  </a:lnTo>
                  <a:lnTo>
                    <a:pt x="649" y="734"/>
                  </a:lnTo>
                  <a:lnTo>
                    <a:pt x="647" y="738"/>
                  </a:lnTo>
                  <a:lnTo>
                    <a:pt x="641" y="743"/>
                  </a:lnTo>
                  <a:lnTo>
                    <a:pt x="632" y="747"/>
                  </a:lnTo>
                  <a:lnTo>
                    <a:pt x="624" y="749"/>
                  </a:lnTo>
                  <a:lnTo>
                    <a:pt x="613" y="751"/>
                  </a:lnTo>
                  <a:lnTo>
                    <a:pt x="603" y="752"/>
                  </a:lnTo>
                  <a:lnTo>
                    <a:pt x="592" y="753"/>
                  </a:lnTo>
                  <a:lnTo>
                    <a:pt x="582" y="754"/>
                  </a:lnTo>
                  <a:lnTo>
                    <a:pt x="571" y="755"/>
                  </a:lnTo>
                  <a:lnTo>
                    <a:pt x="562" y="758"/>
                  </a:lnTo>
                  <a:lnTo>
                    <a:pt x="552" y="761"/>
                  </a:lnTo>
                  <a:lnTo>
                    <a:pt x="549" y="763"/>
                  </a:lnTo>
                  <a:lnTo>
                    <a:pt x="545" y="765"/>
                  </a:lnTo>
                  <a:lnTo>
                    <a:pt x="542" y="767"/>
                  </a:lnTo>
                  <a:lnTo>
                    <a:pt x="539" y="770"/>
                  </a:lnTo>
                  <a:lnTo>
                    <a:pt x="537" y="773"/>
                  </a:lnTo>
                  <a:lnTo>
                    <a:pt x="534" y="778"/>
                  </a:lnTo>
                  <a:lnTo>
                    <a:pt x="533" y="783"/>
                  </a:lnTo>
                  <a:lnTo>
                    <a:pt x="533" y="787"/>
                  </a:lnTo>
                  <a:lnTo>
                    <a:pt x="521" y="788"/>
                  </a:lnTo>
                  <a:lnTo>
                    <a:pt x="509" y="788"/>
                  </a:lnTo>
                  <a:lnTo>
                    <a:pt x="499" y="787"/>
                  </a:lnTo>
                  <a:lnTo>
                    <a:pt x="489" y="785"/>
                  </a:lnTo>
                  <a:lnTo>
                    <a:pt x="471" y="780"/>
                  </a:lnTo>
                  <a:lnTo>
                    <a:pt x="454" y="772"/>
                  </a:lnTo>
                  <a:lnTo>
                    <a:pt x="438" y="766"/>
                  </a:lnTo>
                  <a:lnTo>
                    <a:pt x="420" y="761"/>
                  </a:lnTo>
                  <a:lnTo>
                    <a:pt x="409" y="759"/>
                  </a:lnTo>
                  <a:lnTo>
                    <a:pt x="399" y="758"/>
                  </a:lnTo>
                  <a:lnTo>
                    <a:pt x="387" y="758"/>
                  </a:lnTo>
                  <a:lnTo>
                    <a:pt x="373" y="760"/>
                  </a:lnTo>
                  <a:lnTo>
                    <a:pt x="372" y="752"/>
                  </a:lnTo>
                  <a:lnTo>
                    <a:pt x="370" y="745"/>
                  </a:lnTo>
                  <a:lnTo>
                    <a:pt x="368" y="739"/>
                  </a:lnTo>
                  <a:lnTo>
                    <a:pt x="365" y="733"/>
                  </a:lnTo>
                  <a:lnTo>
                    <a:pt x="362" y="729"/>
                  </a:lnTo>
                  <a:lnTo>
                    <a:pt x="358" y="725"/>
                  </a:lnTo>
                  <a:lnTo>
                    <a:pt x="352" y="722"/>
                  </a:lnTo>
                  <a:lnTo>
                    <a:pt x="347" y="719"/>
                  </a:lnTo>
                  <a:lnTo>
                    <a:pt x="336" y="713"/>
                  </a:lnTo>
                  <a:lnTo>
                    <a:pt x="324" y="710"/>
                  </a:lnTo>
                  <a:lnTo>
                    <a:pt x="310" y="709"/>
                  </a:lnTo>
                  <a:lnTo>
                    <a:pt x="296" y="708"/>
                  </a:lnTo>
                  <a:lnTo>
                    <a:pt x="268" y="706"/>
                  </a:lnTo>
                  <a:lnTo>
                    <a:pt x="242" y="704"/>
                  </a:lnTo>
                  <a:lnTo>
                    <a:pt x="230" y="702"/>
                  </a:lnTo>
                  <a:lnTo>
                    <a:pt x="220" y="698"/>
                  </a:lnTo>
                  <a:lnTo>
                    <a:pt x="215" y="695"/>
                  </a:lnTo>
                  <a:lnTo>
                    <a:pt x="211" y="692"/>
                  </a:lnTo>
                  <a:lnTo>
                    <a:pt x="208" y="689"/>
                  </a:lnTo>
                  <a:lnTo>
                    <a:pt x="205" y="685"/>
                  </a:lnTo>
                  <a:lnTo>
                    <a:pt x="210" y="673"/>
                  </a:lnTo>
                  <a:lnTo>
                    <a:pt x="213" y="664"/>
                  </a:lnTo>
                  <a:lnTo>
                    <a:pt x="215" y="654"/>
                  </a:lnTo>
                  <a:lnTo>
                    <a:pt x="216" y="645"/>
                  </a:lnTo>
                  <a:lnTo>
                    <a:pt x="215" y="638"/>
                  </a:lnTo>
                  <a:lnTo>
                    <a:pt x="214" y="629"/>
                  </a:lnTo>
                  <a:lnTo>
                    <a:pt x="212" y="623"/>
                  </a:lnTo>
                  <a:lnTo>
                    <a:pt x="209" y="616"/>
                  </a:lnTo>
                  <a:lnTo>
                    <a:pt x="205" y="611"/>
                  </a:lnTo>
                  <a:lnTo>
                    <a:pt x="201" y="606"/>
                  </a:lnTo>
                  <a:lnTo>
                    <a:pt x="195" y="601"/>
                  </a:lnTo>
                  <a:lnTo>
                    <a:pt x="189" y="596"/>
                  </a:lnTo>
                  <a:lnTo>
                    <a:pt x="176" y="589"/>
                  </a:lnTo>
                  <a:lnTo>
                    <a:pt x="162" y="583"/>
                  </a:lnTo>
                  <a:lnTo>
                    <a:pt x="129" y="572"/>
                  </a:lnTo>
                  <a:lnTo>
                    <a:pt x="99" y="564"/>
                  </a:lnTo>
                  <a:lnTo>
                    <a:pt x="84" y="560"/>
                  </a:lnTo>
                  <a:lnTo>
                    <a:pt x="72" y="555"/>
                  </a:lnTo>
                  <a:lnTo>
                    <a:pt x="67" y="553"/>
                  </a:lnTo>
                  <a:lnTo>
                    <a:pt x="62" y="550"/>
                  </a:lnTo>
                  <a:lnTo>
                    <a:pt x="58" y="547"/>
                  </a:lnTo>
                  <a:lnTo>
                    <a:pt x="55" y="544"/>
                  </a:lnTo>
                  <a:lnTo>
                    <a:pt x="65" y="530"/>
                  </a:lnTo>
                  <a:lnTo>
                    <a:pt x="73" y="515"/>
                  </a:lnTo>
                  <a:lnTo>
                    <a:pt x="82" y="501"/>
                  </a:lnTo>
                  <a:lnTo>
                    <a:pt x="90" y="485"/>
                  </a:lnTo>
                  <a:lnTo>
                    <a:pt x="105" y="453"/>
                  </a:lnTo>
                  <a:lnTo>
                    <a:pt x="121" y="423"/>
                  </a:lnTo>
                  <a:lnTo>
                    <a:pt x="112" y="419"/>
                  </a:lnTo>
                  <a:lnTo>
                    <a:pt x="104" y="413"/>
                  </a:lnTo>
                  <a:lnTo>
                    <a:pt x="96" y="408"/>
                  </a:lnTo>
                  <a:lnTo>
                    <a:pt x="90" y="402"/>
                  </a:lnTo>
                  <a:lnTo>
                    <a:pt x="79" y="388"/>
                  </a:lnTo>
                  <a:lnTo>
                    <a:pt x="67" y="373"/>
                  </a:lnTo>
                  <a:lnTo>
                    <a:pt x="61" y="366"/>
                  </a:lnTo>
                  <a:lnTo>
                    <a:pt x="54" y="360"/>
                  </a:lnTo>
                  <a:lnTo>
                    <a:pt x="48" y="353"/>
                  </a:lnTo>
                  <a:lnTo>
                    <a:pt x="41" y="348"/>
                  </a:lnTo>
                  <a:lnTo>
                    <a:pt x="32" y="344"/>
                  </a:lnTo>
                  <a:lnTo>
                    <a:pt x="23" y="341"/>
                  </a:lnTo>
                  <a:lnTo>
                    <a:pt x="11" y="338"/>
                  </a:lnTo>
                  <a:lnTo>
                    <a:pt x="0" y="338"/>
                  </a:lnTo>
                  <a:lnTo>
                    <a:pt x="0" y="325"/>
                  </a:lnTo>
                  <a:lnTo>
                    <a:pt x="1" y="312"/>
                  </a:lnTo>
                  <a:lnTo>
                    <a:pt x="4" y="301"/>
                  </a:lnTo>
                  <a:lnTo>
                    <a:pt x="6" y="289"/>
                  </a:lnTo>
                  <a:lnTo>
                    <a:pt x="8" y="277"/>
                  </a:lnTo>
                  <a:lnTo>
                    <a:pt x="10" y="265"/>
                  </a:lnTo>
                  <a:lnTo>
                    <a:pt x="10" y="251"/>
                  </a:lnTo>
                  <a:lnTo>
                    <a:pt x="9" y="235"/>
                  </a:lnTo>
                  <a:lnTo>
                    <a:pt x="36" y="228"/>
                  </a:lnTo>
                  <a:lnTo>
                    <a:pt x="63" y="219"/>
                  </a:lnTo>
                  <a:lnTo>
                    <a:pt x="75" y="214"/>
                  </a:lnTo>
                  <a:lnTo>
                    <a:pt x="88" y="209"/>
                  </a:lnTo>
                  <a:lnTo>
                    <a:pt x="100" y="204"/>
                  </a:lnTo>
                  <a:lnTo>
                    <a:pt x="111" y="197"/>
                  </a:lnTo>
                  <a:lnTo>
                    <a:pt x="110" y="190"/>
                  </a:lnTo>
                  <a:lnTo>
                    <a:pt x="108" y="182"/>
                  </a:lnTo>
                  <a:lnTo>
                    <a:pt x="106" y="175"/>
                  </a:lnTo>
                  <a:lnTo>
                    <a:pt x="103" y="168"/>
                  </a:lnTo>
                  <a:lnTo>
                    <a:pt x="100" y="163"/>
                  </a:lnTo>
                  <a:lnTo>
                    <a:pt x="95" y="157"/>
                  </a:lnTo>
                  <a:lnTo>
                    <a:pt x="90" y="154"/>
                  </a:lnTo>
                  <a:lnTo>
                    <a:pt x="84" y="151"/>
                  </a:lnTo>
                  <a:lnTo>
                    <a:pt x="96" y="132"/>
                  </a:lnTo>
                  <a:lnTo>
                    <a:pt x="107" y="114"/>
                  </a:lnTo>
                  <a:lnTo>
                    <a:pt x="117" y="96"/>
                  </a:lnTo>
                  <a:lnTo>
                    <a:pt x="127" y="78"/>
                  </a:lnTo>
                  <a:lnTo>
                    <a:pt x="137" y="59"/>
                  </a:lnTo>
                  <a:lnTo>
                    <a:pt x="148" y="40"/>
                  </a:lnTo>
                  <a:lnTo>
                    <a:pt x="162" y="20"/>
                  </a:lnTo>
                  <a:lnTo>
                    <a:pt x="177" y="0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2" name="Billund kant"/>
            <p:cNvSpPr>
              <a:spLocks/>
            </p:cNvSpPr>
            <p:nvPr/>
          </p:nvSpPr>
          <p:spPr bwMode="auto">
            <a:xfrm>
              <a:off x="1020763" y="4632325"/>
              <a:ext cx="346075" cy="417513"/>
            </a:xfrm>
            <a:custGeom>
              <a:avLst/>
              <a:gdLst>
                <a:gd name="T0" fmla="*/ 83 w 654"/>
                <a:gd name="T1" fmla="*/ 0 h 788"/>
                <a:gd name="T2" fmla="*/ 100 w 654"/>
                <a:gd name="T3" fmla="*/ 3 h 788"/>
                <a:gd name="T4" fmla="*/ 110 w 654"/>
                <a:gd name="T5" fmla="*/ 8 h 788"/>
                <a:gd name="T6" fmla="*/ 107 w 654"/>
                <a:gd name="T7" fmla="*/ 20 h 788"/>
                <a:gd name="T8" fmla="*/ 102 w 654"/>
                <a:gd name="T9" fmla="*/ 35 h 788"/>
                <a:gd name="T10" fmla="*/ 109 w 654"/>
                <a:gd name="T11" fmla="*/ 46 h 788"/>
                <a:gd name="T12" fmla="*/ 126 w 654"/>
                <a:gd name="T13" fmla="*/ 53 h 788"/>
                <a:gd name="T14" fmla="*/ 143 w 654"/>
                <a:gd name="T15" fmla="*/ 54 h 788"/>
                <a:gd name="T16" fmla="*/ 151 w 654"/>
                <a:gd name="T17" fmla="*/ 50 h 788"/>
                <a:gd name="T18" fmla="*/ 155 w 654"/>
                <a:gd name="T19" fmla="*/ 43 h 788"/>
                <a:gd name="T20" fmla="*/ 158 w 654"/>
                <a:gd name="T21" fmla="*/ 50 h 788"/>
                <a:gd name="T22" fmla="*/ 154 w 654"/>
                <a:gd name="T23" fmla="*/ 80 h 788"/>
                <a:gd name="T24" fmla="*/ 152 w 654"/>
                <a:gd name="T25" fmla="*/ 107 h 788"/>
                <a:gd name="T26" fmla="*/ 174 w 654"/>
                <a:gd name="T27" fmla="*/ 113 h 788"/>
                <a:gd name="T28" fmla="*/ 181 w 654"/>
                <a:gd name="T29" fmla="*/ 120 h 788"/>
                <a:gd name="T30" fmla="*/ 184 w 654"/>
                <a:gd name="T31" fmla="*/ 127 h 788"/>
                <a:gd name="T32" fmla="*/ 195 w 654"/>
                <a:gd name="T33" fmla="*/ 134 h 788"/>
                <a:gd name="T34" fmla="*/ 200 w 654"/>
                <a:gd name="T35" fmla="*/ 161 h 788"/>
                <a:gd name="T36" fmla="*/ 197 w 654"/>
                <a:gd name="T37" fmla="*/ 171 h 788"/>
                <a:gd name="T38" fmla="*/ 200 w 654"/>
                <a:gd name="T39" fmla="*/ 175 h 788"/>
                <a:gd name="T40" fmla="*/ 206 w 654"/>
                <a:gd name="T41" fmla="*/ 177 h 788"/>
                <a:gd name="T42" fmla="*/ 201 w 654"/>
                <a:gd name="T43" fmla="*/ 188 h 788"/>
                <a:gd name="T44" fmla="*/ 200 w 654"/>
                <a:gd name="T45" fmla="*/ 205 h 788"/>
                <a:gd name="T46" fmla="*/ 198 w 654"/>
                <a:gd name="T47" fmla="*/ 225 h 788"/>
                <a:gd name="T48" fmla="*/ 202 w 654"/>
                <a:gd name="T49" fmla="*/ 236 h 788"/>
                <a:gd name="T50" fmla="*/ 207 w 654"/>
                <a:gd name="T51" fmla="*/ 241 h 788"/>
                <a:gd name="T52" fmla="*/ 215 w 654"/>
                <a:gd name="T53" fmla="*/ 242 h 788"/>
                <a:gd name="T54" fmla="*/ 216 w 654"/>
                <a:gd name="T55" fmla="*/ 245 h 788"/>
                <a:gd name="T56" fmla="*/ 208 w 654"/>
                <a:gd name="T57" fmla="*/ 250 h 788"/>
                <a:gd name="T58" fmla="*/ 194 w 654"/>
                <a:gd name="T59" fmla="*/ 252 h 788"/>
                <a:gd name="T60" fmla="*/ 183 w 654"/>
                <a:gd name="T61" fmla="*/ 255 h 788"/>
                <a:gd name="T62" fmla="*/ 179 w 654"/>
                <a:gd name="T63" fmla="*/ 258 h 788"/>
                <a:gd name="T64" fmla="*/ 174 w 654"/>
                <a:gd name="T65" fmla="*/ 263 h 788"/>
                <a:gd name="T66" fmla="*/ 157 w 654"/>
                <a:gd name="T67" fmla="*/ 260 h 788"/>
                <a:gd name="T68" fmla="*/ 136 w 654"/>
                <a:gd name="T69" fmla="*/ 253 h 788"/>
                <a:gd name="T70" fmla="*/ 124 w 654"/>
                <a:gd name="T71" fmla="*/ 251 h 788"/>
                <a:gd name="T72" fmla="*/ 121 w 654"/>
                <a:gd name="T73" fmla="*/ 243 h 788"/>
                <a:gd name="T74" fmla="*/ 112 w 654"/>
                <a:gd name="T75" fmla="*/ 238 h 788"/>
                <a:gd name="T76" fmla="*/ 89 w 654"/>
                <a:gd name="T77" fmla="*/ 236 h 788"/>
                <a:gd name="T78" fmla="*/ 72 w 654"/>
                <a:gd name="T79" fmla="*/ 232 h 788"/>
                <a:gd name="T80" fmla="*/ 70 w 654"/>
                <a:gd name="T81" fmla="*/ 225 h 788"/>
                <a:gd name="T82" fmla="*/ 72 w 654"/>
                <a:gd name="T83" fmla="*/ 213 h 788"/>
                <a:gd name="T84" fmla="*/ 68 w 654"/>
                <a:gd name="T85" fmla="*/ 204 h 788"/>
                <a:gd name="T86" fmla="*/ 59 w 654"/>
                <a:gd name="T87" fmla="*/ 197 h 788"/>
                <a:gd name="T88" fmla="*/ 28 w 654"/>
                <a:gd name="T89" fmla="*/ 187 h 788"/>
                <a:gd name="T90" fmla="*/ 19 w 654"/>
                <a:gd name="T91" fmla="*/ 183 h 788"/>
                <a:gd name="T92" fmla="*/ 27 w 654"/>
                <a:gd name="T93" fmla="*/ 167 h 788"/>
                <a:gd name="T94" fmla="*/ 37 w 654"/>
                <a:gd name="T95" fmla="*/ 140 h 788"/>
                <a:gd name="T96" fmla="*/ 26 w 654"/>
                <a:gd name="T97" fmla="*/ 129 h 788"/>
                <a:gd name="T98" fmla="*/ 16 w 654"/>
                <a:gd name="T99" fmla="*/ 118 h 788"/>
                <a:gd name="T100" fmla="*/ 4 w 654"/>
                <a:gd name="T101" fmla="*/ 113 h 788"/>
                <a:gd name="T102" fmla="*/ 1 w 654"/>
                <a:gd name="T103" fmla="*/ 100 h 788"/>
                <a:gd name="T104" fmla="*/ 3 w 654"/>
                <a:gd name="T105" fmla="*/ 84 h 788"/>
                <a:gd name="T106" fmla="*/ 25 w 654"/>
                <a:gd name="T107" fmla="*/ 71 h 788"/>
                <a:gd name="T108" fmla="*/ 37 w 654"/>
                <a:gd name="T109" fmla="*/ 63 h 788"/>
                <a:gd name="T110" fmla="*/ 33 w 654"/>
                <a:gd name="T111" fmla="*/ 54 h 788"/>
                <a:gd name="T112" fmla="*/ 32 w 654"/>
                <a:gd name="T113" fmla="*/ 44 h 788"/>
                <a:gd name="T114" fmla="*/ 46 w 654"/>
                <a:gd name="T115" fmla="*/ 20 h 788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654" h="788">
                  <a:moveTo>
                    <a:pt x="177" y="0"/>
                  </a:moveTo>
                  <a:lnTo>
                    <a:pt x="201" y="0"/>
                  </a:lnTo>
                  <a:lnTo>
                    <a:pt x="225" y="0"/>
                  </a:lnTo>
                  <a:lnTo>
                    <a:pt x="248" y="0"/>
                  </a:lnTo>
                  <a:lnTo>
                    <a:pt x="269" y="3"/>
                  </a:lnTo>
                  <a:lnTo>
                    <a:pt x="280" y="4"/>
                  </a:lnTo>
                  <a:lnTo>
                    <a:pt x="289" y="6"/>
                  </a:lnTo>
                  <a:lnTo>
                    <a:pt x="299" y="8"/>
                  </a:lnTo>
                  <a:lnTo>
                    <a:pt x="308" y="11"/>
                  </a:lnTo>
                  <a:lnTo>
                    <a:pt x="316" y="14"/>
                  </a:lnTo>
                  <a:lnTo>
                    <a:pt x="324" y="18"/>
                  </a:lnTo>
                  <a:lnTo>
                    <a:pt x="330" y="24"/>
                  </a:lnTo>
                  <a:lnTo>
                    <a:pt x="336" y="29"/>
                  </a:lnTo>
                  <a:lnTo>
                    <a:pt x="330" y="38"/>
                  </a:lnTo>
                  <a:lnTo>
                    <a:pt x="325" y="49"/>
                  </a:lnTo>
                  <a:lnTo>
                    <a:pt x="322" y="59"/>
                  </a:lnTo>
                  <a:lnTo>
                    <a:pt x="318" y="71"/>
                  </a:lnTo>
                  <a:lnTo>
                    <a:pt x="314" y="84"/>
                  </a:lnTo>
                  <a:lnTo>
                    <a:pt x="310" y="94"/>
                  </a:lnTo>
                  <a:lnTo>
                    <a:pt x="305" y="105"/>
                  </a:lnTo>
                  <a:lnTo>
                    <a:pt x="299" y="113"/>
                  </a:lnTo>
                  <a:lnTo>
                    <a:pt x="307" y="122"/>
                  </a:lnTo>
                  <a:lnTo>
                    <a:pt x="318" y="130"/>
                  </a:lnTo>
                  <a:lnTo>
                    <a:pt x="328" y="138"/>
                  </a:lnTo>
                  <a:lnTo>
                    <a:pt x="340" y="145"/>
                  </a:lnTo>
                  <a:lnTo>
                    <a:pt x="352" y="151"/>
                  </a:lnTo>
                  <a:lnTo>
                    <a:pt x="365" y="156"/>
                  </a:lnTo>
                  <a:lnTo>
                    <a:pt x="379" y="159"/>
                  </a:lnTo>
                  <a:lnTo>
                    <a:pt x="392" y="163"/>
                  </a:lnTo>
                  <a:lnTo>
                    <a:pt x="405" y="164"/>
                  </a:lnTo>
                  <a:lnTo>
                    <a:pt x="418" y="164"/>
                  </a:lnTo>
                  <a:lnTo>
                    <a:pt x="429" y="162"/>
                  </a:lnTo>
                  <a:lnTo>
                    <a:pt x="440" y="158"/>
                  </a:lnTo>
                  <a:lnTo>
                    <a:pt x="444" y="155"/>
                  </a:lnTo>
                  <a:lnTo>
                    <a:pt x="449" y="152"/>
                  </a:lnTo>
                  <a:lnTo>
                    <a:pt x="453" y="149"/>
                  </a:lnTo>
                  <a:lnTo>
                    <a:pt x="457" y="145"/>
                  </a:lnTo>
                  <a:lnTo>
                    <a:pt x="460" y="141"/>
                  </a:lnTo>
                  <a:lnTo>
                    <a:pt x="463" y="135"/>
                  </a:lnTo>
                  <a:lnTo>
                    <a:pt x="465" y="129"/>
                  </a:lnTo>
                  <a:lnTo>
                    <a:pt x="467" y="123"/>
                  </a:lnTo>
                  <a:lnTo>
                    <a:pt x="470" y="131"/>
                  </a:lnTo>
                  <a:lnTo>
                    <a:pt x="472" y="141"/>
                  </a:lnTo>
                  <a:lnTo>
                    <a:pt x="473" y="151"/>
                  </a:lnTo>
                  <a:lnTo>
                    <a:pt x="473" y="162"/>
                  </a:lnTo>
                  <a:lnTo>
                    <a:pt x="470" y="186"/>
                  </a:lnTo>
                  <a:lnTo>
                    <a:pt x="466" y="211"/>
                  </a:lnTo>
                  <a:lnTo>
                    <a:pt x="462" y="239"/>
                  </a:lnTo>
                  <a:lnTo>
                    <a:pt x="458" y="270"/>
                  </a:lnTo>
                  <a:lnTo>
                    <a:pt x="457" y="287"/>
                  </a:lnTo>
                  <a:lnTo>
                    <a:pt x="455" y="304"/>
                  </a:lnTo>
                  <a:lnTo>
                    <a:pt x="457" y="321"/>
                  </a:lnTo>
                  <a:lnTo>
                    <a:pt x="458" y="338"/>
                  </a:lnTo>
                  <a:lnTo>
                    <a:pt x="479" y="338"/>
                  </a:lnTo>
                  <a:lnTo>
                    <a:pt x="500" y="338"/>
                  </a:lnTo>
                  <a:lnTo>
                    <a:pt x="521" y="338"/>
                  </a:lnTo>
                  <a:lnTo>
                    <a:pt x="542" y="338"/>
                  </a:lnTo>
                  <a:lnTo>
                    <a:pt x="542" y="347"/>
                  </a:lnTo>
                  <a:lnTo>
                    <a:pt x="542" y="354"/>
                  </a:lnTo>
                  <a:lnTo>
                    <a:pt x="542" y="361"/>
                  </a:lnTo>
                  <a:lnTo>
                    <a:pt x="544" y="367"/>
                  </a:lnTo>
                  <a:lnTo>
                    <a:pt x="546" y="372"/>
                  </a:lnTo>
                  <a:lnTo>
                    <a:pt x="548" y="377"/>
                  </a:lnTo>
                  <a:lnTo>
                    <a:pt x="551" y="382"/>
                  </a:lnTo>
                  <a:lnTo>
                    <a:pt x="556" y="386"/>
                  </a:lnTo>
                  <a:lnTo>
                    <a:pt x="564" y="392"/>
                  </a:lnTo>
                  <a:lnTo>
                    <a:pt x="574" y="397"/>
                  </a:lnTo>
                  <a:lnTo>
                    <a:pt x="586" y="401"/>
                  </a:lnTo>
                  <a:lnTo>
                    <a:pt x="599" y="404"/>
                  </a:lnTo>
                  <a:lnTo>
                    <a:pt x="598" y="433"/>
                  </a:lnTo>
                  <a:lnTo>
                    <a:pt x="599" y="465"/>
                  </a:lnTo>
                  <a:lnTo>
                    <a:pt x="599" y="481"/>
                  </a:lnTo>
                  <a:lnTo>
                    <a:pt x="598" y="494"/>
                  </a:lnTo>
                  <a:lnTo>
                    <a:pt x="597" y="501"/>
                  </a:lnTo>
                  <a:lnTo>
                    <a:pt x="594" y="506"/>
                  </a:lnTo>
                  <a:lnTo>
                    <a:pt x="592" y="511"/>
                  </a:lnTo>
                  <a:lnTo>
                    <a:pt x="589" y="516"/>
                  </a:lnTo>
                  <a:lnTo>
                    <a:pt x="591" y="520"/>
                  </a:lnTo>
                  <a:lnTo>
                    <a:pt x="594" y="523"/>
                  </a:lnTo>
                  <a:lnTo>
                    <a:pt x="599" y="524"/>
                  </a:lnTo>
                  <a:lnTo>
                    <a:pt x="604" y="525"/>
                  </a:lnTo>
                  <a:lnTo>
                    <a:pt x="616" y="525"/>
                  </a:lnTo>
                  <a:lnTo>
                    <a:pt x="626" y="525"/>
                  </a:lnTo>
                  <a:lnTo>
                    <a:pt x="619" y="531"/>
                  </a:lnTo>
                  <a:lnTo>
                    <a:pt x="612" y="537"/>
                  </a:lnTo>
                  <a:lnTo>
                    <a:pt x="608" y="545"/>
                  </a:lnTo>
                  <a:lnTo>
                    <a:pt x="604" y="552"/>
                  </a:lnTo>
                  <a:lnTo>
                    <a:pt x="602" y="562"/>
                  </a:lnTo>
                  <a:lnTo>
                    <a:pt x="601" y="571"/>
                  </a:lnTo>
                  <a:lnTo>
                    <a:pt x="600" y="582"/>
                  </a:lnTo>
                  <a:lnTo>
                    <a:pt x="600" y="592"/>
                  </a:lnTo>
                  <a:lnTo>
                    <a:pt x="600" y="614"/>
                  </a:lnTo>
                  <a:lnTo>
                    <a:pt x="599" y="638"/>
                  </a:lnTo>
                  <a:lnTo>
                    <a:pt x="598" y="649"/>
                  </a:lnTo>
                  <a:lnTo>
                    <a:pt x="596" y="662"/>
                  </a:lnTo>
                  <a:lnTo>
                    <a:pt x="593" y="673"/>
                  </a:lnTo>
                  <a:lnTo>
                    <a:pt x="589" y="685"/>
                  </a:lnTo>
                  <a:lnTo>
                    <a:pt x="596" y="691"/>
                  </a:lnTo>
                  <a:lnTo>
                    <a:pt x="601" y="699"/>
                  </a:lnTo>
                  <a:lnTo>
                    <a:pt x="606" y="706"/>
                  </a:lnTo>
                  <a:lnTo>
                    <a:pt x="611" y="713"/>
                  </a:lnTo>
                  <a:lnTo>
                    <a:pt x="614" y="716"/>
                  </a:lnTo>
                  <a:lnTo>
                    <a:pt x="618" y="720"/>
                  </a:lnTo>
                  <a:lnTo>
                    <a:pt x="622" y="722"/>
                  </a:lnTo>
                  <a:lnTo>
                    <a:pt x="627" y="724"/>
                  </a:lnTo>
                  <a:lnTo>
                    <a:pt x="632" y="725"/>
                  </a:lnTo>
                  <a:lnTo>
                    <a:pt x="639" y="725"/>
                  </a:lnTo>
                  <a:lnTo>
                    <a:pt x="646" y="724"/>
                  </a:lnTo>
                  <a:lnTo>
                    <a:pt x="654" y="722"/>
                  </a:lnTo>
                  <a:lnTo>
                    <a:pt x="653" y="727"/>
                  </a:lnTo>
                  <a:lnTo>
                    <a:pt x="652" y="731"/>
                  </a:lnTo>
                  <a:lnTo>
                    <a:pt x="649" y="734"/>
                  </a:lnTo>
                  <a:lnTo>
                    <a:pt x="647" y="738"/>
                  </a:lnTo>
                  <a:lnTo>
                    <a:pt x="641" y="743"/>
                  </a:lnTo>
                  <a:lnTo>
                    <a:pt x="632" y="747"/>
                  </a:lnTo>
                  <a:lnTo>
                    <a:pt x="624" y="749"/>
                  </a:lnTo>
                  <a:lnTo>
                    <a:pt x="613" y="751"/>
                  </a:lnTo>
                  <a:lnTo>
                    <a:pt x="603" y="752"/>
                  </a:lnTo>
                  <a:lnTo>
                    <a:pt x="592" y="753"/>
                  </a:lnTo>
                  <a:lnTo>
                    <a:pt x="582" y="754"/>
                  </a:lnTo>
                  <a:lnTo>
                    <a:pt x="571" y="755"/>
                  </a:lnTo>
                  <a:lnTo>
                    <a:pt x="562" y="758"/>
                  </a:lnTo>
                  <a:lnTo>
                    <a:pt x="552" y="761"/>
                  </a:lnTo>
                  <a:lnTo>
                    <a:pt x="549" y="763"/>
                  </a:lnTo>
                  <a:lnTo>
                    <a:pt x="545" y="765"/>
                  </a:lnTo>
                  <a:lnTo>
                    <a:pt x="542" y="767"/>
                  </a:lnTo>
                  <a:lnTo>
                    <a:pt x="539" y="770"/>
                  </a:lnTo>
                  <a:lnTo>
                    <a:pt x="537" y="773"/>
                  </a:lnTo>
                  <a:lnTo>
                    <a:pt x="534" y="778"/>
                  </a:lnTo>
                  <a:lnTo>
                    <a:pt x="533" y="783"/>
                  </a:lnTo>
                  <a:lnTo>
                    <a:pt x="533" y="787"/>
                  </a:lnTo>
                  <a:lnTo>
                    <a:pt x="521" y="788"/>
                  </a:lnTo>
                  <a:lnTo>
                    <a:pt x="509" y="788"/>
                  </a:lnTo>
                  <a:lnTo>
                    <a:pt x="499" y="787"/>
                  </a:lnTo>
                  <a:lnTo>
                    <a:pt x="489" y="785"/>
                  </a:lnTo>
                  <a:lnTo>
                    <a:pt x="471" y="780"/>
                  </a:lnTo>
                  <a:lnTo>
                    <a:pt x="454" y="772"/>
                  </a:lnTo>
                  <a:lnTo>
                    <a:pt x="438" y="766"/>
                  </a:lnTo>
                  <a:lnTo>
                    <a:pt x="420" y="761"/>
                  </a:lnTo>
                  <a:lnTo>
                    <a:pt x="409" y="759"/>
                  </a:lnTo>
                  <a:lnTo>
                    <a:pt x="399" y="758"/>
                  </a:lnTo>
                  <a:lnTo>
                    <a:pt x="387" y="758"/>
                  </a:lnTo>
                  <a:lnTo>
                    <a:pt x="373" y="760"/>
                  </a:lnTo>
                  <a:lnTo>
                    <a:pt x="372" y="752"/>
                  </a:lnTo>
                  <a:lnTo>
                    <a:pt x="370" y="745"/>
                  </a:lnTo>
                  <a:lnTo>
                    <a:pt x="368" y="739"/>
                  </a:lnTo>
                  <a:lnTo>
                    <a:pt x="365" y="733"/>
                  </a:lnTo>
                  <a:lnTo>
                    <a:pt x="362" y="729"/>
                  </a:lnTo>
                  <a:lnTo>
                    <a:pt x="358" y="725"/>
                  </a:lnTo>
                  <a:lnTo>
                    <a:pt x="352" y="722"/>
                  </a:lnTo>
                  <a:lnTo>
                    <a:pt x="347" y="719"/>
                  </a:lnTo>
                  <a:lnTo>
                    <a:pt x="336" y="713"/>
                  </a:lnTo>
                  <a:lnTo>
                    <a:pt x="324" y="710"/>
                  </a:lnTo>
                  <a:lnTo>
                    <a:pt x="310" y="709"/>
                  </a:lnTo>
                  <a:lnTo>
                    <a:pt x="296" y="708"/>
                  </a:lnTo>
                  <a:lnTo>
                    <a:pt x="268" y="706"/>
                  </a:lnTo>
                  <a:lnTo>
                    <a:pt x="242" y="704"/>
                  </a:lnTo>
                  <a:lnTo>
                    <a:pt x="230" y="702"/>
                  </a:lnTo>
                  <a:lnTo>
                    <a:pt x="220" y="698"/>
                  </a:lnTo>
                  <a:lnTo>
                    <a:pt x="215" y="695"/>
                  </a:lnTo>
                  <a:lnTo>
                    <a:pt x="211" y="692"/>
                  </a:lnTo>
                  <a:lnTo>
                    <a:pt x="208" y="689"/>
                  </a:lnTo>
                  <a:lnTo>
                    <a:pt x="205" y="685"/>
                  </a:lnTo>
                  <a:lnTo>
                    <a:pt x="210" y="673"/>
                  </a:lnTo>
                  <a:lnTo>
                    <a:pt x="213" y="664"/>
                  </a:lnTo>
                  <a:lnTo>
                    <a:pt x="215" y="654"/>
                  </a:lnTo>
                  <a:lnTo>
                    <a:pt x="216" y="645"/>
                  </a:lnTo>
                  <a:lnTo>
                    <a:pt x="215" y="638"/>
                  </a:lnTo>
                  <a:lnTo>
                    <a:pt x="214" y="629"/>
                  </a:lnTo>
                  <a:lnTo>
                    <a:pt x="212" y="623"/>
                  </a:lnTo>
                  <a:lnTo>
                    <a:pt x="209" y="616"/>
                  </a:lnTo>
                  <a:lnTo>
                    <a:pt x="205" y="611"/>
                  </a:lnTo>
                  <a:lnTo>
                    <a:pt x="201" y="606"/>
                  </a:lnTo>
                  <a:lnTo>
                    <a:pt x="195" y="601"/>
                  </a:lnTo>
                  <a:lnTo>
                    <a:pt x="189" y="596"/>
                  </a:lnTo>
                  <a:lnTo>
                    <a:pt x="176" y="589"/>
                  </a:lnTo>
                  <a:lnTo>
                    <a:pt x="162" y="583"/>
                  </a:lnTo>
                  <a:lnTo>
                    <a:pt x="129" y="572"/>
                  </a:lnTo>
                  <a:lnTo>
                    <a:pt x="99" y="564"/>
                  </a:lnTo>
                  <a:lnTo>
                    <a:pt x="84" y="560"/>
                  </a:lnTo>
                  <a:lnTo>
                    <a:pt x="72" y="555"/>
                  </a:lnTo>
                  <a:lnTo>
                    <a:pt x="67" y="553"/>
                  </a:lnTo>
                  <a:lnTo>
                    <a:pt x="62" y="550"/>
                  </a:lnTo>
                  <a:lnTo>
                    <a:pt x="58" y="547"/>
                  </a:lnTo>
                  <a:lnTo>
                    <a:pt x="55" y="544"/>
                  </a:lnTo>
                  <a:lnTo>
                    <a:pt x="65" y="530"/>
                  </a:lnTo>
                  <a:lnTo>
                    <a:pt x="73" y="515"/>
                  </a:lnTo>
                  <a:lnTo>
                    <a:pt x="82" y="501"/>
                  </a:lnTo>
                  <a:lnTo>
                    <a:pt x="90" y="485"/>
                  </a:lnTo>
                  <a:lnTo>
                    <a:pt x="105" y="453"/>
                  </a:lnTo>
                  <a:lnTo>
                    <a:pt x="121" y="423"/>
                  </a:lnTo>
                  <a:lnTo>
                    <a:pt x="112" y="419"/>
                  </a:lnTo>
                  <a:lnTo>
                    <a:pt x="104" y="413"/>
                  </a:lnTo>
                  <a:lnTo>
                    <a:pt x="96" y="408"/>
                  </a:lnTo>
                  <a:lnTo>
                    <a:pt x="90" y="402"/>
                  </a:lnTo>
                  <a:lnTo>
                    <a:pt x="79" y="388"/>
                  </a:lnTo>
                  <a:lnTo>
                    <a:pt x="67" y="373"/>
                  </a:lnTo>
                  <a:lnTo>
                    <a:pt x="61" y="366"/>
                  </a:lnTo>
                  <a:lnTo>
                    <a:pt x="54" y="360"/>
                  </a:lnTo>
                  <a:lnTo>
                    <a:pt x="48" y="353"/>
                  </a:lnTo>
                  <a:lnTo>
                    <a:pt x="41" y="348"/>
                  </a:lnTo>
                  <a:lnTo>
                    <a:pt x="32" y="344"/>
                  </a:lnTo>
                  <a:lnTo>
                    <a:pt x="23" y="341"/>
                  </a:lnTo>
                  <a:lnTo>
                    <a:pt x="11" y="338"/>
                  </a:lnTo>
                  <a:lnTo>
                    <a:pt x="0" y="338"/>
                  </a:lnTo>
                  <a:lnTo>
                    <a:pt x="0" y="325"/>
                  </a:lnTo>
                  <a:lnTo>
                    <a:pt x="1" y="312"/>
                  </a:lnTo>
                  <a:lnTo>
                    <a:pt x="4" y="301"/>
                  </a:lnTo>
                  <a:lnTo>
                    <a:pt x="6" y="289"/>
                  </a:lnTo>
                  <a:lnTo>
                    <a:pt x="8" y="277"/>
                  </a:lnTo>
                  <a:lnTo>
                    <a:pt x="10" y="265"/>
                  </a:lnTo>
                  <a:lnTo>
                    <a:pt x="10" y="251"/>
                  </a:lnTo>
                  <a:lnTo>
                    <a:pt x="9" y="235"/>
                  </a:lnTo>
                  <a:lnTo>
                    <a:pt x="36" y="228"/>
                  </a:lnTo>
                  <a:lnTo>
                    <a:pt x="63" y="219"/>
                  </a:lnTo>
                  <a:lnTo>
                    <a:pt x="75" y="214"/>
                  </a:lnTo>
                  <a:lnTo>
                    <a:pt x="88" y="209"/>
                  </a:lnTo>
                  <a:lnTo>
                    <a:pt x="100" y="204"/>
                  </a:lnTo>
                  <a:lnTo>
                    <a:pt x="111" y="197"/>
                  </a:lnTo>
                  <a:lnTo>
                    <a:pt x="110" y="190"/>
                  </a:lnTo>
                  <a:lnTo>
                    <a:pt x="108" y="182"/>
                  </a:lnTo>
                  <a:lnTo>
                    <a:pt x="106" y="175"/>
                  </a:lnTo>
                  <a:lnTo>
                    <a:pt x="103" y="168"/>
                  </a:lnTo>
                  <a:lnTo>
                    <a:pt x="100" y="163"/>
                  </a:lnTo>
                  <a:lnTo>
                    <a:pt x="95" y="157"/>
                  </a:lnTo>
                  <a:lnTo>
                    <a:pt x="90" y="154"/>
                  </a:lnTo>
                  <a:lnTo>
                    <a:pt x="84" y="151"/>
                  </a:lnTo>
                  <a:lnTo>
                    <a:pt x="96" y="132"/>
                  </a:lnTo>
                  <a:lnTo>
                    <a:pt x="107" y="114"/>
                  </a:lnTo>
                  <a:lnTo>
                    <a:pt x="117" y="96"/>
                  </a:lnTo>
                  <a:lnTo>
                    <a:pt x="127" y="78"/>
                  </a:lnTo>
                  <a:lnTo>
                    <a:pt x="137" y="59"/>
                  </a:lnTo>
                  <a:lnTo>
                    <a:pt x="148" y="40"/>
                  </a:lnTo>
                  <a:lnTo>
                    <a:pt x="162" y="20"/>
                  </a:lnTo>
                  <a:lnTo>
                    <a:pt x="177" y="0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3" name="Vejle"/>
            <p:cNvSpPr>
              <a:spLocks/>
            </p:cNvSpPr>
            <p:nvPr/>
          </p:nvSpPr>
          <p:spPr bwMode="auto">
            <a:xfrm>
              <a:off x="1273175" y="4543425"/>
              <a:ext cx="549275" cy="539750"/>
            </a:xfrm>
            <a:custGeom>
              <a:avLst/>
              <a:gdLst>
                <a:gd name="T0" fmla="*/ 2 w 1040"/>
                <a:gd name="T1" fmla="*/ 126 h 1021"/>
                <a:gd name="T2" fmla="*/ 4 w 1040"/>
                <a:gd name="T3" fmla="*/ 162 h 1021"/>
                <a:gd name="T4" fmla="*/ 28 w 1040"/>
                <a:gd name="T5" fmla="*/ 169 h 1021"/>
                <a:gd name="T6" fmla="*/ 31 w 1040"/>
                <a:gd name="T7" fmla="*/ 180 h 1021"/>
                <a:gd name="T8" fmla="*/ 48 w 1040"/>
                <a:gd name="T9" fmla="*/ 194 h 1021"/>
                <a:gd name="T10" fmla="*/ 45 w 1040"/>
                <a:gd name="T11" fmla="*/ 221 h 1021"/>
                <a:gd name="T12" fmla="*/ 48 w 1040"/>
                <a:gd name="T13" fmla="*/ 225 h 1021"/>
                <a:gd name="T14" fmla="*/ 56 w 1040"/>
                <a:gd name="T15" fmla="*/ 226 h 1021"/>
                <a:gd name="T16" fmla="*/ 57 w 1040"/>
                <a:gd name="T17" fmla="*/ 233 h 1021"/>
                <a:gd name="T18" fmla="*/ 47 w 1040"/>
                <a:gd name="T19" fmla="*/ 252 h 1021"/>
                <a:gd name="T20" fmla="*/ 49 w 1040"/>
                <a:gd name="T21" fmla="*/ 289 h 1021"/>
                <a:gd name="T22" fmla="*/ 60 w 1040"/>
                <a:gd name="T23" fmla="*/ 291 h 1021"/>
                <a:gd name="T24" fmla="*/ 68 w 1040"/>
                <a:gd name="T25" fmla="*/ 300 h 1021"/>
                <a:gd name="T26" fmla="*/ 84 w 1040"/>
                <a:gd name="T27" fmla="*/ 300 h 1021"/>
                <a:gd name="T28" fmla="*/ 88 w 1040"/>
                <a:gd name="T29" fmla="*/ 313 h 1021"/>
                <a:gd name="T30" fmla="*/ 96 w 1040"/>
                <a:gd name="T31" fmla="*/ 322 h 1021"/>
                <a:gd name="T32" fmla="*/ 130 w 1040"/>
                <a:gd name="T33" fmla="*/ 332 h 1021"/>
                <a:gd name="T34" fmla="*/ 154 w 1040"/>
                <a:gd name="T35" fmla="*/ 328 h 1021"/>
                <a:gd name="T36" fmla="*/ 165 w 1040"/>
                <a:gd name="T37" fmla="*/ 329 h 1021"/>
                <a:gd name="T38" fmla="*/ 184 w 1040"/>
                <a:gd name="T39" fmla="*/ 338 h 1021"/>
                <a:gd name="T40" fmla="*/ 205 w 1040"/>
                <a:gd name="T41" fmla="*/ 331 h 1021"/>
                <a:gd name="T42" fmla="*/ 217 w 1040"/>
                <a:gd name="T43" fmla="*/ 310 h 1021"/>
                <a:gd name="T44" fmla="*/ 232 w 1040"/>
                <a:gd name="T45" fmla="*/ 297 h 1021"/>
                <a:gd name="T46" fmla="*/ 240 w 1040"/>
                <a:gd name="T47" fmla="*/ 313 h 1021"/>
                <a:gd name="T48" fmla="*/ 243 w 1040"/>
                <a:gd name="T49" fmla="*/ 334 h 1021"/>
                <a:gd name="T50" fmla="*/ 253 w 1040"/>
                <a:gd name="T51" fmla="*/ 335 h 1021"/>
                <a:gd name="T52" fmla="*/ 278 w 1040"/>
                <a:gd name="T53" fmla="*/ 309 h 1021"/>
                <a:gd name="T54" fmla="*/ 302 w 1040"/>
                <a:gd name="T55" fmla="*/ 297 h 1021"/>
                <a:gd name="T56" fmla="*/ 312 w 1040"/>
                <a:gd name="T57" fmla="*/ 305 h 1021"/>
                <a:gd name="T58" fmla="*/ 319 w 1040"/>
                <a:gd name="T59" fmla="*/ 312 h 1021"/>
                <a:gd name="T60" fmla="*/ 344 w 1040"/>
                <a:gd name="T61" fmla="*/ 302 h 1021"/>
                <a:gd name="T62" fmla="*/ 340 w 1040"/>
                <a:gd name="T63" fmla="*/ 269 h 1021"/>
                <a:gd name="T64" fmla="*/ 318 w 1040"/>
                <a:gd name="T65" fmla="*/ 254 h 1021"/>
                <a:gd name="T66" fmla="*/ 300 w 1040"/>
                <a:gd name="T67" fmla="*/ 240 h 1021"/>
                <a:gd name="T68" fmla="*/ 262 w 1040"/>
                <a:gd name="T69" fmla="*/ 238 h 1021"/>
                <a:gd name="T70" fmla="*/ 243 w 1040"/>
                <a:gd name="T71" fmla="*/ 227 h 1021"/>
                <a:gd name="T72" fmla="*/ 265 w 1040"/>
                <a:gd name="T73" fmla="*/ 220 h 1021"/>
                <a:gd name="T74" fmla="*/ 311 w 1040"/>
                <a:gd name="T75" fmla="*/ 211 h 1021"/>
                <a:gd name="T76" fmla="*/ 315 w 1040"/>
                <a:gd name="T77" fmla="*/ 190 h 1021"/>
                <a:gd name="T78" fmla="*/ 286 w 1040"/>
                <a:gd name="T79" fmla="*/ 186 h 1021"/>
                <a:gd name="T80" fmla="*/ 269 w 1040"/>
                <a:gd name="T81" fmla="*/ 172 h 1021"/>
                <a:gd name="T82" fmla="*/ 278 w 1040"/>
                <a:gd name="T83" fmla="*/ 151 h 1021"/>
                <a:gd name="T84" fmla="*/ 269 w 1040"/>
                <a:gd name="T85" fmla="*/ 144 h 1021"/>
                <a:gd name="T86" fmla="*/ 258 w 1040"/>
                <a:gd name="T87" fmla="*/ 152 h 1021"/>
                <a:gd name="T88" fmla="*/ 244 w 1040"/>
                <a:gd name="T89" fmla="*/ 155 h 1021"/>
                <a:gd name="T90" fmla="*/ 230 w 1040"/>
                <a:gd name="T91" fmla="*/ 135 h 1021"/>
                <a:gd name="T92" fmla="*/ 214 w 1040"/>
                <a:gd name="T93" fmla="*/ 111 h 1021"/>
                <a:gd name="T94" fmla="*/ 199 w 1040"/>
                <a:gd name="T95" fmla="*/ 106 h 1021"/>
                <a:gd name="T96" fmla="*/ 198 w 1040"/>
                <a:gd name="T97" fmla="*/ 91 h 1021"/>
                <a:gd name="T98" fmla="*/ 189 w 1040"/>
                <a:gd name="T99" fmla="*/ 67 h 1021"/>
                <a:gd name="T100" fmla="*/ 159 w 1040"/>
                <a:gd name="T101" fmla="*/ 25 h 1021"/>
                <a:gd name="T102" fmla="*/ 141 w 1040"/>
                <a:gd name="T103" fmla="*/ 23 h 1021"/>
                <a:gd name="T104" fmla="*/ 112 w 1040"/>
                <a:gd name="T105" fmla="*/ 13 h 1021"/>
                <a:gd name="T106" fmla="*/ 81 w 1040"/>
                <a:gd name="T107" fmla="*/ 12 h 1021"/>
                <a:gd name="T108" fmla="*/ 54 w 1040"/>
                <a:gd name="T109" fmla="*/ 54 h 1021"/>
                <a:gd name="T110" fmla="*/ 31 w 1040"/>
                <a:gd name="T111" fmla="*/ 72 h 1021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040" h="1021">
                  <a:moveTo>
                    <a:pt x="47" y="225"/>
                  </a:moveTo>
                  <a:lnTo>
                    <a:pt x="36" y="259"/>
                  </a:lnTo>
                  <a:lnTo>
                    <a:pt x="27" y="290"/>
                  </a:lnTo>
                  <a:lnTo>
                    <a:pt x="18" y="319"/>
                  </a:lnTo>
                  <a:lnTo>
                    <a:pt x="11" y="349"/>
                  </a:lnTo>
                  <a:lnTo>
                    <a:pt x="6" y="379"/>
                  </a:lnTo>
                  <a:lnTo>
                    <a:pt x="2" y="411"/>
                  </a:lnTo>
                  <a:lnTo>
                    <a:pt x="1" y="429"/>
                  </a:lnTo>
                  <a:lnTo>
                    <a:pt x="0" y="446"/>
                  </a:lnTo>
                  <a:lnTo>
                    <a:pt x="0" y="466"/>
                  </a:lnTo>
                  <a:lnTo>
                    <a:pt x="0" y="488"/>
                  </a:lnTo>
                  <a:lnTo>
                    <a:pt x="12" y="486"/>
                  </a:lnTo>
                  <a:lnTo>
                    <a:pt x="24" y="486"/>
                  </a:lnTo>
                  <a:lnTo>
                    <a:pt x="35" y="486"/>
                  </a:lnTo>
                  <a:lnTo>
                    <a:pt x="46" y="488"/>
                  </a:lnTo>
                  <a:lnTo>
                    <a:pt x="66" y="492"/>
                  </a:lnTo>
                  <a:lnTo>
                    <a:pt x="84" y="497"/>
                  </a:lnTo>
                  <a:lnTo>
                    <a:pt x="83" y="506"/>
                  </a:lnTo>
                  <a:lnTo>
                    <a:pt x="82" y="514"/>
                  </a:lnTo>
                  <a:lnTo>
                    <a:pt x="83" y="521"/>
                  </a:lnTo>
                  <a:lnTo>
                    <a:pt x="84" y="528"/>
                  </a:lnTo>
                  <a:lnTo>
                    <a:pt x="87" y="532"/>
                  </a:lnTo>
                  <a:lnTo>
                    <a:pt x="90" y="537"/>
                  </a:lnTo>
                  <a:lnTo>
                    <a:pt x="93" y="540"/>
                  </a:lnTo>
                  <a:lnTo>
                    <a:pt x="99" y="543"/>
                  </a:lnTo>
                  <a:lnTo>
                    <a:pt x="120" y="553"/>
                  </a:lnTo>
                  <a:lnTo>
                    <a:pt x="141" y="562"/>
                  </a:lnTo>
                  <a:lnTo>
                    <a:pt x="143" y="569"/>
                  </a:lnTo>
                  <a:lnTo>
                    <a:pt x="144" y="576"/>
                  </a:lnTo>
                  <a:lnTo>
                    <a:pt x="145" y="583"/>
                  </a:lnTo>
                  <a:lnTo>
                    <a:pt x="145" y="592"/>
                  </a:lnTo>
                  <a:lnTo>
                    <a:pt x="143" y="609"/>
                  </a:lnTo>
                  <a:lnTo>
                    <a:pt x="141" y="625"/>
                  </a:lnTo>
                  <a:lnTo>
                    <a:pt x="137" y="642"/>
                  </a:lnTo>
                  <a:lnTo>
                    <a:pt x="136" y="658"/>
                  </a:lnTo>
                  <a:lnTo>
                    <a:pt x="136" y="665"/>
                  </a:lnTo>
                  <a:lnTo>
                    <a:pt x="136" y="673"/>
                  </a:lnTo>
                  <a:lnTo>
                    <a:pt x="137" y="678"/>
                  </a:lnTo>
                  <a:lnTo>
                    <a:pt x="141" y="684"/>
                  </a:lnTo>
                  <a:lnTo>
                    <a:pt x="141" y="680"/>
                  </a:lnTo>
                  <a:lnTo>
                    <a:pt x="143" y="677"/>
                  </a:lnTo>
                  <a:lnTo>
                    <a:pt x="145" y="675"/>
                  </a:lnTo>
                  <a:lnTo>
                    <a:pt x="148" y="674"/>
                  </a:lnTo>
                  <a:lnTo>
                    <a:pt x="151" y="673"/>
                  </a:lnTo>
                  <a:lnTo>
                    <a:pt x="154" y="673"/>
                  </a:lnTo>
                  <a:lnTo>
                    <a:pt x="157" y="674"/>
                  </a:lnTo>
                  <a:lnTo>
                    <a:pt x="162" y="675"/>
                  </a:lnTo>
                  <a:lnTo>
                    <a:pt x="168" y="678"/>
                  </a:lnTo>
                  <a:lnTo>
                    <a:pt x="174" y="682"/>
                  </a:lnTo>
                  <a:lnTo>
                    <a:pt x="175" y="684"/>
                  </a:lnTo>
                  <a:lnTo>
                    <a:pt x="177" y="688"/>
                  </a:lnTo>
                  <a:lnTo>
                    <a:pt x="177" y="691"/>
                  </a:lnTo>
                  <a:lnTo>
                    <a:pt x="177" y="693"/>
                  </a:lnTo>
                  <a:lnTo>
                    <a:pt x="170" y="699"/>
                  </a:lnTo>
                  <a:lnTo>
                    <a:pt x="163" y="707"/>
                  </a:lnTo>
                  <a:lnTo>
                    <a:pt x="156" y="715"/>
                  </a:lnTo>
                  <a:lnTo>
                    <a:pt x="152" y="724"/>
                  </a:lnTo>
                  <a:lnTo>
                    <a:pt x="148" y="735"/>
                  </a:lnTo>
                  <a:lnTo>
                    <a:pt x="144" y="746"/>
                  </a:lnTo>
                  <a:lnTo>
                    <a:pt x="142" y="757"/>
                  </a:lnTo>
                  <a:lnTo>
                    <a:pt x="140" y="769"/>
                  </a:lnTo>
                  <a:lnTo>
                    <a:pt x="137" y="794"/>
                  </a:lnTo>
                  <a:lnTo>
                    <a:pt x="137" y="820"/>
                  </a:lnTo>
                  <a:lnTo>
                    <a:pt x="139" y="847"/>
                  </a:lnTo>
                  <a:lnTo>
                    <a:pt x="141" y="871"/>
                  </a:lnTo>
                  <a:lnTo>
                    <a:pt x="148" y="869"/>
                  </a:lnTo>
                  <a:lnTo>
                    <a:pt x="155" y="868"/>
                  </a:lnTo>
                  <a:lnTo>
                    <a:pt x="162" y="868"/>
                  </a:lnTo>
                  <a:lnTo>
                    <a:pt x="167" y="869"/>
                  </a:lnTo>
                  <a:lnTo>
                    <a:pt x="171" y="870"/>
                  </a:lnTo>
                  <a:lnTo>
                    <a:pt x="175" y="872"/>
                  </a:lnTo>
                  <a:lnTo>
                    <a:pt x="179" y="874"/>
                  </a:lnTo>
                  <a:lnTo>
                    <a:pt x="181" y="877"/>
                  </a:lnTo>
                  <a:lnTo>
                    <a:pt x="189" y="893"/>
                  </a:lnTo>
                  <a:lnTo>
                    <a:pt x="196" y="909"/>
                  </a:lnTo>
                  <a:lnTo>
                    <a:pt x="198" y="906"/>
                  </a:lnTo>
                  <a:lnTo>
                    <a:pt x="200" y="902"/>
                  </a:lnTo>
                  <a:lnTo>
                    <a:pt x="203" y="900"/>
                  </a:lnTo>
                  <a:lnTo>
                    <a:pt x="206" y="899"/>
                  </a:lnTo>
                  <a:lnTo>
                    <a:pt x="213" y="898"/>
                  </a:lnTo>
                  <a:lnTo>
                    <a:pt x="224" y="898"/>
                  </a:lnTo>
                  <a:lnTo>
                    <a:pt x="233" y="899"/>
                  </a:lnTo>
                  <a:lnTo>
                    <a:pt x="244" y="900"/>
                  </a:lnTo>
                  <a:lnTo>
                    <a:pt x="253" y="900"/>
                  </a:lnTo>
                  <a:lnTo>
                    <a:pt x="262" y="899"/>
                  </a:lnTo>
                  <a:lnTo>
                    <a:pt x="262" y="909"/>
                  </a:lnTo>
                  <a:lnTo>
                    <a:pt x="262" y="917"/>
                  </a:lnTo>
                  <a:lnTo>
                    <a:pt x="263" y="925"/>
                  </a:lnTo>
                  <a:lnTo>
                    <a:pt x="264" y="932"/>
                  </a:lnTo>
                  <a:lnTo>
                    <a:pt x="266" y="939"/>
                  </a:lnTo>
                  <a:lnTo>
                    <a:pt x="269" y="945"/>
                  </a:lnTo>
                  <a:lnTo>
                    <a:pt x="272" y="951"/>
                  </a:lnTo>
                  <a:lnTo>
                    <a:pt x="275" y="956"/>
                  </a:lnTo>
                  <a:lnTo>
                    <a:pt x="280" y="960"/>
                  </a:lnTo>
                  <a:lnTo>
                    <a:pt x="285" y="965"/>
                  </a:lnTo>
                  <a:lnTo>
                    <a:pt x="289" y="968"/>
                  </a:lnTo>
                  <a:lnTo>
                    <a:pt x="295" y="972"/>
                  </a:lnTo>
                  <a:lnTo>
                    <a:pt x="307" y="977"/>
                  </a:lnTo>
                  <a:lnTo>
                    <a:pt x="320" y="982"/>
                  </a:lnTo>
                  <a:lnTo>
                    <a:pt x="347" y="990"/>
                  </a:lnTo>
                  <a:lnTo>
                    <a:pt x="377" y="995"/>
                  </a:lnTo>
                  <a:lnTo>
                    <a:pt x="391" y="998"/>
                  </a:lnTo>
                  <a:lnTo>
                    <a:pt x="405" y="1002"/>
                  </a:lnTo>
                  <a:lnTo>
                    <a:pt x="419" y="1007"/>
                  </a:lnTo>
                  <a:lnTo>
                    <a:pt x="430" y="1012"/>
                  </a:lnTo>
                  <a:lnTo>
                    <a:pt x="444" y="1002"/>
                  </a:lnTo>
                  <a:lnTo>
                    <a:pt x="457" y="991"/>
                  </a:lnTo>
                  <a:lnTo>
                    <a:pt x="463" y="986"/>
                  </a:lnTo>
                  <a:lnTo>
                    <a:pt x="470" y="981"/>
                  </a:lnTo>
                  <a:lnTo>
                    <a:pt x="478" y="977"/>
                  </a:lnTo>
                  <a:lnTo>
                    <a:pt x="487" y="974"/>
                  </a:lnTo>
                  <a:lnTo>
                    <a:pt x="489" y="979"/>
                  </a:lnTo>
                  <a:lnTo>
                    <a:pt x="493" y="983"/>
                  </a:lnTo>
                  <a:lnTo>
                    <a:pt x="497" y="987"/>
                  </a:lnTo>
                  <a:lnTo>
                    <a:pt x="501" y="990"/>
                  </a:lnTo>
                  <a:lnTo>
                    <a:pt x="510" y="996"/>
                  </a:lnTo>
                  <a:lnTo>
                    <a:pt x="521" y="1001"/>
                  </a:lnTo>
                  <a:lnTo>
                    <a:pt x="531" y="1006"/>
                  </a:lnTo>
                  <a:lnTo>
                    <a:pt x="542" y="1010"/>
                  </a:lnTo>
                  <a:lnTo>
                    <a:pt x="552" y="1015"/>
                  </a:lnTo>
                  <a:lnTo>
                    <a:pt x="562" y="1021"/>
                  </a:lnTo>
                  <a:lnTo>
                    <a:pt x="574" y="1017"/>
                  </a:lnTo>
                  <a:lnTo>
                    <a:pt x="586" y="1013"/>
                  </a:lnTo>
                  <a:lnTo>
                    <a:pt x="597" y="1008"/>
                  </a:lnTo>
                  <a:lnTo>
                    <a:pt x="607" y="1000"/>
                  </a:lnTo>
                  <a:lnTo>
                    <a:pt x="616" y="993"/>
                  </a:lnTo>
                  <a:lnTo>
                    <a:pt x="623" y="985"/>
                  </a:lnTo>
                  <a:lnTo>
                    <a:pt x="630" y="975"/>
                  </a:lnTo>
                  <a:lnTo>
                    <a:pt x="637" y="965"/>
                  </a:lnTo>
                  <a:lnTo>
                    <a:pt x="642" y="954"/>
                  </a:lnTo>
                  <a:lnTo>
                    <a:pt x="647" y="942"/>
                  </a:lnTo>
                  <a:lnTo>
                    <a:pt x="651" y="930"/>
                  </a:lnTo>
                  <a:lnTo>
                    <a:pt x="655" y="917"/>
                  </a:lnTo>
                  <a:lnTo>
                    <a:pt x="661" y="891"/>
                  </a:lnTo>
                  <a:lnTo>
                    <a:pt x="665" y="861"/>
                  </a:lnTo>
                  <a:lnTo>
                    <a:pt x="678" y="873"/>
                  </a:lnTo>
                  <a:lnTo>
                    <a:pt x="690" y="886"/>
                  </a:lnTo>
                  <a:lnTo>
                    <a:pt x="696" y="892"/>
                  </a:lnTo>
                  <a:lnTo>
                    <a:pt x="701" y="899"/>
                  </a:lnTo>
                  <a:lnTo>
                    <a:pt x="706" y="907"/>
                  </a:lnTo>
                  <a:lnTo>
                    <a:pt x="710" y="914"/>
                  </a:lnTo>
                  <a:lnTo>
                    <a:pt x="715" y="923"/>
                  </a:lnTo>
                  <a:lnTo>
                    <a:pt x="718" y="932"/>
                  </a:lnTo>
                  <a:lnTo>
                    <a:pt x="720" y="941"/>
                  </a:lnTo>
                  <a:lnTo>
                    <a:pt x="722" y="952"/>
                  </a:lnTo>
                  <a:lnTo>
                    <a:pt x="723" y="963"/>
                  </a:lnTo>
                  <a:lnTo>
                    <a:pt x="723" y="976"/>
                  </a:lnTo>
                  <a:lnTo>
                    <a:pt x="722" y="989"/>
                  </a:lnTo>
                  <a:lnTo>
                    <a:pt x="721" y="1002"/>
                  </a:lnTo>
                  <a:lnTo>
                    <a:pt x="729" y="1002"/>
                  </a:lnTo>
                  <a:lnTo>
                    <a:pt x="739" y="1003"/>
                  </a:lnTo>
                  <a:lnTo>
                    <a:pt x="742" y="1005"/>
                  </a:lnTo>
                  <a:lnTo>
                    <a:pt x="745" y="1006"/>
                  </a:lnTo>
                  <a:lnTo>
                    <a:pt x="747" y="1008"/>
                  </a:lnTo>
                  <a:lnTo>
                    <a:pt x="749" y="1012"/>
                  </a:lnTo>
                  <a:lnTo>
                    <a:pt x="760" y="1005"/>
                  </a:lnTo>
                  <a:lnTo>
                    <a:pt x="770" y="996"/>
                  </a:lnTo>
                  <a:lnTo>
                    <a:pt x="781" y="987"/>
                  </a:lnTo>
                  <a:lnTo>
                    <a:pt x="789" y="977"/>
                  </a:lnTo>
                  <a:lnTo>
                    <a:pt x="807" y="958"/>
                  </a:lnTo>
                  <a:lnTo>
                    <a:pt x="825" y="938"/>
                  </a:lnTo>
                  <a:lnTo>
                    <a:pt x="835" y="929"/>
                  </a:lnTo>
                  <a:lnTo>
                    <a:pt x="845" y="920"/>
                  </a:lnTo>
                  <a:lnTo>
                    <a:pt x="856" y="912"/>
                  </a:lnTo>
                  <a:lnTo>
                    <a:pt x="867" y="906"/>
                  </a:lnTo>
                  <a:lnTo>
                    <a:pt x="880" y="899"/>
                  </a:lnTo>
                  <a:lnTo>
                    <a:pt x="894" y="895"/>
                  </a:lnTo>
                  <a:lnTo>
                    <a:pt x="909" y="892"/>
                  </a:lnTo>
                  <a:lnTo>
                    <a:pt x="927" y="890"/>
                  </a:lnTo>
                  <a:lnTo>
                    <a:pt x="929" y="894"/>
                  </a:lnTo>
                  <a:lnTo>
                    <a:pt x="932" y="899"/>
                  </a:lnTo>
                  <a:lnTo>
                    <a:pt x="934" y="903"/>
                  </a:lnTo>
                  <a:lnTo>
                    <a:pt x="936" y="910"/>
                  </a:lnTo>
                  <a:lnTo>
                    <a:pt x="937" y="915"/>
                  </a:lnTo>
                  <a:lnTo>
                    <a:pt x="937" y="921"/>
                  </a:lnTo>
                  <a:lnTo>
                    <a:pt x="937" y="929"/>
                  </a:lnTo>
                  <a:lnTo>
                    <a:pt x="936" y="937"/>
                  </a:lnTo>
                  <a:lnTo>
                    <a:pt x="944" y="938"/>
                  </a:lnTo>
                  <a:lnTo>
                    <a:pt x="951" y="938"/>
                  </a:lnTo>
                  <a:lnTo>
                    <a:pt x="959" y="938"/>
                  </a:lnTo>
                  <a:lnTo>
                    <a:pt x="965" y="938"/>
                  </a:lnTo>
                  <a:lnTo>
                    <a:pt x="978" y="936"/>
                  </a:lnTo>
                  <a:lnTo>
                    <a:pt x="988" y="933"/>
                  </a:lnTo>
                  <a:lnTo>
                    <a:pt x="1008" y="925"/>
                  </a:lnTo>
                  <a:lnTo>
                    <a:pt x="1029" y="918"/>
                  </a:lnTo>
                  <a:lnTo>
                    <a:pt x="1034" y="908"/>
                  </a:lnTo>
                  <a:lnTo>
                    <a:pt x="1036" y="896"/>
                  </a:lnTo>
                  <a:lnTo>
                    <a:pt x="1038" y="884"/>
                  </a:lnTo>
                  <a:lnTo>
                    <a:pt x="1039" y="871"/>
                  </a:lnTo>
                  <a:lnTo>
                    <a:pt x="1040" y="843"/>
                  </a:lnTo>
                  <a:lnTo>
                    <a:pt x="1039" y="815"/>
                  </a:lnTo>
                  <a:lnTo>
                    <a:pt x="1023" y="807"/>
                  </a:lnTo>
                  <a:lnTo>
                    <a:pt x="1006" y="799"/>
                  </a:lnTo>
                  <a:lnTo>
                    <a:pt x="989" y="791"/>
                  </a:lnTo>
                  <a:lnTo>
                    <a:pt x="975" y="781"/>
                  </a:lnTo>
                  <a:lnTo>
                    <a:pt x="968" y="776"/>
                  </a:lnTo>
                  <a:lnTo>
                    <a:pt x="961" y="770"/>
                  </a:lnTo>
                  <a:lnTo>
                    <a:pt x="956" y="763"/>
                  </a:lnTo>
                  <a:lnTo>
                    <a:pt x="950" y="757"/>
                  </a:lnTo>
                  <a:lnTo>
                    <a:pt x="945" y="749"/>
                  </a:lnTo>
                  <a:lnTo>
                    <a:pt x="942" y="740"/>
                  </a:lnTo>
                  <a:lnTo>
                    <a:pt x="939" y="732"/>
                  </a:lnTo>
                  <a:lnTo>
                    <a:pt x="936" y="721"/>
                  </a:lnTo>
                  <a:lnTo>
                    <a:pt x="901" y="722"/>
                  </a:lnTo>
                  <a:lnTo>
                    <a:pt x="867" y="722"/>
                  </a:lnTo>
                  <a:lnTo>
                    <a:pt x="850" y="722"/>
                  </a:lnTo>
                  <a:lnTo>
                    <a:pt x="835" y="721"/>
                  </a:lnTo>
                  <a:lnTo>
                    <a:pt x="819" y="720"/>
                  </a:lnTo>
                  <a:lnTo>
                    <a:pt x="803" y="718"/>
                  </a:lnTo>
                  <a:lnTo>
                    <a:pt x="789" y="716"/>
                  </a:lnTo>
                  <a:lnTo>
                    <a:pt x="776" y="712"/>
                  </a:lnTo>
                  <a:lnTo>
                    <a:pt x="764" y="708"/>
                  </a:lnTo>
                  <a:lnTo>
                    <a:pt x="752" y="701"/>
                  </a:lnTo>
                  <a:lnTo>
                    <a:pt x="742" y="695"/>
                  </a:lnTo>
                  <a:lnTo>
                    <a:pt x="733" y="687"/>
                  </a:lnTo>
                  <a:lnTo>
                    <a:pt x="730" y="681"/>
                  </a:lnTo>
                  <a:lnTo>
                    <a:pt x="726" y="676"/>
                  </a:lnTo>
                  <a:lnTo>
                    <a:pt x="723" y="671"/>
                  </a:lnTo>
                  <a:lnTo>
                    <a:pt x="721" y="665"/>
                  </a:lnTo>
                  <a:lnTo>
                    <a:pt x="746" y="662"/>
                  </a:lnTo>
                  <a:lnTo>
                    <a:pt x="770" y="662"/>
                  </a:lnTo>
                  <a:lnTo>
                    <a:pt x="796" y="662"/>
                  </a:lnTo>
                  <a:lnTo>
                    <a:pt x="820" y="662"/>
                  </a:lnTo>
                  <a:lnTo>
                    <a:pt x="845" y="662"/>
                  </a:lnTo>
                  <a:lnTo>
                    <a:pt x="871" y="662"/>
                  </a:lnTo>
                  <a:lnTo>
                    <a:pt x="899" y="660"/>
                  </a:lnTo>
                  <a:lnTo>
                    <a:pt x="927" y="656"/>
                  </a:lnTo>
                  <a:lnTo>
                    <a:pt x="934" y="634"/>
                  </a:lnTo>
                  <a:lnTo>
                    <a:pt x="941" y="614"/>
                  </a:lnTo>
                  <a:lnTo>
                    <a:pt x="945" y="603"/>
                  </a:lnTo>
                  <a:lnTo>
                    <a:pt x="947" y="592"/>
                  </a:lnTo>
                  <a:lnTo>
                    <a:pt x="947" y="585"/>
                  </a:lnTo>
                  <a:lnTo>
                    <a:pt x="947" y="578"/>
                  </a:lnTo>
                  <a:lnTo>
                    <a:pt x="946" y="571"/>
                  </a:lnTo>
                  <a:lnTo>
                    <a:pt x="945" y="562"/>
                  </a:lnTo>
                  <a:lnTo>
                    <a:pt x="932" y="559"/>
                  </a:lnTo>
                  <a:lnTo>
                    <a:pt x="919" y="556"/>
                  </a:lnTo>
                  <a:lnTo>
                    <a:pt x="905" y="556"/>
                  </a:lnTo>
                  <a:lnTo>
                    <a:pt x="891" y="556"/>
                  </a:lnTo>
                  <a:lnTo>
                    <a:pt x="860" y="558"/>
                  </a:lnTo>
                  <a:lnTo>
                    <a:pt x="824" y="562"/>
                  </a:lnTo>
                  <a:lnTo>
                    <a:pt x="816" y="553"/>
                  </a:lnTo>
                  <a:lnTo>
                    <a:pt x="811" y="544"/>
                  </a:lnTo>
                  <a:lnTo>
                    <a:pt x="808" y="535"/>
                  </a:lnTo>
                  <a:lnTo>
                    <a:pt x="807" y="526"/>
                  </a:lnTo>
                  <a:lnTo>
                    <a:pt x="808" y="517"/>
                  </a:lnTo>
                  <a:lnTo>
                    <a:pt x="809" y="509"/>
                  </a:lnTo>
                  <a:lnTo>
                    <a:pt x="812" y="500"/>
                  </a:lnTo>
                  <a:lnTo>
                    <a:pt x="817" y="493"/>
                  </a:lnTo>
                  <a:lnTo>
                    <a:pt x="825" y="476"/>
                  </a:lnTo>
                  <a:lnTo>
                    <a:pt x="831" y="461"/>
                  </a:lnTo>
                  <a:lnTo>
                    <a:pt x="835" y="453"/>
                  </a:lnTo>
                  <a:lnTo>
                    <a:pt x="836" y="445"/>
                  </a:lnTo>
                  <a:lnTo>
                    <a:pt x="836" y="438"/>
                  </a:lnTo>
                  <a:lnTo>
                    <a:pt x="834" y="431"/>
                  </a:lnTo>
                  <a:lnTo>
                    <a:pt x="824" y="430"/>
                  </a:lnTo>
                  <a:lnTo>
                    <a:pt x="816" y="430"/>
                  </a:lnTo>
                  <a:lnTo>
                    <a:pt x="808" y="431"/>
                  </a:lnTo>
                  <a:lnTo>
                    <a:pt x="802" y="433"/>
                  </a:lnTo>
                  <a:lnTo>
                    <a:pt x="797" y="436"/>
                  </a:lnTo>
                  <a:lnTo>
                    <a:pt x="792" y="439"/>
                  </a:lnTo>
                  <a:lnTo>
                    <a:pt x="787" y="443"/>
                  </a:lnTo>
                  <a:lnTo>
                    <a:pt x="783" y="446"/>
                  </a:lnTo>
                  <a:lnTo>
                    <a:pt x="775" y="455"/>
                  </a:lnTo>
                  <a:lnTo>
                    <a:pt x="766" y="462"/>
                  </a:lnTo>
                  <a:lnTo>
                    <a:pt x="760" y="464"/>
                  </a:lnTo>
                  <a:lnTo>
                    <a:pt x="755" y="466"/>
                  </a:lnTo>
                  <a:lnTo>
                    <a:pt x="747" y="469"/>
                  </a:lnTo>
                  <a:lnTo>
                    <a:pt x="740" y="469"/>
                  </a:lnTo>
                  <a:lnTo>
                    <a:pt x="733" y="464"/>
                  </a:lnTo>
                  <a:lnTo>
                    <a:pt x="728" y="461"/>
                  </a:lnTo>
                  <a:lnTo>
                    <a:pt x="724" y="456"/>
                  </a:lnTo>
                  <a:lnTo>
                    <a:pt x="719" y="452"/>
                  </a:lnTo>
                  <a:lnTo>
                    <a:pt x="711" y="441"/>
                  </a:lnTo>
                  <a:lnTo>
                    <a:pt x="704" y="430"/>
                  </a:lnTo>
                  <a:lnTo>
                    <a:pt x="691" y="404"/>
                  </a:lnTo>
                  <a:lnTo>
                    <a:pt x="679" y="379"/>
                  </a:lnTo>
                  <a:lnTo>
                    <a:pt x="672" y="367"/>
                  </a:lnTo>
                  <a:lnTo>
                    <a:pt x="665" y="356"/>
                  </a:lnTo>
                  <a:lnTo>
                    <a:pt x="657" y="345"/>
                  </a:lnTo>
                  <a:lnTo>
                    <a:pt x="647" y="337"/>
                  </a:lnTo>
                  <a:lnTo>
                    <a:pt x="642" y="333"/>
                  </a:lnTo>
                  <a:lnTo>
                    <a:pt x="636" y="330"/>
                  </a:lnTo>
                  <a:lnTo>
                    <a:pt x="629" y="326"/>
                  </a:lnTo>
                  <a:lnTo>
                    <a:pt x="623" y="323"/>
                  </a:lnTo>
                  <a:lnTo>
                    <a:pt x="616" y="321"/>
                  </a:lnTo>
                  <a:lnTo>
                    <a:pt x="607" y="320"/>
                  </a:lnTo>
                  <a:lnTo>
                    <a:pt x="599" y="319"/>
                  </a:lnTo>
                  <a:lnTo>
                    <a:pt x="589" y="319"/>
                  </a:lnTo>
                  <a:lnTo>
                    <a:pt x="592" y="310"/>
                  </a:lnTo>
                  <a:lnTo>
                    <a:pt x="593" y="300"/>
                  </a:lnTo>
                  <a:lnTo>
                    <a:pt x="594" y="291"/>
                  </a:lnTo>
                  <a:lnTo>
                    <a:pt x="596" y="282"/>
                  </a:lnTo>
                  <a:lnTo>
                    <a:pt x="594" y="273"/>
                  </a:lnTo>
                  <a:lnTo>
                    <a:pt x="593" y="264"/>
                  </a:lnTo>
                  <a:lnTo>
                    <a:pt x="592" y="256"/>
                  </a:lnTo>
                  <a:lnTo>
                    <a:pt x="590" y="247"/>
                  </a:lnTo>
                  <a:lnTo>
                    <a:pt x="585" y="232"/>
                  </a:lnTo>
                  <a:lnTo>
                    <a:pt x="578" y="216"/>
                  </a:lnTo>
                  <a:lnTo>
                    <a:pt x="569" y="200"/>
                  </a:lnTo>
                  <a:lnTo>
                    <a:pt x="559" y="185"/>
                  </a:lnTo>
                  <a:lnTo>
                    <a:pt x="537" y="155"/>
                  </a:lnTo>
                  <a:lnTo>
                    <a:pt x="512" y="123"/>
                  </a:lnTo>
                  <a:lnTo>
                    <a:pt x="501" y="107"/>
                  </a:lnTo>
                  <a:lnTo>
                    <a:pt x="489" y="92"/>
                  </a:lnTo>
                  <a:lnTo>
                    <a:pt x="478" y="74"/>
                  </a:lnTo>
                  <a:lnTo>
                    <a:pt x="468" y="57"/>
                  </a:lnTo>
                  <a:lnTo>
                    <a:pt x="460" y="60"/>
                  </a:lnTo>
                  <a:lnTo>
                    <a:pt x="452" y="63"/>
                  </a:lnTo>
                  <a:lnTo>
                    <a:pt x="445" y="66"/>
                  </a:lnTo>
                  <a:lnTo>
                    <a:pt x="438" y="68"/>
                  </a:lnTo>
                  <a:lnTo>
                    <a:pt x="423" y="69"/>
                  </a:lnTo>
                  <a:lnTo>
                    <a:pt x="409" y="69"/>
                  </a:lnTo>
                  <a:lnTo>
                    <a:pt x="397" y="67"/>
                  </a:lnTo>
                  <a:lnTo>
                    <a:pt x="384" y="64"/>
                  </a:lnTo>
                  <a:lnTo>
                    <a:pt x="372" y="59"/>
                  </a:lnTo>
                  <a:lnTo>
                    <a:pt x="361" y="53"/>
                  </a:lnTo>
                  <a:lnTo>
                    <a:pt x="338" y="39"/>
                  </a:lnTo>
                  <a:lnTo>
                    <a:pt x="313" y="24"/>
                  </a:lnTo>
                  <a:lnTo>
                    <a:pt x="302" y="17"/>
                  </a:lnTo>
                  <a:lnTo>
                    <a:pt x="289" y="11"/>
                  </a:lnTo>
                  <a:lnTo>
                    <a:pt x="275" y="4"/>
                  </a:lnTo>
                  <a:lnTo>
                    <a:pt x="262" y="0"/>
                  </a:lnTo>
                  <a:lnTo>
                    <a:pt x="243" y="36"/>
                  </a:lnTo>
                  <a:lnTo>
                    <a:pt x="222" y="74"/>
                  </a:lnTo>
                  <a:lnTo>
                    <a:pt x="211" y="93"/>
                  </a:lnTo>
                  <a:lnTo>
                    <a:pt x="200" y="111"/>
                  </a:lnTo>
                  <a:lnTo>
                    <a:pt x="188" y="128"/>
                  </a:lnTo>
                  <a:lnTo>
                    <a:pt x="175" y="145"/>
                  </a:lnTo>
                  <a:lnTo>
                    <a:pt x="163" y="161"/>
                  </a:lnTo>
                  <a:lnTo>
                    <a:pt x="148" y="176"/>
                  </a:lnTo>
                  <a:lnTo>
                    <a:pt x="133" y="190"/>
                  </a:lnTo>
                  <a:lnTo>
                    <a:pt x="119" y="201"/>
                  </a:lnTo>
                  <a:lnTo>
                    <a:pt x="110" y="206"/>
                  </a:lnTo>
                  <a:lnTo>
                    <a:pt x="102" y="211"/>
                  </a:lnTo>
                  <a:lnTo>
                    <a:pt x="93" y="215"/>
                  </a:lnTo>
                  <a:lnTo>
                    <a:pt x="85" y="218"/>
                  </a:lnTo>
                  <a:lnTo>
                    <a:pt x="75" y="221"/>
                  </a:lnTo>
                  <a:lnTo>
                    <a:pt x="66" y="223"/>
                  </a:lnTo>
                  <a:lnTo>
                    <a:pt x="56" y="224"/>
                  </a:lnTo>
                  <a:lnTo>
                    <a:pt x="47" y="225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4" name="Vejle"/>
            <p:cNvSpPr>
              <a:spLocks/>
            </p:cNvSpPr>
            <p:nvPr/>
          </p:nvSpPr>
          <p:spPr bwMode="auto">
            <a:xfrm>
              <a:off x="1273175" y="4543425"/>
              <a:ext cx="549275" cy="539750"/>
            </a:xfrm>
            <a:custGeom>
              <a:avLst/>
              <a:gdLst>
                <a:gd name="T0" fmla="*/ 2 w 1040"/>
                <a:gd name="T1" fmla="*/ 126 h 1021"/>
                <a:gd name="T2" fmla="*/ 4 w 1040"/>
                <a:gd name="T3" fmla="*/ 162 h 1021"/>
                <a:gd name="T4" fmla="*/ 28 w 1040"/>
                <a:gd name="T5" fmla="*/ 169 h 1021"/>
                <a:gd name="T6" fmla="*/ 31 w 1040"/>
                <a:gd name="T7" fmla="*/ 180 h 1021"/>
                <a:gd name="T8" fmla="*/ 48 w 1040"/>
                <a:gd name="T9" fmla="*/ 194 h 1021"/>
                <a:gd name="T10" fmla="*/ 45 w 1040"/>
                <a:gd name="T11" fmla="*/ 221 h 1021"/>
                <a:gd name="T12" fmla="*/ 48 w 1040"/>
                <a:gd name="T13" fmla="*/ 225 h 1021"/>
                <a:gd name="T14" fmla="*/ 56 w 1040"/>
                <a:gd name="T15" fmla="*/ 226 h 1021"/>
                <a:gd name="T16" fmla="*/ 57 w 1040"/>
                <a:gd name="T17" fmla="*/ 233 h 1021"/>
                <a:gd name="T18" fmla="*/ 47 w 1040"/>
                <a:gd name="T19" fmla="*/ 252 h 1021"/>
                <a:gd name="T20" fmla="*/ 49 w 1040"/>
                <a:gd name="T21" fmla="*/ 289 h 1021"/>
                <a:gd name="T22" fmla="*/ 60 w 1040"/>
                <a:gd name="T23" fmla="*/ 291 h 1021"/>
                <a:gd name="T24" fmla="*/ 68 w 1040"/>
                <a:gd name="T25" fmla="*/ 300 h 1021"/>
                <a:gd name="T26" fmla="*/ 84 w 1040"/>
                <a:gd name="T27" fmla="*/ 300 h 1021"/>
                <a:gd name="T28" fmla="*/ 88 w 1040"/>
                <a:gd name="T29" fmla="*/ 313 h 1021"/>
                <a:gd name="T30" fmla="*/ 96 w 1040"/>
                <a:gd name="T31" fmla="*/ 322 h 1021"/>
                <a:gd name="T32" fmla="*/ 130 w 1040"/>
                <a:gd name="T33" fmla="*/ 332 h 1021"/>
                <a:gd name="T34" fmla="*/ 154 w 1040"/>
                <a:gd name="T35" fmla="*/ 328 h 1021"/>
                <a:gd name="T36" fmla="*/ 165 w 1040"/>
                <a:gd name="T37" fmla="*/ 329 h 1021"/>
                <a:gd name="T38" fmla="*/ 184 w 1040"/>
                <a:gd name="T39" fmla="*/ 338 h 1021"/>
                <a:gd name="T40" fmla="*/ 205 w 1040"/>
                <a:gd name="T41" fmla="*/ 331 h 1021"/>
                <a:gd name="T42" fmla="*/ 217 w 1040"/>
                <a:gd name="T43" fmla="*/ 310 h 1021"/>
                <a:gd name="T44" fmla="*/ 232 w 1040"/>
                <a:gd name="T45" fmla="*/ 297 h 1021"/>
                <a:gd name="T46" fmla="*/ 240 w 1040"/>
                <a:gd name="T47" fmla="*/ 313 h 1021"/>
                <a:gd name="T48" fmla="*/ 243 w 1040"/>
                <a:gd name="T49" fmla="*/ 334 h 1021"/>
                <a:gd name="T50" fmla="*/ 253 w 1040"/>
                <a:gd name="T51" fmla="*/ 335 h 1021"/>
                <a:gd name="T52" fmla="*/ 278 w 1040"/>
                <a:gd name="T53" fmla="*/ 309 h 1021"/>
                <a:gd name="T54" fmla="*/ 302 w 1040"/>
                <a:gd name="T55" fmla="*/ 297 h 1021"/>
                <a:gd name="T56" fmla="*/ 312 w 1040"/>
                <a:gd name="T57" fmla="*/ 305 h 1021"/>
                <a:gd name="T58" fmla="*/ 319 w 1040"/>
                <a:gd name="T59" fmla="*/ 312 h 1021"/>
                <a:gd name="T60" fmla="*/ 344 w 1040"/>
                <a:gd name="T61" fmla="*/ 302 h 1021"/>
                <a:gd name="T62" fmla="*/ 340 w 1040"/>
                <a:gd name="T63" fmla="*/ 269 h 1021"/>
                <a:gd name="T64" fmla="*/ 318 w 1040"/>
                <a:gd name="T65" fmla="*/ 254 h 1021"/>
                <a:gd name="T66" fmla="*/ 300 w 1040"/>
                <a:gd name="T67" fmla="*/ 240 h 1021"/>
                <a:gd name="T68" fmla="*/ 262 w 1040"/>
                <a:gd name="T69" fmla="*/ 238 h 1021"/>
                <a:gd name="T70" fmla="*/ 243 w 1040"/>
                <a:gd name="T71" fmla="*/ 227 h 1021"/>
                <a:gd name="T72" fmla="*/ 265 w 1040"/>
                <a:gd name="T73" fmla="*/ 220 h 1021"/>
                <a:gd name="T74" fmla="*/ 311 w 1040"/>
                <a:gd name="T75" fmla="*/ 211 h 1021"/>
                <a:gd name="T76" fmla="*/ 315 w 1040"/>
                <a:gd name="T77" fmla="*/ 190 h 1021"/>
                <a:gd name="T78" fmla="*/ 286 w 1040"/>
                <a:gd name="T79" fmla="*/ 186 h 1021"/>
                <a:gd name="T80" fmla="*/ 269 w 1040"/>
                <a:gd name="T81" fmla="*/ 172 h 1021"/>
                <a:gd name="T82" fmla="*/ 278 w 1040"/>
                <a:gd name="T83" fmla="*/ 151 h 1021"/>
                <a:gd name="T84" fmla="*/ 269 w 1040"/>
                <a:gd name="T85" fmla="*/ 144 h 1021"/>
                <a:gd name="T86" fmla="*/ 258 w 1040"/>
                <a:gd name="T87" fmla="*/ 152 h 1021"/>
                <a:gd name="T88" fmla="*/ 244 w 1040"/>
                <a:gd name="T89" fmla="*/ 155 h 1021"/>
                <a:gd name="T90" fmla="*/ 230 w 1040"/>
                <a:gd name="T91" fmla="*/ 135 h 1021"/>
                <a:gd name="T92" fmla="*/ 214 w 1040"/>
                <a:gd name="T93" fmla="*/ 111 h 1021"/>
                <a:gd name="T94" fmla="*/ 199 w 1040"/>
                <a:gd name="T95" fmla="*/ 106 h 1021"/>
                <a:gd name="T96" fmla="*/ 198 w 1040"/>
                <a:gd name="T97" fmla="*/ 91 h 1021"/>
                <a:gd name="T98" fmla="*/ 189 w 1040"/>
                <a:gd name="T99" fmla="*/ 67 h 1021"/>
                <a:gd name="T100" fmla="*/ 159 w 1040"/>
                <a:gd name="T101" fmla="*/ 25 h 1021"/>
                <a:gd name="T102" fmla="*/ 141 w 1040"/>
                <a:gd name="T103" fmla="*/ 23 h 1021"/>
                <a:gd name="T104" fmla="*/ 112 w 1040"/>
                <a:gd name="T105" fmla="*/ 13 h 1021"/>
                <a:gd name="T106" fmla="*/ 81 w 1040"/>
                <a:gd name="T107" fmla="*/ 12 h 1021"/>
                <a:gd name="T108" fmla="*/ 54 w 1040"/>
                <a:gd name="T109" fmla="*/ 54 h 1021"/>
                <a:gd name="T110" fmla="*/ 31 w 1040"/>
                <a:gd name="T111" fmla="*/ 72 h 1021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040" h="1021">
                  <a:moveTo>
                    <a:pt x="47" y="225"/>
                  </a:moveTo>
                  <a:lnTo>
                    <a:pt x="36" y="259"/>
                  </a:lnTo>
                  <a:lnTo>
                    <a:pt x="27" y="290"/>
                  </a:lnTo>
                  <a:lnTo>
                    <a:pt x="18" y="319"/>
                  </a:lnTo>
                  <a:lnTo>
                    <a:pt x="11" y="349"/>
                  </a:lnTo>
                  <a:lnTo>
                    <a:pt x="6" y="379"/>
                  </a:lnTo>
                  <a:lnTo>
                    <a:pt x="2" y="411"/>
                  </a:lnTo>
                  <a:lnTo>
                    <a:pt x="1" y="429"/>
                  </a:lnTo>
                  <a:lnTo>
                    <a:pt x="0" y="446"/>
                  </a:lnTo>
                  <a:lnTo>
                    <a:pt x="0" y="466"/>
                  </a:lnTo>
                  <a:lnTo>
                    <a:pt x="0" y="488"/>
                  </a:lnTo>
                  <a:lnTo>
                    <a:pt x="12" y="486"/>
                  </a:lnTo>
                  <a:lnTo>
                    <a:pt x="24" y="486"/>
                  </a:lnTo>
                  <a:lnTo>
                    <a:pt x="35" y="486"/>
                  </a:lnTo>
                  <a:lnTo>
                    <a:pt x="46" y="488"/>
                  </a:lnTo>
                  <a:lnTo>
                    <a:pt x="66" y="492"/>
                  </a:lnTo>
                  <a:lnTo>
                    <a:pt x="84" y="497"/>
                  </a:lnTo>
                  <a:lnTo>
                    <a:pt x="83" y="506"/>
                  </a:lnTo>
                  <a:lnTo>
                    <a:pt x="82" y="514"/>
                  </a:lnTo>
                  <a:lnTo>
                    <a:pt x="83" y="521"/>
                  </a:lnTo>
                  <a:lnTo>
                    <a:pt x="84" y="528"/>
                  </a:lnTo>
                  <a:lnTo>
                    <a:pt x="87" y="532"/>
                  </a:lnTo>
                  <a:lnTo>
                    <a:pt x="90" y="537"/>
                  </a:lnTo>
                  <a:lnTo>
                    <a:pt x="93" y="540"/>
                  </a:lnTo>
                  <a:lnTo>
                    <a:pt x="99" y="543"/>
                  </a:lnTo>
                  <a:lnTo>
                    <a:pt x="120" y="553"/>
                  </a:lnTo>
                  <a:lnTo>
                    <a:pt x="141" y="562"/>
                  </a:lnTo>
                  <a:lnTo>
                    <a:pt x="143" y="569"/>
                  </a:lnTo>
                  <a:lnTo>
                    <a:pt x="144" y="576"/>
                  </a:lnTo>
                  <a:lnTo>
                    <a:pt x="145" y="583"/>
                  </a:lnTo>
                  <a:lnTo>
                    <a:pt x="145" y="592"/>
                  </a:lnTo>
                  <a:lnTo>
                    <a:pt x="143" y="609"/>
                  </a:lnTo>
                  <a:lnTo>
                    <a:pt x="141" y="625"/>
                  </a:lnTo>
                  <a:lnTo>
                    <a:pt x="137" y="642"/>
                  </a:lnTo>
                  <a:lnTo>
                    <a:pt x="136" y="658"/>
                  </a:lnTo>
                  <a:lnTo>
                    <a:pt x="136" y="665"/>
                  </a:lnTo>
                  <a:lnTo>
                    <a:pt x="136" y="673"/>
                  </a:lnTo>
                  <a:lnTo>
                    <a:pt x="137" y="678"/>
                  </a:lnTo>
                  <a:lnTo>
                    <a:pt x="141" y="684"/>
                  </a:lnTo>
                  <a:lnTo>
                    <a:pt x="141" y="680"/>
                  </a:lnTo>
                  <a:lnTo>
                    <a:pt x="143" y="677"/>
                  </a:lnTo>
                  <a:lnTo>
                    <a:pt x="145" y="675"/>
                  </a:lnTo>
                  <a:lnTo>
                    <a:pt x="148" y="674"/>
                  </a:lnTo>
                  <a:lnTo>
                    <a:pt x="151" y="673"/>
                  </a:lnTo>
                  <a:lnTo>
                    <a:pt x="154" y="673"/>
                  </a:lnTo>
                  <a:lnTo>
                    <a:pt x="157" y="674"/>
                  </a:lnTo>
                  <a:lnTo>
                    <a:pt x="162" y="675"/>
                  </a:lnTo>
                  <a:lnTo>
                    <a:pt x="168" y="678"/>
                  </a:lnTo>
                  <a:lnTo>
                    <a:pt x="174" y="682"/>
                  </a:lnTo>
                  <a:lnTo>
                    <a:pt x="175" y="684"/>
                  </a:lnTo>
                  <a:lnTo>
                    <a:pt x="177" y="688"/>
                  </a:lnTo>
                  <a:lnTo>
                    <a:pt x="177" y="691"/>
                  </a:lnTo>
                  <a:lnTo>
                    <a:pt x="177" y="693"/>
                  </a:lnTo>
                  <a:lnTo>
                    <a:pt x="170" y="699"/>
                  </a:lnTo>
                  <a:lnTo>
                    <a:pt x="163" y="707"/>
                  </a:lnTo>
                  <a:lnTo>
                    <a:pt x="156" y="715"/>
                  </a:lnTo>
                  <a:lnTo>
                    <a:pt x="152" y="724"/>
                  </a:lnTo>
                  <a:lnTo>
                    <a:pt x="148" y="735"/>
                  </a:lnTo>
                  <a:lnTo>
                    <a:pt x="144" y="746"/>
                  </a:lnTo>
                  <a:lnTo>
                    <a:pt x="142" y="757"/>
                  </a:lnTo>
                  <a:lnTo>
                    <a:pt x="140" y="769"/>
                  </a:lnTo>
                  <a:lnTo>
                    <a:pt x="137" y="794"/>
                  </a:lnTo>
                  <a:lnTo>
                    <a:pt x="137" y="820"/>
                  </a:lnTo>
                  <a:lnTo>
                    <a:pt x="139" y="847"/>
                  </a:lnTo>
                  <a:lnTo>
                    <a:pt x="141" y="871"/>
                  </a:lnTo>
                  <a:lnTo>
                    <a:pt x="148" y="869"/>
                  </a:lnTo>
                  <a:lnTo>
                    <a:pt x="155" y="868"/>
                  </a:lnTo>
                  <a:lnTo>
                    <a:pt x="162" y="868"/>
                  </a:lnTo>
                  <a:lnTo>
                    <a:pt x="167" y="869"/>
                  </a:lnTo>
                  <a:lnTo>
                    <a:pt x="171" y="870"/>
                  </a:lnTo>
                  <a:lnTo>
                    <a:pt x="175" y="872"/>
                  </a:lnTo>
                  <a:lnTo>
                    <a:pt x="179" y="874"/>
                  </a:lnTo>
                  <a:lnTo>
                    <a:pt x="181" y="877"/>
                  </a:lnTo>
                  <a:lnTo>
                    <a:pt x="189" y="893"/>
                  </a:lnTo>
                  <a:lnTo>
                    <a:pt x="196" y="909"/>
                  </a:lnTo>
                  <a:lnTo>
                    <a:pt x="198" y="906"/>
                  </a:lnTo>
                  <a:lnTo>
                    <a:pt x="200" y="902"/>
                  </a:lnTo>
                  <a:lnTo>
                    <a:pt x="203" y="900"/>
                  </a:lnTo>
                  <a:lnTo>
                    <a:pt x="206" y="899"/>
                  </a:lnTo>
                  <a:lnTo>
                    <a:pt x="213" y="898"/>
                  </a:lnTo>
                  <a:lnTo>
                    <a:pt x="224" y="898"/>
                  </a:lnTo>
                  <a:lnTo>
                    <a:pt x="233" y="899"/>
                  </a:lnTo>
                  <a:lnTo>
                    <a:pt x="244" y="900"/>
                  </a:lnTo>
                  <a:lnTo>
                    <a:pt x="253" y="900"/>
                  </a:lnTo>
                  <a:lnTo>
                    <a:pt x="262" y="899"/>
                  </a:lnTo>
                  <a:lnTo>
                    <a:pt x="262" y="909"/>
                  </a:lnTo>
                  <a:lnTo>
                    <a:pt x="262" y="917"/>
                  </a:lnTo>
                  <a:lnTo>
                    <a:pt x="263" y="925"/>
                  </a:lnTo>
                  <a:lnTo>
                    <a:pt x="264" y="932"/>
                  </a:lnTo>
                  <a:lnTo>
                    <a:pt x="266" y="939"/>
                  </a:lnTo>
                  <a:lnTo>
                    <a:pt x="269" y="945"/>
                  </a:lnTo>
                  <a:lnTo>
                    <a:pt x="272" y="951"/>
                  </a:lnTo>
                  <a:lnTo>
                    <a:pt x="275" y="956"/>
                  </a:lnTo>
                  <a:lnTo>
                    <a:pt x="280" y="960"/>
                  </a:lnTo>
                  <a:lnTo>
                    <a:pt x="285" y="965"/>
                  </a:lnTo>
                  <a:lnTo>
                    <a:pt x="289" y="968"/>
                  </a:lnTo>
                  <a:lnTo>
                    <a:pt x="295" y="972"/>
                  </a:lnTo>
                  <a:lnTo>
                    <a:pt x="307" y="977"/>
                  </a:lnTo>
                  <a:lnTo>
                    <a:pt x="320" y="982"/>
                  </a:lnTo>
                  <a:lnTo>
                    <a:pt x="347" y="990"/>
                  </a:lnTo>
                  <a:lnTo>
                    <a:pt x="377" y="995"/>
                  </a:lnTo>
                  <a:lnTo>
                    <a:pt x="391" y="998"/>
                  </a:lnTo>
                  <a:lnTo>
                    <a:pt x="405" y="1002"/>
                  </a:lnTo>
                  <a:lnTo>
                    <a:pt x="419" y="1007"/>
                  </a:lnTo>
                  <a:lnTo>
                    <a:pt x="430" y="1012"/>
                  </a:lnTo>
                  <a:lnTo>
                    <a:pt x="444" y="1002"/>
                  </a:lnTo>
                  <a:lnTo>
                    <a:pt x="457" y="991"/>
                  </a:lnTo>
                  <a:lnTo>
                    <a:pt x="463" y="986"/>
                  </a:lnTo>
                  <a:lnTo>
                    <a:pt x="470" y="981"/>
                  </a:lnTo>
                  <a:lnTo>
                    <a:pt x="478" y="977"/>
                  </a:lnTo>
                  <a:lnTo>
                    <a:pt x="487" y="974"/>
                  </a:lnTo>
                  <a:lnTo>
                    <a:pt x="489" y="979"/>
                  </a:lnTo>
                  <a:lnTo>
                    <a:pt x="493" y="983"/>
                  </a:lnTo>
                  <a:lnTo>
                    <a:pt x="497" y="987"/>
                  </a:lnTo>
                  <a:lnTo>
                    <a:pt x="501" y="990"/>
                  </a:lnTo>
                  <a:lnTo>
                    <a:pt x="510" y="996"/>
                  </a:lnTo>
                  <a:lnTo>
                    <a:pt x="521" y="1001"/>
                  </a:lnTo>
                  <a:lnTo>
                    <a:pt x="531" y="1006"/>
                  </a:lnTo>
                  <a:lnTo>
                    <a:pt x="542" y="1010"/>
                  </a:lnTo>
                  <a:lnTo>
                    <a:pt x="552" y="1015"/>
                  </a:lnTo>
                  <a:lnTo>
                    <a:pt x="562" y="1021"/>
                  </a:lnTo>
                  <a:lnTo>
                    <a:pt x="574" y="1017"/>
                  </a:lnTo>
                  <a:lnTo>
                    <a:pt x="586" y="1013"/>
                  </a:lnTo>
                  <a:lnTo>
                    <a:pt x="597" y="1008"/>
                  </a:lnTo>
                  <a:lnTo>
                    <a:pt x="607" y="1000"/>
                  </a:lnTo>
                  <a:lnTo>
                    <a:pt x="616" y="993"/>
                  </a:lnTo>
                  <a:lnTo>
                    <a:pt x="623" y="985"/>
                  </a:lnTo>
                  <a:lnTo>
                    <a:pt x="630" y="975"/>
                  </a:lnTo>
                  <a:lnTo>
                    <a:pt x="637" y="965"/>
                  </a:lnTo>
                  <a:lnTo>
                    <a:pt x="642" y="954"/>
                  </a:lnTo>
                  <a:lnTo>
                    <a:pt x="647" y="942"/>
                  </a:lnTo>
                  <a:lnTo>
                    <a:pt x="651" y="930"/>
                  </a:lnTo>
                  <a:lnTo>
                    <a:pt x="655" y="917"/>
                  </a:lnTo>
                  <a:lnTo>
                    <a:pt x="661" y="891"/>
                  </a:lnTo>
                  <a:lnTo>
                    <a:pt x="665" y="861"/>
                  </a:lnTo>
                  <a:lnTo>
                    <a:pt x="678" y="873"/>
                  </a:lnTo>
                  <a:lnTo>
                    <a:pt x="690" y="886"/>
                  </a:lnTo>
                  <a:lnTo>
                    <a:pt x="696" y="892"/>
                  </a:lnTo>
                  <a:lnTo>
                    <a:pt x="701" y="899"/>
                  </a:lnTo>
                  <a:lnTo>
                    <a:pt x="706" y="907"/>
                  </a:lnTo>
                  <a:lnTo>
                    <a:pt x="710" y="914"/>
                  </a:lnTo>
                  <a:lnTo>
                    <a:pt x="715" y="923"/>
                  </a:lnTo>
                  <a:lnTo>
                    <a:pt x="718" y="932"/>
                  </a:lnTo>
                  <a:lnTo>
                    <a:pt x="720" y="941"/>
                  </a:lnTo>
                  <a:lnTo>
                    <a:pt x="722" y="952"/>
                  </a:lnTo>
                  <a:lnTo>
                    <a:pt x="723" y="963"/>
                  </a:lnTo>
                  <a:lnTo>
                    <a:pt x="723" y="976"/>
                  </a:lnTo>
                  <a:lnTo>
                    <a:pt x="722" y="989"/>
                  </a:lnTo>
                  <a:lnTo>
                    <a:pt x="721" y="1002"/>
                  </a:lnTo>
                  <a:lnTo>
                    <a:pt x="729" y="1002"/>
                  </a:lnTo>
                  <a:lnTo>
                    <a:pt x="739" y="1003"/>
                  </a:lnTo>
                  <a:lnTo>
                    <a:pt x="742" y="1005"/>
                  </a:lnTo>
                  <a:lnTo>
                    <a:pt x="745" y="1006"/>
                  </a:lnTo>
                  <a:lnTo>
                    <a:pt x="747" y="1008"/>
                  </a:lnTo>
                  <a:lnTo>
                    <a:pt x="749" y="1012"/>
                  </a:lnTo>
                  <a:lnTo>
                    <a:pt x="760" y="1005"/>
                  </a:lnTo>
                  <a:lnTo>
                    <a:pt x="770" y="996"/>
                  </a:lnTo>
                  <a:lnTo>
                    <a:pt x="781" y="987"/>
                  </a:lnTo>
                  <a:lnTo>
                    <a:pt x="789" y="977"/>
                  </a:lnTo>
                  <a:lnTo>
                    <a:pt x="807" y="958"/>
                  </a:lnTo>
                  <a:lnTo>
                    <a:pt x="825" y="938"/>
                  </a:lnTo>
                  <a:lnTo>
                    <a:pt x="835" y="929"/>
                  </a:lnTo>
                  <a:lnTo>
                    <a:pt x="845" y="920"/>
                  </a:lnTo>
                  <a:lnTo>
                    <a:pt x="856" y="912"/>
                  </a:lnTo>
                  <a:lnTo>
                    <a:pt x="867" y="906"/>
                  </a:lnTo>
                  <a:lnTo>
                    <a:pt x="880" y="899"/>
                  </a:lnTo>
                  <a:lnTo>
                    <a:pt x="894" y="895"/>
                  </a:lnTo>
                  <a:lnTo>
                    <a:pt x="909" y="892"/>
                  </a:lnTo>
                  <a:lnTo>
                    <a:pt x="927" y="890"/>
                  </a:lnTo>
                  <a:lnTo>
                    <a:pt x="929" y="894"/>
                  </a:lnTo>
                  <a:lnTo>
                    <a:pt x="932" y="899"/>
                  </a:lnTo>
                  <a:lnTo>
                    <a:pt x="934" y="903"/>
                  </a:lnTo>
                  <a:lnTo>
                    <a:pt x="936" y="910"/>
                  </a:lnTo>
                  <a:lnTo>
                    <a:pt x="937" y="915"/>
                  </a:lnTo>
                  <a:lnTo>
                    <a:pt x="937" y="921"/>
                  </a:lnTo>
                  <a:lnTo>
                    <a:pt x="937" y="929"/>
                  </a:lnTo>
                  <a:lnTo>
                    <a:pt x="936" y="937"/>
                  </a:lnTo>
                  <a:lnTo>
                    <a:pt x="944" y="938"/>
                  </a:lnTo>
                  <a:lnTo>
                    <a:pt x="951" y="938"/>
                  </a:lnTo>
                  <a:lnTo>
                    <a:pt x="959" y="938"/>
                  </a:lnTo>
                  <a:lnTo>
                    <a:pt x="965" y="938"/>
                  </a:lnTo>
                  <a:lnTo>
                    <a:pt x="978" y="936"/>
                  </a:lnTo>
                  <a:lnTo>
                    <a:pt x="988" y="933"/>
                  </a:lnTo>
                  <a:lnTo>
                    <a:pt x="1008" y="925"/>
                  </a:lnTo>
                  <a:lnTo>
                    <a:pt x="1029" y="918"/>
                  </a:lnTo>
                  <a:lnTo>
                    <a:pt x="1034" y="908"/>
                  </a:lnTo>
                  <a:lnTo>
                    <a:pt x="1036" y="896"/>
                  </a:lnTo>
                  <a:lnTo>
                    <a:pt x="1038" y="884"/>
                  </a:lnTo>
                  <a:lnTo>
                    <a:pt x="1039" y="871"/>
                  </a:lnTo>
                  <a:lnTo>
                    <a:pt x="1040" y="843"/>
                  </a:lnTo>
                  <a:lnTo>
                    <a:pt x="1039" y="815"/>
                  </a:lnTo>
                  <a:lnTo>
                    <a:pt x="1023" y="807"/>
                  </a:lnTo>
                  <a:lnTo>
                    <a:pt x="1006" y="799"/>
                  </a:lnTo>
                  <a:lnTo>
                    <a:pt x="989" y="791"/>
                  </a:lnTo>
                  <a:lnTo>
                    <a:pt x="975" y="781"/>
                  </a:lnTo>
                  <a:lnTo>
                    <a:pt x="968" y="776"/>
                  </a:lnTo>
                  <a:lnTo>
                    <a:pt x="961" y="770"/>
                  </a:lnTo>
                  <a:lnTo>
                    <a:pt x="956" y="763"/>
                  </a:lnTo>
                  <a:lnTo>
                    <a:pt x="950" y="757"/>
                  </a:lnTo>
                  <a:lnTo>
                    <a:pt x="945" y="749"/>
                  </a:lnTo>
                  <a:lnTo>
                    <a:pt x="942" y="740"/>
                  </a:lnTo>
                  <a:lnTo>
                    <a:pt x="939" y="732"/>
                  </a:lnTo>
                  <a:lnTo>
                    <a:pt x="936" y="721"/>
                  </a:lnTo>
                  <a:lnTo>
                    <a:pt x="901" y="722"/>
                  </a:lnTo>
                  <a:lnTo>
                    <a:pt x="867" y="722"/>
                  </a:lnTo>
                  <a:lnTo>
                    <a:pt x="850" y="722"/>
                  </a:lnTo>
                  <a:lnTo>
                    <a:pt x="835" y="721"/>
                  </a:lnTo>
                  <a:lnTo>
                    <a:pt x="819" y="720"/>
                  </a:lnTo>
                  <a:lnTo>
                    <a:pt x="803" y="718"/>
                  </a:lnTo>
                  <a:lnTo>
                    <a:pt x="789" y="716"/>
                  </a:lnTo>
                  <a:lnTo>
                    <a:pt x="776" y="712"/>
                  </a:lnTo>
                  <a:lnTo>
                    <a:pt x="764" y="708"/>
                  </a:lnTo>
                  <a:lnTo>
                    <a:pt x="752" y="701"/>
                  </a:lnTo>
                  <a:lnTo>
                    <a:pt x="742" y="695"/>
                  </a:lnTo>
                  <a:lnTo>
                    <a:pt x="733" y="687"/>
                  </a:lnTo>
                  <a:lnTo>
                    <a:pt x="730" y="681"/>
                  </a:lnTo>
                  <a:lnTo>
                    <a:pt x="726" y="676"/>
                  </a:lnTo>
                  <a:lnTo>
                    <a:pt x="723" y="671"/>
                  </a:lnTo>
                  <a:lnTo>
                    <a:pt x="721" y="665"/>
                  </a:lnTo>
                  <a:lnTo>
                    <a:pt x="746" y="662"/>
                  </a:lnTo>
                  <a:lnTo>
                    <a:pt x="770" y="662"/>
                  </a:lnTo>
                  <a:lnTo>
                    <a:pt x="796" y="662"/>
                  </a:lnTo>
                  <a:lnTo>
                    <a:pt x="820" y="662"/>
                  </a:lnTo>
                  <a:lnTo>
                    <a:pt x="845" y="662"/>
                  </a:lnTo>
                  <a:lnTo>
                    <a:pt x="871" y="662"/>
                  </a:lnTo>
                  <a:lnTo>
                    <a:pt x="899" y="660"/>
                  </a:lnTo>
                  <a:lnTo>
                    <a:pt x="927" y="656"/>
                  </a:lnTo>
                  <a:lnTo>
                    <a:pt x="934" y="634"/>
                  </a:lnTo>
                  <a:lnTo>
                    <a:pt x="941" y="614"/>
                  </a:lnTo>
                  <a:lnTo>
                    <a:pt x="945" y="603"/>
                  </a:lnTo>
                  <a:lnTo>
                    <a:pt x="947" y="592"/>
                  </a:lnTo>
                  <a:lnTo>
                    <a:pt x="947" y="585"/>
                  </a:lnTo>
                  <a:lnTo>
                    <a:pt x="947" y="578"/>
                  </a:lnTo>
                  <a:lnTo>
                    <a:pt x="946" y="571"/>
                  </a:lnTo>
                  <a:lnTo>
                    <a:pt x="945" y="562"/>
                  </a:lnTo>
                  <a:lnTo>
                    <a:pt x="932" y="559"/>
                  </a:lnTo>
                  <a:lnTo>
                    <a:pt x="919" y="556"/>
                  </a:lnTo>
                  <a:lnTo>
                    <a:pt x="905" y="556"/>
                  </a:lnTo>
                  <a:lnTo>
                    <a:pt x="891" y="556"/>
                  </a:lnTo>
                  <a:lnTo>
                    <a:pt x="860" y="558"/>
                  </a:lnTo>
                  <a:lnTo>
                    <a:pt x="824" y="562"/>
                  </a:lnTo>
                  <a:lnTo>
                    <a:pt x="816" y="553"/>
                  </a:lnTo>
                  <a:lnTo>
                    <a:pt x="811" y="544"/>
                  </a:lnTo>
                  <a:lnTo>
                    <a:pt x="808" y="535"/>
                  </a:lnTo>
                  <a:lnTo>
                    <a:pt x="807" y="526"/>
                  </a:lnTo>
                  <a:lnTo>
                    <a:pt x="808" y="517"/>
                  </a:lnTo>
                  <a:lnTo>
                    <a:pt x="809" y="509"/>
                  </a:lnTo>
                  <a:lnTo>
                    <a:pt x="812" y="500"/>
                  </a:lnTo>
                  <a:lnTo>
                    <a:pt x="817" y="493"/>
                  </a:lnTo>
                  <a:lnTo>
                    <a:pt x="825" y="476"/>
                  </a:lnTo>
                  <a:lnTo>
                    <a:pt x="831" y="461"/>
                  </a:lnTo>
                  <a:lnTo>
                    <a:pt x="835" y="453"/>
                  </a:lnTo>
                  <a:lnTo>
                    <a:pt x="836" y="445"/>
                  </a:lnTo>
                  <a:lnTo>
                    <a:pt x="836" y="438"/>
                  </a:lnTo>
                  <a:lnTo>
                    <a:pt x="834" y="431"/>
                  </a:lnTo>
                  <a:lnTo>
                    <a:pt x="824" y="430"/>
                  </a:lnTo>
                  <a:lnTo>
                    <a:pt x="816" y="430"/>
                  </a:lnTo>
                  <a:lnTo>
                    <a:pt x="808" y="431"/>
                  </a:lnTo>
                  <a:lnTo>
                    <a:pt x="802" y="433"/>
                  </a:lnTo>
                  <a:lnTo>
                    <a:pt x="797" y="436"/>
                  </a:lnTo>
                  <a:lnTo>
                    <a:pt x="792" y="439"/>
                  </a:lnTo>
                  <a:lnTo>
                    <a:pt x="787" y="443"/>
                  </a:lnTo>
                  <a:lnTo>
                    <a:pt x="783" y="446"/>
                  </a:lnTo>
                  <a:lnTo>
                    <a:pt x="775" y="455"/>
                  </a:lnTo>
                  <a:lnTo>
                    <a:pt x="766" y="462"/>
                  </a:lnTo>
                  <a:lnTo>
                    <a:pt x="760" y="464"/>
                  </a:lnTo>
                  <a:lnTo>
                    <a:pt x="755" y="466"/>
                  </a:lnTo>
                  <a:lnTo>
                    <a:pt x="747" y="469"/>
                  </a:lnTo>
                  <a:lnTo>
                    <a:pt x="740" y="469"/>
                  </a:lnTo>
                  <a:lnTo>
                    <a:pt x="733" y="464"/>
                  </a:lnTo>
                  <a:lnTo>
                    <a:pt x="728" y="461"/>
                  </a:lnTo>
                  <a:lnTo>
                    <a:pt x="724" y="456"/>
                  </a:lnTo>
                  <a:lnTo>
                    <a:pt x="719" y="452"/>
                  </a:lnTo>
                  <a:lnTo>
                    <a:pt x="711" y="441"/>
                  </a:lnTo>
                  <a:lnTo>
                    <a:pt x="704" y="430"/>
                  </a:lnTo>
                  <a:lnTo>
                    <a:pt x="691" y="404"/>
                  </a:lnTo>
                  <a:lnTo>
                    <a:pt x="679" y="379"/>
                  </a:lnTo>
                  <a:lnTo>
                    <a:pt x="672" y="367"/>
                  </a:lnTo>
                  <a:lnTo>
                    <a:pt x="665" y="356"/>
                  </a:lnTo>
                  <a:lnTo>
                    <a:pt x="657" y="345"/>
                  </a:lnTo>
                  <a:lnTo>
                    <a:pt x="647" y="337"/>
                  </a:lnTo>
                  <a:lnTo>
                    <a:pt x="642" y="333"/>
                  </a:lnTo>
                  <a:lnTo>
                    <a:pt x="636" y="330"/>
                  </a:lnTo>
                  <a:lnTo>
                    <a:pt x="629" y="326"/>
                  </a:lnTo>
                  <a:lnTo>
                    <a:pt x="623" y="323"/>
                  </a:lnTo>
                  <a:lnTo>
                    <a:pt x="616" y="321"/>
                  </a:lnTo>
                  <a:lnTo>
                    <a:pt x="607" y="320"/>
                  </a:lnTo>
                  <a:lnTo>
                    <a:pt x="599" y="319"/>
                  </a:lnTo>
                  <a:lnTo>
                    <a:pt x="589" y="319"/>
                  </a:lnTo>
                  <a:lnTo>
                    <a:pt x="592" y="310"/>
                  </a:lnTo>
                  <a:lnTo>
                    <a:pt x="593" y="300"/>
                  </a:lnTo>
                  <a:lnTo>
                    <a:pt x="594" y="291"/>
                  </a:lnTo>
                  <a:lnTo>
                    <a:pt x="596" y="282"/>
                  </a:lnTo>
                  <a:lnTo>
                    <a:pt x="594" y="273"/>
                  </a:lnTo>
                  <a:lnTo>
                    <a:pt x="593" y="264"/>
                  </a:lnTo>
                  <a:lnTo>
                    <a:pt x="592" y="256"/>
                  </a:lnTo>
                  <a:lnTo>
                    <a:pt x="590" y="247"/>
                  </a:lnTo>
                  <a:lnTo>
                    <a:pt x="585" y="232"/>
                  </a:lnTo>
                  <a:lnTo>
                    <a:pt x="578" y="216"/>
                  </a:lnTo>
                  <a:lnTo>
                    <a:pt x="569" y="200"/>
                  </a:lnTo>
                  <a:lnTo>
                    <a:pt x="559" y="185"/>
                  </a:lnTo>
                  <a:lnTo>
                    <a:pt x="537" y="155"/>
                  </a:lnTo>
                  <a:lnTo>
                    <a:pt x="512" y="123"/>
                  </a:lnTo>
                  <a:lnTo>
                    <a:pt x="501" y="107"/>
                  </a:lnTo>
                  <a:lnTo>
                    <a:pt x="489" y="92"/>
                  </a:lnTo>
                  <a:lnTo>
                    <a:pt x="478" y="74"/>
                  </a:lnTo>
                  <a:lnTo>
                    <a:pt x="468" y="57"/>
                  </a:lnTo>
                  <a:lnTo>
                    <a:pt x="460" y="60"/>
                  </a:lnTo>
                  <a:lnTo>
                    <a:pt x="452" y="63"/>
                  </a:lnTo>
                  <a:lnTo>
                    <a:pt x="445" y="66"/>
                  </a:lnTo>
                  <a:lnTo>
                    <a:pt x="438" y="68"/>
                  </a:lnTo>
                  <a:lnTo>
                    <a:pt x="423" y="69"/>
                  </a:lnTo>
                  <a:lnTo>
                    <a:pt x="409" y="69"/>
                  </a:lnTo>
                  <a:lnTo>
                    <a:pt x="397" y="67"/>
                  </a:lnTo>
                  <a:lnTo>
                    <a:pt x="384" y="64"/>
                  </a:lnTo>
                  <a:lnTo>
                    <a:pt x="372" y="59"/>
                  </a:lnTo>
                  <a:lnTo>
                    <a:pt x="361" y="53"/>
                  </a:lnTo>
                  <a:lnTo>
                    <a:pt x="338" y="39"/>
                  </a:lnTo>
                  <a:lnTo>
                    <a:pt x="313" y="24"/>
                  </a:lnTo>
                  <a:lnTo>
                    <a:pt x="302" y="17"/>
                  </a:lnTo>
                  <a:lnTo>
                    <a:pt x="289" y="11"/>
                  </a:lnTo>
                  <a:lnTo>
                    <a:pt x="275" y="4"/>
                  </a:lnTo>
                  <a:lnTo>
                    <a:pt x="262" y="0"/>
                  </a:lnTo>
                  <a:lnTo>
                    <a:pt x="243" y="36"/>
                  </a:lnTo>
                  <a:lnTo>
                    <a:pt x="222" y="74"/>
                  </a:lnTo>
                  <a:lnTo>
                    <a:pt x="211" y="93"/>
                  </a:lnTo>
                  <a:lnTo>
                    <a:pt x="200" y="111"/>
                  </a:lnTo>
                  <a:lnTo>
                    <a:pt x="188" y="128"/>
                  </a:lnTo>
                  <a:lnTo>
                    <a:pt x="175" y="145"/>
                  </a:lnTo>
                  <a:lnTo>
                    <a:pt x="163" y="161"/>
                  </a:lnTo>
                  <a:lnTo>
                    <a:pt x="148" y="176"/>
                  </a:lnTo>
                  <a:lnTo>
                    <a:pt x="133" y="190"/>
                  </a:lnTo>
                  <a:lnTo>
                    <a:pt x="119" y="201"/>
                  </a:lnTo>
                  <a:lnTo>
                    <a:pt x="110" y="206"/>
                  </a:lnTo>
                  <a:lnTo>
                    <a:pt x="102" y="211"/>
                  </a:lnTo>
                  <a:lnTo>
                    <a:pt x="93" y="215"/>
                  </a:lnTo>
                  <a:lnTo>
                    <a:pt x="85" y="218"/>
                  </a:lnTo>
                  <a:lnTo>
                    <a:pt x="75" y="221"/>
                  </a:lnTo>
                  <a:lnTo>
                    <a:pt x="66" y="223"/>
                  </a:lnTo>
                  <a:lnTo>
                    <a:pt x="56" y="224"/>
                  </a:lnTo>
                  <a:lnTo>
                    <a:pt x="47" y="225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5" name="Vejen"/>
            <p:cNvSpPr>
              <a:spLocks/>
            </p:cNvSpPr>
            <p:nvPr/>
          </p:nvSpPr>
          <p:spPr bwMode="auto">
            <a:xfrm>
              <a:off x="1025525" y="5016500"/>
              <a:ext cx="434975" cy="476250"/>
            </a:xfrm>
            <a:custGeom>
              <a:avLst/>
              <a:gdLst>
                <a:gd name="T0" fmla="*/ 0 w 823"/>
                <a:gd name="T1" fmla="*/ 61 h 899"/>
                <a:gd name="T2" fmla="*/ 34 w 823"/>
                <a:gd name="T3" fmla="*/ 86 h 899"/>
                <a:gd name="T4" fmla="*/ 54 w 823"/>
                <a:gd name="T5" fmla="*/ 110 h 899"/>
                <a:gd name="T6" fmla="*/ 59 w 823"/>
                <a:gd name="T7" fmla="*/ 135 h 899"/>
                <a:gd name="T8" fmla="*/ 47 w 823"/>
                <a:gd name="T9" fmla="*/ 139 h 899"/>
                <a:gd name="T10" fmla="*/ 41 w 823"/>
                <a:gd name="T11" fmla="*/ 149 h 899"/>
                <a:gd name="T12" fmla="*/ 40 w 823"/>
                <a:gd name="T13" fmla="*/ 164 h 899"/>
                <a:gd name="T14" fmla="*/ 51 w 823"/>
                <a:gd name="T15" fmla="*/ 165 h 899"/>
                <a:gd name="T16" fmla="*/ 53 w 823"/>
                <a:gd name="T17" fmla="*/ 189 h 899"/>
                <a:gd name="T18" fmla="*/ 72 w 823"/>
                <a:gd name="T19" fmla="*/ 191 h 899"/>
                <a:gd name="T20" fmla="*/ 81 w 823"/>
                <a:gd name="T21" fmla="*/ 192 h 899"/>
                <a:gd name="T22" fmla="*/ 80 w 823"/>
                <a:gd name="T23" fmla="*/ 202 h 899"/>
                <a:gd name="T24" fmla="*/ 85 w 823"/>
                <a:gd name="T25" fmla="*/ 215 h 899"/>
                <a:gd name="T26" fmla="*/ 76 w 823"/>
                <a:gd name="T27" fmla="*/ 220 h 899"/>
                <a:gd name="T28" fmla="*/ 71 w 823"/>
                <a:gd name="T29" fmla="*/ 227 h 899"/>
                <a:gd name="T30" fmla="*/ 66 w 823"/>
                <a:gd name="T31" fmla="*/ 236 h 899"/>
                <a:gd name="T32" fmla="*/ 64 w 823"/>
                <a:gd name="T33" fmla="*/ 250 h 899"/>
                <a:gd name="T34" fmla="*/ 72 w 823"/>
                <a:gd name="T35" fmla="*/ 266 h 899"/>
                <a:gd name="T36" fmla="*/ 84 w 823"/>
                <a:gd name="T37" fmla="*/ 274 h 899"/>
                <a:gd name="T38" fmla="*/ 91 w 823"/>
                <a:gd name="T39" fmla="*/ 270 h 899"/>
                <a:gd name="T40" fmla="*/ 98 w 823"/>
                <a:gd name="T41" fmla="*/ 260 h 899"/>
                <a:gd name="T42" fmla="*/ 108 w 823"/>
                <a:gd name="T43" fmla="*/ 256 h 899"/>
                <a:gd name="T44" fmla="*/ 129 w 823"/>
                <a:gd name="T45" fmla="*/ 260 h 899"/>
                <a:gd name="T46" fmla="*/ 150 w 823"/>
                <a:gd name="T47" fmla="*/ 274 h 899"/>
                <a:gd name="T48" fmla="*/ 159 w 823"/>
                <a:gd name="T49" fmla="*/ 265 h 899"/>
                <a:gd name="T50" fmla="*/ 165 w 823"/>
                <a:gd name="T51" fmla="*/ 259 h 899"/>
                <a:gd name="T52" fmla="*/ 176 w 823"/>
                <a:gd name="T53" fmla="*/ 266 h 899"/>
                <a:gd name="T54" fmla="*/ 179 w 823"/>
                <a:gd name="T55" fmla="*/ 289 h 899"/>
                <a:gd name="T56" fmla="*/ 187 w 823"/>
                <a:gd name="T57" fmla="*/ 296 h 899"/>
                <a:gd name="T58" fmla="*/ 202 w 823"/>
                <a:gd name="T59" fmla="*/ 300 h 899"/>
                <a:gd name="T60" fmla="*/ 211 w 823"/>
                <a:gd name="T61" fmla="*/ 276 h 899"/>
                <a:gd name="T62" fmla="*/ 216 w 823"/>
                <a:gd name="T63" fmla="*/ 254 h 899"/>
                <a:gd name="T64" fmla="*/ 224 w 823"/>
                <a:gd name="T65" fmla="*/ 253 h 899"/>
                <a:gd name="T66" fmla="*/ 228 w 823"/>
                <a:gd name="T67" fmla="*/ 247 h 899"/>
                <a:gd name="T68" fmla="*/ 236 w 823"/>
                <a:gd name="T69" fmla="*/ 231 h 899"/>
                <a:gd name="T70" fmla="*/ 250 w 823"/>
                <a:gd name="T71" fmla="*/ 219 h 899"/>
                <a:gd name="T72" fmla="*/ 256 w 823"/>
                <a:gd name="T73" fmla="*/ 213 h 899"/>
                <a:gd name="T74" fmla="*/ 245 w 823"/>
                <a:gd name="T75" fmla="*/ 207 h 899"/>
                <a:gd name="T76" fmla="*/ 233 w 823"/>
                <a:gd name="T77" fmla="*/ 190 h 899"/>
                <a:gd name="T78" fmla="*/ 229 w 823"/>
                <a:gd name="T79" fmla="*/ 162 h 899"/>
                <a:gd name="T80" fmla="*/ 243 w 823"/>
                <a:gd name="T81" fmla="*/ 145 h 899"/>
                <a:gd name="T82" fmla="*/ 253 w 823"/>
                <a:gd name="T83" fmla="*/ 137 h 899"/>
                <a:gd name="T84" fmla="*/ 261 w 823"/>
                <a:gd name="T85" fmla="*/ 119 h 899"/>
                <a:gd name="T86" fmla="*/ 271 w 823"/>
                <a:gd name="T87" fmla="*/ 114 h 899"/>
                <a:gd name="T88" fmla="*/ 271 w 823"/>
                <a:gd name="T89" fmla="*/ 101 h 899"/>
                <a:gd name="T90" fmla="*/ 258 w 823"/>
                <a:gd name="T91" fmla="*/ 75 h 899"/>
                <a:gd name="T92" fmla="*/ 261 w 823"/>
                <a:gd name="T93" fmla="*/ 62 h 899"/>
                <a:gd name="T94" fmla="*/ 263 w 823"/>
                <a:gd name="T95" fmla="*/ 44 h 899"/>
                <a:gd name="T96" fmla="*/ 247 w 823"/>
                <a:gd name="T97" fmla="*/ 29 h 899"/>
                <a:gd name="T98" fmla="*/ 239 w 823"/>
                <a:gd name="T99" fmla="*/ 21 h 899"/>
                <a:gd name="T100" fmla="*/ 237 w 823"/>
                <a:gd name="T101" fmla="*/ 8 h 899"/>
                <a:gd name="T102" fmla="*/ 208 w 823"/>
                <a:gd name="T103" fmla="*/ 10 h 899"/>
                <a:gd name="T104" fmla="*/ 177 w 823"/>
                <a:gd name="T105" fmla="*/ 22 h 899"/>
                <a:gd name="T106" fmla="*/ 158 w 823"/>
                <a:gd name="T107" fmla="*/ 27 h 899"/>
                <a:gd name="T108" fmla="*/ 147 w 823"/>
                <a:gd name="T109" fmla="*/ 20 h 899"/>
                <a:gd name="T110" fmla="*/ 122 w 823"/>
                <a:gd name="T111" fmla="*/ 17 h 899"/>
                <a:gd name="T112" fmla="*/ 115 w 823"/>
                <a:gd name="T113" fmla="*/ 8 h 899"/>
                <a:gd name="T114" fmla="*/ 108 w 823"/>
                <a:gd name="T115" fmla="*/ 1 h 899"/>
                <a:gd name="T116" fmla="*/ 89 w 823"/>
                <a:gd name="T117" fmla="*/ 1 h 899"/>
                <a:gd name="T118" fmla="*/ 64 w 823"/>
                <a:gd name="T119" fmla="*/ 13 h 899"/>
                <a:gd name="T120" fmla="*/ 35 w 823"/>
                <a:gd name="T121" fmla="*/ 32 h 899"/>
                <a:gd name="T122" fmla="*/ 18 w 823"/>
                <a:gd name="T123" fmla="*/ 37 h 899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823" h="899">
                  <a:moveTo>
                    <a:pt x="18" y="107"/>
                  </a:moveTo>
                  <a:lnTo>
                    <a:pt x="16" y="128"/>
                  </a:lnTo>
                  <a:lnTo>
                    <a:pt x="12" y="147"/>
                  </a:lnTo>
                  <a:lnTo>
                    <a:pt x="6" y="165"/>
                  </a:lnTo>
                  <a:lnTo>
                    <a:pt x="0" y="182"/>
                  </a:lnTo>
                  <a:lnTo>
                    <a:pt x="29" y="204"/>
                  </a:lnTo>
                  <a:lnTo>
                    <a:pt x="59" y="225"/>
                  </a:lnTo>
                  <a:lnTo>
                    <a:pt x="74" y="237"/>
                  </a:lnTo>
                  <a:lnTo>
                    <a:pt x="88" y="247"/>
                  </a:lnTo>
                  <a:lnTo>
                    <a:pt x="102" y="259"/>
                  </a:lnTo>
                  <a:lnTo>
                    <a:pt x="116" y="272"/>
                  </a:lnTo>
                  <a:lnTo>
                    <a:pt x="128" y="285"/>
                  </a:lnTo>
                  <a:lnTo>
                    <a:pt x="140" y="299"/>
                  </a:lnTo>
                  <a:lnTo>
                    <a:pt x="152" y="314"/>
                  </a:lnTo>
                  <a:lnTo>
                    <a:pt x="161" y="330"/>
                  </a:lnTo>
                  <a:lnTo>
                    <a:pt x="170" y="346"/>
                  </a:lnTo>
                  <a:lnTo>
                    <a:pt x="177" y="365"/>
                  </a:lnTo>
                  <a:lnTo>
                    <a:pt x="182" y="385"/>
                  </a:lnTo>
                  <a:lnTo>
                    <a:pt x="186" y="406"/>
                  </a:lnTo>
                  <a:lnTo>
                    <a:pt x="177" y="406"/>
                  </a:lnTo>
                  <a:lnTo>
                    <a:pt x="168" y="408"/>
                  </a:lnTo>
                  <a:lnTo>
                    <a:pt x="160" y="409"/>
                  </a:lnTo>
                  <a:lnTo>
                    <a:pt x="153" y="411"/>
                  </a:lnTo>
                  <a:lnTo>
                    <a:pt x="146" y="414"/>
                  </a:lnTo>
                  <a:lnTo>
                    <a:pt x="141" y="417"/>
                  </a:lnTo>
                  <a:lnTo>
                    <a:pt x="136" y="421"/>
                  </a:lnTo>
                  <a:lnTo>
                    <a:pt x="132" y="426"/>
                  </a:lnTo>
                  <a:lnTo>
                    <a:pt x="128" y="433"/>
                  </a:lnTo>
                  <a:lnTo>
                    <a:pt x="125" y="439"/>
                  </a:lnTo>
                  <a:lnTo>
                    <a:pt x="123" y="446"/>
                  </a:lnTo>
                  <a:lnTo>
                    <a:pt x="121" y="454"/>
                  </a:lnTo>
                  <a:lnTo>
                    <a:pt x="120" y="462"/>
                  </a:lnTo>
                  <a:lnTo>
                    <a:pt x="120" y="472"/>
                  </a:lnTo>
                  <a:lnTo>
                    <a:pt x="120" y="481"/>
                  </a:lnTo>
                  <a:lnTo>
                    <a:pt x="121" y="492"/>
                  </a:lnTo>
                  <a:lnTo>
                    <a:pt x="131" y="489"/>
                  </a:lnTo>
                  <a:lnTo>
                    <a:pt x="138" y="489"/>
                  </a:lnTo>
                  <a:lnTo>
                    <a:pt x="144" y="489"/>
                  </a:lnTo>
                  <a:lnTo>
                    <a:pt x="150" y="491"/>
                  </a:lnTo>
                  <a:lnTo>
                    <a:pt x="154" y="494"/>
                  </a:lnTo>
                  <a:lnTo>
                    <a:pt x="156" y="498"/>
                  </a:lnTo>
                  <a:lnTo>
                    <a:pt x="158" y="503"/>
                  </a:lnTo>
                  <a:lnTo>
                    <a:pt x="159" y="510"/>
                  </a:lnTo>
                  <a:lnTo>
                    <a:pt x="159" y="538"/>
                  </a:lnTo>
                  <a:lnTo>
                    <a:pt x="159" y="567"/>
                  </a:lnTo>
                  <a:lnTo>
                    <a:pt x="172" y="570"/>
                  </a:lnTo>
                  <a:lnTo>
                    <a:pt x="183" y="572"/>
                  </a:lnTo>
                  <a:lnTo>
                    <a:pt x="195" y="572"/>
                  </a:lnTo>
                  <a:lnTo>
                    <a:pt x="205" y="571"/>
                  </a:lnTo>
                  <a:lnTo>
                    <a:pt x="215" y="571"/>
                  </a:lnTo>
                  <a:lnTo>
                    <a:pt x="224" y="571"/>
                  </a:lnTo>
                  <a:lnTo>
                    <a:pt x="229" y="571"/>
                  </a:lnTo>
                  <a:lnTo>
                    <a:pt x="234" y="572"/>
                  </a:lnTo>
                  <a:lnTo>
                    <a:pt x="238" y="573"/>
                  </a:lnTo>
                  <a:lnTo>
                    <a:pt x="243" y="576"/>
                  </a:lnTo>
                  <a:lnTo>
                    <a:pt x="239" y="582"/>
                  </a:lnTo>
                  <a:lnTo>
                    <a:pt x="237" y="589"/>
                  </a:lnTo>
                  <a:lnTo>
                    <a:pt x="236" y="593"/>
                  </a:lnTo>
                  <a:lnTo>
                    <a:pt x="236" y="598"/>
                  </a:lnTo>
                  <a:lnTo>
                    <a:pt x="239" y="606"/>
                  </a:lnTo>
                  <a:lnTo>
                    <a:pt x="243" y="613"/>
                  </a:lnTo>
                  <a:lnTo>
                    <a:pt x="249" y="621"/>
                  </a:lnTo>
                  <a:lnTo>
                    <a:pt x="253" y="631"/>
                  </a:lnTo>
                  <a:lnTo>
                    <a:pt x="254" y="636"/>
                  </a:lnTo>
                  <a:lnTo>
                    <a:pt x="254" y="643"/>
                  </a:lnTo>
                  <a:lnTo>
                    <a:pt x="254" y="651"/>
                  </a:lnTo>
                  <a:lnTo>
                    <a:pt x="253" y="660"/>
                  </a:lnTo>
                  <a:lnTo>
                    <a:pt x="242" y="657"/>
                  </a:lnTo>
                  <a:lnTo>
                    <a:pt x="234" y="657"/>
                  </a:lnTo>
                  <a:lnTo>
                    <a:pt x="227" y="658"/>
                  </a:lnTo>
                  <a:lnTo>
                    <a:pt x="223" y="660"/>
                  </a:lnTo>
                  <a:lnTo>
                    <a:pt x="219" y="664"/>
                  </a:lnTo>
                  <a:lnTo>
                    <a:pt x="216" y="670"/>
                  </a:lnTo>
                  <a:lnTo>
                    <a:pt x="214" y="675"/>
                  </a:lnTo>
                  <a:lnTo>
                    <a:pt x="213" y="681"/>
                  </a:lnTo>
                  <a:lnTo>
                    <a:pt x="211" y="687"/>
                  </a:lnTo>
                  <a:lnTo>
                    <a:pt x="209" y="693"/>
                  </a:lnTo>
                  <a:lnTo>
                    <a:pt x="206" y="698"/>
                  </a:lnTo>
                  <a:lnTo>
                    <a:pt x="203" y="702"/>
                  </a:lnTo>
                  <a:lnTo>
                    <a:pt x="199" y="706"/>
                  </a:lnTo>
                  <a:lnTo>
                    <a:pt x="194" y="708"/>
                  </a:lnTo>
                  <a:lnTo>
                    <a:pt x="186" y="708"/>
                  </a:lnTo>
                  <a:lnTo>
                    <a:pt x="177" y="707"/>
                  </a:lnTo>
                  <a:lnTo>
                    <a:pt x="183" y="727"/>
                  </a:lnTo>
                  <a:lnTo>
                    <a:pt x="191" y="749"/>
                  </a:lnTo>
                  <a:lnTo>
                    <a:pt x="195" y="759"/>
                  </a:lnTo>
                  <a:lnTo>
                    <a:pt x="199" y="770"/>
                  </a:lnTo>
                  <a:lnTo>
                    <a:pt x="203" y="780"/>
                  </a:lnTo>
                  <a:lnTo>
                    <a:pt x="209" y="790"/>
                  </a:lnTo>
                  <a:lnTo>
                    <a:pt x="215" y="798"/>
                  </a:lnTo>
                  <a:lnTo>
                    <a:pt x="220" y="807"/>
                  </a:lnTo>
                  <a:lnTo>
                    <a:pt x="227" y="813"/>
                  </a:lnTo>
                  <a:lnTo>
                    <a:pt x="235" y="818"/>
                  </a:lnTo>
                  <a:lnTo>
                    <a:pt x="243" y="821"/>
                  </a:lnTo>
                  <a:lnTo>
                    <a:pt x="252" y="822"/>
                  </a:lnTo>
                  <a:lnTo>
                    <a:pt x="256" y="822"/>
                  </a:lnTo>
                  <a:lnTo>
                    <a:pt x="261" y="822"/>
                  </a:lnTo>
                  <a:lnTo>
                    <a:pt x="265" y="820"/>
                  </a:lnTo>
                  <a:lnTo>
                    <a:pt x="271" y="819"/>
                  </a:lnTo>
                  <a:lnTo>
                    <a:pt x="274" y="810"/>
                  </a:lnTo>
                  <a:lnTo>
                    <a:pt x="277" y="802"/>
                  </a:lnTo>
                  <a:lnTo>
                    <a:pt x="280" y="795"/>
                  </a:lnTo>
                  <a:lnTo>
                    <a:pt x="284" y="789"/>
                  </a:lnTo>
                  <a:lnTo>
                    <a:pt x="290" y="783"/>
                  </a:lnTo>
                  <a:lnTo>
                    <a:pt x="294" y="779"/>
                  </a:lnTo>
                  <a:lnTo>
                    <a:pt x="299" y="775"/>
                  </a:lnTo>
                  <a:lnTo>
                    <a:pt x="305" y="772"/>
                  </a:lnTo>
                  <a:lnTo>
                    <a:pt x="311" y="770"/>
                  </a:lnTo>
                  <a:lnTo>
                    <a:pt x="317" y="768"/>
                  </a:lnTo>
                  <a:lnTo>
                    <a:pt x="323" y="768"/>
                  </a:lnTo>
                  <a:lnTo>
                    <a:pt x="331" y="767"/>
                  </a:lnTo>
                  <a:lnTo>
                    <a:pt x="344" y="768"/>
                  </a:lnTo>
                  <a:lnTo>
                    <a:pt x="358" y="770"/>
                  </a:lnTo>
                  <a:lnTo>
                    <a:pt x="373" y="775"/>
                  </a:lnTo>
                  <a:lnTo>
                    <a:pt x="388" y="780"/>
                  </a:lnTo>
                  <a:lnTo>
                    <a:pt x="401" y="788"/>
                  </a:lnTo>
                  <a:lnTo>
                    <a:pt x="415" y="795"/>
                  </a:lnTo>
                  <a:lnTo>
                    <a:pt x="428" y="803"/>
                  </a:lnTo>
                  <a:lnTo>
                    <a:pt x="439" y="812"/>
                  </a:lnTo>
                  <a:lnTo>
                    <a:pt x="450" y="820"/>
                  </a:lnTo>
                  <a:lnTo>
                    <a:pt x="458" y="829"/>
                  </a:lnTo>
                  <a:lnTo>
                    <a:pt x="464" y="820"/>
                  </a:lnTo>
                  <a:lnTo>
                    <a:pt x="470" y="812"/>
                  </a:lnTo>
                  <a:lnTo>
                    <a:pt x="475" y="802"/>
                  </a:lnTo>
                  <a:lnTo>
                    <a:pt x="479" y="793"/>
                  </a:lnTo>
                  <a:lnTo>
                    <a:pt x="482" y="789"/>
                  </a:lnTo>
                  <a:lnTo>
                    <a:pt x="485" y="786"/>
                  </a:lnTo>
                  <a:lnTo>
                    <a:pt x="489" y="781"/>
                  </a:lnTo>
                  <a:lnTo>
                    <a:pt x="493" y="778"/>
                  </a:lnTo>
                  <a:lnTo>
                    <a:pt x="497" y="776"/>
                  </a:lnTo>
                  <a:lnTo>
                    <a:pt x="502" y="774"/>
                  </a:lnTo>
                  <a:lnTo>
                    <a:pt x="508" y="773"/>
                  </a:lnTo>
                  <a:lnTo>
                    <a:pt x="515" y="772"/>
                  </a:lnTo>
                  <a:lnTo>
                    <a:pt x="523" y="785"/>
                  </a:lnTo>
                  <a:lnTo>
                    <a:pt x="530" y="796"/>
                  </a:lnTo>
                  <a:lnTo>
                    <a:pt x="535" y="809"/>
                  </a:lnTo>
                  <a:lnTo>
                    <a:pt x="537" y="822"/>
                  </a:lnTo>
                  <a:lnTo>
                    <a:pt x="539" y="836"/>
                  </a:lnTo>
                  <a:lnTo>
                    <a:pt x="538" y="851"/>
                  </a:lnTo>
                  <a:lnTo>
                    <a:pt x="537" y="867"/>
                  </a:lnTo>
                  <a:lnTo>
                    <a:pt x="533" y="885"/>
                  </a:lnTo>
                  <a:lnTo>
                    <a:pt x="542" y="885"/>
                  </a:lnTo>
                  <a:lnTo>
                    <a:pt x="550" y="885"/>
                  </a:lnTo>
                  <a:lnTo>
                    <a:pt x="557" y="886"/>
                  </a:lnTo>
                  <a:lnTo>
                    <a:pt x="563" y="887"/>
                  </a:lnTo>
                  <a:lnTo>
                    <a:pt x="574" y="891"/>
                  </a:lnTo>
                  <a:lnTo>
                    <a:pt x="582" y="894"/>
                  </a:lnTo>
                  <a:lnTo>
                    <a:pt x="591" y="897"/>
                  </a:lnTo>
                  <a:lnTo>
                    <a:pt x="601" y="899"/>
                  </a:lnTo>
                  <a:lnTo>
                    <a:pt x="607" y="899"/>
                  </a:lnTo>
                  <a:lnTo>
                    <a:pt x="612" y="898"/>
                  </a:lnTo>
                  <a:lnTo>
                    <a:pt x="619" y="896"/>
                  </a:lnTo>
                  <a:lnTo>
                    <a:pt x="627" y="894"/>
                  </a:lnTo>
                  <a:lnTo>
                    <a:pt x="630" y="865"/>
                  </a:lnTo>
                  <a:lnTo>
                    <a:pt x="633" y="826"/>
                  </a:lnTo>
                  <a:lnTo>
                    <a:pt x="635" y="805"/>
                  </a:lnTo>
                  <a:lnTo>
                    <a:pt x="639" y="786"/>
                  </a:lnTo>
                  <a:lnTo>
                    <a:pt x="642" y="776"/>
                  </a:lnTo>
                  <a:lnTo>
                    <a:pt x="645" y="768"/>
                  </a:lnTo>
                  <a:lnTo>
                    <a:pt x="650" y="760"/>
                  </a:lnTo>
                  <a:lnTo>
                    <a:pt x="655" y="754"/>
                  </a:lnTo>
                  <a:lnTo>
                    <a:pt x="661" y="753"/>
                  </a:lnTo>
                  <a:lnTo>
                    <a:pt x="666" y="754"/>
                  </a:lnTo>
                  <a:lnTo>
                    <a:pt x="670" y="756"/>
                  </a:lnTo>
                  <a:lnTo>
                    <a:pt x="673" y="759"/>
                  </a:lnTo>
                  <a:lnTo>
                    <a:pt x="677" y="767"/>
                  </a:lnTo>
                  <a:lnTo>
                    <a:pt x="683" y="772"/>
                  </a:lnTo>
                  <a:lnTo>
                    <a:pt x="683" y="761"/>
                  </a:lnTo>
                  <a:lnTo>
                    <a:pt x="683" y="750"/>
                  </a:lnTo>
                  <a:lnTo>
                    <a:pt x="686" y="739"/>
                  </a:lnTo>
                  <a:lnTo>
                    <a:pt x="689" y="729"/>
                  </a:lnTo>
                  <a:lnTo>
                    <a:pt x="692" y="719"/>
                  </a:lnTo>
                  <a:lnTo>
                    <a:pt x="697" y="710"/>
                  </a:lnTo>
                  <a:lnTo>
                    <a:pt x="702" y="700"/>
                  </a:lnTo>
                  <a:lnTo>
                    <a:pt x="709" y="691"/>
                  </a:lnTo>
                  <a:lnTo>
                    <a:pt x="716" y="682"/>
                  </a:lnTo>
                  <a:lnTo>
                    <a:pt x="724" y="675"/>
                  </a:lnTo>
                  <a:lnTo>
                    <a:pt x="733" y="668"/>
                  </a:lnTo>
                  <a:lnTo>
                    <a:pt x="742" y="660"/>
                  </a:lnTo>
                  <a:lnTo>
                    <a:pt x="752" y="655"/>
                  </a:lnTo>
                  <a:lnTo>
                    <a:pt x="763" y="650"/>
                  </a:lnTo>
                  <a:lnTo>
                    <a:pt x="774" y="644"/>
                  </a:lnTo>
                  <a:lnTo>
                    <a:pt x="787" y="641"/>
                  </a:lnTo>
                  <a:lnTo>
                    <a:pt x="777" y="640"/>
                  </a:lnTo>
                  <a:lnTo>
                    <a:pt x="770" y="638"/>
                  </a:lnTo>
                  <a:lnTo>
                    <a:pt x="762" y="636"/>
                  </a:lnTo>
                  <a:lnTo>
                    <a:pt x="755" y="633"/>
                  </a:lnTo>
                  <a:lnTo>
                    <a:pt x="748" y="630"/>
                  </a:lnTo>
                  <a:lnTo>
                    <a:pt x="741" y="626"/>
                  </a:lnTo>
                  <a:lnTo>
                    <a:pt x="736" y="621"/>
                  </a:lnTo>
                  <a:lnTo>
                    <a:pt x="731" y="617"/>
                  </a:lnTo>
                  <a:lnTo>
                    <a:pt x="720" y="607"/>
                  </a:lnTo>
                  <a:lnTo>
                    <a:pt x="713" y="595"/>
                  </a:lnTo>
                  <a:lnTo>
                    <a:pt x="706" y="581"/>
                  </a:lnTo>
                  <a:lnTo>
                    <a:pt x="700" y="568"/>
                  </a:lnTo>
                  <a:lnTo>
                    <a:pt x="696" y="552"/>
                  </a:lnTo>
                  <a:lnTo>
                    <a:pt x="693" y="536"/>
                  </a:lnTo>
                  <a:lnTo>
                    <a:pt x="691" y="520"/>
                  </a:lnTo>
                  <a:lnTo>
                    <a:pt x="690" y="503"/>
                  </a:lnTo>
                  <a:lnTo>
                    <a:pt x="689" y="485"/>
                  </a:lnTo>
                  <a:lnTo>
                    <a:pt x="690" y="469"/>
                  </a:lnTo>
                  <a:lnTo>
                    <a:pt x="691" y="452"/>
                  </a:lnTo>
                  <a:lnTo>
                    <a:pt x="693" y="435"/>
                  </a:lnTo>
                  <a:lnTo>
                    <a:pt x="712" y="435"/>
                  </a:lnTo>
                  <a:lnTo>
                    <a:pt x="730" y="435"/>
                  </a:lnTo>
                  <a:lnTo>
                    <a:pt x="738" y="434"/>
                  </a:lnTo>
                  <a:lnTo>
                    <a:pt x="747" y="433"/>
                  </a:lnTo>
                  <a:lnTo>
                    <a:pt x="753" y="430"/>
                  </a:lnTo>
                  <a:lnTo>
                    <a:pt x="758" y="425"/>
                  </a:lnTo>
                  <a:lnTo>
                    <a:pt x="761" y="411"/>
                  </a:lnTo>
                  <a:lnTo>
                    <a:pt x="766" y="396"/>
                  </a:lnTo>
                  <a:lnTo>
                    <a:pt x="770" y="381"/>
                  </a:lnTo>
                  <a:lnTo>
                    <a:pt x="776" y="370"/>
                  </a:lnTo>
                  <a:lnTo>
                    <a:pt x="780" y="363"/>
                  </a:lnTo>
                  <a:lnTo>
                    <a:pt x="784" y="358"/>
                  </a:lnTo>
                  <a:lnTo>
                    <a:pt x="790" y="354"/>
                  </a:lnTo>
                  <a:lnTo>
                    <a:pt x="795" y="350"/>
                  </a:lnTo>
                  <a:lnTo>
                    <a:pt x="800" y="346"/>
                  </a:lnTo>
                  <a:lnTo>
                    <a:pt x="808" y="344"/>
                  </a:lnTo>
                  <a:lnTo>
                    <a:pt x="815" y="342"/>
                  </a:lnTo>
                  <a:lnTo>
                    <a:pt x="823" y="341"/>
                  </a:lnTo>
                  <a:lnTo>
                    <a:pt x="822" y="332"/>
                  </a:lnTo>
                  <a:lnTo>
                    <a:pt x="820" y="321"/>
                  </a:lnTo>
                  <a:lnTo>
                    <a:pt x="817" y="313"/>
                  </a:lnTo>
                  <a:lnTo>
                    <a:pt x="814" y="303"/>
                  </a:lnTo>
                  <a:lnTo>
                    <a:pt x="808" y="287"/>
                  </a:lnTo>
                  <a:lnTo>
                    <a:pt x="799" y="272"/>
                  </a:lnTo>
                  <a:lnTo>
                    <a:pt x="791" y="257"/>
                  </a:lnTo>
                  <a:lnTo>
                    <a:pt x="782" y="242"/>
                  </a:lnTo>
                  <a:lnTo>
                    <a:pt x="774" y="226"/>
                  </a:lnTo>
                  <a:lnTo>
                    <a:pt x="768" y="211"/>
                  </a:lnTo>
                  <a:lnTo>
                    <a:pt x="773" y="204"/>
                  </a:lnTo>
                  <a:lnTo>
                    <a:pt x="777" y="199"/>
                  </a:lnTo>
                  <a:lnTo>
                    <a:pt x="781" y="193"/>
                  </a:lnTo>
                  <a:lnTo>
                    <a:pt x="783" y="186"/>
                  </a:lnTo>
                  <a:lnTo>
                    <a:pt x="786" y="180"/>
                  </a:lnTo>
                  <a:lnTo>
                    <a:pt x="788" y="174"/>
                  </a:lnTo>
                  <a:lnTo>
                    <a:pt x="789" y="167"/>
                  </a:lnTo>
                  <a:lnTo>
                    <a:pt x="789" y="161"/>
                  </a:lnTo>
                  <a:lnTo>
                    <a:pt x="789" y="133"/>
                  </a:lnTo>
                  <a:lnTo>
                    <a:pt x="787" y="98"/>
                  </a:lnTo>
                  <a:lnTo>
                    <a:pt x="770" y="96"/>
                  </a:lnTo>
                  <a:lnTo>
                    <a:pt x="755" y="92"/>
                  </a:lnTo>
                  <a:lnTo>
                    <a:pt x="748" y="90"/>
                  </a:lnTo>
                  <a:lnTo>
                    <a:pt x="741" y="86"/>
                  </a:lnTo>
                  <a:lnTo>
                    <a:pt x="736" y="82"/>
                  </a:lnTo>
                  <a:lnTo>
                    <a:pt x="731" y="79"/>
                  </a:lnTo>
                  <a:lnTo>
                    <a:pt x="726" y="74"/>
                  </a:lnTo>
                  <a:lnTo>
                    <a:pt x="721" y="68"/>
                  </a:lnTo>
                  <a:lnTo>
                    <a:pt x="718" y="63"/>
                  </a:lnTo>
                  <a:lnTo>
                    <a:pt x="715" y="57"/>
                  </a:lnTo>
                  <a:lnTo>
                    <a:pt x="713" y="50"/>
                  </a:lnTo>
                  <a:lnTo>
                    <a:pt x="712" y="41"/>
                  </a:lnTo>
                  <a:lnTo>
                    <a:pt x="711" y="33"/>
                  </a:lnTo>
                  <a:lnTo>
                    <a:pt x="711" y="23"/>
                  </a:lnTo>
                  <a:lnTo>
                    <a:pt x="692" y="22"/>
                  </a:lnTo>
                  <a:lnTo>
                    <a:pt x="673" y="22"/>
                  </a:lnTo>
                  <a:lnTo>
                    <a:pt x="656" y="24"/>
                  </a:lnTo>
                  <a:lnTo>
                    <a:pt x="640" y="26"/>
                  </a:lnTo>
                  <a:lnTo>
                    <a:pt x="624" y="30"/>
                  </a:lnTo>
                  <a:lnTo>
                    <a:pt x="610" y="34"/>
                  </a:lnTo>
                  <a:lnTo>
                    <a:pt x="596" y="39"/>
                  </a:lnTo>
                  <a:lnTo>
                    <a:pt x="582" y="44"/>
                  </a:lnTo>
                  <a:lnTo>
                    <a:pt x="557" y="56"/>
                  </a:lnTo>
                  <a:lnTo>
                    <a:pt x="532" y="67"/>
                  </a:lnTo>
                  <a:lnTo>
                    <a:pt x="518" y="74"/>
                  </a:lnTo>
                  <a:lnTo>
                    <a:pt x="505" y="79"/>
                  </a:lnTo>
                  <a:lnTo>
                    <a:pt x="492" y="84"/>
                  </a:lnTo>
                  <a:lnTo>
                    <a:pt x="477" y="88"/>
                  </a:lnTo>
                  <a:lnTo>
                    <a:pt x="474" y="81"/>
                  </a:lnTo>
                  <a:lnTo>
                    <a:pt x="470" y="75"/>
                  </a:lnTo>
                  <a:lnTo>
                    <a:pt x="464" y="70"/>
                  </a:lnTo>
                  <a:lnTo>
                    <a:pt x="458" y="65"/>
                  </a:lnTo>
                  <a:lnTo>
                    <a:pt x="452" y="62"/>
                  </a:lnTo>
                  <a:lnTo>
                    <a:pt x="443" y="59"/>
                  </a:lnTo>
                  <a:lnTo>
                    <a:pt x="435" y="57"/>
                  </a:lnTo>
                  <a:lnTo>
                    <a:pt x="426" y="55"/>
                  </a:lnTo>
                  <a:lnTo>
                    <a:pt x="408" y="53"/>
                  </a:lnTo>
                  <a:lnTo>
                    <a:pt x="388" y="52"/>
                  </a:lnTo>
                  <a:lnTo>
                    <a:pt x="366" y="52"/>
                  </a:lnTo>
                  <a:lnTo>
                    <a:pt x="346" y="52"/>
                  </a:lnTo>
                  <a:lnTo>
                    <a:pt x="346" y="43"/>
                  </a:lnTo>
                  <a:lnTo>
                    <a:pt x="346" y="36"/>
                  </a:lnTo>
                  <a:lnTo>
                    <a:pt x="346" y="30"/>
                  </a:lnTo>
                  <a:lnTo>
                    <a:pt x="345" y="23"/>
                  </a:lnTo>
                  <a:lnTo>
                    <a:pt x="344" y="18"/>
                  </a:lnTo>
                  <a:lnTo>
                    <a:pt x="342" y="13"/>
                  </a:lnTo>
                  <a:lnTo>
                    <a:pt x="339" y="8"/>
                  </a:lnTo>
                  <a:lnTo>
                    <a:pt x="337" y="4"/>
                  </a:lnTo>
                  <a:lnTo>
                    <a:pt x="323" y="2"/>
                  </a:lnTo>
                  <a:lnTo>
                    <a:pt x="312" y="0"/>
                  </a:lnTo>
                  <a:lnTo>
                    <a:pt x="299" y="0"/>
                  </a:lnTo>
                  <a:lnTo>
                    <a:pt x="287" y="0"/>
                  </a:lnTo>
                  <a:lnTo>
                    <a:pt x="277" y="1"/>
                  </a:lnTo>
                  <a:lnTo>
                    <a:pt x="266" y="3"/>
                  </a:lnTo>
                  <a:lnTo>
                    <a:pt x="256" y="6"/>
                  </a:lnTo>
                  <a:lnTo>
                    <a:pt x="246" y="10"/>
                  </a:lnTo>
                  <a:lnTo>
                    <a:pt x="227" y="18"/>
                  </a:lnTo>
                  <a:lnTo>
                    <a:pt x="209" y="28"/>
                  </a:lnTo>
                  <a:lnTo>
                    <a:pt x="192" y="40"/>
                  </a:lnTo>
                  <a:lnTo>
                    <a:pt x="174" y="53"/>
                  </a:lnTo>
                  <a:lnTo>
                    <a:pt x="157" y="64"/>
                  </a:lnTo>
                  <a:lnTo>
                    <a:pt x="140" y="77"/>
                  </a:lnTo>
                  <a:lnTo>
                    <a:pt x="122" y="87"/>
                  </a:lnTo>
                  <a:lnTo>
                    <a:pt x="104" y="97"/>
                  </a:lnTo>
                  <a:lnTo>
                    <a:pt x="95" y="100"/>
                  </a:lnTo>
                  <a:lnTo>
                    <a:pt x="84" y="104"/>
                  </a:lnTo>
                  <a:lnTo>
                    <a:pt x="75" y="106"/>
                  </a:lnTo>
                  <a:lnTo>
                    <a:pt x="64" y="108"/>
                  </a:lnTo>
                  <a:lnTo>
                    <a:pt x="54" y="110"/>
                  </a:lnTo>
                  <a:lnTo>
                    <a:pt x="42" y="110"/>
                  </a:lnTo>
                  <a:lnTo>
                    <a:pt x="31" y="110"/>
                  </a:lnTo>
                  <a:lnTo>
                    <a:pt x="18" y="107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6" name="Vejen kant"/>
            <p:cNvSpPr>
              <a:spLocks/>
            </p:cNvSpPr>
            <p:nvPr/>
          </p:nvSpPr>
          <p:spPr bwMode="auto">
            <a:xfrm>
              <a:off x="1025525" y="5016500"/>
              <a:ext cx="434975" cy="476250"/>
            </a:xfrm>
            <a:custGeom>
              <a:avLst/>
              <a:gdLst>
                <a:gd name="T0" fmla="*/ 0 w 823"/>
                <a:gd name="T1" fmla="*/ 61 h 899"/>
                <a:gd name="T2" fmla="*/ 34 w 823"/>
                <a:gd name="T3" fmla="*/ 86 h 899"/>
                <a:gd name="T4" fmla="*/ 54 w 823"/>
                <a:gd name="T5" fmla="*/ 110 h 899"/>
                <a:gd name="T6" fmla="*/ 59 w 823"/>
                <a:gd name="T7" fmla="*/ 135 h 899"/>
                <a:gd name="T8" fmla="*/ 47 w 823"/>
                <a:gd name="T9" fmla="*/ 139 h 899"/>
                <a:gd name="T10" fmla="*/ 41 w 823"/>
                <a:gd name="T11" fmla="*/ 149 h 899"/>
                <a:gd name="T12" fmla="*/ 40 w 823"/>
                <a:gd name="T13" fmla="*/ 164 h 899"/>
                <a:gd name="T14" fmla="*/ 51 w 823"/>
                <a:gd name="T15" fmla="*/ 165 h 899"/>
                <a:gd name="T16" fmla="*/ 53 w 823"/>
                <a:gd name="T17" fmla="*/ 189 h 899"/>
                <a:gd name="T18" fmla="*/ 72 w 823"/>
                <a:gd name="T19" fmla="*/ 191 h 899"/>
                <a:gd name="T20" fmla="*/ 81 w 823"/>
                <a:gd name="T21" fmla="*/ 192 h 899"/>
                <a:gd name="T22" fmla="*/ 80 w 823"/>
                <a:gd name="T23" fmla="*/ 202 h 899"/>
                <a:gd name="T24" fmla="*/ 85 w 823"/>
                <a:gd name="T25" fmla="*/ 215 h 899"/>
                <a:gd name="T26" fmla="*/ 76 w 823"/>
                <a:gd name="T27" fmla="*/ 220 h 899"/>
                <a:gd name="T28" fmla="*/ 71 w 823"/>
                <a:gd name="T29" fmla="*/ 227 h 899"/>
                <a:gd name="T30" fmla="*/ 66 w 823"/>
                <a:gd name="T31" fmla="*/ 236 h 899"/>
                <a:gd name="T32" fmla="*/ 64 w 823"/>
                <a:gd name="T33" fmla="*/ 250 h 899"/>
                <a:gd name="T34" fmla="*/ 72 w 823"/>
                <a:gd name="T35" fmla="*/ 266 h 899"/>
                <a:gd name="T36" fmla="*/ 84 w 823"/>
                <a:gd name="T37" fmla="*/ 274 h 899"/>
                <a:gd name="T38" fmla="*/ 91 w 823"/>
                <a:gd name="T39" fmla="*/ 270 h 899"/>
                <a:gd name="T40" fmla="*/ 98 w 823"/>
                <a:gd name="T41" fmla="*/ 260 h 899"/>
                <a:gd name="T42" fmla="*/ 108 w 823"/>
                <a:gd name="T43" fmla="*/ 256 h 899"/>
                <a:gd name="T44" fmla="*/ 129 w 823"/>
                <a:gd name="T45" fmla="*/ 260 h 899"/>
                <a:gd name="T46" fmla="*/ 150 w 823"/>
                <a:gd name="T47" fmla="*/ 274 h 899"/>
                <a:gd name="T48" fmla="*/ 159 w 823"/>
                <a:gd name="T49" fmla="*/ 265 h 899"/>
                <a:gd name="T50" fmla="*/ 165 w 823"/>
                <a:gd name="T51" fmla="*/ 259 h 899"/>
                <a:gd name="T52" fmla="*/ 176 w 823"/>
                <a:gd name="T53" fmla="*/ 266 h 899"/>
                <a:gd name="T54" fmla="*/ 179 w 823"/>
                <a:gd name="T55" fmla="*/ 289 h 899"/>
                <a:gd name="T56" fmla="*/ 187 w 823"/>
                <a:gd name="T57" fmla="*/ 296 h 899"/>
                <a:gd name="T58" fmla="*/ 202 w 823"/>
                <a:gd name="T59" fmla="*/ 300 h 899"/>
                <a:gd name="T60" fmla="*/ 211 w 823"/>
                <a:gd name="T61" fmla="*/ 276 h 899"/>
                <a:gd name="T62" fmla="*/ 216 w 823"/>
                <a:gd name="T63" fmla="*/ 254 h 899"/>
                <a:gd name="T64" fmla="*/ 224 w 823"/>
                <a:gd name="T65" fmla="*/ 253 h 899"/>
                <a:gd name="T66" fmla="*/ 228 w 823"/>
                <a:gd name="T67" fmla="*/ 247 h 899"/>
                <a:gd name="T68" fmla="*/ 236 w 823"/>
                <a:gd name="T69" fmla="*/ 231 h 899"/>
                <a:gd name="T70" fmla="*/ 250 w 823"/>
                <a:gd name="T71" fmla="*/ 219 h 899"/>
                <a:gd name="T72" fmla="*/ 256 w 823"/>
                <a:gd name="T73" fmla="*/ 213 h 899"/>
                <a:gd name="T74" fmla="*/ 245 w 823"/>
                <a:gd name="T75" fmla="*/ 207 h 899"/>
                <a:gd name="T76" fmla="*/ 233 w 823"/>
                <a:gd name="T77" fmla="*/ 190 h 899"/>
                <a:gd name="T78" fmla="*/ 229 w 823"/>
                <a:gd name="T79" fmla="*/ 162 h 899"/>
                <a:gd name="T80" fmla="*/ 243 w 823"/>
                <a:gd name="T81" fmla="*/ 145 h 899"/>
                <a:gd name="T82" fmla="*/ 253 w 823"/>
                <a:gd name="T83" fmla="*/ 137 h 899"/>
                <a:gd name="T84" fmla="*/ 261 w 823"/>
                <a:gd name="T85" fmla="*/ 119 h 899"/>
                <a:gd name="T86" fmla="*/ 271 w 823"/>
                <a:gd name="T87" fmla="*/ 114 h 899"/>
                <a:gd name="T88" fmla="*/ 271 w 823"/>
                <a:gd name="T89" fmla="*/ 101 h 899"/>
                <a:gd name="T90" fmla="*/ 258 w 823"/>
                <a:gd name="T91" fmla="*/ 75 h 899"/>
                <a:gd name="T92" fmla="*/ 261 w 823"/>
                <a:gd name="T93" fmla="*/ 62 h 899"/>
                <a:gd name="T94" fmla="*/ 263 w 823"/>
                <a:gd name="T95" fmla="*/ 44 h 899"/>
                <a:gd name="T96" fmla="*/ 247 w 823"/>
                <a:gd name="T97" fmla="*/ 29 h 899"/>
                <a:gd name="T98" fmla="*/ 239 w 823"/>
                <a:gd name="T99" fmla="*/ 21 h 899"/>
                <a:gd name="T100" fmla="*/ 237 w 823"/>
                <a:gd name="T101" fmla="*/ 8 h 899"/>
                <a:gd name="T102" fmla="*/ 208 w 823"/>
                <a:gd name="T103" fmla="*/ 10 h 899"/>
                <a:gd name="T104" fmla="*/ 177 w 823"/>
                <a:gd name="T105" fmla="*/ 22 h 899"/>
                <a:gd name="T106" fmla="*/ 158 w 823"/>
                <a:gd name="T107" fmla="*/ 27 h 899"/>
                <a:gd name="T108" fmla="*/ 147 w 823"/>
                <a:gd name="T109" fmla="*/ 20 h 899"/>
                <a:gd name="T110" fmla="*/ 122 w 823"/>
                <a:gd name="T111" fmla="*/ 17 h 899"/>
                <a:gd name="T112" fmla="*/ 115 w 823"/>
                <a:gd name="T113" fmla="*/ 8 h 899"/>
                <a:gd name="T114" fmla="*/ 108 w 823"/>
                <a:gd name="T115" fmla="*/ 1 h 899"/>
                <a:gd name="T116" fmla="*/ 89 w 823"/>
                <a:gd name="T117" fmla="*/ 1 h 899"/>
                <a:gd name="T118" fmla="*/ 64 w 823"/>
                <a:gd name="T119" fmla="*/ 13 h 899"/>
                <a:gd name="T120" fmla="*/ 35 w 823"/>
                <a:gd name="T121" fmla="*/ 32 h 899"/>
                <a:gd name="T122" fmla="*/ 18 w 823"/>
                <a:gd name="T123" fmla="*/ 37 h 899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823" h="899">
                  <a:moveTo>
                    <a:pt x="18" y="107"/>
                  </a:moveTo>
                  <a:lnTo>
                    <a:pt x="16" y="128"/>
                  </a:lnTo>
                  <a:lnTo>
                    <a:pt x="12" y="147"/>
                  </a:lnTo>
                  <a:lnTo>
                    <a:pt x="6" y="165"/>
                  </a:lnTo>
                  <a:lnTo>
                    <a:pt x="0" y="182"/>
                  </a:lnTo>
                  <a:lnTo>
                    <a:pt x="29" y="204"/>
                  </a:lnTo>
                  <a:lnTo>
                    <a:pt x="59" y="225"/>
                  </a:lnTo>
                  <a:lnTo>
                    <a:pt x="74" y="237"/>
                  </a:lnTo>
                  <a:lnTo>
                    <a:pt x="88" y="247"/>
                  </a:lnTo>
                  <a:lnTo>
                    <a:pt x="102" y="259"/>
                  </a:lnTo>
                  <a:lnTo>
                    <a:pt x="116" y="272"/>
                  </a:lnTo>
                  <a:lnTo>
                    <a:pt x="128" y="285"/>
                  </a:lnTo>
                  <a:lnTo>
                    <a:pt x="140" y="299"/>
                  </a:lnTo>
                  <a:lnTo>
                    <a:pt x="152" y="314"/>
                  </a:lnTo>
                  <a:lnTo>
                    <a:pt x="161" y="330"/>
                  </a:lnTo>
                  <a:lnTo>
                    <a:pt x="170" y="346"/>
                  </a:lnTo>
                  <a:lnTo>
                    <a:pt x="177" y="365"/>
                  </a:lnTo>
                  <a:lnTo>
                    <a:pt x="182" y="385"/>
                  </a:lnTo>
                  <a:lnTo>
                    <a:pt x="186" y="406"/>
                  </a:lnTo>
                  <a:lnTo>
                    <a:pt x="177" y="406"/>
                  </a:lnTo>
                  <a:lnTo>
                    <a:pt x="168" y="408"/>
                  </a:lnTo>
                  <a:lnTo>
                    <a:pt x="160" y="409"/>
                  </a:lnTo>
                  <a:lnTo>
                    <a:pt x="153" y="411"/>
                  </a:lnTo>
                  <a:lnTo>
                    <a:pt x="146" y="414"/>
                  </a:lnTo>
                  <a:lnTo>
                    <a:pt x="141" y="417"/>
                  </a:lnTo>
                  <a:lnTo>
                    <a:pt x="136" y="421"/>
                  </a:lnTo>
                  <a:lnTo>
                    <a:pt x="132" y="426"/>
                  </a:lnTo>
                  <a:lnTo>
                    <a:pt x="128" y="433"/>
                  </a:lnTo>
                  <a:lnTo>
                    <a:pt x="125" y="439"/>
                  </a:lnTo>
                  <a:lnTo>
                    <a:pt x="123" y="446"/>
                  </a:lnTo>
                  <a:lnTo>
                    <a:pt x="121" y="454"/>
                  </a:lnTo>
                  <a:lnTo>
                    <a:pt x="120" y="462"/>
                  </a:lnTo>
                  <a:lnTo>
                    <a:pt x="120" y="472"/>
                  </a:lnTo>
                  <a:lnTo>
                    <a:pt x="120" y="481"/>
                  </a:lnTo>
                  <a:lnTo>
                    <a:pt x="121" y="492"/>
                  </a:lnTo>
                  <a:lnTo>
                    <a:pt x="131" y="489"/>
                  </a:lnTo>
                  <a:lnTo>
                    <a:pt x="138" y="489"/>
                  </a:lnTo>
                  <a:lnTo>
                    <a:pt x="144" y="489"/>
                  </a:lnTo>
                  <a:lnTo>
                    <a:pt x="150" y="491"/>
                  </a:lnTo>
                  <a:lnTo>
                    <a:pt x="154" y="494"/>
                  </a:lnTo>
                  <a:lnTo>
                    <a:pt x="156" y="498"/>
                  </a:lnTo>
                  <a:lnTo>
                    <a:pt x="158" y="503"/>
                  </a:lnTo>
                  <a:lnTo>
                    <a:pt x="159" y="510"/>
                  </a:lnTo>
                  <a:lnTo>
                    <a:pt x="159" y="538"/>
                  </a:lnTo>
                  <a:lnTo>
                    <a:pt x="159" y="567"/>
                  </a:lnTo>
                  <a:lnTo>
                    <a:pt x="172" y="570"/>
                  </a:lnTo>
                  <a:lnTo>
                    <a:pt x="183" y="572"/>
                  </a:lnTo>
                  <a:lnTo>
                    <a:pt x="195" y="572"/>
                  </a:lnTo>
                  <a:lnTo>
                    <a:pt x="205" y="571"/>
                  </a:lnTo>
                  <a:lnTo>
                    <a:pt x="215" y="571"/>
                  </a:lnTo>
                  <a:lnTo>
                    <a:pt x="224" y="571"/>
                  </a:lnTo>
                  <a:lnTo>
                    <a:pt x="229" y="571"/>
                  </a:lnTo>
                  <a:lnTo>
                    <a:pt x="234" y="572"/>
                  </a:lnTo>
                  <a:lnTo>
                    <a:pt x="238" y="573"/>
                  </a:lnTo>
                  <a:lnTo>
                    <a:pt x="243" y="576"/>
                  </a:lnTo>
                  <a:lnTo>
                    <a:pt x="239" y="582"/>
                  </a:lnTo>
                  <a:lnTo>
                    <a:pt x="237" y="589"/>
                  </a:lnTo>
                  <a:lnTo>
                    <a:pt x="236" y="593"/>
                  </a:lnTo>
                  <a:lnTo>
                    <a:pt x="236" y="598"/>
                  </a:lnTo>
                  <a:lnTo>
                    <a:pt x="239" y="606"/>
                  </a:lnTo>
                  <a:lnTo>
                    <a:pt x="243" y="613"/>
                  </a:lnTo>
                  <a:lnTo>
                    <a:pt x="249" y="621"/>
                  </a:lnTo>
                  <a:lnTo>
                    <a:pt x="253" y="631"/>
                  </a:lnTo>
                  <a:lnTo>
                    <a:pt x="254" y="636"/>
                  </a:lnTo>
                  <a:lnTo>
                    <a:pt x="254" y="643"/>
                  </a:lnTo>
                  <a:lnTo>
                    <a:pt x="254" y="651"/>
                  </a:lnTo>
                  <a:lnTo>
                    <a:pt x="253" y="660"/>
                  </a:lnTo>
                  <a:lnTo>
                    <a:pt x="242" y="657"/>
                  </a:lnTo>
                  <a:lnTo>
                    <a:pt x="234" y="657"/>
                  </a:lnTo>
                  <a:lnTo>
                    <a:pt x="227" y="658"/>
                  </a:lnTo>
                  <a:lnTo>
                    <a:pt x="223" y="660"/>
                  </a:lnTo>
                  <a:lnTo>
                    <a:pt x="219" y="664"/>
                  </a:lnTo>
                  <a:lnTo>
                    <a:pt x="216" y="670"/>
                  </a:lnTo>
                  <a:lnTo>
                    <a:pt x="214" y="675"/>
                  </a:lnTo>
                  <a:lnTo>
                    <a:pt x="213" y="681"/>
                  </a:lnTo>
                  <a:lnTo>
                    <a:pt x="211" y="687"/>
                  </a:lnTo>
                  <a:lnTo>
                    <a:pt x="209" y="693"/>
                  </a:lnTo>
                  <a:lnTo>
                    <a:pt x="206" y="698"/>
                  </a:lnTo>
                  <a:lnTo>
                    <a:pt x="203" y="702"/>
                  </a:lnTo>
                  <a:lnTo>
                    <a:pt x="199" y="706"/>
                  </a:lnTo>
                  <a:lnTo>
                    <a:pt x="194" y="708"/>
                  </a:lnTo>
                  <a:lnTo>
                    <a:pt x="186" y="708"/>
                  </a:lnTo>
                  <a:lnTo>
                    <a:pt x="177" y="707"/>
                  </a:lnTo>
                  <a:lnTo>
                    <a:pt x="183" y="727"/>
                  </a:lnTo>
                  <a:lnTo>
                    <a:pt x="191" y="749"/>
                  </a:lnTo>
                  <a:lnTo>
                    <a:pt x="195" y="759"/>
                  </a:lnTo>
                  <a:lnTo>
                    <a:pt x="199" y="770"/>
                  </a:lnTo>
                  <a:lnTo>
                    <a:pt x="203" y="780"/>
                  </a:lnTo>
                  <a:lnTo>
                    <a:pt x="209" y="790"/>
                  </a:lnTo>
                  <a:lnTo>
                    <a:pt x="215" y="798"/>
                  </a:lnTo>
                  <a:lnTo>
                    <a:pt x="220" y="807"/>
                  </a:lnTo>
                  <a:lnTo>
                    <a:pt x="227" y="813"/>
                  </a:lnTo>
                  <a:lnTo>
                    <a:pt x="235" y="818"/>
                  </a:lnTo>
                  <a:lnTo>
                    <a:pt x="243" y="821"/>
                  </a:lnTo>
                  <a:lnTo>
                    <a:pt x="252" y="822"/>
                  </a:lnTo>
                  <a:lnTo>
                    <a:pt x="256" y="822"/>
                  </a:lnTo>
                  <a:lnTo>
                    <a:pt x="261" y="822"/>
                  </a:lnTo>
                  <a:lnTo>
                    <a:pt x="265" y="820"/>
                  </a:lnTo>
                  <a:lnTo>
                    <a:pt x="271" y="819"/>
                  </a:lnTo>
                  <a:lnTo>
                    <a:pt x="274" y="810"/>
                  </a:lnTo>
                  <a:lnTo>
                    <a:pt x="277" y="802"/>
                  </a:lnTo>
                  <a:lnTo>
                    <a:pt x="280" y="795"/>
                  </a:lnTo>
                  <a:lnTo>
                    <a:pt x="284" y="789"/>
                  </a:lnTo>
                  <a:lnTo>
                    <a:pt x="290" y="783"/>
                  </a:lnTo>
                  <a:lnTo>
                    <a:pt x="294" y="779"/>
                  </a:lnTo>
                  <a:lnTo>
                    <a:pt x="299" y="775"/>
                  </a:lnTo>
                  <a:lnTo>
                    <a:pt x="305" y="772"/>
                  </a:lnTo>
                  <a:lnTo>
                    <a:pt x="311" y="770"/>
                  </a:lnTo>
                  <a:lnTo>
                    <a:pt x="317" y="768"/>
                  </a:lnTo>
                  <a:lnTo>
                    <a:pt x="323" y="768"/>
                  </a:lnTo>
                  <a:lnTo>
                    <a:pt x="331" y="767"/>
                  </a:lnTo>
                  <a:lnTo>
                    <a:pt x="344" y="768"/>
                  </a:lnTo>
                  <a:lnTo>
                    <a:pt x="358" y="770"/>
                  </a:lnTo>
                  <a:lnTo>
                    <a:pt x="373" y="775"/>
                  </a:lnTo>
                  <a:lnTo>
                    <a:pt x="388" y="780"/>
                  </a:lnTo>
                  <a:lnTo>
                    <a:pt x="401" y="788"/>
                  </a:lnTo>
                  <a:lnTo>
                    <a:pt x="415" y="795"/>
                  </a:lnTo>
                  <a:lnTo>
                    <a:pt x="428" y="803"/>
                  </a:lnTo>
                  <a:lnTo>
                    <a:pt x="439" y="812"/>
                  </a:lnTo>
                  <a:lnTo>
                    <a:pt x="450" y="820"/>
                  </a:lnTo>
                  <a:lnTo>
                    <a:pt x="458" y="829"/>
                  </a:lnTo>
                  <a:lnTo>
                    <a:pt x="464" y="820"/>
                  </a:lnTo>
                  <a:lnTo>
                    <a:pt x="470" y="812"/>
                  </a:lnTo>
                  <a:lnTo>
                    <a:pt x="475" y="802"/>
                  </a:lnTo>
                  <a:lnTo>
                    <a:pt x="479" y="793"/>
                  </a:lnTo>
                  <a:lnTo>
                    <a:pt x="482" y="789"/>
                  </a:lnTo>
                  <a:lnTo>
                    <a:pt x="485" y="786"/>
                  </a:lnTo>
                  <a:lnTo>
                    <a:pt x="489" y="781"/>
                  </a:lnTo>
                  <a:lnTo>
                    <a:pt x="493" y="778"/>
                  </a:lnTo>
                  <a:lnTo>
                    <a:pt x="497" y="776"/>
                  </a:lnTo>
                  <a:lnTo>
                    <a:pt x="502" y="774"/>
                  </a:lnTo>
                  <a:lnTo>
                    <a:pt x="508" y="773"/>
                  </a:lnTo>
                  <a:lnTo>
                    <a:pt x="515" y="772"/>
                  </a:lnTo>
                  <a:lnTo>
                    <a:pt x="523" y="785"/>
                  </a:lnTo>
                  <a:lnTo>
                    <a:pt x="530" y="796"/>
                  </a:lnTo>
                  <a:lnTo>
                    <a:pt x="535" y="809"/>
                  </a:lnTo>
                  <a:lnTo>
                    <a:pt x="537" y="822"/>
                  </a:lnTo>
                  <a:lnTo>
                    <a:pt x="539" y="836"/>
                  </a:lnTo>
                  <a:lnTo>
                    <a:pt x="538" y="851"/>
                  </a:lnTo>
                  <a:lnTo>
                    <a:pt x="537" y="867"/>
                  </a:lnTo>
                  <a:lnTo>
                    <a:pt x="533" y="885"/>
                  </a:lnTo>
                  <a:lnTo>
                    <a:pt x="542" y="885"/>
                  </a:lnTo>
                  <a:lnTo>
                    <a:pt x="550" y="885"/>
                  </a:lnTo>
                  <a:lnTo>
                    <a:pt x="557" y="886"/>
                  </a:lnTo>
                  <a:lnTo>
                    <a:pt x="563" y="887"/>
                  </a:lnTo>
                  <a:lnTo>
                    <a:pt x="574" y="891"/>
                  </a:lnTo>
                  <a:lnTo>
                    <a:pt x="582" y="894"/>
                  </a:lnTo>
                  <a:lnTo>
                    <a:pt x="591" y="897"/>
                  </a:lnTo>
                  <a:lnTo>
                    <a:pt x="601" y="899"/>
                  </a:lnTo>
                  <a:lnTo>
                    <a:pt x="607" y="899"/>
                  </a:lnTo>
                  <a:lnTo>
                    <a:pt x="612" y="898"/>
                  </a:lnTo>
                  <a:lnTo>
                    <a:pt x="619" y="896"/>
                  </a:lnTo>
                  <a:lnTo>
                    <a:pt x="627" y="894"/>
                  </a:lnTo>
                  <a:lnTo>
                    <a:pt x="630" y="865"/>
                  </a:lnTo>
                  <a:lnTo>
                    <a:pt x="633" y="826"/>
                  </a:lnTo>
                  <a:lnTo>
                    <a:pt x="635" y="805"/>
                  </a:lnTo>
                  <a:lnTo>
                    <a:pt x="639" y="786"/>
                  </a:lnTo>
                  <a:lnTo>
                    <a:pt x="642" y="776"/>
                  </a:lnTo>
                  <a:lnTo>
                    <a:pt x="645" y="768"/>
                  </a:lnTo>
                  <a:lnTo>
                    <a:pt x="650" y="760"/>
                  </a:lnTo>
                  <a:lnTo>
                    <a:pt x="655" y="754"/>
                  </a:lnTo>
                  <a:lnTo>
                    <a:pt x="661" y="753"/>
                  </a:lnTo>
                  <a:lnTo>
                    <a:pt x="666" y="754"/>
                  </a:lnTo>
                  <a:lnTo>
                    <a:pt x="670" y="756"/>
                  </a:lnTo>
                  <a:lnTo>
                    <a:pt x="673" y="759"/>
                  </a:lnTo>
                  <a:lnTo>
                    <a:pt x="677" y="767"/>
                  </a:lnTo>
                  <a:lnTo>
                    <a:pt x="683" y="772"/>
                  </a:lnTo>
                  <a:lnTo>
                    <a:pt x="683" y="761"/>
                  </a:lnTo>
                  <a:lnTo>
                    <a:pt x="683" y="750"/>
                  </a:lnTo>
                  <a:lnTo>
                    <a:pt x="686" y="739"/>
                  </a:lnTo>
                  <a:lnTo>
                    <a:pt x="689" y="729"/>
                  </a:lnTo>
                  <a:lnTo>
                    <a:pt x="692" y="719"/>
                  </a:lnTo>
                  <a:lnTo>
                    <a:pt x="697" y="710"/>
                  </a:lnTo>
                  <a:lnTo>
                    <a:pt x="702" y="700"/>
                  </a:lnTo>
                  <a:lnTo>
                    <a:pt x="709" y="691"/>
                  </a:lnTo>
                  <a:lnTo>
                    <a:pt x="716" y="682"/>
                  </a:lnTo>
                  <a:lnTo>
                    <a:pt x="724" y="675"/>
                  </a:lnTo>
                  <a:lnTo>
                    <a:pt x="733" y="668"/>
                  </a:lnTo>
                  <a:lnTo>
                    <a:pt x="742" y="660"/>
                  </a:lnTo>
                  <a:lnTo>
                    <a:pt x="752" y="655"/>
                  </a:lnTo>
                  <a:lnTo>
                    <a:pt x="763" y="650"/>
                  </a:lnTo>
                  <a:lnTo>
                    <a:pt x="774" y="644"/>
                  </a:lnTo>
                  <a:lnTo>
                    <a:pt x="787" y="641"/>
                  </a:lnTo>
                  <a:lnTo>
                    <a:pt x="777" y="640"/>
                  </a:lnTo>
                  <a:lnTo>
                    <a:pt x="770" y="638"/>
                  </a:lnTo>
                  <a:lnTo>
                    <a:pt x="762" y="636"/>
                  </a:lnTo>
                  <a:lnTo>
                    <a:pt x="755" y="633"/>
                  </a:lnTo>
                  <a:lnTo>
                    <a:pt x="748" y="630"/>
                  </a:lnTo>
                  <a:lnTo>
                    <a:pt x="741" y="626"/>
                  </a:lnTo>
                  <a:lnTo>
                    <a:pt x="736" y="621"/>
                  </a:lnTo>
                  <a:lnTo>
                    <a:pt x="731" y="617"/>
                  </a:lnTo>
                  <a:lnTo>
                    <a:pt x="720" y="607"/>
                  </a:lnTo>
                  <a:lnTo>
                    <a:pt x="713" y="595"/>
                  </a:lnTo>
                  <a:lnTo>
                    <a:pt x="706" y="581"/>
                  </a:lnTo>
                  <a:lnTo>
                    <a:pt x="700" y="568"/>
                  </a:lnTo>
                  <a:lnTo>
                    <a:pt x="696" y="552"/>
                  </a:lnTo>
                  <a:lnTo>
                    <a:pt x="693" y="536"/>
                  </a:lnTo>
                  <a:lnTo>
                    <a:pt x="691" y="520"/>
                  </a:lnTo>
                  <a:lnTo>
                    <a:pt x="690" y="503"/>
                  </a:lnTo>
                  <a:lnTo>
                    <a:pt x="689" y="485"/>
                  </a:lnTo>
                  <a:lnTo>
                    <a:pt x="690" y="469"/>
                  </a:lnTo>
                  <a:lnTo>
                    <a:pt x="691" y="452"/>
                  </a:lnTo>
                  <a:lnTo>
                    <a:pt x="693" y="435"/>
                  </a:lnTo>
                  <a:lnTo>
                    <a:pt x="712" y="435"/>
                  </a:lnTo>
                  <a:lnTo>
                    <a:pt x="730" y="435"/>
                  </a:lnTo>
                  <a:lnTo>
                    <a:pt x="738" y="434"/>
                  </a:lnTo>
                  <a:lnTo>
                    <a:pt x="747" y="433"/>
                  </a:lnTo>
                  <a:lnTo>
                    <a:pt x="753" y="430"/>
                  </a:lnTo>
                  <a:lnTo>
                    <a:pt x="758" y="425"/>
                  </a:lnTo>
                  <a:lnTo>
                    <a:pt x="761" y="411"/>
                  </a:lnTo>
                  <a:lnTo>
                    <a:pt x="766" y="396"/>
                  </a:lnTo>
                  <a:lnTo>
                    <a:pt x="770" y="381"/>
                  </a:lnTo>
                  <a:lnTo>
                    <a:pt x="776" y="370"/>
                  </a:lnTo>
                  <a:lnTo>
                    <a:pt x="780" y="363"/>
                  </a:lnTo>
                  <a:lnTo>
                    <a:pt x="784" y="358"/>
                  </a:lnTo>
                  <a:lnTo>
                    <a:pt x="790" y="354"/>
                  </a:lnTo>
                  <a:lnTo>
                    <a:pt x="795" y="350"/>
                  </a:lnTo>
                  <a:lnTo>
                    <a:pt x="800" y="346"/>
                  </a:lnTo>
                  <a:lnTo>
                    <a:pt x="808" y="344"/>
                  </a:lnTo>
                  <a:lnTo>
                    <a:pt x="815" y="342"/>
                  </a:lnTo>
                  <a:lnTo>
                    <a:pt x="823" y="341"/>
                  </a:lnTo>
                  <a:lnTo>
                    <a:pt x="822" y="332"/>
                  </a:lnTo>
                  <a:lnTo>
                    <a:pt x="820" y="321"/>
                  </a:lnTo>
                  <a:lnTo>
                    <a:pt x="817" y="313"/>
                  </a:lnTo>
                  <a:lnTo>
                    <a:pt x="814" y="303"/>
                  </a:lnTo>
                  <a:lnTo>
                    <a:pt x="808" y="287"/>
                  </a:lnTo>
                  <a:lnTo>
                    <a:pt x="799" y="272"/>
                  </a:lnTo>
                  <a:lnTo>
                    <a:pt x="791" y="257"/>
                  </a:lnTo>
                  <a:lnTo>
                    <a:pt x="782" y="242"/>
                  </a:lnTo>
                  <a:lnTo>
                    <a:pt x="774" y="226"/>
                  </a:lnTo>
                  <a:lnTo>
                    <a:pt x="768" y="211"/>
                  </a:lnTo>
                  <a:lnTo>
                    <a:pt x="773" y="204"/>
                  </a:lnTo>
                  <a:lnTo>
                    <a:pt x="777" y="199"/>
                  </a:lnTo>
                  <a:lnTo>
                    <a:pt x="781" y="193"/>
                  </a:lnTo>
                  <a:lnTo>
                    <a:pt x="783" y="186"/>
                  </a:lnTo>
                  <a:lnTo>
                    <a:pt x="786" y="180"/>
                  </a:lnTo>
                  <a:lnTo>
                    <a:pt x="788" y="174"/>
                  </a:lnTo>
                  <a:lnTo>
                    <a:pt x="789" y="167"/>
                  </a:lnTo>
                  <a:lnTo>
                    <a:pt x="789" y="161"/>
                  </a:lnTo>
                  <a:lnTo>
                    <a:pt x="789" y="133"/>
                  </a:lnTo>
                  <a:lnTo>
                    <a:pt x="787" y="98"/>
                  </a:lnTo>
                  <a:lnTo>
                    <a:pt x="770" y="96"/>
                  </a:lnTo>
                  <a:lnTo>
                    <a:pt x="755" y="92"/>
                  </a:lnTo>
                  <a:lnTo>
                    <a:pt x="748" y="90"/>
                  </a:lnTo>
                  <a:lnTo>
                    <a:pt x="741" y="86"/>
                  </a:lnTo>
                  <a:lnTo>
                    <a:pt x="736" y="82"/>
                  </a:lnTo>
                  <a:lnTo>
                    <a:pt x="731" y="79"/>
                  </a:lnTo>
                  <a:lnTo>
                    <a:pt x="726" y="74"/>
                  </a:lnTo>
                  <a:lnTo>
                    <a:pt x="721" y="68"/>
                  </a:lnTo>
                  <a:lnTo>
                    <a:pt x="718" y="63"/>
                  </a:lnTo>
                  <a:lnTo>
                    <a:pt x="715" y="57"/>
                  </a:lnTo>
                  <a:lnTo>
                    <a:pt x="713" y="50"/>
                  </a:lnTo>
                  <a:lnTo>
                    <a:pt x="712" y="41"/>
                  </a:lnTo>
                  <a:lnTo>
                    <a:pt x="711" y="33"/>
                  </a:lnTo>
                  <a:lnTo>
                    <a:pt x="711" y="23"/>
                  </a:lnTo>
                  <a:lnTo>
                    <a:pt x="692" y="22"/>
                  </a:lnTo>
                  <a:lnTo>
                    <a:pt x="673" y="22"/>
                  </a:lnTo>
                  <a:lnTo>
                    <a:pt x="656" y="24"/>
                  </a:lnTo>
                  <a:lnTo>
                    <a:pt x="640" y="26"/>
                  </a:lnTo>
                  <a:lnTo>
                    <a:pt x="624" y="30"/>
                  </a:lnTo>
                  <a:lnTo>
                    <a:pt x="610" y="34"/>
                  </a:lnTo>
                  <a:lnTo>
                    <a:pt x="596" y="39"/>
                  </a:lnTo>
                  <a:lnTo>
                    <a:pt x="582" y="44"/>
                  </a:lnTo>
                  <a:lnTo>
                    <a:pt x="557" y="56"/>
                  </a:lnTo>
                  <a:lnTo>
                    <a:pt x="532" y="67"/>
                  </a:lnTo>
                  <a:lnTo>
                    <a:pt x="518" y="74"/>
                  </a:lnTo>
                  <a:lnTo>
                    <a:pt x="505" y="79"/>
                  </a:lnTo>
                  <a:lnTo>
                    <a:pt x="492" y="84"/>
                  </a:lnTo>
                  <a:lnTo>
                    <a:pt x="477" y="88"/>
                  </a:lnTo>
                  <a:lnTo>
                    <a:pt x="474" y="81"/>
                  </a:lnTo>
                  <a:lnTo>
                    <a:pt x="470" y="75"/>
                  </a:lnTo>
                  <a:lnTo>
                    <a:pt x="464" y="70"/>
                  </a:lnTo>
                  <a:lnTo>
                    <a:pt x="458" y="65"/>
                  </a:lnTo>
                  <a:lnTo>
                    <a:pt x="452" y="62"/>
                  </a:lnTo>
                  <a:lnTo>
                    <a:pt x="443" y="59"/>
                  </a:lnTo>
                  <a:lnTo>
                    <a:pt x="435" y="57"/>
                  </a:lnTo>
                  <a:lnTo>
                    <a:pt x="426" y="55"/>
                  </a:lnTo>
                  <a:lnTo>
                    <a:pt x="408" y="53"/>
                  </a:lnTo>
                  <a:lnTo>
                    <a:pt x="388" y="52"/>
                  </a:lnTo>
                  <a:lnTo>
                    <a:pt x="366" y="52"/>
                  </a:lnTo>
                  <a:lnTo>
                    <a:pt x="346" y="52"/>
                  </a:lnTo>
                  <a:lnTo>
                    <a:pt x="346" y="43"/>
                  </a:lnTo>
                  <a:lnTo>
                    <a:pt x="346" y="36"/>
                  </a:lnTo>
                  <a:lnTo>
                    <a:pt x="346" y="30"/>
                  </a:lnTo>
                  <a:lnTo>
                    <a:pt x="345" y="23"/>
                  </a:lnTo>
                  <a:lnTo>
                    <a:pt x="344" y="18"/>
                  </a:lnTo>
                  <a:lnTo>
                    <a:pt x="342" y="13"/>
                  </a:lnTo>
                  <a:lnTo>
                    <a:pt x="339" y="8"/>
                  </a:lnTo>
                  <a:lnTo>
                    <a:pt x="337" y="4"/>
                  </a:lnTo>
                  <a:lnTo>
                    <a:pt x="323" y="2"/>
                  </a:lnTo>
                  <a:lnTo>
                    <a:pt x="312" y="0"/>
                  </a:lnTo>
                  <a:lnTo>
                    <a:pt x="299" y="0"/>
                  </a:lnTo>
                  <a:lnTo>
                    <a:pt x="287" y="0"/>
                  </a:lnTo>
                  <a:lnTo>
                    <a:pt x="277" y="1"/>
                  </a:lnTo>
                  <a:lnTo>
                    <a:pt x="266" y="3"/>
                  </a:lnTo>
                  <a:lnTo>
                    <a:pt x="256" y="6"/>
                  </a:lnTo>
                  <a:lnTo>
                    <a:pt x="246" y="10"/>
                  </a:lnTo>
                  <a:lnTo>
                    <a:pt x="227" y="18"/>
                  </a:lnTo>
                  <a:lnTo>
                    <a:pt x="209" y="28"/>
                  </a:lnTo>
                  <a:lnTo>
                    <a:pt x="192" y="40"/>
                  </a:lnTo>
                  <a:lnTo>
                    <a:pt x="174" y="53"/>
                  </a:lnTo>
                  <a:lnTo>
                    <a:pt x="157" y="64"/>
                  </a:lnTo>
                  <a:lnTo>
                    <a:pt x="140" y="77"/>
                  </a:lnTo>
                  <a:lnTo>
                    <a:pt x="122" y="87"/>
                  </a:lnTo>
                  <a:lnTo>
                    <a:pt x="104" y="97"/>
                  </a:lnTo>
                  <a:lnTo>
                    <a:pt x="95" y="100"/>
                  </a:lnTo>
                  <a:lnTo>
                    <a:pt x="84" y="104"/>
                  </a:lnTo>
                  <a:lnTo>
                    <a:pt x="75" y="106"/>
                  </a:lnTo>
                  <a:lnTo>
                    <a:pt x="64" y="108"/>
                  </a:lnTo>
                  <a:lnTo>
                    <a:pt x="54" y="110"/>
                  </a:lnTo>
                  <a:lnTo>
                    <a:pt x="42" y="110"/>
                  </a:lnTo>
                  <a:lnTo>
                    <a:pt x="31" y="110"/>
                  </a:lnTo>
                  <a:lnTo>
                    <a:pt x="18" y="107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7" name="Kolding"/>
            <p:cNvSpPr>
              <a:spLocks/>
            </p:cNvSpPr>
            <p:nvPr/>
          </p:nvSpPr>
          <p:spPr bwMode="auto">
            <a:xfrm>
              <a:off x="1401763" y="5019675"/>
              <a:ext cx="381000" cy="441325"/>
            </a:xfrm>
            <a:custGeom>
              <a:avLst/>
              <a:gdLst>
                <a:gd name="T0" fmla="*/ 70 w 721"/>
                <a:gd name="T1" fmla="*/ 41 h 834"/>
                <a:gd name="T2" fmla="*/ 60 w 721"/>
                <a:gd name="T3" fmla="*/ 44 h 834"/>
                <a:gd name="T4" fmla="*/ 31 w 721"/>
                <a:gd name="T5" fmla="*/ 34 h 834"/>
                <a:gd name="T6" fmla="*/ 31 w 721"/>
                <a:gd name="T7" fmla="*/ 59 h 834"/>
                <a:gd name="T8" fmla="*/ 32 w 721"/>
                <a:gd name="T9" fmla="*/ 82 h 834"/>
                <a:gd name="T10" fmla="*/ 45 w 721"/>
                <a:gd name="T11" fmla="*/ 109 h 834"/>
                <a:gd name="T12" fmla="*/ 38 w 721"/>
                <a:gd name="T13" fmla="*/ 117 h 834"/>
                <a:gd name="T14" fmla="*/ 30 w 721"/>
                <a:gd name="T15" fmla="*/ 124 h 834"/>
                <a:gd name="T16" fmla="*/ 21 w 721"/>
                <a:gd name="T17" fmla="*/ 140 h 834"/>
                <a:gd name="T18" fmla="*/ 12 w 721"/>
                <a:gd name="T19" fmla="*/ 149 h 834"/>
                <a:gd name="T20" fmla="*/ 0 w 721"/>
                <a:gd name="T21" fmla="*/ 150 h 834"/>
                <a:gd name="T22" fmla="*/ 3 w 721"/>
                <a:gd name="T23" fmla="*/ 191 h 834"/>
                <a:gd name="T24" fmla="*/ 20 w 721"/>
                <a:gd name="T25" fmla="*/ 204 h 834"/>
                <a:gd name="T26" fmla="*/ 33 w 721"/>
                <a:gd name="T27" fmla="*/ 215 h 834"/>
                <a:gd name="T28" fmla="*/ 44 w 721"/>
                <a:gd name="T29" fmla="*/ 238 h 834"/>
                <a:gd name="T30" fmla="*/ 66 w 721"/>
                <a:gd name="T31" fmla="*/ 264 h 834"/>
                <a:gd name="T32" fmla="*/ 76 w 721"/>
                <a:gd name="T33" fmla="*/ 273 h 834"/>
                <a:gd name="T34" fmla="*/ 82 w 721"/>
                <a:gd name="T35" fmla="*/ 261 h 834"/>
                <a:gd name="T36" fmla="*/ 95 w 721"/>
                <a:gd name="T37" fmla="*/ 251 h 834"/>
                <a:gd name="T38" fmla="*/ 106 w 721"/>
                <a:gd name="T39" fmla="*/ 249 h 834"/>
                <a:gd name="T40" fmla="*/ 114 w 721"/>
                <a:gd name="T41" fmla="*/ 254 h 834"/>
                <a:gd name="T42" fmla="*/ 119 w 721"/>
                <a:gd name="T43" fmla="*/ 266 h 834"/>
                <a:gd name="T44" fmla="*/ 134 w 721"/>
                <a:gd name="T45" fmla="*/ 275 h 834"/>
                <a:gd name="T46" fmla="*/ 165 w 721"/>
                <a:gd name="T47" fmla="*/ 262 h 834"/>
                <a:gd name="T48" fmla="*/ 183 w 721"/>
                <a:gd name="T49" fmla="*/ 248 h 834"/>
                <a:gd name="T50" fmla="*/ 196 w 721"/>
                <a:gd name="T51" fmla="*/ 230 h 834"/>
                <a:gd name="T52" fmla="*/ 201 w 721"/>
                <a:gd name="T53" fmla="*/ 210 h 834"/>
                <a:gd name="T54" fmla="*/ 193 w 721"/>
                <a:gd name="T55" fmla="*/ 186 h 834"/>
                <a:gd name="T56" fmla="*/ 203 w 721"/>
                <a:gd name="T57" fmla="*/ 172 h 834"/>
                <a:gd name="T58" fmla="*/ 228 w 721"/>
                <a:gd name="T59" fmla="*/ 159 h 834"/>
                <a:gd name="T60" fmla="*/ 240 w 721"/>
                <a:gd name="T61" fmla="*/ 144 h 834"/>
                <a:gd name="T62" fmla="*/ 219 w 721"/>
                <a:gd name="T63" fmla="*/ 125 h 834"/>
                <a:gd name="T64" fmla="*/ 200 w 721"/>
                <a:gd name="T65" fmla="*/ 120 h 834"/>
                <a:gd name="T66" fmla="*/ 180 w 721"/>
                <a:gd name="T67" fmla="*/ 126 h 834"/>
                <a:gd name="T68" fmla="*/ 158 w 721"/>
                <a:gd name="T69" fmla="*/ 126 h 834"/>
                <a:gd name="T70" fmla="*/ 140 w 721"/>
                <a:gd name="T71" fmla="*/ 120 h 834"/>
                <a:gd name="T72" fmla="*/ 144 w 721"/>
                <a:gd name="T73" fmla="*/ 113 h 834"/>
                <a:gd name="T74" fmla="*/ 154 w 721"/>
                <a:gd name="T75" fmla="*/ 110 h 834"/>
                <a:gd name="T76" fmla="*/ 178 w 721"/>
                <a:gd name="T77" fmla="*/ 111 h 834"/>
                <a:gd name="T78" fmla="*/ 180 w 721"/>
                <a:gd name="T79" fmla="*/ 102 h 834"/>
                <a:gd name="T80" fmla="*/ 179 w 721"/>
                <a:gd name="T81" fmla="*/ 88 h 834"/>
                <a:gd name="T82" fmla="*/ 182 w 721"/>
                <a:gd name="T83" fmla="*/ 75 h 834"/>
                <a:gd name="T84" fmla="*/ 181 w 721"/>
                <a:gd name="T85" fmla="*/ 60 h 834"/>
                <a:gd name="T86" fmla="*/ 160 w 721"/>
                <a:gd name="T87" fmla="*/ 33 h 834"/>
                <a:gd name="T88" fmla="*/ 147 w 721"/>
                <a:gd name="T89" fmla="*/ 11 h 834"/>
                <a:gd name="T90" fmla="*/ 142 w 721"/>
                <a:gd name="T91" fmla="*/ 10 h 834"/>
                <a:gd name="T92" fmla="*/ 137 w 721"/>
                <a:gd name="T93" fmla="*/ 25 h 834"/>
                <a:gd name="T94" fmla="*/ 128 w 721"/>
                <a:gd name="T95" fmla="*/ 36 h 834"/>
                <a:gd name="T96" fmla="*/ 116 w 721"/>
                <a:gd name="T97" fmla="*/ 43 h 834"/>
                <a:gd name="T98" fmla="*/ 103 w 721"/>
                <a:gd name="T99" fmla="*/ 45 h 834"/>
                <a:gd name="T100" fmla="*/ 89 w 721"/>
                <a:gd name="T101" fmla="*/ 41 h 834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721" h="834">
                  <a:moveTo>
                    <a:pt x="235" y="103"/>
                  </a:moveTo>
                  <a:lnTo>
                    <a:pt x="227" y="107"/>
                  </a:lnTo>
                  <a:lnTo>
                    <a:pt x="221" y="111"/>
                  </a:lnTo>
                  <a:lnTo>
                    <a:pt x="216" y="116"/>
                  </a:lnTo>
                  <a:lnTo>
                    <a:pt x="210" y="122"/>
                  </a:lnTo>
                  <a:lnTo>
                    <a:pt x="206" y="128"/>
                  </a:lnTo>
                  <a:lnTo>
                    <a:pt x="201" y="133"/>
                  </a:lnTo>
                  <a:lnTo>
                    <a:pt x="195" y="137"/>
                  </a:lnTo>
                  <a:lnTo>
                    <a:pt x="187" y="140"/>
                  </a:lnTo>
                  <a:lnTo>
                    <a:pt x="179" y="133"/>
                  </a:lnTo>
                  <a:lnTo>
                    <a:pt x="168" y="128"/>
                  </a:lnTo>
                  <a:lnTo>
                    <a:pt x="157" y="122"/>
                  </a:lnTo>
                  <a:lnTo>
                    <a:pt x="145" y="118"/>
                  </a:lnTo>
                  <a:lnTo>
                    <a:pt x="119" y="111"/>
                  </a:lnTo>
                  <a:lnTo>
                    <a:pt x="93" y="103"/>
                  </a:lnTo>
                  <a:lnTo>
                    <a:pt x="98" y="121"/>
                  </a:lnTo>
                  <a:lnTo>
                    <a:pt x="99" y="137"/>
                  </a:lnTo>
                  <a:lnTo>
                    <a:pt x="99" y="151"/>
                  </a:lnTo>
                  <a:lnTo>
                    <a:pt x="97" y="165"/>
                  </a:lnTo>
                  <a:lnTo>
                    <a:pt x="92" y="176"/>
                  </a:lnTo>
                  <a:lnTo>
                    <a:pt x="87" y="189"/>
                  </a:lnTo>
                  <a:lnTo>
                    <a:pt x="82" y="201"/>
                  </a:lnTo>
                  <a:lnTo>
                    <a:pt x="76" y="216"/>
                  </a:lnTo>
                  <a:lnTo>
                    <a:pt x="86" y="230"/>
                  </a:lnTo>
                  <a:lnTo>
                    <a:pt x="96" y="245"/>
                  </a:lnTo>
                  <a:lnTo>
                    <a:pt x="105" y="260"/>
                  </a:lnTo>
                  <a:lnTo>
                    <a:pt x="114" y="276"/>
                  </a:lnTo>
                  <a:lnTo>
                    <a:pt x="121" y="293"/>
                  </a:lnTo>
                  <a:lnTo>
                    <a:pt x="128" y="310"/>
                  </a:lnTo>
                  <a:lnTo>
                    <a:pt x="135" y="328"/>
                  </a:lnTo>
                  <a:lnTo>
                    <a:pt x="141" y="347"/>
                  </a:lnTo>
                  <a:lnTo>
                    <a:pt x="134" y="347"/>
                  </a:lnTo>
                  <a:lnTo>
                    <a:pt x="126" y="348"/>
                  </a:lnTo>
                  <a:lnTo>
                    <a:pt x="120" y="349"/>
                  </a:lnTo>
                  <a:lnTo>
                    <a:pt x="115" y="351"/>
                  </a:lnTo>
                  <a:lnTo>
                    <a:pt x="109" y="353"/>
                  </a:lnTo>
                  <a:lnTo>
                    <a:pt x="104" y="356"/>
                  </a:lnTo>
                  <a:lnTo>
                    <a:pt x="100" y="359"/>
                  </a:lnTo>
                  <a:lnTo>
                    <a:pt x="97" y="364"/>
                  </a:lnTo>
                  <a:lnTo>
                    <a:pt x="89" y="372"/>
                  </a:lnTo>
                  <a:lnTo>
                    <a:pt x="84" y="381"/>
                  </a:lnTo>
                  <a:lnTo>
                    <a:pt x="79" y="391"/>
                  </a:lnTo>
                  <a:lnTo>
                    <a:pt x="73" y="401"/>
                  </a:lnTo>
                  <a:lnTo>
                    <a:pt x="68" y="412"/>
                  </a:lnTo>
                  <a:lnTo>
                    <a:pt x="63" y="421"/>
                  </a:lnTo>
                  <a:lnTo>
                    <a:pt x="57" y="430"/>
                  </a:lnTo>
                  <a:lnTo>
                    <a:pt x="49" y="438"/>
                  </a:lnTo>
                  <a:lnTo>
                    <a:pt x="45" y="441"/>
                  </a:lnTo>
                  <a:lnTo>
                    <a:pt x="40" y="445"/>
                  </a:lnTo>
                  <a:lnTo>
                    <a:pt x="35" y="447"/>
                  </a:lnTo>
                  <a:lnTo>
                    <a:pt x="29" y="449"/>
                  </a:lnTo>
                  <a:lnTo>
                    <a:pt x="23" y="450"/>
                  </a:lnTo>
                  <a:lnTo>
                    <a:pt x="16" y="451"/>
                  </a:lnTo>
                  <a:lnTo>
                    <a:pt x="8" y="451"/>
                  </a:lnTo>
                  <a:lnTo>
                    <a:pt x="0" y="450"/>
                  </a:lnTo>
                  <a:lnTo>
                    <a:pt x="2" y="484"/>
                  </a:lnTo>
                  <a:lnTo>
                    <a:pt x="2" y="524"/>
                  </a:lnTo>
                  <a:lnTo>
                    <a:pt x="4" y="544"/>
                  </a:lnTo>
                  <a:lnTo>
                    <a:pt x="6" y="564"/>
                  </a:lnTo>
                  <a:lnTo>
                    <a:pt x="8" y="573"/>
                  </a:lnTo>
                  <a:lnTo>
                    <a:pt x="11" y="583"/>
                  </a:lnTo>
                  <a:lnTo>
                    <a:pt x="15" y="592"/>
                  </a:lnTo>
                  <a:lnTo>
                    <a:pt x="19" y="599"/>
                  </a:lnTo>
                  <a:lnTo>
                    <a:pt x="39" y="606"/>
                  </a:lnTo>
                  <a:lnTo>
                    <a:pt x="60" y="611"/>
                  </a:lnTo>
                  <a:lnTo>
                    <a:pt x="69" y="614"/>
                  </a:lnTo>
                  <a:lnTo>
                    <a:pt x="78" y="617"/>
                  </a:lnTo>
                  <a:lnTo>
                    <a:pt x="86" y="623"/>
                  </a:lnTo>
                  <a:lnTo>
                    <a:pt x="93" y="628"/>
                  </a:lnTo>
                  <a:lnTo>
                    <a:pt x="98" y="646"/>
                  </a:lnTo>
                  <a:lnTo>
                    <a:pt x="103" y="662"/>
                  </a:lnTo>
                  <a:lnTo>
                    <a:pt x="109" y="676"/>
                  </a:lnTo>
                  <a:lnTo>
                    <a:pt x="116" y="690"/>
                  </a:lnTo>
                  <a:lnTo>
                    <a:pt x="123" y="703"/>
                  </a:lnTo>
                  <a:lnTo>
                    <a:pt x="131" y="714"/>
                  </a:lnTo>
                  <a:lnTo>
                    <a:pt x="140" y="726"/>
                  </a:lnTo>
                  <a:lnTo>
                    <a:pt x="148" y="737"/>
                  </a:lnTo>
                  <a:lnTo>
                    <a:pt x="167" y="758"/>
                  </a:lnTo>
                  <a:lnTo>
                    <a:pt x="186" y="781"/>
                  </a:lnTo>
                  <a:lnTo>
                    <a:pt x="197" y="793"/>
                  </a:lnTo>
                  <a:lnTo>
                    <a:pt x="206" y="806"/>
                  </a:lnTo>
                  <a:lnTo>
                    <a:pt x="216" y="819"/>
                  </a:lnTo>
                  <a:lnTo>
                    <a:pt x="225" y="834"/>
                  </a:lnTo>
                  <a:lnTo>
                    <a:pt x="226" y="826"/>
                  </a:lnTo>
                  <a:lnTo>
                    <a:pt x="228" y="818"/>
                  </a:lnTo>
                  <a:lnTo>
                    <a:pt x="230" y="811"/>
                  </a:lnTo>
                  <a:lnTo>
                    <a:pt x="234" y="804"/>
                  </a:lnTo>
                  <a:lnTo>
                    <a:pt x="237" y="797"/>
                  </a:lnTo>
                  <a:lnTo>
                    <a:pt x="241" y="790"/>
                  </a:lnTo>
                  <a:lnTo>
                    <a:pt x="246" y="784"/>
                  </a:lnTo>
                  <a:lnTo>
                    <a:pt x="250" y="778"/>
                  </a:lnTo>
                  <a:lnTo>
                    <a:pt x="262" y="768"/>
                  </a:lnTo>
                  <a:lnTo>
                    <a:pt x="274" y="758"/>
                  </a:lnTo>
                  <a:lnTo>
                    <a:pt x="280" y="755"/>
                  </a:lnTo>
                  <a:lnTo>
                    <a:pt x="285" y="752"/>
                  </a:lnTo>
                  <a:lnTo>
                    <a:pt x="291" y="750"/>
                  </a:lnTo>
                  <a:lnTo>
                    <a:pt x="298" y="748"/>
                  </a:lnTo>
                  <a:lnTo>
                    <a:pt x="304" y="747"/>
                  </a:lnTo>
                  <a:lnTo>
                    <a:pt x="310" y="747"/>
                  </a:lnTo>
                  <a:lnTo>
                    <a:pt x="317" y="747"/>
                  </a:lnTo>
                  <a:lnTo>
                    <a:pt x="322" y="748"/>
                  </a:lnTo>
                  <a:lnTo>
                    <a:pt x="327" y="750"/>
                  </a:lnTo>
                  <a:lnTo>
                    <a:pt x="333" y="752"/>
                  </a:lnTo>
                  <a:lnTo>
                    <a:pt x="338" y="756"/>
                  </a:lnTo>
                  <a:lnTo>
                    <a:pt x="342" y="761"/>
                  </a:lnTo>
                  <a:lnTo>
                    <a:pt x="346" y="766"/>
                  </a:lnTo>
                  <a:lnTo>
                    <a:pt x="349" y="772"/>
                  </a:lnTo>
                  <a:lnTo>
                    <a:pt x="351" y="781"/>
                  </a:lnTo>
                  <a:lnTo>
                    <a:pt x="355" y="789"/>
                  </a:lnTo>
                  <a:lnTo>
                    <a:pt x="356" y="798"/>
                  </a:lnTo>
                  <a:lnTo>
                    <a:pt x="357" y="809"/>
                  </a:lnTo>
                  <a:lnTo>
                    <a:pt x="357" y="821"/>
                  </a:lnTo>
                  <a:lnTo>
                    <a:pt x="356" y="834"/>
                  </a:lnTo>
                  <a:lnTo>
                    <a:pt x="380" y="830"/>
                  </a:lnTo>
                  <a:lnTo>
                    <a:pt x="404" y="825"/>
                  </a:lnTo>
                  <a:lnTo>
                    <a:pt x="430" y="816"/>
                  </a:lnTo>
                  <a:lnTo>
                    <a:pt x="456" y="806"/>
                  </a:lnTo>
                  <a:lnTo>
                    <a:pt x="469" y="799"/>
                  </a:lnTo>
                  <a:lnTo>
                    <a:pt x="482" y="793"/>
                  </a:lnTo>
                  <a:lnTo>
                    <a:pt x="495" y="787"/>
                  </a:lnTo>
                  <a:lnTo>
                    <a:pt x="506" y="779"/>
                  </a:lnTo>
                  <a:lnTo>
                    <a:pt x="518" y="771"/>
                  </a:lnTo>
                  <a:lnTo>
                    <a:pt x="529" y="763"/>
                  </a:lnTo>
                  <a:lnTo>
                    <a:pt x="540" y="754"/>
                  </a:lnTo>
                  <a:lnTo>
                    <a:pt x="551" y="745"/>
                  </a:lnTo>
                  <a:lnTo>
                    <a:pt x="560" y="734"/>
                  </a:lnTo>
                  <a:lnTo>
                    <a:pt x="568" y="725"/>
                  </a:lnTo>
                  <a:lnTo>
                    <a:pt x="577" y="714"/>
                  </a:lnTo>
                  <a:lnTo>
                    <a:pt x="584" y="703"/>
                  </a:lnTo>
                  <a:lnTo>
                    <a:pt x="589" y="691"/>
                  </a:lnTo>
                  <a:lnTo>
                    <a:pt x="595" y="679"/>
                  </a:lnTo>
                  <a:lnTo>
                    <a:pt x="599" y="668"/>
                  </a:lnTo>
                  <a:lnTo>
                    <a:pt x="601" y="655"/>
                  </a:lnTo>
                  <a:lnTo>
                    <a:pt x="603" y="643"/>
                  </a:lnTo>
                  <a:lnTo>
                    <a:pt x="603" y="629"/>
                  </a:lnTo>
                  <a:lnTo>
                    <a:pt x="602" y="615"/>
                  </a:lnTo>
                  <a:lnTo>
                    <a:pt x="599" y="602"/>
                  </a:lnTo>
                  <a:lnTo>
                    <a:pt x="595" y="588"/>
                  </a:lnTo>
                  <a:lnTo>
                    <a:pt x="588" y="573"/>
                  </a:lnTo>
                  <a:lnTo>
                    <a:pt x="581" y="558"/>
                  </a:lnTo>
                  <a:lnTo>
                    <a:pt x="572" y="544"/>
                  </a:lnTo>
                  <a:lnTo>
                    <a:pt x="580" y="535"/>
                  </a:lnTo>
                  <a:lnTo>
                    <a:pt x="588" y="528"/>
                  </a:lnTo>
                  <a:lnTo>
                    <a:pt x="599" y="521"/>
                  </a:lnTo>
                  <a:lnTo>
                    <a:pt x="609" y="516"/>
                  </a:lnTo>
                  <a:lnTo>
                    <a:pt x="632" y="506"/>
                  </a:lnTo>
                  <a:lnTo>
                    <a:pt x="655" y="495"/>
                  </a:lnTo>
                  <a:lnTo>
                    <a:pt x="666" y="490"/>
                  </a:lnTo>
                  <a:lnTo>
                    <a:pt x="677" y="485"/>
                  </a:lnTo>
                  <a:lnTo>
                    <a:pt x="686" y="478"/>
                  </a:lnTo>
                  <a:lnTo>
                    <a:pt x="696" y="471"/>
                  </a:lnTo>
                  <a:lnTo>
                    <a:pt x="704" y="464"/>
                  </a:lnTo>
                  <a:lnTo>
                    <a:pt x="712" y="454"/>
                  </a:lnTo>
                  <a:lnTo>
                    <a:pt x="717" y="444"/>
                  </a:lnTo>
                  <a:lnTo>
                    <a:pt x="721" y="431"/>
                  </a:lnTo>
                  <a:lnTo>
                    <a:pt x="707" y="421"/>
                  </a:lnTo>
                  <a:lnTo>
                    <a:pt x="694" y="412"/>
                  </a:lnTo>
                  <a:lnTo>
                    <a:pt x="682" y="400"/>
                  </a:lnTo>
                  <a:lnTo>
                    <a:pt x="671" y="389"/>
                  </a:lnTo>
                  <a:lnTo>
                    <a:pt x="659" y="376"/>
                  </a:lnTo>
                  <a:lnTo>
                    <a:pt x="646" y="366"/>
                  </a:lnTo>
                  <a:lnTo>
                    <a:pt x="633" y="355"/>
                  </a:lnTo>
                  <a:lnTo>
                    <a:pt x="618" y="347"/>
                  </a:lnTo>
                  <a:lnTo>
                    <a:pt x="609" y="354"/>
                  </a:lnTo>
                  <a:lnTo>
                    <a:pt x="600" y="360"/>
                  </a:lnTo>
                  <a:lnTo>
                    <a:pt x="589" y="366"/>
                  </a:lnTo>
                  <a:lnTo>
                    <a:pt x="578" y="371"/>
                  </a:lnTo>
                  <a:lnTo>
                    <a:pt x="566" y="374"/>
                  </a:lnTo>
                  <a:lnTo>
                    <a:pt x="555" y="377"/>
                  </a:lnTo>
                  <a:lnTo>
                    <a:pt x="542" y="379"/>
                  </a:lnTo>
                  <a:lnTo>
                    <a:pt x="528" y="381"/>
                  </a:lnTo>
                  <a:lnTo>
                    <a:pt x="516" y="381"/>
                  </a:lnTo>
                  <a:lnTo>
                    <a:pt x="502" y="381"/>
                  </a:lnTo>
                  <a:lnTo>
                    <a:pt x="488" y="381"/>
                  </a:lnTo>
                  <a:lnTo>
                    <a:pt x="475" y="379"/>
                  </a:lnTo>
                  <a:lnTo>
                    <a:pt x="461" y="377"/>
                  </a:lnTo>
                  <a:lnTo>
                    <a:pt x="447" y="374"/>
                  </a:lnTo>
                  <a:lnTo>
                    <a:pt x="435" y="370"/>
                  </a:lnTo>
                  <a:lnTo>
                    <a:pt x="422" y="366"/>
                  </a:lnTo>
                  <a:lnTo>
                    <a:pt x="422" y="359"/>
                  </a:lnTo>
                  <a:lnTo>
                    <a:pt x="424" y="354"/>
                  </a:lnTo>
                  <a:lnTo>
                    <a:pt x="425" y="349"/>
                  </a:lnTo>
                  <a:lnTo>
                    <a:pt x="427" y="345"/>
                  </a:lnTo>
                  <a:lnTo>
                    <a:pt x="430" y="341"/>
                  </a:lnTo>
                  <a:lnTo>
                    <a:pt x="433" y="338"/>
                  </a:lnTo>
                  <a:lnTo>
                    <a:pt x="436" y="336"/>
                  </a:lnTo>
                  <a:lnTo>
                    <a:pt x="439" y="334"/>
                  </a:lnTo>
                  <a:lnTo>
                    <a:pt x="446" y="331"/>
                  </a:lnTo>
                  <a:lnTo>
                    <a:pt x="455" y="330"/>
                  </a:lnTo>
                  <a:lnTo>
                    <a:pt x="464" y="330"/>
                  </a:lnTo>
                  <a:lnTo>
                    <a:pt x="474" y="330"/>
                  </a:lnTo>
                  <a:lnTo>
                    <a:pt x="494" y="333"/>
                  </a:lnTo>
                  <a:lnTo>
                    <a:pt x="515" y="335"/>
                  </a:lnTo>
                  <a:lnTo>
                    <a:pt x="524" y="335"/>
                  </a:lnTo>
                  <a:lnTo>
                    <a:pt x="535" y="334"/>
                  </a:lnTo>
                  <a:lnTo>
                    <a:pt x="544" y="332"/>
                  </a:lnTo>
                  <a:lnTo>
                    <a:pt x="553" y="328"/>
                  </a:lnTo>
                  <a:lnTo>
                    <a:pt x="548" y="320"/>
                  </a:lnTo>
                  <a:lnTo>
                    <a:pt x="545" y="313"/>
                  </a:lnTo>
                  <a:lnTo>
                    <a:pt x="542" y="305"/>
                  </a:lnTo>
                  <a:lnTo>
                    <a:pt x="540" y="297"/>
                  </a:lnTo>
                  <a:lnTo>
                    <a:pt x="539" y="289"/>
                  </a:lnTo>
                  <a:lnTo>
                    <a:pt x="538" y="280"/>
                  </a:lnTo>
                  <a:lnTo>
                    <a:pt x="537" y="272"/>
                  </a:lnTo>
                  <a:lnTo>
                    <a:pt x="537" y="263"/>
                  </a:lnTo>
                  <a:lnTo>
                    <a:pt x="538" y="256"/>
                  </a:lnTo>
                  <a:lnTo>
                    <a:pt x="539" y="248"/>
                  </a:lnTo>
                  <a:lnTo>
                    <a:pt x="541" y="240"/>
                  </a:lnTo>
                  <a:lnTo>
                    <a:pt x="544" y="233"/>
                  </a:lnTo>
                  <a:lnTo>
                    <a:pt x="547" y="226"/>
                  </a:lnTo>
                  <a:lnTo>
                    <a:pt x="552" y="218"/>
                  </a:lnTo>
                  <a:lnTo>
                    <a:pt x="557" y="212"/>
                  </a:lnTo>
                  <a:lnTo>
                    <a:pt x="562" y="207"/>
                  </a:lnTo>
                  <a:lnTo>
                    <a:pt x="554" y="193"/>
                  </a:lnTo>
                  <a:lnTo>
                    <a:pt x="545" y="180"/>
                  </a:lnTo>
                  <a:lnTo>
                    <a:pt x="537" y="169"/>
                  </a:lnTo>
                  <a:lnTo>
                    <a:pt x="527" y="157"/>
                  </a:lnTo>
                  <a:lnTo>
                    <a:pt x="508" y="134"/>
                  </a:lnTo>
                  <a:lnTo>
                    <a:pt x="489" y="111"/>
                  </a:lnTo>
                  <a:lnTo>
                    <a:pt x="480" y="99"/>
                  </a:lnTo>
                  <a:lnTo>
                    <a:pt x="472" y="87"/>
                  </a:lnTo>
                  <a:lnTo>
                    <a:pt x="463" y="74"/>
                  </a:lnTo>
                  <a:lnTo>
                    <a:pt x="455" y="60"/>
                  </a:lnTo>
                  <a:lnTo>
                    <a:pt x="447" y="47"/>
                  </a:lnTo>
                  <a:lnTo>
                    <a:pt x="441" y="32"/>
                  </a:lnTo>
                  <a:lnTo>
                    <a:pt x="436" y="17"/>
                  </a:lnTo>
                  <a:lnTo>
                    <a:pt x="430" y="0"/>
                  </a:lnTo>
                  <a:lnTo>
                    <a:pt x="430" y="11"/>
                  </a:lnTo>
                  <a:lnTo>
                    <a:pt x="429" y="21"/>
                  </a:lnTo>
                  <a:lnTo>
                    <a:pt x="427" y="31"/>
                  </a:lnTo>
                  <a:lnTo>
                    <a:pt x="425" y="40"/>
                  </a:lnTo>
                  <a:lnTo>
                    <a:pt x="423" y="50"/>
                  </a:lnTo>
                  <a:lnTo>
                    <a:pt x="419" y="58"/>
                  </a:lnTo>
                  <a:lnTo>
                    <a:pt x="416" y="67"/>
                  </a:lnTo>
                  <a:lnTo>
                    <a:pt x="412" y="75"/>
                  </a:lnTo>
                  <a:lnTo>
                    <a:pt x="406" y="82"/>
                  </a:lnTo>
                  <a:lnTo>
                    <a:pt x="401" y="90"/>
                  </a:lnTo>
                  <a:lnTo>
                    <a:pt x="396" y="96"/>
                  </a:lnTo>
                  <a:lnTo>
                    <a:pt x="390" y="102"/>
                  </a:lnTo>
                  <a:lnTo>
                    <a:pt x="384" y="108"/>
                  </a:lnTo>
                  <a:lnTo>
                    <a:pt x="378" y="113"/>
                  </a:lnTo>
                  <a:lnTo>
                    <a:pt x="370" y="118"/>
                  </a:lnTo>
                  <a:lnTo>
                    <a:pt x="363" y="122"/>
                  </a:lnTo>
                  <a:lnTo>
                    <a:pt x="357" y="126"/>
                  </a:lnTo>
                  <a:lnTo>
                    <a:pt x="348" y="129"/>
                  </a:lnTo>
                  <a:lnTo>
                    <a:pt x="341" y="131"/>
                  </a:lnTo>
                  <a:lnTo>
                    <a:pt x="334" y="133"/>
                  </a:lnTo>
                  <a:lnTo>
                    <a:pt x="325" y="134"/>
                  </a:lnTo>
                  <a:lnTo>
                    <a:pt x="317" y="135"/>
                  </a:lnTo>
                  <a:lnTo>
                    <a:pt x="308" y="135"/>
                  </a:lnTo>
                  <a:lnTo>
                    <a:pt x="301" y="134"/>
                  </a:lnTo>
                  <a:lnTo>
                    <a:pt x="293" y="133"/>
                  </a:lnTo>
                  <a:lnTo>
                    <a:pt x="284" y="131"/>
                  </a:lnTo>
                  <a:lnTo>
                    <a:pt x="276" y="128"/>
                  </a:lnTo>
                  <a:lnTo>
                    <a:pt x="267" y="124"/>
                  </a:lnTo>
                  <a:lnTo>
                    <a:pt x="259" y="120"/>
                  </a:lnTo>
                  <a:lnTo>
                    <a:pt x="250" y="115"/>
                  </a:lnTo>
                  <a:lnTo>
                    <a:pt x="242" y="110"/>
                  </a:lnTo>
                  <a:lnTo>
                    <a:pt x="235" y="103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8" name="Kolding kant"/>
            <p:cNvSpPr>
              <a:spLocks/>
            </p:cNvSpPr>
            <p:nvPr/>
          </p:nvSpPr>
          <p:spPr bwMode="auto">
            <a:xfrm>
              <a:off x="1401763" y="5019675"/>
              <a:ext cx="381000" cy="441325"/>
            </a:xfrm>
            <a:custGeom>
              <a:avLst/>
              <a:gdLst>
                <a:gd name="T0" fmla="*/ 70 w 721"/>
                <a:gd name="T1" fmla="*/ 41 h 834"/>
                <a:gd name="T2" fmla="*/ 60 w 721"/>
                <a:gd name="T3" fmla="*/ 44 h 834"/>
                <a:gd name="T4" fmla="*/ 31 w 721"/>
                <a:gd name="T5" fmla="*/ 34 h 834"/>
                <a:gd name="T6" fmla="*/ 31 w 721"/>
                <a:gd name="T7" fmla="*/ 59 h 834"/>
                <a:gd name="T8" fmla="*/ 32 w 721"/>
                <a:gd name="T9" fmla="*/ 82 h 834"/>
                <a:gd name="T10" fmla="*/ 45 w 721"/>
                <a:gd name="T11" fmla="*/ 109 h 834"/>
                <a:gd name="T12" fmla="*/ 38 w 721"/>
                <a:gd name="T13" fmla="*/ 117 h 834"/>
                <a:gd name="T14" fmla="*/ 30 w 721"/>
                <a:gd name="T15" fmla="*/ 124 h 834"/>
                <a:gd name="T16" fmla="*/ 21 w 721"/>
                <a:gd name="T17" fmla="*/ 140 h 834"/>
                <a:gd name="T18" fmla="*/ 12 w 721"/>
                <a:gd name="T19" fmla="*/ 149 h 834"/>
                <a:gd name="T20" fmla="*/ 0 w 721"/>
                <a:gd name="T21" fmla="*/ 150 h 834"/>
                <a:gd name="T22" fmla="*/ 3 w 721"/>
                <a:gd name="T23" fmla="*/ 191 h 834"/>
                <a:gd name="T24" fmla="*/ 20 w 721"/>
                <a:gd name="T25" fmla="*/ 204 h 834"/>
                <a:gd name="T26" fmla="*/ 33 w 721"/>
                <a:gd name="T27" fmla="*/ 215 h 834"/>
                <a:gd name="T28" fmla="*/ 44 w 721"/>
                <a:gd name="T29" fmla="*/ 238 h 834"/>
                <a:gd name="T30" fmla="*/ 66 w 721"/>
                <a:gd name="T31" fmla="*/ 264 h 834"/>
                <a:gd name="T32" fmla="*/ 76 w 721"/>
                <a:gd name="T33" fmla="*/ 273 h 834"/>
                <a:gd name="T34" fmla="*/ 82 w 721"/>
                <a:gd name="T35" fmla="*/ 261 h 834"/>
                <a:gd name="T36" fmla="*/ 95 w 721"/>
                <a:gd name="T37" fmla="*/ 251 h 834"/>
                <a:gd name="T38" fmla="*/ 106 w 721"/>
                <a:gd name="T39" fmla="*/ 249 h 834"/>
                <a:gd name="T40" fmla="*/ 114 w 721"/>
                <a:gd name="T41" fmla="*/ 254 h 834"/>
                <a:gd name="T42" fmla="*/ 119 w 721"/>
                <a:gd name="T43" fmla="*/ 266 h 834"/>
                <a:gd name="T44" fmla="*/ 134 w 721"/>
                <a:gd name="T45" fmla="*/ 275 h 834"/>
                <a:gd name="T46" fmla="*/ 165 w 721"/>
                <a:gd name="T47" fmla="*/ 262 h 834"/>
                <a:gd name="T48" fmla="*/ 183 w 721"/>
                <a:gd name="T49" fmla="*/ 248 h 834"/>
                <a:gd name="T50" fmla="*/ 196 w 721"/>
                <a:gd name="T51" fmla="*/ 230 h 834"/>
                <a:gd name="T52" fmla="*/ 201 w 721"/>
                <a:gd name="T53" fmla="*/ 210 h 834"/>
                <a:gd name="T54" fmla="*/ 193 w 721"/>
                <a:gd name="T55" fmla="*/ 186 h 834"/>
                <a:gd name="T56" fmla="*/ 203 w 721"/>
                <a:gd name="T57" fmla="*/ 172 h 834"/>
                <a:gd name="T58" fmla="*/ 228 w 721"/>
                <a:gd name="T59" fmla="*/ 159 h 834"/>
                <a:gd name="T60" fmla="*/ 240 w 721"/>
                <a:gd name="T61" fmla="*/ 144 h 834"/>
                <a:gd name="T62" fmla="*/ 219 w 721"/>
                <a:gd name="T63" fmla="*/ 125 h 834"/>
                <a:gd name="T64" fmla="*/ 200 w 721"/>
                <a:gd name="T65" fmla="*/ 120 h 834"/>
                <a:gd name="T66" fmla="*/ 180 w 721"/>
                <a:gd name="T67" fmla="*/ 126 h 834"/>
                <a:gd name="T68" fmla="*/ 158 w 721"/>
                <a:gd name="T69" fmla="*/ 126 h 834"/>
                <a:gd name="T70" fmla="*/ 140 w 721"/>
                <a:gd name="T71" fmla="*/ 120 h 834"/>
                <a:gd name="T72" fmla="*/ 144 w 721"/>
                <a:gd name="T73" fmla="*/ 113 h 834"/>
                <a:gd name="T74" fmla="*/ 154 w 721"/>
                <a:gd name="T75" fmla="*/ 110 h 834"/>
                <a:gd name="T76" fmla="*/ 178 w 721"/>
                <a:gd name="T77" fmla="*/ 111 h 834"/>
                <a:gd name="T78" fmla="*/ 180 w 721"/>
                <a:gd name="T79" fmla="*/ 102 h 834"/>
                <a:gd name="T80" fmla="*/ 179 w 721"/>
                <a:gd name="T81" fmla="*/ 88 h 834"/>
                <a:gd name="T82" fmla="*/ 182 w 721"/>
                <a:gd name="T83" fmla="*/ 75 h 834"/>
                <a:gd name="T84" fmla="*/ 181 w 721"/>
                <a:gd name="T85" fmla="*/ 60 h 834"/>
                <a:gd name="T86" fmla="*/ 160 w 721"/>
                <a:gd name="T87" fmla="*/ 33 h 834"/>
                <a:gd name="T88" fmla="*/ 147 w 721"/>
                <a:gd name="T89" fmla="*/ 11 h 834"/>
                <a:gd name="T90" fmla="*/ 142 w 721"/>
                <a:gd name="T91" fmla="*/ 10 h 834"/>
                <a:gd name="T92" fmla="*/ 137 w 721"/>
                <a:gd name="T93" fmla="*/ 25 h 834"/>
                <a:gd name="T94" fmla="*/ 128 w 721"/>
                <a:gd name="T95" fmla="*/ 36 h 834"/>
                <a:gd name="T96" fmla="*/ 116 w 721"/>
                <a:gd name="T97" fmla="*/ 43 h 834"/>
                <a:gd name="T98" fmla="*/ 103 w 721"/>
                <a:gd name="T99" fmla="*/ 45 h 834"/>
                <a:gd name="T100" fmla="*/ 89 w 721"/>
                <a:gd name="T101" fmla="*/ 41 h 834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721" h="834">
                  <a:moveTo>
                    <a:pt x="235" y="103"/>
                  </a:moveTo>
                  <a:lnTo>
                    <a:pt x="227" y="107"/>
                  </a:lnTo>
                  <a:lnTo>
                    <a:pt x="221" y="111"/>
                  </a:lnTo>
                  <a:lnTo>
                    <a:pt x="216" y="116"/>
                  </a:lnTo>
                  <a:lnTo>
                    <a:pt x="210" y="122"/>
                  </a:lnTo>
                  <a:lnTo>
                    <a:pt x="206" y="128"/>
                  </a:lnTo>
                  <a:lnTo>
                    <a:pt x="201" y="133"/>
                  </a:lnTo>
                  <a:lnTo>
                    <a:pt x="195" y="137"/>
                  </a:lnTo>
                  <a:lnTo>
                    <a:pt x="187" y="140"/>
                  </a:lnTo>
                  <a:lnTo>
                    <a:pt x="179" y="133"/>
                  </a:lnTo>
                  <a:lnTo>
                    <a:pt x="168" y="128"/>
                  </a:lnTo>
                  <a:lnTo>
                    <a:pt x="157" y="122"/>
                  </a:lnTo>
                  <a:lnTo>
                    <a:pt x="145" y="118"/>
                  </a:lnTo>
                  <a:lnTo>
                    <a:pt x="119" y="111"/>
                  </a:lnTo>
                  <a:lnTo>
                    <a:pt x="93" y="103"/>
                  </a:lnTo>
                  <a:lnTo>
                    <a:pt x="98" y="121"/>
                  </a:lnTo>
                  <a:lnTo>
                    <a:pt x="99" y="137"/>
                  </a:lnTo>
                  <a:lnTo>
                    <a:pt x="99" y="151"/>
                  </a:lnTo>
                  <a:lnTo>
                    <a:pt x="97" y="165"/>
                  </a:lnTo>
                  <a:lnTo>
                    <a:pt x="92" y="176"/>
                  </a:lnTo>
                  <a:lnTo>
                    <a:pt x="87" y="189"/>
                  </a:lnTo>
                  <a:lnTo>
                    <a:pt x="82" y="201"/>
                  </a:lnTo>
                  <a:lnTo>
                    <a:pt x="76" y="216"/>
                  </a:lnTo>
                  <a:lnTo>
                    <a:pt x="86" y="230"/>
                  </a:lnTo>
                  <a:lnTo>
                    <a:pt x="96" y="245"/>
                  </a:lnTo>
                  <a:lnTo>
                    <a:pt x="105" y="260"/>
                  </a:lnTo>
                  <a:lnTo>
                    <a:pt x="114" y="276"/>
                  </a:lnTo>
                  <a:lnTo>
                    <a:pt x="121" y="293"/>
                  </a:lnTo>
                  <a:lnTo>
                    <a:pt x="128" y="310"/>
                  </a:lnTo>
                  <a:lnTo>
                    <a:pt x="135" y="328"/>
                  </a:lnTo>
                  <a:lnTo>
                    <a:pt x="141" y="347"/>
                  </a:lnTo>
                  <a:lnTo>
                    <a:pt x="134" y="347"/>
                  </a:lnTo>
                  <a:lnTo>
                    <a:pt x="126" y="348"/>
                  </a:lnTo>
                  <a:lnTo>
                    <a:pt x="120" y="349"/>
                  </a:lnTo>
                  <a:lnTo>
                    <a:pt x="115" y="351"/>
                  </a:lnTo>
                  <a:lnTo>
                    <a:pt x="109" y="353"/>
                  </a:lnTo>
                  <a:lnTo>
                    <a:pt x="104" y="356"/>
                  </a:lnTo>
                  <a:lnTo>
                    <a:pt x="100" y="359"/>
                  </a:lnTo>
                  <a:lnTo>
                    <a:pt x="97" y="364"/>
                  </a:lnTo>
                  <a:lnTo>
                    <a:pt x="89" y="372"/>
                  </a:lnTo>
                  <a:lnTo>
                    <a:pt x="84" y="381"/>
                  </a:lnTo>
                  <a:lnTo>
                    <a:pt x="79" y="391"/>
                  </a:lnTo>
                  <a:lnTo>
                    <a:pt x="73" y="401"/>
                  </a:lnTo>
                  <a:lnTo>
                    <a:pt x="68" y="412"/>
                  </a:lnTo>
                  <a:lnTo>
                    <a:pt x="63" y="421"/>
                  </a:lnTo>
                  <a:lnTo>
                    <a:pt x="57" y="430"/>
                  </a:lnTo>
                  <a:lnTo>
                    <a:pt x="49" y="438"/>
                  </a:lnTo>
                  <a:lnTo>
                    <a:pt x="45" y="441"/>
                  </a:lnTo>
                  <a:lnTo>
                    <a:pt x="40" y="445"/>
                  </a:lnTo>
                  <a:lnTo>
                    <a:pt x="35" y="447"/>
                  </a:lnTo>
                  <a:lnTo>
                    <a:pt x="29" y="449"/>
                  </a:lnTo>
                  <a:lnTo>
                    <a:pt x="23" y="450"/>
                  </a:lnTo>
                  <a:lnTo>
                    <a:pt x="16" y="451"/>
                  </a:lnTo>
                  <a:lnTo>
                    <a:pt x="8" y="451"/>
                  </a:lnTo>
                  <a:lnTo>
                    <a:pt x="0" y="450"/>
                  </a:lnTo>
                  <a:lnTo>
                    <a:pt x="2" y="484"/>
                  </a:lnTo>
                  <a:lnTo>
                    <a:pt x="2" y="524"/>
                  </a:lnTo>
                  <a:lnTo>
                    <a:pt x="4" y="544"/>
                  </a:lnTo>
                  <a:lnTo>
                    <a:pt x="6" y="564"/>
                  </a:lnTo>
                  <a:lnTo>
                    <a:pt x="8" y="573"/>
                  </a:lnTo>
                  <a:lnTo>
                    <a:pt x="11" y="583"/>
                  </a:lnTo>
                  <a:lnTo>
                    <a:pt x="15" y="592"/>
                  </a:lnTo>
                  <a:lnTo>
                    <a:pt x="19" y="599"/>
                  </a:lnTo>
                  <a:lnTo>
                    <a:pt x="39" y="606"/>
                  </a:lnTo>
                  <a:lnTo>
                    <a:pt x="60" y="611"/>
                  </a:lnTo>
                  <a:lnTo>
                    <a:pt x="69" y="614"/>
                  </a:lnTo>
                  <a:lnTo>
                    <a:pt x="78" y="617"/>
                  </a:lnTo>
                  <a:lnTo>
                    <a:pt x="86" y="623"/>
                  </a:lnTo>
                  <a:lnTo>
                    <a:pt x="93" y="628"/>
                  </a:lnTo>
                  <a:lnTo>
                    <a:pt x="98" y="646"/>
                  </a:lnTo>
                  <a:lnTo>
                    <a:pt x="103" y="662"/>
                  </a:lnTo>
                  <a:lnTo>
                    <a:pt x="109" y="676"/>
                  </a:lnTo>
                  <a:lnTo>
                    <a:pt x="116" y="690"/>
                  </a:lnTo>
                  <a:lnTo>
                    <a:pt x="123" y="703"/>
                  </a:lnTo>
                  <a:lnTo>
                    <a:pt x="131" y="714"/>
                  </a:lnTo>
                  <a:lnTo>
                    <a:pt x="140" y="726"/>
                  </a:lnTo>
                  <a:lnTo>
                    <a:pt x="148" y="737"/>
                  </a:lnTo>
                  <a:lnTo>
                    <a:pt x="167" y="758"/>
                  </a:lnTo>
                  <a:lnTo>
                    <a:pt x="186" y="781"/>
                  </a:lnTo>
                  <a:lnTo>
                    <a:pt x="197" y="793"/>
                  </a:lnTo>
                  <a:lnTo>
                    <a:pt x="206" y="806"/>
                  </a:lnTo>
                  <a:lnTo>
                    <a:pt x="216" y="819"/>
                  </a:lnTo>
                  <a:lnTo>
                    <a:pt x="225" y="834"/>
                  </a:lnTo>
                  <a:lnTo>
                    <a:pt x="226" y="826"/>
                  </a:lnTo>
                  <a:lnTo>
                    <a:pt x="228" y="818"/>
                  </a:lnTo>
                  <a:lnTo>
                    <a:pt x="230" y="811"/>
                  </a:lnTo>
                  <a:lnTo>
                    <a:pt x="234" y="804"/>
                  </a:lnTo>
                  <a:lnTo>
                    <a:pt x="237" y="797"/>
                  </a:lnTo>
                  <a:lnTo>
                    <a:pt x="241" y="790"/>
                  </a:lnTo>
                  <a:lnTo>
                    <a:pt x="246" y="784"/>
                  </a:lnTo>
                  <a:lnTo>
                    <a:pt x="250" y="778"/>
                  </a:lnTo>
                  <a:lnTo>
                    <a:pt x="262" y="768"/>
                  </a:lnTo>
                  <a:lnTo>
                    <a:pt x="274" y="758"/>
                  </a:lnTo>
                  <a:lnTo>
                    <a:pt x="280" y="755"/>
                  </a:lnTo>
                  <a:lnTo>
                    <a:pt x="285" y="752"/>
                  </a:lnTo>
                  <a:lnTo>
                    <a:pt x="291" y="750"/>
                  </a:lnTo>
                  <a:lnTo>
                    <a:pt x="298" y="748"/>
                  </a:lnTo>
                  <a:lnTo>
                    <a:pt x="304" y="747"/>
                  </a:lnTo>
                  <a:lnTo>
                    <a:pt x="310" y="747"/>
                  </a:lnTo>
                  <a:lnTo>
                    <a:pt x="317" y="747"/>
                  </a:lnTo>
                  <a:lnTo>
                    <a:pt x="322" y="748"/>
                  </a:lnTo>
                  <a:lnTo>
                    <a:pt x="327" y="750"/>
                  </a:lnTo>
                  <a:lnTo>
                    <a:pt x="333" y="752"/>
                  </a:lnTo>
                  <a:lnTo>
                    <a:pt x="338" y="756"/>
                  </a:lnTo>
                  <a:lnTo>
                    <a:pt x="342" y="761"/>
                  </a:lnTo>
                  <a:lnTo>
                    <a:pt x="346" y="766"/>
                  </a:lnTo>
                  <a:lnTo>
                    <a:pt x="349" y="772"/>
                  </a:lnTo>
                  <a:lnTo>
                    <a:pt x="351" y="781"/>
                  </a:lnTo>
                  <a:lnTo>
                    <a:pt x="355" y="789"/>
                  </a:lnTo>
                  <a:lnTo>
                    <a:pt x="356" y="798"/>
                  </a:lnTo>
                  <a:lnTo>
                    <a:pt x="357" y="809"/>
                  </a:lnTo>
                  <a:lnTo>
                    <a:pt x="357" y="821"/>
                  </a:lnTo>
                  <a:lnTo>
                    <a:pt x="356" y="834"/>
                  </a:lnTo>
                  <a:lnTo>
                    <a:pt x="380" y="830"/>
                  </a:lnTo>
                  <a:lnTo>
                    <a:pt x="404" y="825"/>
                  </a:lnTo>
                  <a:lnTo>
                    <a:pt x="430" y="816"/>
                  </a:lnTo>
                  <a:lnTo>
                    <a:pt x="456" y="806"/>
                  </a:lnTo>
                  <a:lnTo>
                    <a:pt x="469" y="799"/>
                  </a:lnTo>
                  <a:lnTo>
                    <a:pt x="482" y="793"/>
                  </a:lnTo>
                  <a:lnTo>
                    <a:pt x="495" y="787"/>
                  </a:lnTo>
                  <a:lnTo>
                    <a:pt x="506" y="779"/>
                  </a:lnTo>
                  <a:lnTo>
                    <a:pt x="518" y="771"/>
                  </a:lnTo>
                  <a:lnTo>
                    <a:pt x="529" y="763"/>
                  </a:lnTo>
                  <a:lnTo>
                    <a:pt x="540" y="754"/>
                  </a:lnTo>
                  <a:lnTo>
                    <a:pt x="551" y="745"/>
                  </a:lnTo>
                  <a:lnTo>
                    <a:pt x="560" y="734"/>
                  </a:lnTo>
                  <a:lnTo>
                    <a:pt x="568" y="725"/>
                  </a:lnTo>
                  <a:lnTo>
                    <a:pt x="577" y="714"/>
                  </a:lnTo>
                  <a:lnTo>
                    <a:pt x="584" y="703"/>
                  </a:lnTo>
                  <a:lnTo>
                    <a:pt x="589" y="691"/>
                  </a:lnTo>
                  <a:lnTo>
                    <a:pt x="595" y="679"/>
                  </a:lnTo>
                  <a:lnTo>
                    <a:pt x="599" y="668"/>
                  </a:lnTo>
                  <a:lnTo>
                    <a:pt x="601" y="655"/>
                  </a:lnTo>
                  <a:lnTo>
                    <a:pt x="603" y="643"/>
                  </a:lnTo>
                  <a:lnTo>
                    <a:pt x="603" y="629"/>
                  </a:lnTo>
                  <a:lnTo>
                    <a:pt x="602" y="615"/>
                  </a:lnTo>
                  <a:lnTo>
                    <a:pt x="599" y="602"/>
                  </a:lnTo>
                  <a:lnTo>
                    <a:pt x="595" y="588"/>
                  </a:lnTo>
                  <a:lnTo>
                    <a:pt x="588" y="573"/>
                  </a:lnTo>
                  <a:lnTo>
                    <a:pt x="581" y="558"/>
                  </a:lnTo>
                  <a:lnTo>
                    <a:pt x="572" y="544"/>
                  </a:lnTo>
                  <a:lnTo>
                    <a:pt x="580" y="535"/>
                  </a:lnTo>
                  <a:lnTo>
                    <a:pt x="588" y="528"/>
                  </a:lnTo>
                  <a:lnTo>
                    <a:pt x="599" y="521"/>
                  </a:lnTo>
                  <a:lnTo>
                    <a:pt x="609" y="516"/>
                  </a:lnTo>
                  <a:lnTo>
                    <a:pt x="632" y="506"/>
                  </a:lnTo>
                  <a:lnTo>
                    <a:pt x="655" y="495"/>
                  </a:lnTo>
                  <a:lnTo>
                    <a:pt x="666" y="490"/>
                  </a:lnTo>
                  <a:lnTo>
                    <a:pt x="677" y="485"/>
                  </a:lnTo>
                  <a:lnTo>
                    <a:pt x="686" y="478"/>
                  </a:lnTo>
                  <a:lnTo>
                    <a:pt x="696" y="471"/>
                  </a:lnTo>
                  <a:lnTo>
                    <a:pt x="704" y="464"/>
                  </a:lnTo>
                  <a:lnTo>
                    <a:pt x="712" y="454"/>
                  </a:lnTo>
                  <a:lnTo>
                    <a:pt x="717" y="444"/>
                  </a:lnTo>
                  <a:lnTo>
                    <a:pt x="721" y="431"/>
                  </a:lnTo>
                  <a:lnTo>
                    <a:pt x="707" y="421"/>
                  </a:lnTo>
                  <a:lnTo>
                    <a:pt x="694" y="412"/>
                  </a:lnTo>
                  <a:lnTo>
                    <a:pt x="682" y="400"/>
                  </a:lnTo>
                  <a:lnTo>
                    <a:pt x="671" y="389"/>
                  </a:lnTo>
                  <a:lnTo>
                    <a:pt x="659" y="376"/>
                  </a:lnTo>
                  <a:lnTo>
                    <a:pt x="646" y="366"/>
                  </a:lnTo>
                  <a:lnTo>
                    <a:pt x="633" y="355"/>
                  </a:lnTo>
                  <a:lnTo>
                    <a:pt x="618" y="347"/>
                  </a:lnTo>
                  <a:lnTo>
                    <a:pt x="609" y="354"/>
                  </a:lnTo>
                  <a:lnTo>
                    <a:pt x="600" y="360"/>
                  </a:lnTo>
                  <a:lnTo>
                    <a:pt x="589" y="366"/>
                  </a:lnTo>
                  <a:lnTo>
                    <a:pt x="578" y="371"/>
                  </a:lnTo>
                  <a:lnTo>
                    <a:pt x="566" y="374"/>
                  </a:lnTo>
                  <a:lnTo>
                    <a:pt x="555" y="377"/>
                  </a:lnTo>
                  <a:lnTo>
                    <a:pt x="542" y="379"/>
                  </a:lnTo>
                  <a:lnTo>
                    <a:pt x="528" y="381"/>
                  </a:lnTo>
                  <a:lnTo>
                    <a:pt x="516" y="381"/>
                  </a:lnTo>
                  <a:lnTo>
                    <a:pt x="502" y="381"/>
                  </a:lnTo>
                  <a:lnTo>
                    <a:pt x="488" y="381"/>
                  </a:lnTo>
                  <a:lnTo>
                    <a:pt x="475" y="379"/>
                  </a:lnTo>
                  <a:lnTo>
                    <a:pt x="461" y="377"/>
                  </a:lnTo>
                  <a:lnTo>
                    <a:pt x="447" y="374"/>
                  </a:lnTo>
                  <a:lnTo>
                    <a:pt x="435" y="370"/>
                  </a:lnTo>
                  <a:lnTo>
                    <a:pt x="422" y="366"/>
                  </a:lnTo>
                  <a:lnTo>
                    <a:pt x="422" y="359"/>
                  </a:lnTo>
                  <a:lnTo>
                    <a:pt x="424" y="354"/>
                  </a:lnTo>
                  <a:lnTo>
                    <a:pt x="425" y="349"/>
                  </a:lnTo>
                  <a:lnTo>
                    <a:pt x="427" y="345"/>
                  </a:lnTo>
                  <a:lnTo>
                    <a:pt x="430" y="341"/>
                  </a:lnTo>
                  <a:lnTo>
                    <a:pt x="433" y="338"/>
                  </a:lnTo>
                  <a:lnTo>
                    <a:pt x="436" y="336"/>
                  </a:lnTo>
                  <a:lnTo>
                    <a:pt x="439" y="334"/>
                  </a:lnTo>
                  <a:lnTo>
                    <a:pt x="446" y="331"/>
                  </a:lnTo>
                  <a:lnTo>
                    <a:pt x="455" y="330"/>
                  </a:lnTo>
                  <a:lnTo>
                    <a:pt x="464" y="330"/>
                  </a:lnTo>
                  <a:lnTo>
                    <a:pt x="474" y="330"/>
                  </a:lnTo>
                  <a:lnTo>
                    <a:pt x="494" y="333"/>
                  </a:lnTo>
                  <a:lnTo>
                    <a:pt x="515" y="335"/>
                  </a:lnTo>
                  <a:lnTo>
                    <a:pt x="524" y="335"/>
                  </a:lnTo>
                  <a:lnTo>
                    <a:pt x="535" y="334"/>
                  </a:lnTo>
                  <a:lnTo>
                    <a:pt x="544" y="332"/>
                  </a:lnTo>
                  <a:lnTo>
                    <a:pt x="553" y="328"/>
                  </a:lnTo>
                  <a:lnTo>
                    <a:pt x="548" y="320"/>
                  </a:lnTo>
                  <a:lnTo>
                    <a:pt x="545" y="313"/>
                  </a:lnTo>
                  <a:lnTo>
                    <a:pt x="542" y="305"/>
                  </a:lnTo>
                  <a:lnTo>
                    <a:pt x="540" y="297"/>
                  </a:lnTo>
                  <a:lnTo>
                    <a:pt x="539" y="289"/>
                  </a:lnTo>
                  <a:lnTo>
                    <a:pt x="538" y="280"/>
                  </a:lnTo>
                  <a:lnTo>
                    <a:pt x="537" y="272"/>
                  </a:lnTo>
                  <a:lnTo>
                    <a:pt x="537" y="263"/>
                  </a:lnTo>
                  <a:lnTo>
                    <a:pt x="538" y="256"/>
                  </a:lnTo>
                  <a:lnTo>
                    <a:pt x="539" y="248"/>
                  </a:lnTo>
                  <a:lnTo>
                    <a:pt x="541" y="240"/>
                  </a:lnTo>
                  <a:lnTo>
                    <a:pt x="544" y="233"/>
                  </a:lnTo>
                  <a:lnTo>
                    <a:pt x="547" y="226"/>
                  </a:lnTo>
                  <a:lnTo>
                    <a:pt x="552" y="218"/>
                  </a:lnTo>
                  <a:lnTo>
                    <a:pt x="557" y="212"/>
                  </a:lnTo>
                  <a:lnTo>
                    <a:pt x="562" y="207"/>
                  </a:lnTo>
                  <a:lnTo>
                    <a:pt x="554" y="193"/>
                  </a:lnTo>
                  <a:lnTo>
                    <a:pt x="545" y="180"/>
                  </a:lnTo>
                  <a:lnTo>
                    <a:pt x="537" y="169"/>
                  </a:lnTo>
                  <a:lnTo>
                    <a:pt x="527" y="157"/>
                  </a:lnTo>
                  <a:lnTo>
                    <a:pt x="508" y="134"/>
                  </a:lnTo>
                  <a:lnTo>
                    <a:pt x="489" y="111"/>
                  </a:lnTo>
                  <a:lnTo>
                    <a:pt x="480" y="99"/>
                  </a:lnTo>
                  <a:lnTo>
                    <a:pt x="472" y="87"/>
                  </a:lnTo>
                  <a:lnTo>
                    <a:pt x="463" y="74"/>
                  </a:lnTo>
                  <a:lnTo>
                    <a:pt x="455" y="60"/>
                  </a:lnTo>
                  <a:lnTo>
                    <a:pt x="447" y="47"/>
                  </a:lnTo>
                  <a:lnTo>
                    <a:pt x="441" y="32"/>
                  </a:lnTo>
                  <a:lnTo>
                    <a:pt x="436" y="17"/>
                  </a:lnTo>
                  <a:lnTo>
                    <a:pt x="430" y="0"/>
                  </a:lnTo>
                  <a:lnTo>
                    <a:pt x="430" y="11"/>
                  </a:lnTo>
                  <a:lnTo>
                    <a:pt x="429" y="21"/>
                  </a:lnTo>
                  <a:lnTo>
                    <a:pt x="427" y="31"/>
                  </a:lnTo>
                  <a:lnTo>
                    <a:pt x="425" y="40"/>
                  </a:lnTo>
                  <a:lnTo>
                    <a:pt x="423" y="50"/>
                  </a:lnTo>
                  <a:lnTo>
                    <a:pt x="419" y="58"/>
                  </a:lnTo>
                  <a:lnTo>
                    <a:pt x="416" y="67"/>
                  </a:lnTo>
                  <a:lnTo>
                    <a:pt x="412" y="75"/>
                  </a:lnTo>
                  <a:lnTo>
                    <a:pt x="406" y="82"/>
                  </a:lnTo>
                  <a:lnTo>
                    <a:pt x="401" y="90"/>
                  </a:lnTo>
                  <a:lnTo>
                    <a:pt x="396" y="96"/>
                  </a:lnTo>
                  <a:lnTo>
                    <a:pt x="390" y="102"/>
                  </a:lnTo>
                  <a:lnTo>
                    <a:pt x="384" y="108"/>
                  </a:lnTo>
                  <a:lnTo>
                    <a:pt x="378" y="113"/>
                  </a:lnTo>
                  <a:lnTo>
                    <a:pt x="370" y="118"/>
                  </a:lnTo>
                  <a:lnTo>
                    <a:pt x="363" y="122"/>
                  </a:lnTo>
                  <a:lnTo>
                    <a:pt x="357" y="126"/>
                  </a:lnTo>
                  <a:lnTo>
                    <a:pt x="348" y="129"/>
                  </a:lnTo>
                  <a:lnTo>
                    <a:pt x="341" y="131"/>
                  </a:lnTo>
                  <a:lnTo>
                    <a:pt x="334" y="133"/>
                  </a:lnTo>
                  <a:lnTo>
                    <a:pt x="325" y="134"/>
                  </a:lnTo>
                  <a:lnTo>
                    <a:pt x="317" y="135"/>
                  </a:lnTo>
                  <a:lnTo>
                    <a:pt x="308" y="135"/>
                  </a:lnTo>
                  <a:lnTo>
                    <a:pt x="301" y="134"/>
                  </a:lnTo>
                  <a:lnTo>
                    <a:pt x="293" y="133"/>
                  </a:lnTo>
                  <a:lnTo>
                    <a:pt x="284" y="131"/>
                  </a:lnTo>
                  <a:lnTo>
                    <a:pt x="276" y="128"/>
                  </a:lnTo>
                  <a:lnTo>
                    <a:pt x="267" y="124"/>
                  </a:lnTo>
                  <a:lnTo>
                    <a:pt x="259" y="120"/>
                  </a:lnTo>
                  <a:lnTo>
                    <a:pt x="250" y="115"/>
                  </a:lnTo>
                  <a:lnTo>
                    <a:pt x="242" y="110"/>
                  </a:lnTo>
                  <a:lnTo>
                    <a:pt x="235" y="103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9" name="Nordfyn"/>
            <p:cNvSpPr>
              <a:spLocks/>
            </p:cNvSpPr>
            <p:nvPr/>
          </p:nvSpPr>
          <p:spPr bwMode="auto">
            <a:xfrm>
              <a:off x="2020888" y="5024438"/>
              <a:ext cx="415925" cy="296863"/>
            </a:xfrm>
            <a:custGeom>
              <a:avLst/>
              <a:gdLst>
                <a:gd name="T0" fmla="*/ 164 w 786"/>
                <a:gd name="T1" fmla="*/ 30 h 562"/>
                <a:gd name="T2" fmla="*/ 155 w 786"/>
                <a:gd name="T3" fmla="*/ 31 h 562"/>
                <a:gd name="T4" fmla="*/ 150 w 786"/>
                <a:gd name="T5" fmla="*/ 28 h 562"/>
                <a:gd name="T6" fmla="*/ 152 w 786"/>
                <a:gd name="T7" fmla="*/ 22 h 562"/>
                <a:gd name="T8" fmla="*/ 153 w 786"/>
                <a:gd name="T9" fmla="*/ 9 h 562"/>
                <a:gd name="T10" fmla="*/ 134 w 786"/>
                <a:gd name="T11" fmla="*/ 13 h 562"/>
                <a:gd name="T12" fmla="*/ 124 w 786"/>
                <a:gd name="T13" fmla="*/ 16 h 562"/>
                <a:gd name="T14" fmla="*/ 116 w 786"/>
                <a:gd name="T15" fmla="*/ 22 h 562"/>
                <a:gd name="T16" fmla="*/ 109 w 786"/>
                <a:gd name="T17" fmla="*/ 29 h 562"/>
                <a:gd name="T18" fmla="*/ 99 w 786"/>
                <a:gd name="T19" fmla="*/ 34 h 562"/>
                <a:gd name="T20" fmla="*/ 77 w 786"/>
                <a:gd name="T21" fmla="*/ 39 h 562"/>
                <a:gd name="T22" fmla="*/ 55 w 786"/>
                <a:gd name="T23" fmla="*/ 47 h 562"/>
                <a:gd name="T24" fmla="*/ 35 w 786"/>
                <a:gd name="T25" fmla="*/ 58 h 562"/>
                <a:gd name="T26" fmla="*/ 16 w 786"/>
                <a:gd name="T27" fmla="*/ 72 h 562"/>
                <a:gd name="T28" fmla="*/ 0 w 786"/>
                <a:gd name="T29" fmla="*/ 87 h 562"/>
                <a:gd name="T30" fmla="*/ 14 w 786"/>
                <a:gd name="T31" fmla="*/ 98 h 562"/>
                <a:gd name="T32" fmla="*/ 24 w 786"/>
                <a:gd name="T33" fmla="*/ 112 h 562"/>
                <a:gd name="T34" fmla="*/ 36 w 786"/>
                <a:gd name="T35" fmla="*/ 133 h 562"/>
                <a:gd name="T36" fmla="*/ 53 w 786"/>
                <a:gd name="T37" fmla="*/ 165 h 562"/>
                <a:gd name="T38" fmla="*/ 66 w 786"/>
                <a:gd name="T39" fmla="*/ 167 h 562"/>
                <a:gd name="T40" fmla="*/ 84 w 786"/>
                <a:gd name="T41" fmla="*/ 173 h 562"/>
                <a:gd name="T42" fmla="*/ 103 w 786"/>
                <a:gd name="T43" fmla="*/ 183 h 562"/>
                <a:gd name="T44" fmla="*/ 111 w 786"/>
                <a:gd name="T45" fmla="*/ 181 h 562"/>
                <a:gd name="T46" fmla="*/ 118 w 786"/>
                <a:gd name="T47" fmla="*/ 174 h 562"/>
                <a:gd name="T48" fmla="*/ 127 w 786"/>
                <a:gd name="T49" fmla="*/ 167 h 562"/>
                <a:gd name="T50" fmla="*/ 130 w 786"/>
                <a:gd name="T51" fmla="*/ 161 h 562"/>
                <a:gd name="T52" fmla="*/ 128 w 786"/>
                <a:gd name="T53" fmla="*/ 153 h 562"/>
                <a:gd name="T54" fmla="*/ 134 w 786"/>
                <a:gd name="T55" fmla="*/ 150 h 562"/>
                <a:gd name="T56" fmla="*/ 141 w 786"/>
                <a:gd name="T57" fmla="*/ 144 h 562"/>
                <a:gd name="T58" fmla="*/ 147 w 786"/>
                <a:gd name="T59" fmla="*/ 140 h 562"/>
                <a:gd name="T60" fmla="*/ 153 w 786"/>
                <a:gd name="T61" fmla="*/ 140 h 562"/>
                <a:gd name="T62" fmla="*/ 155 w 786"/>
                <a:gd name="T63" fmla="*/ 128 h 562"/>
                <a:gd name="T64" fmla="*/ 160 w 786"/>
                <a:gd name="T65" fmla="*/ 119 h 562"/>
                <a:gd name="T66" fmla="*/ 167 w 786"/>
                <a:gd name="T67" fmla="*/ 120 h 562"/>
                <a:gd name="T68" fmla="*/ 168 w 786"/>
                <a:gd name="T69" fmla="*/ 128 h 562"/>
                <a:gd name="T70" fmla="*/ 170 w 786"/>
                <a:gd name="T71" fmla="*/ 130 h 562"/>
                <a:gd name="T72" fmla="*/ 175 w 786"/>
                <a:gd name="T73" fmla="*/ 130 h 562"/>
                <a:gd name="T74" fmla="*/ 179 w 786"/>
                <a:gd name="T75" fmla="*/ 126 h 562"/>
                <a:gd name="T76" fmla="*/ 187 w 786"/>
                <a:gd name="T77" fmla="*/ 121 h 562"/>
                <a:gd name="T78" fmla="*/ 198 w 786"/>
                <a:gd name="T79" fmla="*/ 120 h 562"/>
                <a:gd name="T80" fmla="*/ 219 w 786"/>
                <a:gd name="T81" fmla="*/ 125 h 562"/>
                <a:gd name="T82" fmla="*/ 236 w 786"/>
                <a:gd name="T83" fmla="*/ 123 h 562"/>
                <a:gd name="T84" fmla="*/ 246 w 786"/>
                <a:gd name="T85" fmla="*/ 113 h 562"/>
                <a:gd name="T86" fmla="*/ 258 w 786"/>
                <a:gd name="T87" fmla="*/ 105 h 562"/>
                <a:gd name="T88" fmla="*/ 261 w 786"/>
                <a:gd name="T89" fmla="*/ 98 h 562"/>
                <a:gd name="T90" fmla="*/ 258 w 786"/>
                <a:gd name="T91" fmla="*/ 92 h 562"/>
                <a:gd name="T92" fmla="*/ 252 w 786"/>
                <a:gd name="T93" fmla="*/ 82 h 562"/>
                <a:gd name="T94" fmla="*/ 251 w 786"/>
                <a:gd name="T95" fmla="*/ 73 h 562"/>
                <a:gd name="T96" fmla="*/ 258 w 786"/>
                <a:gd name="T97" fmla="*/ 70 h 562"/>
                <a:gd name="T98" fmla="*/ 261 w 786"/>
                <a:gd name="T99" fmla="*/ 66 h 562"/>
                <a:gd name="T100" fmla="*/ 262 w 786"/>
                <a:gd name="T101" fmla="*/ 62 h 562"/>
                <a:gd name="T102" fmla="*/ 248 w 786"/>
                <a:gd name="T103" fmla="*/ 47 h 562"/>
                <a:gd name="T104" fmla="*/ 231 w 786"/>
                <a:gd name="T105" fmla="*/ 32 h 562"/>
                <a:gd name="T106" fmla="*/ 213 w 786"/>
                <a:gd name="T107" fmla="*/ 19 h 562"/>
                <a:gd name="T108" fmla="*/ 194 w 786"/>
                <a:gd name="T109" fmla="*/ 9 h 562"/>
                <a:gd name="T110" fmla="*/ 175 w 786"/>
                <a:gd name="T111" fmla="*/ 1 h 562"/>
                <a:gd name="T112" fmla="*/ 170 w 786"/>
                <a:gd name="T113" fmla="*/ 2 h 562"/>
                <a:gd name="T114" fmla="*/ 172 w 786"/>
                <a:gd name="T115" fmla="*/ 9 h 562"/>
                <a:gd name="T116" fmla="*/ 174 w 786"/>
                <a:gd name="T117" fmla="*/ 20 h 562"/>
                <a:gd name="T118" fmla="*/ 176 w 786"/>
                <a:gd name="T119" fmla="*/ 24 h 56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786" h="562">
                  <a:moveTo>
                    <a:pt x="534" y="74"/>
                  </a:moveTo>
                  <a:lnTo>
                    <a:pt x="515" y="83"/>
                  </a:lnTo>
                  <a:lnTo>
                    <a:pt x="493" y="90"/>
                  </a:lnTo>
                  <a:lnTo>
                    <a:pt x="481" y="92"/>
                  </a:lnTo>
                  <a:lnTo>
                    <a:pt x="469" y="92"/>
                  </a:lnTo>
                  <a:lnTo>
                    <a:pt x="464" y="92"/>
                  </a:lnTo>
                  <a:lnTo>
                    <a:pt x="459" y="90"/>
                  </a:lnTo>
                  <a:lnTo>
                    <a:pt x="454" y="87"/>
                  </a:lnTo>
                  <a:lnTo>
                    <a:pt x="449" y="84"/>
                  </a:lnTo>
                  <a:lnTo>
                    <a:pt x="453" y="80"/>
                  </a:lnTo>
                  <a:lnTo>
                    <a:pt x="456" y="73"/>
                  </a:lnTo>
                  <a:lnTo>
                    <a:pt x="457" y="67"/>
                  </a:lnTo>
                  <a:lnTo>
                    <a:pt x="459" y="61"/>
                  </a:lnTo>
                  <a:lnTo>
                    <a:pt x="459" y="45"/>
                  </a:lnTo>
                  <a:lnTo>
                    <a:pt x="459" y="28"/>
                  </a:lnTo>
                  <a:lnTo>
                    <a:pt x="435" y="31"/>
                  </a:lnTo>
                  <a:lnTo>
                    <a:pt x="412" y="36"/>
                  </a:lnTo>
                  <a:lnTo>
                    <a:pt x="402" y="39"/>
                  </a:lnTo>
                  <a:lnTo>
                    <a:pt x="391" y="42"/>
                  </a:lnTo>
                  <a:lnTo>
                    <a:pt x="382" y="46"/>
                  </a:lnTo>
                  <a:lnTo>
                    <a:pt x="372" y="49"/>
                  </a:lnTo>
                  <a:lnTo>
                    <a:pt x="364" y="54"/>
                  </a:lnTo>
                  <a:lnTo>
                    <a:pt x="356" y="60"/>
                  </a:lnTo>
                  <a:lnTo>
                    <a:pt x="348" y="65"/>
                  </a:lnTo>
                  <a:lnTo>
                    <a:pt x="341" y="71"/>
                  </a:lnTo>
                  <a:lnTo>
                    <a:pt x="335" y="79"/>
                  </a:lnTo>
                  <a:lnTo>
                    <a:pt x="328" y="86"/>
                  </a:lnTo>
                  <a:lnTo>
                    <a:pt x="323" y="93"/>
                  </a:lnTo>
                  <a:lnTo>
                    <a:pt x="318" y="103"/>
                  </a:lnTo>
                  <a:lnTo>
                    <a:pt x="297" y="103"/>
                  </a:lnTo>
                  <a:lnTo>
                    <a:pt x="275" y="106"/>
                  </a:lnTo>
                  <a:lnTo>
                    <a:pt x="252" y="109"/>
                  </a:lnTo>
                  <a:lnTo>
                    <a:pt x="231" y="116"/>
                  </a:lnTo>
                  <a:lnTo>
                    <a:pt x="209" y="122"/>
                  </a:lnTo>
                  <a:lnTo>
                    <a:pt x="188" y="130"/>
                  </a:lnTo>
                  <a:lnTo>
                    <a:pt x="166" y="140"/>
                  </a:lnTo>
                  <a:lnTo>
                    <a:pt x="146" y="149"/>
                  </a:lnTo>
                  <a:lnTo>
                    <a:pt x="125" y="161"/>
                  </a:lnTo>
                  <a:lnTo>
                    <a:pt x="105" y="173"/>
                  </a:lnTo>
                  <a:lnTo>
                    <a:pt x="86" y="186"/>
                  </a:lnTo>
                  <a:lnTo>
                    <a:pt x="67" y="201"/>
                  </a:lnTo>
                  <a:lnTo>
                    <a:pt x="49" y="216"/>
                  </a:lnTo>
                  <a:lnTo>
                    <a:pt x="31" y="230"/>
                  </a:lnTo>
                  <a:lnTo>
                    <a:pt x="16" y="246"/>
                  </a:lnTo>
                  <a:lnTo>
                    <a:pt x="0" y="262"/>
                  </a:lnTo>
                  <a:lnTo>
                    <a:pt x="14" y="271"/>
                  </a:lnTo>
                  <a:lnTo>
                    <a:pt x="28" y="283"/>
                  </a:lnTo>
                  <a:lnTo>
                    <a:pt x="41" y="295"/>
                  </a:lnTo>
                  <a:lnTo>
                    <a:pt x="52" y="307"/>
                  </a:lnTo>
                  <a:lnTo>
                    <a:pt x="63" y="321"/>
                  </a:lnTo>
                  <a:lnTo>
                    <a:pt x="73" y="336"/>
                  </a:lnTo>
                  <a:lnTo>
                    <a:pt x="83" y="350"/>
                  </a:lnTo>
                  <a:lnTo>
                    <a:pt x="92" y="366"/>
                  </a:lnTo>
                  <a:lnTo>
                    <a:pt x="109" y="399"/>
                  </a:lnTo>
                  <a:lnTo>
                    <a:pt x="125" y="431"/>
                  </a:lnTo>
                  <a:lnTo>
                    <a:pt x="142" y="464"/>
                  </a:lnTo>
                  <a:lnTo>
                    <a:pt x="159" y="496"/>
                  </a:lnTo>
                  <a:lnTo>
                    <a:pt x="172" y="498"/>
                  </a:lnTo>
                  <a:lnTo>
                    <a:pt x="185" y="499"/>
                  </a:lnTo>
                  <a:lnTo>
                    <a:pt x="198" y="502"/>
                  </a:lnTo>
                  <a:lnTo>
                    <a:pt x="209" y="504"/>
                  </a:lnTo>
                  <a:lnTo>
                    <a:pt x="231" y="511"/>
                  </a:lnTo>
                  <a:lnTo>
                    <a:pt x="252" y="519"/>
                  </a:lnTo>
                  <a:lnTo>
                    <a:pt x="272" y="528"/>
                  </a:lnTo>
                  <a:lnTo>
                    <a:pt x="291" y="539"/>
                  </a:lnTo>
                  <a:lnTo>
                    <a:pt x="310" y="549"/>
                  </a:lnTo>
                  <a:lnTo>
                    <a:pt x="327" y="562"/>
                  </a:lnTo>
                  <a:lnTo>
                    <a:pt x="329" y="553"/>
                  </a:lnTo>
                  <a:lnTo>
                    <a:pt x="332" y="545"/>
                  </a:lnTo>
                  <a:lnTo>
                    <a:pt x="337" y="539"/>
                  </a:lnTo>
                  <a:lnTo>
                    <a:pt x="342" y="533"/>
                  </a:lnTo>
                  <a:lnTo>
                    <a:pt x="355" y="522"/>
                  </a:lnTo>
                  <a:lnTo>
                    <a:pt x="368" y="513"/>
                  </a:lnTo>
                  <a:lnTo>
                    <a:pt x="375" y="507"/>
                  </a:lnTo>
                  <a:lnTo>
                    <a:pt x="380" y="502"/>
                  </a:lnTo>
                  <a:lnTo>
                    <a:pt x="385" y="497"/>
                  </a:lnTo>
                  <a:lnTo>
                    <a:pt x="388" y="491"/>
                  </a:lnTo>
                  <a:lnTo>
                    <a:pt x="389" y="484"/>
                  </a:lnTo>
                  <a:lnTo>
                    <a:pt x="390" y="477"/>
                  </a:lnTo>
                  <a:lnTo>
                    <a:pt x="388" y="468"/>
                  </a:lnTo>
                  <a:lnTo>
                    <a:pt x="384" y="459"/>
                  </a:lnTo>
                  <a:lnTo>
                    <a:pt x="391" y="457"/>
                  </a:lnTo>
                  <a:lnTo>
                    <a:pt x="398" y="455"/>
                  </a:lnTo>
                  <a:lnTo>
                    <a:pt x="403" y="451"/>
                  </a:lnTo>
                  <a:lnTo>
                    <a:pt x="407" y="448"/>
                  </a:lnTo>
                  <a:lnTo>
                    <a:pt x="416" y="441"/>
                  </a:lnTo>
                  <a:lnTo>
                    <a:pt x="422" y="432"/>
                  </a:lnTo>
                  <a:lnTo>
                    <a:pt x="429" y="426"/>
                  </a:lnTo>
                  <a:lnTo>
                    <a:pt x="437" y="421"/>
                  </a:lnTo>
                  <a:lnTo>
                    <a:pt x="441" y="420"/>
                  </a:lnTo>
                  <a:lnTo>
                    <a:pt x="446" y="420"/>
                  </a:lnTo>
                  <a:lnTo>
                    <a:pt x="451" y="420"/>
                  </a:lnTo>
                  <a:lnTo>
                    <a:pt x="459" y="421"/>
                  </a:lnTo>
                  <a:lnTo>
                    <a:pt x="460" y="408"/>
                  </a:lnTo>
                  <a:lnTo>
                    <a:pt x="462" y="397"/>
                  </a:lnTo>
                  <a:lnTo>
                    <a:pt x="465" y="386"/>
                  </a:lnTo>
                  <a:lnTo>
                    <a:pt x="469" y="376"/>
                  </a:lnTo>
                  <a:lnTo>
                    <a:pt x="475" y="367"/>
                  </a:lnTo>
                  <a:lnTo>
                    <a:pt x="481" y="359"/>
                  </a:lnTo>
                  <a:lnTo>
                    <a:pt x="488" y="352"/>
                  </a:lnTo>
                  <a:lnTo>
                    <a:pt x="496" y="346"/>
                  </a:lnTo>
                  <a:lnTo>
                    <a:pt x="500" y="361"/>
                  </a:lnTo>
                  <a:lnTo>
                    <a:pt x="503" y="377"/>
                  </a:lnTo>
                  <a:lnTo>
                    <a:pt x="504" y="381"/>
                  </a:lnTo>
                  <a:lnTo>
                    <a:pt x="505" y="384"/>
                  </a:lnTo>
                  <a:lnTo>
                    <a:pt x="507" y="387"/>
                  </a:lnTo>
                  <a:lnTo>
                    <a:pt x="509" y="389"/>
                  </a:lnTo>
                  <a:lnTo>
                    <a:pt x="511" y="391"/>
                  </a:lnTo>
                  <a:lnTo>
                    <a:pt x="515" y="392"/>
                  </a:lnTo>
                  <a:lnTo>
                    <a:pt x="519" y="394"/>
                  </a:lnTo>
                  <a:lnTo>
                    <a:pt x="524" y="392"/>
                  </a:lnTo>
                  <a:lnTo>
                    <a:pt x="528" y="387"/>
                  </a:lnTo>
                  <a:lnTo>
                    <a:pt x="531" y="383"/>
                  </a:lnTo>
                  <a:lnTo>
                    <a:pt x="536" y="379"/>
                  </a:lnTo>
                  <a:lnTo>
                    <a:pt x="541" y="375"/>
                  </a:lnTo>
                  <a:lnTo>
                    <a:pt x="550" y="368"/>
                  </a:lnTo>
                  <a:lnTo>
                    <a:pt x="560" y="365"/>
                  </a:lnTo>
                  <a:lnTo>
                    <a:pt x="571" y="362"/>
                  </a:lnTo>
                  <a:lnTo>
                    <a:pt x="582" y="362"/>
                  </a:lnTo>
                  <a:lnTo>
                    <a:pt x="594" y="362"/>
                  </a:lnTo>
                  <a:lnTo>
                    <a:pt x="606" y="363"/>
                  </a:lnTo>
                  <a:lnTo>
                    <a:pt x="630" y="368"/>
                  </a:lnTo>
                  <a:lnTo>
                    <a:pt x="656" y="375"/>
                  </a:lnTo>
                  <a:lnTo>
                    <a:pt x="680" y="380"/>
                  </a:lnTo>
                  <a:lnTo>
                    <a:pt x="702" y="384"/>
                  </a:lnTo>
                  <a:lnTo>
                    <a:pt x="708" y="370"/>
                  </a:lnTo>
                  <a:lnTo>
                    <a:pt x="717" y="359"/>
                  </a:lnTo>
                  <a:lnTo>
                    <a:pt x="726" y="348"/>
                  </a:lnTo>
                  <a:lnTo>
                    <a:pt x="737" y="339"/>
                  </a:lnTo>
                  <a:lnTo>
                    <a:pt x="748" y="330"/>
                  </a:lnTo>
                  <a:lnTo>
                    <a:pt x="760" y="323"/>
                  </a:lnTo>
                  <a:lnTo>
                    <a:pt x="774" y="316"/>
                  </a:lnTo>
                  <a:lnTo>
                    <a:pt x="786" y="308"/>
                  </a:lnTo>
                  <a:lnTo>
                    <a:pt x="785" y="302"/>
                  </a:lnTo>
                  <a:lnTo>
                    <a:pt x="784" y="296"/>
                  </a:lnTo>
                  <a:lnTo>
                    <a:pt x="782" y="289"/>
                  </a:lnTo>
                  <a:lnTo>
                    <a:pt x="780" y="284"/>
                  </a:lnTo>
                  <a:lnTo>
                    <a:pt x="775" y="275"/>
                  </a:lnTo>
                  <a:lnTo>
                    <a:pt x="768" y="265"/>
                  </a:lnTo>
                  <a:lnTo>
                    <a:pt x="762" y="257"/>
                  </a:lnTo>
                  <a:lnTo>
                    <a:pt x="757" y="247"/>
                  </a:lnTo>
                  <a:lnTo>
                    <a:pt x="752" y="237"/>
                  </a:lnTo>
                  <a:lnTo>
                    <a:pt x="748" y="224"/>
                  </a:lnTo>
                  <a:lnTo>
                    <a:pt x="754" y="220"/>
                  </a:lnTo>
                  <a:lnTo>
                    <a:pt x="760" y="217"/>
                  </a:lnTo>
                  <a:lnTo>
                    <a:pt x="766" y="213"/>
                  </a:lnTo>
                  <a:lnTo>
                    <a:pt x="773" y="210"/>
                  </a:lnTo>
                  <a:lnTo>
                    <a:pt x="778" y="207"/>
                  </a:lnTo>
                  <a:lnTo>
                    <a:pt x="782" y="202"/>
                  </a:lnTo>
                  <a:lnTo>
                    <a:pt x="784" y="199"/>
                  </a:lnTo>
                  <a:lnTo>
                    <a:pt x="785" y="196"/>
                  </a:lnTo>
                  <a:lnTo>
                    <a:pt x="786" y="191"/>
                  </a:lnTo>
                  <a:lnTo>
                    <a:pt x="786" y="187"/>
                  </a:lnTo>
                  <a:lnTo>
                    <a:pt x="773" y="171"/>
                  </a:lnTo>
                  <a:lnTo>
                    <a:pt x="759" y="157"/>
                  </a:lnTo>
                  <a:lnTo>
                    <a:pt x="744" y="141"/>
                  </a:lnTo>
                  <a:lnTo>
                    <a:pt x="727" y="126"/>
                  </a:lnTo>
                  <a:lnTo>
                    <a:pt x="710" y="111"/>
                  </a:lnTo>
                  <a:lnTo>
                    <a:pt x="694" y="97"/>
                  </a:lnTo>
                  <a:lnTo>
                    <a:pt x="676" y="83"/>
                  </a:lnTo>
                  <a:lnTo>
                    <a:pt x="657" y="70"/>
                  </a:lnTo>
                  <a:lnTo>
                    <a:pt x="639" y="58"/>
                  </a:lnTo>
                  <a:lnTo>
                    <a:pt x="620" y="46"/>
                  </a:lnTo>
                  <a:lnTo>
                    <a:pt x="600" y="36"/>
                  </a:lnTo>
                  <a:lnTo>
                    <a:pt x="581" y="26"/>
                  </a:lnTo>
                  <a:lnTo>
                    <a:pt x="562" y="18"/>
                  </a:lnTo>
                  <a:lnTo>
                    <a:pt x="543" y="10"/>
                  </a:lnTo>
                  <a:lnTo>
                    <a:pt x="524" y="4"/>
                  </a:lnTo>
                  <a:lnTo>
                    <a:pt x="505" y="0"/>
                  </a:lnTo>
                  <a:lnTo>
                    <a:pt x="508" y="3"/>
                  </a:lnTo>
                  <a:lnTo>
                    <a:pt x="510" y="7"/>
                  </a:lnTo>
                  <a:lnTo>
                    <a:pt x="513" y="11"/>
                  </a:lnTo>
                  <a:lnTo>
                    <a:pt x="514" y="17"/>
                  </a:lnTo>
                  <a:lnTo>
                    <a:pt x="516" y="28"/>
                  </a:lnTo>
                  <a:lnTo>
                    <a:pt x="517" y="40"/>
                  </a:lnTo>
                  <a:lnTo>
                    <a:pt x="519" y="51"/>
                  </a:lnTo>
                  <a:lnTo>
                    <a:pt x="521" y="61"/>
                  </a:lnTo>
                  <a:lnTo>
                    <a:pt x="523" y="66"/>
                  </a:lnTo>
                  <a:lnTo>
                    <a:pt x="526" y="69"/>
                  </a:lnTo>
                  <a:lnTo>
                    <a:pt x="529" y="72"/>
                  </a:lnTo>
                  <a:lnTo>
                    <a:pt x="534" y="74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30" name="Nordfyn kant"/>
            <p:cNvSpPr>
              <a:spLocks/>
            </p:cNvSpPr>
            <p:nvPr/>
          </p:nvSpPr>
          <p:spPr bwMode="auto">
            <a:xfrm>
              <a:off x="2020888" y="5024438"/>
              <a:ext cx="415925" cy="296863"/>
            </a:xfrm>
            <a:custGeom>
              <a:avLst/>
              <a:gdLst>
                <a:gd name="T0" fmla="*/ 164 w 786"/>
                <a:gd name="T1" fmla="*/ 30 h 562"/>
                <a:gd name="T2" fmla="*/ 155 w 786"/>
                <a:gd name="T3" fmla="*/ 31 h 562"/>
                <a:gd name="T4" fmla="*/ 150 w 786"/>
                <a:gd name="T5" fmla="*/ 28 h 562"/>
                <a:gd name="T6" fmla="*/ 152 w 786"/>
                <a:gd name="T7" fmla="*/ 22 h 562"/>
                <a:gd name="T8" fmla="*/ 153 w 786"/>
                <a:gd name="T9" fmla="*/ 9 h 562"/>
                <a:gd name="T10" fmla="*/ 134 w 786"/>
                <a:gd name="T11" fmla="*/ 13 h 562"/>
                <a:gd name="T12" fmla="*/ 124 w 786"/>
                <a:gd name="T13" fmla="*/ 16 h 562"/>
                <a:gd name="T14" fmla="*/ 116 w 786"/>
                <a:gd name="T15" fmla="*/ 22 h 562"/>
                <a:gd name="T16" fmla="*/ 109 w 786"/>
                <a:gd name="T17" fmla="*/ 29 h 562"/>
                <a:gd name="T18" fmla="*/ 99 w 786"/>
                <a:gd name="T19" fmla="*/ 34 h 562"/>
                <a:gd name="T20" fmla="*/ 77 w 786"/>
                <a:gd name="T21" fmla="*/ 39 h 562"/>
                <a:gd name="T22" fmla="*/ 55 w 786"/>
                <a:gd name="T23" fmla="*/ 47 h 562"/>
                <a:gd name="T24" fmla="*/ 35 w 786"/>
                <a:gd name="T25" fmla="*/ 58 h 562"/>
                <a:gd name="T26" fmla="*/ 16 w 786"/>
                <a:gd name="T27" fmla="*/ 72 h 562"/>
                <a:gd name="T28" fmla="*/ 0 w 786"/>
                <a:gd name="T29" fmla="*/ 87 h 562"/>
                <a:gd name="T30" fmla="*/ 14 w 786"/>
                <a:gd name="T31" fmla="*/ 98 h 562"/>
                <a:gd name="T32" fmla="*/ 24 w 786"/>
                <a:gd name="T33" fmla="*/ 112 h 562"/>
                <a:gd name="T34" fmla="*/ 36 w 786"/>
                <a:gd name="T35" fmla="*/ 133 h 562"/>
                <a:gd name="T36" fmla="*/ 53 w 786"/>
                <a:gd name="T37" fmla="*/ 165 h 562"/>
                <a:gd name="T38" fmla="*/ 66 w 786"/>
                <a:gd name="T39" fmla="*/ 167 h 562"/>
                <a:gd name="T40" fmla="*/ 84 w 786"/>
                <a:gd name="T41" fmla="*/ 173 h 562"/>
                <a:gd name="T42" fmla="*/ 103 w 786"/>
                <a:gd name="T43" fmla="*/ 183 h 562"/>
                <a:gd name="T44" fmla="*/ 111 w 786"/>
                <a:gd name="T45" fmla="*/ 181 h 562"/>
                <a:gd name="T46" fmla="*/ 118 w 786"/>
                <a:gd name="T47" fmla="*/ 174 h 562"/>
                <a:gd name="T48" fmla="*/ 127 w 786"/>
                <a:gd name="T49" fmla="*/ 167 h 562"/>
                <a:gd name="T50" fmla="*/ 130 w 786"/>
                <a:gd name="T51" fmla="*/ 161 h 562"/>
                <a:gd name="T52" fmla="*/ 128 w 786"/>
                <a:gd name="T53" fmla="*/ 153 h 562"/>
                <a:gd name="T54" fmla="*/ 134 w 786"/>
                <a:gd name="T55" fmla="*/ 150 h 562"/>
                <a:gd name="T56" fmla="*/ 141 w 786"/>
                <a:gd name="T57" fmla="*/ 144 h 562"/>
                <a:gd name="T58" fmla="*/ 147 w 786"/>
                <a:gd name="T59" fmla="*/ 140 h 562"/>
                <a:gd name="T60" fmla="*/ 153 w 786"/>
                <a:gd name="T61" fmla="*/ 140 h 562"/>
                <a:gd name="T62" fmla="*/ 155 w 786"/>
                <a:gd name="T63" fmla="*/ 128 h 562"/>
                <a:gd name="T64" fmla="*/ 160 w 786"/>
                <a:gd name="T65" fmla="*/ 119 h 562"/>
                <a:gd name="T66" fmla="*/ 167 w 786"/>
                <a:gd name="T67" fmla="*/ 120 h 562"/>
                <a:gd name="T68" fmla="*/ 168 w 786"/>
                <a:gd name="T69" fmla="*/ 128 h 562"/>
                <a:gd name="T70" fmla="*/ 170 w 786"/>
                <a:gd name="T71" fmla="*/ 130 h 562"/>
                <a:gd name="T72" fmla="*/ 175 w 786"/>
                <a:gd name="T73" fmla="*/ 130 h 562"/>
                <a:gd name="T74" fmla="*/ 179 w 786"/>
                <a:gd name="T75" fmla="*/ 126 h 562"/>
                <a:gd name="T76" fmla="*/ 187 w 786"/>
                <a:gd name="T77" fmla="*/ 121 h 562"/>
                <a:gd name="T78" fmla="*/ 198 w 786"/>
                <a:gd name="T79" fmla="*/ 120 h 562"/>
                <a:gd name="T80" fmla="*/ 219 w 786"/>
                <a:gd name="T81" fmla="*/ 125 h 562"/>
                <a:gd name="T82" fmla="*/ 236 w 786"/>
                <a:gd name="T83" fmla="*/ 123 h 562"/>
                <a:gd name="T84" fmla="*/ 246 w 786"/>
                <a:gd name="T85" fmla="*/ 113 h 562"/>
                <a:gd name="T86" fmla="*/ 258 w 786"/>
                <a:gd name="T87" fmla="*/ 105 h 562"/>
                <a:gd name="T88" fmla="*/ 261 w 786"/>
                <a:gd name="T89" fmla="*/ 98 h 562"/>
                <a:gd name="T90" fmla="*/ 258 w 786"/>
                <a:gd name="T91" fmla="*/ 92 h 562"/>
                <a:gd name="T92" fmla="*/ 252 w 786"/>
                <a:gd name="T93" fmla="*/ 82 h 562"/>
                <a:gd name="T94" fmla="*/ 251 w 786"/>
                <a:gd name="T95" fmla="*/ 73 h 562"/>
                <a:gd name="T96" fmla="*/ 258 w 786"/>
                <a:gd name="T97" fmla="*/ 70 h 562"/>
                <a:gd name="T98" fmla="*/ 261 w 786"/>
                <a:gd name="T99" fmla="*/ 66 h 562"/>
                <a:gd name="T100" fmla="*/ 262 w 786"/>
                <a:gd name="T101" fmla="*/ 62 h 562"/>
                <a:gd name="T102" fmla="*/ 248 w 786"/>
                <a:gd name="T103" fmla="*/ 47 h 562"/>
                <a:gd name="T104" fmla="*/ 231 w 786"/>
                <a:gd name="T105" fmla="*/ 32 h 562"/>
                <a:gd name="T106" fmla="*/ 213 w 786"/>
                <a:gd name="T107" fmla="*/ 19 h 562"/>
                <a:gd name="T108" fmla="*/ 194 w 786"/>
                <a:gd name="T109" fmla="*/ 9 h 562"/>
                <a:gd name="T110" fmla="*/ 175 w 786"/>
                <a:gd name="T111" fmla="*/ 1 h 562"/>
                <a:gd name="T112" fmla="*/ 170 w 786"/>
                <a:gd name="T113" fmla="*/ 2 h 562"/>
                <a:gd name="T114" fmla="*/ 172 w 786"/>
                <a:gd name="T115" fmla="*/ 9 h 562"/>
                <a:gd name="T116" fmla="*/ 174 w 786"/>
                <a:gd name="T117" fmla="*/ 20 h 562"/>
                <a:gd name="T118" fmla="*/ 176 w 786"/>
                <a:gd name="T119" fmla="*/ 24 h 56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786" h="562">
                  <a:moveTo>
                    <a:pt x="534" y="74"/>
                  </a:moveTo>
                  <a:lnTo>
                    <a:pt x="515" y="83"/>
                  </a:lnTo>
                  <a:lnTo>
                    <a:pt x="493" y="90"/>
                  </a:lnTo>
                  <a:lnTo>
                    <a:pt x="481" y="92"/>
                  </a:lnTo>
                  <a:lnTo>
                    <a:pt x="469" y="92"/>
                  </a:lnTo>
                  <a:lnTo>
                    <a:pt x="464" y="92"/>
                  </a:lnTo>
                  <a:lnTo>
                    <a:pt x="459" y="90"/>
                  </a:lnTo>
                  <a:lnTo>
                    <a:pt x="454" y="87"/>
                  </a:lnTo>
                  <a:lnTo>
                    <a:pt x="449" y="84"/>
                  </a:lnTo>
                  <a:lnTo>
                    <a:pt x="453" y="80"/>
                  </a:lnTo>
                  <a:lnTo>
                    <a:pt x="456" y="73"/>
                  </a:lnTo>
                  <a:lnTo>
                    <a:pt x="457" y="67"/>
                  </a:lnTo>
                  <a:lnTo>
                    <a:pt x="459" y="61"/>
                  </a:lnTo>
                  <a:lnTo>
                    <a:pt x="459" y="45"/>
                  </a:lnTo>
                  <a:lnTo>
                    <a:pt x="459" y="28"/>
                  </a:lnTo>
                  <a:lnTo>
                    <a:pt x="435" y="31"/>
                  </a:lnTo>
                  <a:lnTo>
                    <a:pt x="412" y="36"/>
                  </a:lnTo>
                  <a:lnTo>
                    <a:pt x="402" y="39"/>
                  </a:lnTo>
                  <a:lnTo>
                    <a:pt x="391" y="42"/>
                  </a:lnTo>
                  <a:lnTo>
                    <a:pt x="382" y="46"/>
                  </a:lnTo>
                  <a:lnTo>
                    <a:pt x="372" y="49"/>
                  </a:lnTo>
                  <a:lnTo>
                    <a:pt x="364" y="54"/>
                  </a:lnTo>
                  <a:lnTo>
                    <a:pt x="356" y="60"/>
                  </a:lnTo>
                  <a:lnTo>
                    <a:pt x="348" y="65"/>
                  </a:lnTo>
                  <a:lnTo>
                    <a:pt x="341" y="71"/>
                  </a:lnTo>
                  <a:lnTo>
                    <a:pt x="335" y="79"/>
                  </a:lnTo>
                  <a:lnTo>
                    <a:pt x="328" y="86"/>
                  </a:lnTo>
                  <a:lnTo>
                    <a:pt x="323" y="93"/>
                  </a:lnTo>
                  <a:lnTo>
                    <a:pt x="318" y="103"/>
                  </a:lnTo>
                  <a:lnTo>
                    <a:pt x="297" y="103"/>
                  </a:lnTo>
                  <a:lnTo>
                    <a:pt x="275" y="106"/>
                  </a:lnTo>
                  <a:lnTo>
                    <a:pt x="252" y="109"/>
                  </a:lnTo>
                  <a:lnTo>
                    <a:pt x="231" y="116"/>
                  </a:lnTo>
                  <a:lnTo>
                    <a:pt x="209" y="122"/>
                  </a:lnTo>
                  <a:lnTo>
                    <a:pt x="188" y="130"/>
                  </a:lnTo>
                  <a:lnTo>
                    <a:pt x="166" y="140"/>
                  </a:lnTo>
                  <a:lnTo>
                    <a:pt x="146" y="149"/>
                  </a:lnTo>
                  <a:lnTo>
                    <a:pt x="125" y="161"/>
                  </a:lnTo>
                  <a:lnTo>
                    <a:pt x="105" y="173"/>
                  </a:lnTo>
                  <a:lnTo>
                    <a:pt x="86" y="186"/>
                  </a:lnTo>
                  <a:lnTo>
                    <a:pt x="67" y="201"/>
                  </a:lnTo>
                  <a:lnTo>
                    <a:pt x="49" y="216"/>
                  </a:lnTo>
                  <a:lnTo>
                    <a:pt x="31" y="230"/>
                  </a:lnTo>
                  <a:lnTo>
                    <a:pt x="16" y="246"/>
                  </a:lnTo>
                  <a:lnTo>
                    <a:pt x="0" y="262"/>
                  </a:lnTo>
                  <a:lnTo>
                    <a:pt x="14" y="271"/>
                  </a:lnTo>
                  <a:lnTo>
                    <a:pt x="28" y="283"/>
                  </a:lnTo>
                  <a:lnTo>
                    <a:pt x="41" y="295"/>
                  </a:lnTo>
                  <a:lnTo>
                    <a:pt x="52" y="307"/>
                  </a:lnTo>
                  <a:lnTo>
                    <a:pt x="63" y="321"/>
                  </a:lnTo>
                  <a:lnTo>
                    <a:pt x="73" y="336"/>
                  </a:lnTo>
                  <a:lnTo>
                    <a:pt x="83" y="350"/>
                  </a:lnTo>
                  <a:lnTo>
                    <a:pt x="92" y="366"/>
                  </a:lnTo>
                  <a:lnTo>
                    <a:pt x="109" y="399"/>
                  </a:lnTo>
                  <a:lnTo>
                    <a:pt x="125" y="431"/>
                  </a:lnTo>
                  <a:lnTo>
                    <a:pt x="142" y="464"/>
                  </a:lnTo>
                  <a:lnTo>
                    <a:pt x="159" y="496"/>
                  </a:lnTo>
                  <a:lnTo>
                    <a:pt x="172" y="498"/>
                  </a:lnTo>
                  <a:lnTo>
                    <a:pt x="185" y="499"/>
                  </a:lnTo>
                  <a:lnTo>
                    <a:pt x="198" y="502"/>
                  </a:lnTo>
                  <a:lnTo>
                    <a:pt x="209" y="504"/>
                  </a:lnTo>
                  <a:lnTo>
                    <a:pt x="231" y="511"/>
                  </a:lnTo>
                  <a:lnTo>
                    <a:pt x="252" y="519"/>
                  </a:lnTo>
                  <a:lnTo>
                    <a:pt x="272" y="528"/>
                  </a:lnTo>
                  <a:lnTo>
                    <a:pt x="291" y="539"/>
                  </a:lnTo>
                  <a:lnTo>
                    <a:pt x="310" y="549"/>
                  </a:lnTo>
                  <a:lnTo>
                    <a:pt x="327" y="562"/>
                  </a:lnTo>
                  <a:lnTo>
                    <a:pt x="329" y="553"/>
                  </a:lnTo>
                  <a:lnTo>
                    <a:pt x="332" y="545"/>
                  </a:lnTo>
                  <a:lnTo>
                    <a:pt x="337" y="539"/>
                  </a:lnTo>
                  <a:lnTo>
                    <a:pt x="342" y="533"/>
                  </a:lnTo>
                  <a:lnTo>
                    <a:pt x="355" y="522"/>
                  </a:lnTo>
                  <a:lnTo>
                    <a:pt x="368" y="513"/>
                  </a:lnTo>
                  <a:lnTo>
                    <a:pt x="375" y="507"/>
                  </a:lnTo>
                  <a:lnTo>
                    <a:pt x="380" y="502"/>
                  </a:lnTo>
                  <a:lnTo>
                    <a:pt x="385" y="497"/>
                  </a:lnTo>
                  <a:lnTo>
                    <a:pt x="388" y="491"/>
                  </a:lnTo>
                  <a:lnTo>
                    <a:pt x="389" y="484"/>
                  </a:lnTo>
                  <a:lnTo>
                    <a:pt x="390" y="477"/>
                  </a:lnTo>
                  <a:lnTo>
                    <a:pt x="388" y="468"/>
                  </a:lnTo>
                  <a:lnTo>
                    <a:pt x="384" y="459"/>
                  </a:lnTo>
                  <a:lnTo>
                    <a:pt x="391" y="457"/>
                  </a:lnTo>
                  <a:lnTo>
                    <a:pt x="398" y="455"/>
                  </a:lnTo>
                  <a:lnTo>
                    <a:pt x="403" y="451"/>
                  </a:lnTo>
                  <a:lnTo>
                    <a:pt x="407" y="448"/>
                  </a:lnTo>
                  <a:lnTo>
                    <a:pt x="416" y="441"/>
                  </a:lnTo>
                  <a:lnTo>
                    <a:pt x="422" y="432"/>
                  </a:lnTo>
                  <a:lnTo>
                    <a:pt x="429" y="426"/>
                  </a:lnTo>
                  <a:lnTo>
                    <a:pt x="437" y="421"/>
                  </a:lnTo>
                  <a:lnTo>
                    <a:pt x="441" y="420"/>
                  </a:lnTo>
                  <a:lnTo>
                    <a:pt x="446" y="420"/>
                  </a:lnTo>
                  <a:lnTo>
                    <a:pt x="451" y="420"/>
                  </a:lnTo>
                  <a:lnTo>
                    <a:pt x="459" y="421"/>
                  </a:lnTo>
                  <a:lnTo>
                    <a:pt x="460" y="408"/>
                  </a:lnTo>
                  <a:lnTo>
                    <a:pt x="462" y="397"/>
                  </a:lnTo>
                  <a:lnTo>
                    <a:pt x="465" y="386"/>
                  </a:lnTo>
                  <a:lnTo>
                    <a:pt x="469" y="376"/>
                  </a:lnTo>
                  <a:lnTo>
                    <a:pt x="475" y="367"/>
                  </a:lnTo>
                  <a:lnTo>
                    <a:pt x="481" y="359"/>
                  </a:lnTo>
                  <a:lnTo>
                    <a:pt x="488" y="352"/>
                  </a:lnTo>
                  <a:lnTo>
                    <a:pt x="496" y="346"/>
                  </a:lnTo>
                  <a:lnTo>
                    <a:pt x="500" y="361"/>
                  </a:lnTo>
                  <a:lnTo>
                    <a:pt x="503" y="377"/>
                  </a:lnTo>
                  <a:lnTo>
                    <a:pt x="504" y="381"/>
                  </a:lnTo>
                  <a:lnTo>
                    <a:pt x="505" y="384"/>
                  </a:lnTo>
                  <a:lnTo>
                    <a:pt x="507" y="387"/>
                  </a:lnTo>
                  <a:lnTo>
                    <a:pt x="509" y="389"/>
                  </a:lnTo>
                  <a:lnTo>
                    <a:pt x="511" y="391"/>
                  </a:lnTo>
                  <a:lnTo>
                    <a:pt x="515" y="392"/>
                  </a:lnTo>
                  <a:lnTo>
                    <a:pt x="519" y="394"/>
                  </a:lnTo>
                  <a:lnTo>
                    <a:pt x="524" y="392"/>
                  </a:lnTo>
                  <a:lnTo>
                    <a:pt x="528" y="387"/>
                  </a:lnTo>
                  <a:lnTo>
                    <a:pt x="531" y="383"/>
                  </a:lnTo>
                  <a:lnTo>
                    <a:pt x="536" y="379"/>
                  </a:lnTo>
                  <a:lnTo>
                    <a:pt x="541" y="375"/>
                  </a:lnTo>
                  <a:lnTo>
                    <a:pt x="550" y="368"/>
                  </a:lnTo>
                  <a:lnTo>
                    <a:pt x="560" y="365"/>
                  </a:lnTo>
                  <a:lnTo>
                    <a:pt x="571" y="362"/>
                  </a:lnTo>
                  <a:lnTo>
                    <a:pt x="582" y="362"/>
                  </a:lnTo>
                  <a:lnTo>
                    <a:pt x="594" y="362"/>
                  </a:lnTo>
                  <a:lnTo>
                    <a:pt x="606" y="363"/>
                  </a:lnTo>
                  <a:lnTo>
                    <a:pt x="630" y="368"/>
                  </a:lnTo>
                  <a:lnTo>
                    <a:pt x="656" y="375"/>
                  </a:lnTo>
                  <a:lnTo>
                    <a:pt x="680" y="380"/>
                  </a:lnTo>
                  <a:lnTo>
                    <a:pt x="702" y="384"/>
                  </a:lnTo>
                  <a:lnTo>
                    <a:pt x="708" y="370"/>
                  </a:lnTo>
                  <a:lnTo>
                    <a:pt x="717" y="359"/>
                  </a:lnTo>
                  <a:lnTo>
                    <a:pt x="726" y="348"/>
                  </a:lnTo>
                  <a:lnTo>
                    <a:pt x="737" y="339"/>
                  </a:lnTo>
                  <a:lnTo>
                    <a:pt x="748" y="330"/>
                  </a:lnTo>
                  <a:lnTo>
                    <a:pt x="760" y="323"/>
                  </a:lnTo>
                  <a:lnTo>
                    <a:pt x="774" y="316"/>
                  </a:lnTo>
                  <a:lnTo>
                    <a:pt x="786" y="308"/>
                  </a:lnTo>
                  <a:lnTo>
                    <a:pt x="785" y="302"/>
                  </a:lnTo>
                  <a:lnTo>
                    <a:pt x="784" y="296"/>
                  </a:lnTo>
                  <a:lnTo>
                    <a:pt x="782" y="289"/>
                  </a:lnTo>
                  <a:lnTo>
                    <a:pt x="780" y="284"/>
                  </a:lnTo>
                  <a:lnTo>
                    <a:pt x="775" y="275"/>
                  </a:lnTo>
                  <a:lnTo>
                    <a:pt x="768" y="265"/>
                  </a:lnTo>
                  <a:lnTo>
                    <a:pt x="762" y="257"/>
                  </a:lnTo>
                  <a:lnTo>
                    <a:pt x="757" y="247"/>
                  </a:lnTo>
                  <a:lnTo>
                    <a:pt x="752" y="237"/>
                  </a:lnTo>
                  <a:lnTo>
                    <a:pt x="748" y="224"/>
                  </a:lnTo>
                  <a:lnTo>
                    <a:pt x="754" y="220"/>
                  </a:lnTo>
                  <a:lnTo>
                    <a:pt x="760" y="217"/>
                  </a:lnTo>
                  <a:lnTo>
                    <a:pt x="766" y="213"/>
                  </a:lnTo>
                  <a:lnTo>
                    <a:pt x="773" y="210"/>
                  </a:lnTo>
                  <a:lnTo>
                    <a:pt x="778" y="207"/>
                  </a:lnTo>
                  <a:lnTo>
                    <a:pt x="782" y="202"/>
                  </a:lnTo>
                  <a:lnTo>
                    <a:pt x="784" y="199"/>
                  </a:lnTo>
                  <a:lnTo>
                    <a:pt x="785" y="196"/>
                  </a:lnTo>
                  <a:lnTo>
                    <a:pt x="786" y="191"/>
                  </a:lnTo>
                  <a:lnTo>
                    <a:pt x="786" y="187"/>
                  </a:lnTo>
                  <a:lnTo>
                    <a:pt x="773" y="171"/>
                  </a:lnTo>
                  <a:lnTo>
                    <a:pt x="759" y="157"/>
                  </a:lnTo>
                  <a:lnTo>
                    <a:pt x="744" y="141"/>
                  </a:lnTo>
                  <a:lnTo>
                    <a:pt x="727" y="126"/>
                  </a:lnTo>
                  <a:lnTo>
                    <a:pt x="710" y="111"/>
                  </a:lnTo>
                  <a:lnTo>
                    <a:pt x="694" y="97"/>
                  </a:lnTo>
                  <a:lnTo>
                    <a:pt x="676" y="83"/>
                  </a:lnTo>
                  <a:lnTo>
                    <a:pt x="657" y="70"/>
                  </a:lnTo>
                  <a:lnTo>
                    <a:pt x="639" y="58"/>
                  </a:lnTo>
                  <a:lnTo>
                    <a:pt x="620" y="46"/>
                  </a:lnTo>
                  <a:lnTo>
                    <a:pt x="600" y="36"/>
                  </a:lnTo>
                  <a:lnTo>
                    <a:pt x="581" y="26"/>
                  </a:lnTo>
                  <a:lnTo>
                    <a:pt x="562" y="18"/>
                  </a:lnTo>
                  <a:lnTo>
                    <a:pt x="543" y="10"/>
                  </a:lnTo>
                  <a:lnTo>
                    <a:pt x="524" y="4"/>
                  </a:lnTo>
                  <a:lnTo>
                    <a:pt x="505" y="0"/>
                  </a:lnTo>
                  <a:lnTo>
                    <a:pt x="508" y="3"/>
                  </a:lnTo>
                  <a:lnTo>
                    <a:pt x="510" y="7"/>
                  </a:lnTo>
                  <a:lnTo>
                    <a:pt x="513" y="11"/>
                  </a:lnTo>
                  <a:lnTo>
                    <a:pt x="514" y="17"/>
                  </a:lnTo>
                  <a:lnTo>
                    <a:pt x="516" y="28"/>
                  </a:lnTo>
                  <a:lnTo>
                    <a:pt x="517" y="40"/>
                  </a:lnTo>
                  <a:lnTo>
                    <a:pt x="519" y="51"/>
                  </a:lnTo>
                  <a:lnTo>
                    <a:pt x="521" y="61"/>
                  </a:lnTo>
                  <a:lnTo>
                    <a:pt x="523" y="66"/>
                  </a:lnTo>
                  <a:lnTo>
                    <a:pt x="526" y="69"/>
                  </a:lnTo>
                  <a:lnTo>
                    <a:pt x="529" y="72"/>
                  </a:lnTo>
                  <a:lnTo>
                    <a:pt x="534" y="74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31" name="Kerteminde"/>
            <p:cNvSpPr>
              <a:spLocks/>
            </p:cNvSpPr>
            <p:nvPr/>
          </p:nvSpPr>
          <p:spPr bwMode="auto">
            <a:xfrm>
              <a:off x="2446338" y="5064125"/>
              <a:ext cx="198438" cy="371475"/>
            </a:xfrm>
            <a:custGeom>
              <a:avLst/>
              <a:gdLst>
                <a:gd name="T0" fmla="*/ 65 w 375"/>
                <a:gd name="T1" fmla="*/ 232 h 702"/>
                <a:gd name="T2" fmla="*/ 76 w 375"/>
                <a:gd name="T3" fmla="*/ 224 h 702"/>
                <a:gd name="T4" fmla="*/ 81 w 375"/>
                <a:gd name="T5" fmla="*/ 216 h 702"/>
                <a:gd name="T6" fmla="*/ 79 w 375"/>
                <a:gd name="T7" fmla="*/ 211 h 702"/>
                <a:gd name="T8" fmla="*/ 67 w 375"/>
                <a:gd name="T9" fmla="*/ 205 h 702"/>
                <a:gd name="T10" fmla="*/ 63 w 375"/>
                <a:gd name="T11" fmla="*/ 202 h 702"/>
                <a:gd name="T12" fmla="*/ 66 w 375"/>
                <a:gd name="T13" fmla="*/ 197 h 702"/>
                <a:gd name="T14" fmla="*/ 77 w 375"/>
                <a:gd name="T15" fmla="*/ 193 h 702"/>
                <a:gd name="T16" fmla="*/ 83 w 375"/>
                <a:gd name="T17" fmla="*/ 187 h 702"/>
                <a:gd name="T18" fmla="*/ 84 w 375"/>
                <a:gd name="T19" fmla="*/ 182 h 702"/>
                <a:gd name="T20" fmla="*/ 82 w 375"/>
                <a:gd name="T21" fmla="*/ 171 h 702"/>
                <a:gd name="T22" fmla="*/ 81 w 375"/>
                <a:gd name="T23" fmla="*/ 164 h 702"/>
                <a:gd name="T24" fmla="*/ 88 w 375"/>
                <a:gd name="T25" fmla="*/ 158 h 702"/>
                <a:gd name="T26" fmla="*/ 97 w 375"/>
                <a:gd name="T27" fmla="*/ 156 h 702"/>
                <a:gd name="T28" fmla="*/ 111 w 375"/>
                <a:gd name="T29" fmla="*/ 156 h 702"/>
                <a:gd name="T30" fmla="*/ 105 w 375"/>
                <a:gd name="T31" fmla="*/ 148 h 702"/>
                <a:gd name="T32" fmla="*/ 96 w 375"/>
                <a:gd name="T33" fmla="*/ 141 h 702"/>
                <a:gd name="T34" fmla="*/ 72 w 375"/>
                <a:gd name="T35" fmla="*/ 133 h 702"/>
                <a:gd name="T36" fmla="*/ 52 w 375"/>
                <a:gd name="T37" fmla="*/ 124 h 702"/>
                <a:gd name="T38" fmla="*/ 47 w 375"/>
                <a:gd name="T39" fmla="*/ 128 h 702"/>
                <a:gd name="T40" fmla="*/ 46 w 375"/>
                <a:gd name="T41" fmla="*/ 144 h 702"/>
                <a:gd name="T42" fmla="*/ 43 w 375"/>
                <a:gd name="T43" fmla="*/ 150 h 702"/>
                <a:gd name="T44" fmla="*/ 32 w 375"/>
                <a:gd name="T45" fmla="*/ 143 h 702"/>
                <a:gd name="T46" fmla="*/ 23 w 375"/>
                <a:gd name="T47" fmla="*/ 129 h 702"/>
                <a:gd name="T48" fmla="*/ 27 w 375"/>
                <a:gd name="T49" fmla="*/ 119 h 702"/>
                <a:gd name="T50" fmla="*/ 38 w 375"/>
                <a:gd name="T51" fmla="*/ 112 h 702"/>
                <a:gd name="T52" fmla="*/ 51 w 375"/>
                <a:gd name="T53" fmla="*/ 109 h 702"/>
                <a:gd name="T54" fmla="*/ 58 w 375"/>
                <a:gd name="T55" fmla="*/ 111 h 702"/>
                <a:gd name="T56" fmla="*/ 62 w 375"/>
                <a:gd name="T57" fmla="*/ 117 h 702"/>
                <a:gd name="T58" fmla="*/ 75 w 375"/>
                <a:gd name="T59" fmla="*/ 116 h 702"/>
                <a:gd name="T60" fmla="*/ 85 w 375"/>
                <a:gd name="T61" fmla="*/ 112 h 702"/>
                <a:gd name="T62" fmla="*/ 93 w 375"/>
                <a:gd name="T63" fmla="*/ 101 h 702"/>
                <a:gd name="T64" fmla="*/ 109 w 375"/>
                <a:gd name="T65" fmla="*/ 94 h 702"/>
                <a:gd name="T66" fmla="*/ 123 w 375"/>
                <a:gd name="T67" fmla="*/ 89 h 702"/>
                <a:gd name="T68" fmla="*/ 118 w 375"/>
                <a:gd name="T69" fmla="*/ 81 h 702"/>
                <a:gd name="T70" fmla="*/ 106 w 375"/>
                <a:gd name="T71" fmla="*/ 62 h 702"/>
                <a:gd name="T72" fmla="*/ 96 w 375"/>
                <a:gd name="T73" fmla="*/ 38 h 702"/>
                <a:gd name="T74" fmla="*/ 84 w 375"/>
                <a:gd name="T75" fmla="*/ 14 h 702"/>
                <a:gd name="T76" fmla="*/ 74 w 375"/>
                <a:gd name="T77" fmla="*/ 2 h 702"/>
                <a:gd name="T78" fmla="*/ 67 w 375"/>
                <a:gd name="T79" fmla="*/ 24 h 702"/>
                <a:gd name="T80" fmla="*/ 65 w 375"/>
                <a:gd name="T81" fmla="*/ 40 h 702"/>
                <a:gd name="T82" fmla="*/ 70 w 375"/>
                <a:gd name="T83" fmla="*/ 55 h 702"/>
                <a:gd name="T84" fmla="*/ 70 w 375"/>
                <a:gd name="T85" fmla="*/ 61 h 702"/>
                <a:gd name="T86" fmla="*/ 63 w 375"/>
                <a:gd name="T87" fmla="*/ 62 h 702"/>
                <a:gd name="T88" fmla="*/ 59 w 375"/>
                <a:gd name="T89" fmla="*/ 65 h 702"/>
                <a:gd name="T90" fmla="*/ 64 w 375"/>
                <a:gd name="T91" fmla="*/ 67 h 702"/>
                <a:gd name="T92" fmla="*/ 68 w 375"/>
                <a:gd name="T93" fmla="*/ 72 h 702"/>
                <a:gd name="T94" fmla="*/ 60 w 375"/>
                <a:gd name="T95" fmla="*/ 92 h 702"/>
                <a:gd name="T96" fmla="*/ 26 w 375"/>
                <a:gd name="T97" fmla="*/ 104 h 702"/>
                <a:gd name="T98" fmla="*/ 4 w 375"/>
                <a:gd name="T99" fmla="*/ 109 h 702"/>
                <a:gd name="T100" fmla="*/ 3 w 375"/>
                <a:gd name="T101" fmla="*/ 118 h 702"/>
                <a:gd name="T102" fmla="*/ 17 w 375"/>
                <a:gd name="T103" fmla="*/ 139 h 702"/>
                <a:gd name="T104" fmla="*/ 22 w 375"/>
                <a:gd name="T105" fmla="*/ 152 h 702"/>
                <a:gd name="T106" fmla="*/ 21 w 375"/>
                <a:gd name="T107" fmla="*/ 160 h 702"/>
                <a:gd name="T108" fmla="*/ 19 w 375"/>
                <a:gd name="T109" fmla="*/ 165 h 702"/>
                <a:gd name="T110" fmla="*/ 25 w 375"/>
                <a:gd name="T111" fmla="*/ 168 h 702"/>
                <a:gd name="T112" fmla="*/ 34 w 375"/>
                <a:gd name="T113" fmla="*/ 181 h 702"/>
                <a:gd name="T114" fmla="*/ 51 w 375"/>
                <a:gd name="T115" fmla="*/ 216 h 702"/>
                <a:gd name="T116" fmla="*/ 61 w 375"/>
                <a:gd name="T117" fmla="*/ 234 h 702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375" h="702">
                  <a:moveTo>
                    <a:pt x="188" y="698"/>
                  </a:moveTo>
                  <a:lnTo>
                    <a:pt x="189" y="699"/>
                  </a:lnTo>
                  <a:lnTo>
                    <a:pt x="191" y="698"/>
                  </a:lnTo>
                  <a:lnTo>
                    <a:pt x="194" y="697"/>
                  </a:lnTo>
                  <a:lnTo>
                    <a:pt x="198" y="694"/>
                  </a:lnTo>
                  <a:lnTo>
                    <a:pt x="208" y="689"/>
                  </a:lnTo>
                  <a:lnTo>
                    <a:pt x="218" y="681"/>
                  </a:lnTo>
                  <a:lnTo>
                    <a:pt x="228" y="672"/>
                  </a:lnTo>
                  <a:lnTo>
                    <a:pt x="236" y="663"/>
                  </a:lnTo>
                  <a:lnTo>
                    <a:pt x="239" y="658"/>
                  </a:lnTo>
                  <a:lnTo>
                    <a:pt x="242" y="653"/>
                  </a:lnTo>
                  <a:lnTo>
                    <a:pt x="244" y="649"/>
                  </a:lnTo>
                  <a:lnTo>
                    <a:pt x="244" y="645"/>
                  </a:lnTo>
                  <a:lnTo>
                    <a:pt x="242" y="641"/>
                  </a:lnTo>
                  <a:lnTo>
                    <a:pt x="240" y="638"/>
                  </a:lnTo>
                  <a:lnTo>
                    <a:pt x="237" y="634"/>
                  </a:lnTo>
                  <a:lnTo>
                    <a:pt x="233" y="631"/>
                  </a:lnTo>
                  <a:lnTo>
                    <a:pt x="222" y="626"/>
                  </a:lnTo>
                  <a:lnTo>
                    <a:pt x="212" y="621"/>
                  </a:lnTo>
                  <a:lnTo>
                    <a:pt x="201" y="616"/>
                  </a:lnTo>
                  <a:lnTo>
                    <a:pt x="193" y="612"/>
                  </a:lnTo>
                  <a:lnTo>
                    <a:pt x="191" y="610"/>
                  </a:lnTo>
                  <a:lnTo>
                    <a:pt x="189" y="608"/>
                  </a:lnTo>
                  <a:lnTo>
                    <a:pt x="188" y="605"/>
                  </a:lnTo>
                  <a:lnTo>
                    <a:pt x="189" y="603"/>
                  </a:lnTo>
                  <a:lnTo>
                    <a:pt x="192" y="599"/>
                  </a:lnTo>
                  <a:lnTo>
                    <a:pt x="195" y="595"/>
                  </a:lnTo>
                  <a:lnTo>
                    <a:pt x="198" y="592"/>
                  </a:lnTo>
                  <a:lnTo>
                    <a:pt x="202" y="590"/>
                  </a:lnTo>
                  <a:lnTo>
                    <a:pt x="212" y="586"/>
                  </a:lnTo>
                  <a:lnTo>
                    <a:pt x="221" y="582"/>
                  </a:lnTo>
                  <a:lnTo>
                    <a:pt x="231" y="578"/>
                  </a:lnTo>
                  <a:lnTo>
                    <a:pt x="239" y="573"/>
                  </a:lnTo>
                  <a:lnTo>
                    <a:pt x="242" y="570"/>
                  </a:lnTo>
                  <a:lnTo>
                    <a:pt x="247" y="566"/>
                  </a:lnTo>
                  <a:lnTo>
                    <a:pt x="249" y="562"/>
                  </a:lnTo>
                  <a:lnTo>
                    <a:pt x="251" y="558"/>
                  </a:lnTo>
                  <a:lnTo>
                    <a:pt x="253" y="553"/>
                  </a:lnTo>
                  <a:lnTo>
                    <a:pt x="253" y="549"/>
                  </a:lnTo>
                  <a:lnTo>
                    <a:pt x="253" y="545"/>
                  </a:lnTo>
                  <a:lnTo>
                    <a:pt x="252" y="540"/>
                  </a:lnTo>
                  <a:lnTo>
                    <a:pt x="251" y="531"/>
                  </a:lnTo>
                  <a:lnTo>
                    <a:pt x="248" y="522"/>
                  </a:lnTo>
                  <a:lnTo>
                    <a:pt x="245" y="512"/>
                  </a:lnTo>
                  <a:lnTo>
                    <a:pt x="242" y="504"/>
                  </a:lnTo>
                  <a:lnTo>
                    <a:pt x="242" y="501"/>
                  </a:lnTo>
                  <a:lnTo>
                    <a:pt x="241" y="496"/>
                  </a:lnTo>
                  <a:lnTo>
                    <a:pt x="242" y="493"/>
                  </a:lnTo>
                  <a:lnTo>
                    <a:pt x="244" y="490"/>
                  </a:lnTo>
                  <a:lnTo>
                    <a:pt x="250" y="484"/>
                  </a:lnTo>
                  <a:lnTo>
                    <a:pt x="257" y="477"/>
                  </a:lnTo>
                  <a:lnTo>
                    <a:pt x="264" y="474"/>
                  </a:lnTo>
                  <a:lnTo>
                    <a:pt x="271" y="471"/>
                  </a:lnTo>
                  <a:lnTo>
                    <a:pt x="278" y="469"/>
                  </a:lnTo>
                  <a:lnTo>
                    <a:pt x="285" y="468"/>
                  </a:lnTo>
                  <a:lnTo>
                    <a:pt x="292" y="468"/>
                  </a:lnTo>
                  <a:lnTo>
                    <a:pt x="298" y="468"/>
                  </a:lnTo>
                  <a:lnTo>
                    <a:pt x="321" y="472"/>
                  </a:lnTo>
                  <a:lnTo>
                    <a:pt x="335" y="474"/>
                  </a:lnTo>
                  <a:lnTo>
                    <a:pt x="333" y="467"/>
                  </a:lnTo>
                  <a:lnTo>
                    <a:pt x="329" y="461"/>
                  </a:lnTo>
                  <a:lnTo>
                    <a:pt x="326" y="454"/>
                  </a:lnTo>
                  <a:lnTo>
                    <a:pt x="320" y="448"/>
                  </a:lnTo>
                  <a:lnTo>
                    <a:pt x="316" y="443"/>
                  </a:lnTo>
                  <a:lnTo>
                    <a:pt x="311" y="439"/>
                  </a:lnTo>
                  <a:lnTo>
                    <a:pt x="306" y="434"/>
                  </a:lnTo>
                  <a:lnTo>
                    <a:pt x="299" y="430"/>
                  </a:lnTo>
                  <a:lnTo>
                    <a:pt x="288" y="423"/>
                  </a:lnTo>
                  <a:lnTo>
                    <a:pt x="274" y="416"/>
                  </a:lnTo>
                  <a:lnTo>
                    <a:pt x="260" y="412"/>
                  </a:lnTo>
                  <a:lnTo>
                    <a:pt x="246" y="407"/>
                  </a:lnTo>
                  <a:lnTo>
                    <a:pt x="216" y="399"/>
                  </a:lnTo>
                  <a:lnTo>
                    <a:pt x="188" y="388"/>
                  </a:lnTo>
                  <a:lnTo>
                    <a:pt x="174" y="383"/>
                  </a:lnTo>
                  <a:lnTo>
                    <a:pt x="161" y="375"/>
                  </a:lnTo>
                  <a:lnTo>
                    <a:pt x="156" y="371"/>
                  </a:lnTo>
                  <a:lnTo>
                    <a:pt x="151" y="367"/>
                  </a:lnTo>
                  <a:lnTo>
                    <a:pt x="146" y="362"/>
                  </a:lnTo>
                  <a:lnTo>
                    <a:pt x="140" y="356"/>
                  </a:lnTo>
                  <a:lnTo>
                    <a:pt x="140" y="384"/>
                  </a:lnTo>
                  <a:lnTo>
                    <a:pt x="141" y="413"/>
                  </a:lnTo>
                  <a:lnTo>
                    <a:pt x="141" y="421"/>
                  </a:lnTo>
                  <a:lnTo>
                    <a:pt x="140" y="427"/>
                  </a:lnTo>
                  <a:lnTo>
                    <a:pt x="139" y="433"/>
                  </a:lnTo>
                  <a:lnTo>
                    <a:pt x="138" y="437"/>
                  </a:lnTo>
                  <a:lnTo>
                    <a:pt x="135" y="443"/>
                  </a:lnTo>
                  <a:lnTo>
                    <a:pt x="132" y="446"/>
                  </a:lnTo>
                  <a:lnTo>
                    <a:pt x="128" y="449"/>
                  </a:lnTo>
                  <a:lnTo>
                    <a:pt x="121" y="450"/>
                  </a:lnTo>
                  <a:lnTo>
                    <a:pt x="112" y="444"/>
                  </a:lnTo>
                  <a:lnTo>
                    <a:pt x="103" y="436"/>
                  </a:lnTo>
                  <a:lnTo>
                    <a:pt x="95" y="428"/>
                  </a:lnTo>
                  <a:lnTo>
                    <a:pt x="88" y="420"/>
                  </a:lnTo>
                  <a:lnTo>
                    <a:pt x="80" y="409"/>
                  </a:lnTo>
                  <a:lnTo>
                    <a:pt x="75" y="399"/>
                  </a:lnTo>
                  <a:lnTo>
                    <a:pt x="70" y="387"/>
                  </a:lnTo>
                  <a:lnTo>
                    <a:pt x="66" y="375"/>
                  </a:lnTo>
                  <a:lnTo>
                    <a:pt x="69" y="370"/>
                  </a:lnTo>
                  <a:lnTo>
                    <a:pt x="74" y="364"/>
                  </a:lnTo>
                  <a:lnTo>
                    <a:pt x="80" y="358"/>
                  </a:lnTo>
                  <a:lnTo>
                    <a:pt x="89" y="352"/>
                  </a:lnTo>
                  <a:lnTo>
                    <a:pt x="97" y="346"/>
                  </a:lnTo>
                  <a:lnTo>
                    <a:pt x="106" y="341"/>
                  </a:lnTo>
                  <a:lnTo>
                    <a:pt x="115" y="335"/>
                  </a:lnTo>
                  <a:lnTo>
                    <a:pt x="126" y="332"/>
                  </a:lnTo>
                  <a:lnTo>
                    <a:pt x="135" y="329"/>
                  </a:lnTo>
                  <a:lnTo>
                    <a:pt x="145" y="327"/>
                  </a:lnTo>
                  <a:lnTo>
                    <a:pt x="154" y="327"/>
                  </a:lnTo>
                  <a:lnTo>
                    <a:pt x="163" y="328"/>
                  </a:lnTo>
                  <a:lnTo>
                    <a:pt x="167" y="330"/>
                  </a:lnTo>
                  <a:lnTo>
                    <a:pt x="171" y="332"/>
                  </a:lnTo>
                  <a:lnTo>
                    <a:pt x="174" y="334"/>
                  </a:lnTo>
                  <a:lnTo>
                    <a:pt x="178" y="337"/>
                  </a:lnTo>
                  <a:lnTo>
                    <a:pt x="180" y="342"/>
                  </a:lnTo>
                  <a:lnTo>
                    <a:pt x="183" y="346"/>
                  </a:lnTo>
                  <a:lnTo>
                    <a:pt x="186" y="351"/>
                  </a:lnTo>
                  <a:lnTo>
                    <a:pt x="188" y="356"/>
                  </a:lnTo>
                  <a:lnTo>
                    <a:pt x="202" y="353"/>
                  </a:lnTo>
                  <a:lnTo>
                    <a:pt x="217" y="349"/>
                  </a:lnTo>
                  <a:lnTo>
                    <a:pt x="225" y="347"/>
                  </a:lnTo>
                  <a:lnTo>
                    <a:pt x="233" y="346"/>
                  </a:lnTo>
                  <a:lnTo>
                    <a:pt x="242" y="346"/>
                  </a:lnTo>
                  <a:lnTo>
                    <a:pt x="253" y="347"/>
                  </a:lnTo>
                  <a:lnTo>
                    <a:pt x="255" y="335"/>
                  </a:lnTo>
                  <a:lnTo>
                    <a:pt x="259" y="325"/>
                  </a:lnTo>
                  <a:lnTo>
                    <a:pt x="265" y="316"/>
                  </a:lnTo>
                  <a:lnTo>
                    <a:pt x="272" y="309"/>
                  </a:lnTo>
                  <a:lnTo>
                    <a:pt x="279" y="303"/>
                  </a:lnTo>
                  <a:lnTo>
                    <a:pt x="288" y="297"/>
                  </a:lnTo>
                  <a:lnTo>
                    <a:pt x="297" y="292"/>
                  </a:lnTo>
                  <a:lnTo>
                    <a:pt x="307" y="289"/>
                  </a:lnTo>
                  <a:lnTo>
                    <a:pt x="327" y="282"/>
                  </a:lnTo>
                  <a:lnTo>
                    <a:pt x="346" y="276"/>
                  </a:lnTo>
                  <a:lnTo>
                    <a:pt x="354" y="273"/>
                  </a:lnTo>
                  <a:lnTo>
                    <a:pt x="362" y="270"/>
                  </a:lnTo>
                  <a:lnTo>
                    <a:pt x="369" y="267"/>
                  </a:lnTo>
                  <a:lnTo>
                    <a:pt x="375" y="263"/>
                  </a:lnTo>
                  <a:lnTo>
                    <a:pt x="368" y="256"/>
                  </a:lnTo>
                  <a:lnTo>
                    <a:pt x="360" y="250"/>
                  </a:lnTo>
                  <a:lnTo>
                    <a:pt x="354" y="244"/>
                  </a:lnTo>
                  <a:lnTo>
                    <a:pt x="349" y="236"/>
                  </a:lnTo>
                  <a:lnTo>
                    <a:pt x="337" y="221"/>
                  </a:lnTo>
                  <a:lnTo>
                    <a:pt x="328" y="204"/>
                  </a:lnTo>
                  <a:lnTo>
                    <a:pt x="319" y="187"/>
                  </a:lnTo>
                  <a:lnTo>
                    <a:pt x="311" y="169"/>
                  </a:lnTo>
                  <a:lnTo>
                    <a:pt x="302" y="150"/>
                  </a:lnTo>
                  <a:lnTo>
                    <a:pt x="295" y="131"/>
                  </a:lnTo>
                  <a:lnTo>
                    <a:pt x="288" y="113"/>
                  </a:lnTo>
                  <a:lnTo>
                    <a:pt x="280" y="94"/>
                  </a:lnTo>
                  <a:lnTo>
                    <a:pt x="272" y="76"/>
                  </a:lnTo>
                  <a:lnTo>
                    <a:pt x="262" y="58"/>
                  </a:lnTo>
                  <a:lnTo>
                    <a:pt x="253" y="43"/>
                  </a:lnTo>
                  <a:lnTo>
                    <a:pt x="241" y="27"/>
                  </a:lnTo>
                  <a:lnTo>
                    <a:pt x="236" y="19"/>
                  </a:lnTo>
                  <a:lnTo>
                    <a:pt x="230" y="13"/>
                  </a:lnTo>
                  <a:lnTo>
                    <a:pt x="222" y="7"/>
                  </a:lnTo>
                  <a:lnTo>
                    <a:pt x="215" y="0"/>
                  </a:lnTo>
                  <a:lnTo>
                    <a:pt x="211" y="28"/>
                  </a:lnTo>
                  <a:lnTo>
                    <a:pt x="207" y="51"/>
                  </a:lnTo>
                  <a:lnTo>
                    <a:pt x="201" y="72"/>
                  </a:lnTo>
                  <a:lnTo>
                    <a:pt x="197" y="91"/>
                  </a:lnTo>
                  <a:lnTo>
                    <a:pt x="196" y="102"/>
                  </a:lnTo>
                  <a:lnTo>
                    <a:pt x="196" y="111"/>
                  </a:lnTo>
                  <a:lnTo>
                    <a:pt x="196" y="121"/>
                  </a:lnTo>
                  <a:lnTo>
                    <a:pt x="197" y="131"/>
                  </a:lnTo>
                  <a:lnTo>
                    <a:pt x="200" y="142"/>
                  </a:lnTo>
                  <a:lnTo>
                    <a:pt x="203" y="153"/>
                  </a:lnTo>
                  <a:lnTo>
                    <a:pt x="209" y="166"/>
                  </a:lnTo>
                  <a:lnTo>
                    <a:pt x="215" y="178"/>
                  </a:lnTo>
                  <a:lnTo>
                    <a:pt x="214" y="181"/>
                  </a:lnTo>
                  <a:lnTo>
                    <a:pt x="212" y="183"/>
                  </a:lnTo>
                  <a:lnTo>
                    <a:pt x="210" y="184"/>
                  </a:lnTo>
                  <a:lnTo>
                    <a:pt x="208" y="185"/>
                  </a:lnTo>
                  <a:lnTo>
                    <a:pt x="201" y="186"/>
                  </a:lnTo>
                  <a:lnTo>
                    <a:pt x="195" y="186"/>
                  </a:lnTo>
                  <a:lnTo>
                    <a:pt x="189" y="187"/>
                  </a:lnTo>
                  <a:lnTo>
                    <a:pt x="183" y="189"/>
                  </a:lnTo>
                  <a:lnTo>
                    <a:pt x="181" y="190"/>
                  </a:lnTo>
                  <a:lnTo>
                    <a:pt x="179" y="192"/>
                  </a:lnTo>
                  <a:lnTo>
                    <a:pt x="178" y="194"/>
                  </a:lnTo>
                  <a:lnTo>
                    <a:pt x="178" y="197"/>
                  </a:lnTo>
                  <a:lnTo>
                    <a:pt x="183" y="197"/>
                  </a:lnTo>
                  <a:lnTo>
                    <a:pt x="189" y="198"/>
                  </a:lnTo>
                  <a:lnTo>
                    <a:pt x="193" y="202"/>
                  </a:lnTo>
                  <a:lnTo>
                    <a:pt x="197" y="204"/>
                  </a:lnTo>
                  <a:lnTo>
                    <a:pt x="199" y="208"/>
                  </a:lnTo>
                  <a:lnTo>
                    <a:pt x="201" y="212"/>
                  </a:lnTo>
                  <a:lnTo>
                    <a:pt x="203" y="216"/>
                  </a:lnTo>
                  <a:lnTo>
                    <a:pt x="205" y="222"/>
                  </a:lnTo>
                  <a:lnTo>
                    <a:pt x="206" y="247"/>
                  </a:lnTo>
                  <a:lnTo>
                    <a:pt x="206" y="272"/>
                  </a:lnTo>
                  <a:lnTo>
                    <a:pt x="181" y="277"/>
                  </a:lnTo>
                  <a:lnTo>
                    <a:pt x="156" y="285"/>
                  </a:lnTo>
                  <a:lnTo>
                    <a:pt x="130" y="294"/>
                  </a:lnTo>
                  <a:lnTo>
                    <a:pt x="103" y="303"/>
                  </a:lnTo>
                  <a:lnTo>
                    <a:pt x="78" y="312"/>
                  </a:lnTo>
                  <a:lnTo>
                    <a:pt x="52" y="320"/>
                  </a:lnTo>
                  <a:lnTo>
                    <a:pt x="38" y="323"/>
                  </a:lnTo>
                  <a:lnTo>
                    <a:pt x="26" y="326"/>
                  </a:lnTo>
                  <a:lnTo>
                    <a:pt x="13" y="327"/>
                  </a:lnTo>
                  <a:lnTo>
                    <a:pt x="0" y="328"/>
                  </a:lnTo>
                  <a:lnTo>
                    <a:pt x="1" y="336"/>
                  </a:lnTo>
                  <a:lnTo>
                    <a:pt x="4" y="345"/>
                  </a:lnTo>
                  <a:lnTo>
                    <a:pt x="10" y="354"/>
                  </a:lnTo>
                  <a:lnTo>
                    <a:pt x="16" y="364"/>
                  </a:lnTo>
                  <a:lnTo>
                    <a:pt x="30" y="385"/>
                  </a:lnTo>
                  <a:lnTo>
                    <a:pt x="44" y="407"/>
                  </a:lnTo>
                  <a:lnTo>
                    <a:pt x="52" y="417"/>
                  </a:lnTo>
                  <a:lnTo>
                    <a:pt x="57" y="429"/>
                  </a:lnTo>
                  <a:lnTo>
                    <a:pt x="61" y="441"/>
                  </a:lnTo>
                  <a:lnTo>
                    <a:pt x="64" y="451"/>
                  </a:lnTo>
                  <a:lnTo>
                    <a:pt x="66" y="457"/>
                  </a:lnTo>
                  <a:lnTo>
                    <a:pt x="66" y="463"/>
                  </a:lnTo>
                  <a:lnTo>
                    <a:pt x="66" y="468"/>
                  </a:lnTo>
                  <a:lnTo>
                    <a:pt x="64" y="473"/>
                  </a:lnTo>
                  <a:lnTo>
                    <a:pt x="62" y="480"/>
                  </a:lnTo>
                  <a:lnTo>
                    <a:pt x="60" y="485"/>
                  </a:lnTo>
                  <a:lnTo>
                    <a:pt x="57" y="490"/>
                  </a:lnTo>
                  <a:lnTo>
                    <a:pt x="53" y="495"/>
                  </a:lnTo>
                  <a:lnTo>
                    <a:pt x="57" y="494"/>
                  </a:lnTo>
                  <a:lnTo>
                    <a:pt x="61" y="494"/>
                  </a:lnTo>
                  <a:lnTo>
                    <a:pt x="67" y="496"/>
                  </a:lnTo>
                  <a:lnTo>
                    <a:pt x="71" y="501"/>
                  </a:lnTo>
                  <a:lnTo>
                    <a:pt x="76" y="505"/>
                  </a:lnTo>
                  <a:lnTo>
                    <a:pt x="81" y="511"/>
                  </a:lnTo>
                  <a:lnTo>
                    <a:pt x="87" y="518"/>
                  </a:lnTo>
                  <a:lnTo>
                    <a:pt x="92" y="525"/>
                  </a:lnTo>
                  <a:lnTo>
                    <a:pt x="102" y="543"/>
                  </a:lnTo>
                  <a:lnTo>
                    <a:pt x="113" y="563"/>
                  </a:lnTo>
                  <a:lnTo>
                    <a:pt x="123" y="584"/>
                  </a:lnTo>
                  <a:lnTo>
                    <a:pt x="134" y="606"/>
                  </a:lnTo>
                  <a:lnTo>
                    <a:pt x="154" y="647"/>
                  </a:lnTo>
                  <a:lnTo>
                    <a:pt x="170" y="682"/>
                  </a:lnTo>
                  <a:lnTo>
                    <a:pt x="176" y="693"/>
                  </a:lnTo>
                  <a:lnTo>
                    <a:pt x="181" y="701"/>
                  </a:lnTo>
                  <a:lnTo>
                    <a:pt x="183" y="702"/>
                  </a:lnTo>
                  <a:lnTo>
                    <a:pt x="186" y="702"/>
                  </a:lnTo>
                  <a:lnTo>
                    <a:pt x="187" y="701"/>
                  </a:lnTo>
                  <a:lnTo>
                    <a:pt x="188" y="698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32" name="Kerteminde kant"/>
            <p:cNvSpPr>
              <a:spLocks/>
            </p:cNvSpPr>
            <p:nvPr/>
          </p:nvSpPr>
          <p:spPr bwMode="auto">
            <a:xfrm>
              <a:off x="2446338" y="5064125"/>
              <a:ext cx="198438" cy="371475"/>
            </a:xfrm>
            <a:custGeom>
              <a:avLst/>
              <a:gdLst>
                <a:gd name="T0" fmla="*/ 65 w 375"/>
                <a:gd name="T1" fmla="*/ 232 h 702"/>
                <a:gd name="T2" fmla="*/ 76 w 375"/>
                <a:gd name="T3" fmla="*/ 224 h 702"/>
                <a:gd name="T4" fmla="*/ 81 w 375"/>
                <a:gd name="T5" fmla="*/ 216 h 702"/>
                <a:gd name="T6" fmla="*/ 79 w 375"/>
                <a:gd name="T7" fmla="*/ 211 h 702"/>
                <a:gd name="T8" fmla="*/ 67 w 375"/>
                <a:gd name="T9" fmla="*/ 205 h 702"/>
                <a:gd name="T10" fmla="*/ 63 w 375"/>
                <a:gd name="T11" fmla="*/ 202 h 702"/>
                <a:gd name="T12" fmla="*/ 66 w 375"/>
                <a:gd name="T13" fmla="*/ 197 h 702"/>
                <a:gd name="T14" fmla="*/ 77 w 375"/>
                <a:gd name="T15" fmla="*/ 193 h 702"/>
                <a:gd name="T16" fmla="*/ 83 w 375"/>
                <a:gd name="T17" fmla="*/ 187 h 702"/>
                <a:gd name="T18" fmla="*/ 84 w 375"/>
                <a:gd name="T19" fmla="*/ 182 h 702"/>
                <a:gd name="T20" fmla="*/ 82 w 375"/>
                <a:gd name="T21" fmla="*/ 171 h 702"/>
                <a:gd name="T22" fmla="*/ 81 w 375"/>
                <a:gd name="T23" fmla="*/ 164 h 702"/>
                <a:gd name="T24" fmla="*/ 88 w 375"/>
                <a:gd name="T25" fmla="*/ 158 h 702"/>
                <a:gd name="T26" fmla="*/ 97 w 375"/>
                <a:gd name="T27" fmla="*/ 156 h 702"/>
                <a:gd name="T28" fmla="*/ 111 w 375"/>
                <a:gd name="T29" fmla="*/ 156 h 702"/>
                <a:gd name="T30" fmla="*/ 105 w 375"/>
                <a:gd name="T31" fmla="*/ 148 h 702"/>
                <a:gd name="T32" fmla="*/ 96 w 375"/>
                <a:gd name="T33" fmla="*/ 141 h 702"/>
                <a:gd name="T34" fmla="*/ 72 w 375"/>
                <a:gd name="T35" fmla="*/ 133 h 702"/>
                <a:gd name="T36" fmla="*/ 52 w 375"/>
                <a:gd name="T37" fmla="*/ 124 h 702"/>
                <a:gd name="T38" fmla="*/ 47 w 375"/>
                <a:gd name="T39" fmla="*/ 128 h 702"/>
                <a:gd name="T40" fmla="*/ 46 w 375"/>
                <a:gd name="T41" fmla="*/ 144 h 702"/>
                <a:gd name="T42" fmla="*/ 43 w 375"/>
                <a:gd name="T43" fmla="*/ 150 h 702"/>
                <a:gd name="T44" fmla="*/ 32 w 375"/>
                <a:gd name="T45" fmla="*/ 143 h 702"/>
                <a:gd name="T46" fmla="*/ 23 w 375"/>
                <a:gd name="T47" fmla="*/ 129 h 702"/>
                <a:gd name="T48" fmla="*/ 27 w 375"/>
                <a:gd name="T49" fmla="*/ 119 h 702"/>
                <a:gd name="T50" fmla="*/ 38 w 375"/>
                <a:gd name="T51" fmla="*/ 112 h 702"/>
                <a:gd name="T52" fmla="*/ 51 w 375"/>
                <a:gd name="T53" fmla="*/ 109 h 702"/>
                <a:gd name="T54" fmla="*/ 58 w 375"/>
                <a:gd name="T55" fmla="*/ 111 h 702"/>
                <a:gd name="T56" fmla="*/ 62 w 375"/>
                <a:gd name="T57" fmla="*/ 117 h 702"/>
                <a:gd name="T58" fmla="*/ 75 w 375"/>
                <a:gd name="T59" fmla="*/ 116 h 702"/>
                <a:gd name="T60" fmla="*/ 85 w 375"/>
                <a:gd name="T61" fmla="*/ 112 h 702"/>
                <a:gd name="T62" fmla="*/ 93 w 375"/>
                <a:gd name="T63" fmla="*/ 101 h 702"/>
                <a:gd name="T64" fmla="*/ 109 w 375"/>
                <a:gd name="T65" fmla="*/ 94 h 702"/>
                <a:gd name="T66" fmla="*/ 123 w 375"/>
                <a:gd name="T67" fmla="*/ 89 h 702"/>
                <a:gd name="T68" fmla="*/ 118 w 375"/>
                <a:gd name="T69" fmla="*/ 81 h 702"/>
                <a:gd name="T70" fmla="*/ 106 w 375"/>
                <a:gd name="T71" fmla="*/ 62 h 702"/>
                <a:gd name="T72" fmla="*/ 96 w 375"/>
                <a:gd name="T73" fmla="*/ 38 h 702"/>
                <a:gd name="T74" fmla="*/ 84 w 375"/>
                <a:gd name="T75" fmla="*/ 14 h 702"/>
                <a:gd name="T76" fmla="*/ 74 w 375"/>
                <a:gd name="T77" fmla="*/ 2 h 702"/>
                <a:gd name="T78" fmla="*/ 67 w 375"/>
                <a:gd name="T79" fmla="*/ 24 h 702"/>
                <a:gd name="T80" fmla="*/ 65 w 375"/>
                <a:gd name="T81" fmla="*/ 40 h 702"/>
                <a:gd name="T82" fmla="*/ 70 w 375"/>
                <a:gd name="T83" fmla="*/ 55 h 702"/>
                <a:gd name="T84" fmla="*/ 70 w 375"/>
                <a:gd name="T85" fmla="*/ 61 h 702"/>
                <a:gd name="T86" fmla="*/ 63 w 375"/>
                <a:gd name="T87" fmla="*/ 62 h 702"/>
                <a:gd name="T88" fmla="*/ 59 w 375"/>
                <a:gd name="T89" fmla="*/ 65 h 702"/>
                <a:gd name="T90" fmla="*/ 64 w 375"/>
                <a:gd name="T91" fmla="*/ 67 h 702"/>
                <a:gd name="T92" fmla="*/ 68 w 375"/>
                <a:gd name="T93" fmla="*/ 72 h 702"/>
                <a:gd name="T94" fmla="*/ 60 w 375"/>
                <a:gd name="T95" fmla="*/ 92 h 702"/>
                <a:gd name="T96" fmla="*/ 26 w 375"/>
                <a:gd name="T97" fmla="*/ 104 h 702"/>
                <a:gd name="T98" fmla="*/ 4 w 375"/>
                <a:gd name="T99" fmla="*/ 109 h 702"/>
                <a:gd name="T100" fmla="*/ 3 w 375"/>
                <a:gd name="T101" fmla="*/ 118 h 702"/>
                <a:gd name="T102" fmla="*/ 17 w 375"/>
                <a:gd name="T103" fmla="*/ 139 h 702"/>
                <a:gd name="T104" fmla="*/ 22 w 375"/>
                <a:gd name="T105" fmla="*/ 152 h 702"/>
                <a:gd name="T106" fmla="*/ 21 w 375"/>
                <a:gd name="T107" fmla="*/ 160 h 702"/>
                <a:gd name="T108" fmla="*/ 19 w 375"/>
                <a:gd name="T109" fmla="*/ 165 h 702"/>
                <a:gd name="T110" fmla="*/ 25 w 375"/>
                <a:gd name="T111" fmla="*/ 168 h 702"/>
                <a:gd name="T112" fmla="*/ 34 w 375"/>
                <a:gd name="T113" fmla="*/ 181 h 702"/>
                <a:gd name="T114" fmla="*/ 51 w 375"/>
                <a:gd name="T115" fmla="*/ 216 h 702"/>
                <a:gd name="T116" fmla="*/ 61 w 375"/>
                <a:gd name="T117" fmla="*/ 234 h 702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375" h="702">
                  <a:moveTo>
                    <a:pt x="188" y="698"/>
                  </a:moveTo>
                  <a:lnTo>
                    <a:pt x="189" y="699"/>
                  </a:lnTo>
                  <a:lnTo>
                    <a:pt x="191" y="698"/>
                  </a:lnTo>
                  <a:lnTo>
                    <a:pt x="194" y="697"/>
                  </a:lnTo>
                  <a:lnTo>
                    <a:pt x="198" y="694"/>
                  </a:lnTo>
                  <a:lnTo>
                    <a:pt x="208" y="689"/>
                  </a:lnTo>
                  <a:lnTo>
                    <a:pt x="218" y="681"/>
                  </a:lnTo>
                  <a:lnTo>
                    <a:pt x="228" y="672"/>
                  </a:lnTo>
                  <a:lnTo>
                    <a:pt x="236" y="663"/>
                  </a:lnTo>
                  <a:lnTo>
                    <a:pt x="239" y="658"/>
                  </a:lnTo>
                  <a:lnTo>
                    <a:pt x="242" y="653"/>
                  </a:lnTo>
                  <a:lnTo>
                    <a:pt x="244" y="649"/>
                  </a:lnTo>
                  <a:lnTo>
                    <a:pt x="244" y="645"/>
                  </a:lnTo>
                  <a:lnTo>
                    <a:pt x="242" y="641"/>
                  </a:lnTo>
                  <a:lnTo>
                    <a:pt x="240" y="638"/>
                  </a:lnTo>
                  <a:lnTo>
                    <a:pt x="237" y="634"/>
                  </a:lnTo>
                  <a:lnTo>
                    <a:pt x="233" y="631"/>
                  </a:lnTo>
                  <a:lnTo>
                    <a:pt x="222" y="626"/>
                  </a:lnTo>
                  <a:lnTo>
                    <a:pt x="212" y="621"/>
                  </a:lnTo>
                  <a:lnTo>
                    <a:pt x="201" y="616"/>
                  </a:lnTo>
                  <a:lnTo>
                    <a:pt x="193" y="612"/>
                  </a:lnTo>
                  <a:lnTo>
                    <a:pt x="191" y="610"/>
                  </a:lnTo>
                  <a:lnTo>
                    <a:pt x="189" y="608"/>
                  </a:lnTo>
                  <a:lnTo>
                    <a:pt x="188" y="605"/>
                  </a:lnTo>
                  <a:lnTo>
                    <a:pt x="189" y="603"/>
                  </a:lnTo>
                  <a:lnTo>
                    <a:pt x="192" y="599"/>
                  </a:lnTo>
                  <a:lnTo>
                    <a:pt x="195" y="595"/>
                  </a:lnTo>
                  <a:lnTo>
                    <a:pt x="198" y="592"/>
                  </a:lnTo>
                  <a:lnTo>
                    <a:pt x="202" y="590"/>
                  </a:lnTo>
                  <a:lnTo>
                    <a:pt x="212" y="586"/>
                  </a:lnTo>
                  <a:lnTo>
                    <a:pt x="221" y="582"/>
                  </a:lnTo>
                  <a:lnTo>
                    <a:pt x="231" y="578"/>
                  </a:lnTo>
                  <a:lnTo>
                    <a:pt x="239" y="573"/>
                  </a:lnTo>
                  <a:lnTo>
                    <a:pt x="242" y="570"/>
                  </a:lnTo>
                  <a:lnTo>
                    <a:pt x="247" y="566"/>
                  </a:lnTo>
                  <a:lnTo>
                    <a:pt x="249" y="562"/>
                  </a:lnTo>
                  <a:lnTo>
                    <a:pt x="251" y="558"/>
                  </a:lnTo>
                  <a:lnTo>
                    <a:pt x="253" y="553"/>
                  </a:lnTo>
                  <a:lnTo>
                    <a:pt x="253" y="549"/>
                  </a:lnTo>
                  <a:lnTo>
                    <a:pt x="253" y="545"/>
                  </a:lnTo>
                  <a:lnTo>
                    <a:pt x="252" y="540"/>
                  </a:lnTo>
                  <a:lnTo>
                    <a:pt x="251" y="531"/>
                  </a:lnTo>
                  <a:lnTo>
                    <a:pt x="248" y="522"/>
                  </a:lnTo>
                  <a:lnTo>
                    <a:pt x="245" y="512"/>
                  </a:lnTo>
                  <a:lnTo>
                    <a:pt x="242" y="504"/>
                  </a:lnTo>
                  <a:lnTo>
                    <a:pt x="242" y="501"/>
                  </a:lnTo>
                  <a:lnTo>
                    <a:pt x="241" y="496"/>
                  </a:lnTo>
                  <a:lnTo>
                    <a:pt x="242" y="493"/>
                  </a:lnTo>
                  <a:lnTo>
                    <a:pt x="244" y="490"/>
                  </a:lnTo>
                  <a:lnTo>
                    <a:pt x="250" y="484"/>
                  </a:lnTo>
                  <a:lnTo>
                    <a:pt x="257" y="477"/>
                  </a:lnTo>
                  <a:lnTo>
                    <a:pt x="264" y="474"/>
                  </a:lnTo>
                  <a:lnTo>
                    <a:pt x="271" y="471"/>
                  </a:lnTo>
                  <a:lnTo>
                    <a:pt x="278" y="469"/>
                  </a:lnTo>
                  <a:lnTo>
                    <a:pt x="285" y="468"/>
                  </a:lnTo>
                  <a:lnTo>
                    <a:pt x="292" y="468"/>
                  </a:lnTo>
                  <a:lnTo>
                    <a:pt x="298" y="468"/>
                  </a:lnTo>
                  <a:lnTo>
                    <a:pt x="321" y="472"/>
                  </a:lnTo>
                  <a:lnTo>
                    <a:pt x="335" y="474"/>
                  </a:lnTo>
                  <a:lnTo>
                    <a:pt x="333" y="467"/>
                  </a:lnTo>
                  <a:lnTo>
                    <a:pt x="329" y="461"/>
                  </a:lnTo>
                  <a:lnTo>
                    <a:pt x="326" y="454"/>
                  </a:lnTo>
                  <a:lnTo>
                    <a:pt x="320" y="448"/>
                  </a:lnTo>
                  <a:lnTo>
                    <a:pt x="316" y="443"/>
                  </a:lnTo>
                  <a:lnTo>
                    <a:pt x="311" y="439"/>
                  </a:lnTo>
                  <a:lnTo>
                    <a:pt x="306" y="434"/>
                  </a:lnTo>
                  <a:lnTo>
                    <a:pt x="299" y="430"/>
                  </a:lnTo>
                  <a:lnTo>
                    <a:pt x="288" y="423"/>
                  </a:lnTo>
                  <a:lnTo>
                    <a:pt x="274" y="416"/>
                  </a:lnTo>
                  <a:lnTo>
                    <a:pt x="260" y="412"/>
                  </a:lnTo>
                  <a:lnTo>
                    <a:pt x="246" y="407"/>
                  </a:lnTo>
                  <a:lnTo>
                    <a:pt x="216" y="399"/>
                  </a:lnTo>
                  <a:lnTo>
                    <a:pt x="188" y="388"/>
                  </a:lnTo>
                  <a:lnTo>
                    <a:pt x="174" y="383"/>
                  </a:lnTo>
                  <a:lnTo>
                    <a:pt x="161" y="375"/>
                  </a:lnTo>
                  <a:lnTo>
                    <a:pt x="156" y="371"/>
                  </a:lnTo>
                  <a:lnTo>
                    <a:pt x="151" y="367"/>
                  </a:lnTo>
                  <a:lnTo>
                    <a:pt x="146" y="362"/>
                  </a:lnTo>
                  <a:lnTo>
                    <a:pt x="140" y="356"/>
                  </a:lnTo>
                  <a:lnTo>
                    <a:pt x="140" y="384"/>
                  </a:lnTo>
                  <a:lnTo>
                    <a:pt x="141" y="413"/>
                  </a:lnTo>
                  <a:lnTo>
                    <a:pt x="141" y="421"/>
                  </a:lnTo>
                  <a:lnTo>
                    <a:pt x="140" y="427"/>
                  </a:lnTo>
                  <a:lnTo>
                    <a:pt x="139" y="433"/>
                  </a:lnTo>
                  <a:lnTo>
                    <a:pt x="138" y="437"/>
                  </a:lnTo>
                  <a:lnTo>
                    <a:pt x="135" y="443"/>
                  </a:lnTo>
                  <a:lnTo>
                    <a:pt x="132" y="446"/>
                  </a:lnTo>
                  <a:lnTo>
                    <a:pt x="128" y="449"/>
                  </a:lnTo>
                  <a:lnTo>
                    <a:pt x="121" y="450"/>
                  </a:lnTo>
                  <a:lnTo>
                    <a:pt x="112" y="444"/>
                  </a:lnTo>
                  <a:lnTo>
                    <a:pt x="103" y="436"/>
                  </a:lnTo>
                  <a:lnTo>
                    <a:pt x="95" y="428"/>
                  </a:lnTo>
                  <a:lnTo>
                    <a:pt x="88" y="420"/>
                  </a:lnTo>
                  <a:lnTo>
                    <a:pt x="80" y="409"/>
                  </a:lnTo>
                  <a:lnTo>
                    <a:pt x="75" y="399"/>
                  </a:lnTo>
                  <a:lnTo>
                    <a:pt x="70" y="387"/>
                  </a:lnTo>
                  <a:lnTo>
                    <a:pt x="66" y="375"/>
                  </a:lnTo>
                  <a:lnTo>
                    <a:pt x="69" y="370"/>
                  </a:lnTo>
                  <a:lnTo>
                    <a:pt x="74" y="364"/>
                  </a:lnTo>
                  <a:lnTo>
                    <a:pt x="80" y="358"/>
                  </a:lnTo>
                  <a:lnTo>
                    <a:pt x="89" y="352"/>
                  </a:lnTo>
                  <a:lnTo>
                    <a:pt x="97" y="346"/>
                  </a:lnTo>
                  <a:lnTo>
                    <a:pt x="106" y="341"/>
                  </a:lnTo>
                  <a:lnTo>
                    <a:pt x="115" y="335"/>
                  </a:lnTo>
                  <a:lnTo>
                    <a:pt x="126" y="332"/>
                  </a:lnTo>
                  <a:lnTo>
                    <a:pt x="135" y="329"/>
                  </a:lnTo>
                  <a:lnTo>
                    <a:pt x="145" y="327"/>
                  </a:lnTo>
                  <a:lnTo>
                    <a:pt x="154" y="327"/>
                  </a:lnTo>
                  <a:lnTo>
                    <a:pt x="163" y="328"/>
                  </a:lnTo>
                  <a:lnTo>
                    <a:pt x="167" y="330"/>
                  </a:lnTo>
                  <a:lnTo>
                    <a:pt x="171" y="332"/>
                  </a:lnTo>
                  <a:lnTo>
                    <a:pt x="174" y="334"/>
                  </a:lnTo>
                  <a:lnTo>
                    <a:pt x="178" y="337"/>
                  </a:lnTo>
                  <a:lnTo>
                    <a:pt x="180" y="342"/>
                  </a:lnTo>
                  <a:lnTo>
                    <a:pt x="183" y="346"/>
                  </a:lnTo>
                  <a:lnTo>
                    <a:pt x="186" y="351"/>
                  </a:lnTo>
                  <a:lnTo>
                    <a:pt x="188" y="356"/>
                  </a:lnTo>
                  <a:lnTo>
                    <a:pt x="202" y="353"/>
                  </a:lnTo>
                  <a:lnTo>
                    <a:pt x="217" y="349"/>
                  </a:lnTo>
                  <a:lnTo>
                    <a:pt x="225" y="347"/>
                  </a:lnTo>
                  <a:lnTo>
                    <a:pt x="233" y="346"/>
                  </a:lnTo>
                  <a:lnTo>
                    <a:pt x="242" y="346"/>
                  </a:lnTo>
                  <a:lnTo>
                    <a:pt x="253" y="347"/>
                  </a:lnTo>
                  <a:lnTo>
                    <a:pt x="255" y="335"/>
                  </a:lnTo>
                  <a:lnTo>
                    <a:pt x="259" y="325"/>
                  </a:lnTo>
                  <a:lnTo>
                    <a:pt x="265" y="316"/>
                  </a:lnTo>
                  <a:lnTo>
                    <a:pt x="272" y="309"/>
                  </a:lnTo>
                  <a:lnTo>
                    <a:pt x="279" y="303"/>
                  </a:lnTo>
                  <a:lnTo>
                    <a:pt x="288" y="297"/>
                  </a:lnTo>
                  <a:lnTo>
                    <a:pt x="297" y="292"/>
                  </a:lnTo>
                  <a:lnTo>
                    <a:pt x="307" y="289"/>
                  </a:lnTo>
                  <a:lnTo>
                    <a:pt x="327" y="282"/>
                  </a:lnTo>
                  <a:lnTo>
                    <a:pt x="346" y="276"/>
                  </a:lnTo>
                  <a:lnTo>
                    <a:pt x="354" y="273"/>
                  </a:lnTo>
                  <a:lnTo>
                    <a:pt x="362" y="270"/>
                  </a:lnTo>
                  <a:lnTo>
                    <a:pt x="369" y="267"/>
                  </a:lnTo>
                  <a:lnTo>
                    <a:pt x="375" y="263"/>
                  </a:lnTo>
                  <a:lnTo>
                    <a:pt x="368" y="256"/>
                  </a:lnTo>
                  <a:lnTo>
                    <a:pt x="360" y="250"/>
                  </a:lnTo>
                  <a:lnTo>
                    <a:pt x="354" y="244"/>
                  </a:lnTo>
                  <a:lnTo>
                    <a:pt x="349" y="236"/>
                  </a:lnTo>
                  <a:lnTo>
                    <a:pt x="337" y="221"/>
                  </a:lnTo>
                  <a:lnTo>
                    <a:pt x="328" y="204"/>
                  </a:lnTo>
                  <a:lnTo>
                    <a:pt x="319" y="187"/>
                  </a:lnTo>
                  <a:lnTo>
                    <a:pt x="311" y="169"/>
                  </a:lnTo>
                  <a:lnTo>
                    <a:pt x="302" y="150"/>
                  </a:lnTo>
                  <a:lnTo>
                    <a:pt x="295" y="131"/>
                  </a:lnTo>
                  <a:lnTo>
                    <a:pt x="288" y="113"/>
                  </a:lnTo>
                  <a:lnTo>
                    <a:pt x="280" y="94"/>
                  </a:lnTo>
                  <a:lnTo>
                    <a:pt x="272" y="76"/>
                  </a:lnTo>
                  <a:lnTo>
                    <a:pt x="262" y="58"/>
                  </a:lnTo>
                  <a:lnTo>
                    <a:pt x="253" y="43"/>
                  </a:lnTo>
                  <a:lnTo>
                    <a:pt x="241" y="27"/>
                  </a:lnTo>
                  <a:lnTo>
                    <a:pt x="236" y="19"/>
                  </a:lnTo>
                  <a:lnTo>
                    <a:pt x="230" y="13"/>
                  </a:lnTo>
                  <a:lnTo>
                    <a:pt x="222" y="7"/>
                  </a:lnTo>
                  <a:lnTo>
                    <a:pt x="215" y="0"/>
                  </a:lnTo>
                  <a:lnTo>
                    <a:pt x="211" y="28"/>
                  </a:lnTo>
                  <a:lnTo>
                    <a:pt x="207" y="51"/>
                  </a:lnTo>
                  <a:lnTo>
                    <a:pt x="201" y="72"/>
                  </a:lnTo>
                  <a:lnTo>
                    <a:pt x="197" y="91"/>
                  </a:lnTo>
                  <a:lnTo>
                    <a:pt x="196" y="102"/>
                  </a:lnTo>
                  <a:lnTo>
                    <a:pt x="196" y="111"/>
                  </a:lnTo>
                  <a:lnTo>
                    <a:pt x="196" y="121"/>
                  </a:lnTo>
                  <a:lnTo>
                    <a:pt x="197" y="131"/>
                  </a:lnTo>
                  <a:lnTo>
                    <a:pt x="200" y="142"/>
                  </a:lnTo>
                  <a:lnTo>
                    <a:pt x="203" y="153"/>
                  </a:lnTo>
                  <a:lnTo>
                    <a:pt x="209" y="166"/>
                  </a:lnTo>
                  <a:lnTo>
                    <a:pt x="215" y="178"/>
                  </a:lnTo>
                  <a:lnTo>
                    <a:pt x="214" y="181"/>
                  </a:lnTo>
                  <a:lnTo>
                    <a:pt x="212" y="183"/>
                  </a:lnTo>
                  <a:lnTo>
                    <a:pt x="210" y="184"/>
                  </a:lnTo>
                  <a:lnTo>
                    <a:pt x="208" y="185"/>
                  </a:lnTo>
                  <a:lnTo>
                    <a:pt x="201" y="186"/>
                  </a:lnTo>
                  <a:lnTo>
                    <a:pt x="195" y="186"/>
                  </a:lnTo>
                  <a:lnTo>
                    <a:pt x="189" y="187"/>
                  </a:lnTo>
                  <a:lnTo>
                    <a:pt x="183" y="189"/>
                  </a:lnTo>
                  <a:lnTo>
                    <a:pt x="181" y="190"/>
                  </a:lnTo>
                  <a:lnTo>
                    <a:pt x="179" y="192"/>
                  </a:lnTo>
                  <a:lnTo>
                    <a:pt x="178" y="194"/>
                  </a:lnTo>
                  <a:lnTo>
                    <a:pt x="178" y="197"/>
                  </a:lnTo>
                  <a:lnTo>
                    <a:pt x="183" y="197"/>
                  </a:lnTo>
                  <a:lnTo>
                    <a:pt x="189" y="198"/>
                  </a:lnTo>
                  <a:lnTo>
                    <a:pt x="193" y="202"/>
                  </a:lnTo>
                  <a:lnTo>
                    <a:pt x="197" y="204"/>
                  </a:lnTo>
                  <a:lnTo>
                    <a:pt x="199" y="208"/>
                  </a:lnTo>
                  <a:lnTo>
                    <a:pt x="201" y="212"/>
                  </a:lnTo>
                  <a:lnTo>
                    <a:pt x="203" y="216"/>
                  </a:lnTo>
                  <a:lnTo>
                    <a:pt x="205" y="222"/>
                  </a:lnTo>
                  <a:lnTo>
                    <a:pt x="206" y="247"/>
                  </a:lnTo>
                  <a:lnTo>
                    <a:pt x="206" y="272"/>
                  </a:lnTo>
                  <a:lnTo>
                    <a:pt x="181" y="277"/>
                  </a:lnTo>
                  <a:lnTo>
                    <a:pt x="156" y="285"/>
                  </a:lnTo>
                  <a:lnTo>
                    <a:pt x="130" y="294"/>
                  </a:lnTo>
                  <a:lnTo>
                    <a:pt x="103" y="303"/>
                  </a:lnTo>
                  <a:lnTo>
                    <a:pt x="78" y="312"/>
                  </a:lnTo>
                  <a:lnTo>
                    <a:pt x="52" y="320"/>
                  </a:lnTo>
                  <a:lnTo>
                    <a:pt x="38" y="323"/>
                  </a:lnTo>
                  <a:lnTo>
                    <a:pt x="26" y="326"/>
                  </a:lnTo>
                  <a:lnTo>
                    <a:pt x="13" y="327"/>
                  </a:lnTo>
                  <a:lnTo>
                    <a:pt x="0" y="328"/>
                  </a:lnTo>
                  <a:lnTo>
                    <a:pt x="1" y="336"/>
                  </a:lnTo>
                  <a:lnTo>
                    <a:pt x="4" y="345"/>
                  </a:lnTo>
                  <a:lnTo>
                    <a:pt x="10" y="354"/>
                  </a:lnTo>
                  <a:lnTo>
                    <a:pt x="16" y="364"/>
                  </a:lnTo>
                  <a:lnTo>
                    <a:pt x="30" y="385"/>
                  </a:lnTo>
                  <a:lnTo>
                    <a:pt x="44" y="407"/>
                  </a:lnTo>
                  <a:lnTo>
                    <a:pt x="52" y="417"/>
                  </a:lnTo>
                  <a:lnTo>
                    <a:pt x="57" y="429"/>
                  </a:lnTo>
                  <a:lnTo>
                    <a:pt x="61" y="441"/>
                  </a:lnTo>
                  <a:lnTo>
                    <a:pt x="64" y="451"/>
                  </a:lnTo>
                  <a:lnTo>
                    <a:pt x="66" y="457"/>
                  </a:lnTo>
                  <a:lnTo>
                    <a:pt x="66" y="463"/>
                  </a:lnTo>
                  <a:lnTo>
                    <a:pt x="66" y="468"/>
                  </a:lnTo>
                  <a:lnTo>
                    <a:pt x="64" y="473"/>
                  </a:lnTo>
                  <a:lnTo>
                    <a:pt x="62" y="480"/>
                  </a:lnTo>
                  <a:lnTo>
                    <a:pt x="60" y="485"/>
                  </a:lnTo>
                  <a:lnTo>
                    <a:pt x="57" y="490"/>
                  </a:lnTo>
                  <a:lnTo>
                    <a:pt x="53" y="495"/>
                  </a:lnTo>
                  <a:lnTo>
                    <a:pt x="57" y="494"/>
                  </a:lnTo>
                  <a:lnTo>
                    <a:pt x="61" y="494"/>
                  </a:lnTo>
                  <a:lnTo>
                    <a:pt x="67" y="496"/>
                  </a:lnTo>
                  <a:lnTo>
                    <a:pt x="71" y="501"/>
                  </a:lnTo>
                  <a:lnTo>
                    <a:pt x="76" y="505"/>
                  </a:lnTo>
                  <a:lnTo>
                    <a:pt x="81" y="511"/>
                  </a:lnTo>
                  <a:lnTo>
                    <a:pt x="87" y="518"/>
                  </a:lnTo>
                  <a:lnTo>
                    <a:pt x="92" y="525"/>
                  </a:lnTo>
                  <a:lnTo>
                    <a:pt x="102" y="543"/>
                  </a:lnTo>
                  <a:lnTo>
                    <a:pt x="113" y="563"/>
                  </a:lnTo>
                  <a:lnTo>
                    <a:pt x="123" y="584"/>
                  </a:lnTo>
                  <a:lnTo>
                    <a:pt x="134" y="606"/>
                  </a:lnTo>
                  <a:lnTo>
                    <a:pt x="154" y="647"/>
                  </a:lnTo>
                  <a:lnTo>
                    <a:pt x="170" y="682"/>
                  </a:lnTo>
                  <a:lnTo>
                    <a:pt x="176" y="693"/>
                  </a:lnTo>
                  <a:lnTo>
                    <a:pt x="181" y="701"/>
                  </a:lnTo>
                  <a:lnTo>
                    <a:pt x="183" y="702"/>
                  </a:lnTo>
                  <a:lnTo>
                    <a:pt x="186" y="702"/>
                  </a:lnTo>
                  <a:lnTo>
                    <a:pt x="187" y="701"/>
                  </a:lnTo>
                  <a:lnTo>
                    <a:pt x="188" y="698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33" name="Group 995"/>
            <p:cNvGrpSpPr/>
            <p:nvPr/>
          </p:nvGrpSpPr>
          <p:grpSpPr>
            <a:xfrm>
              <a:off x="1687513" y="5018088"/>
              <a:ext cx="219075" cy="152400"/>
              <a:chOff x="1687513" y="5018088"/>
              <a:chExt cx="219075" cy="152400"/>
            </a:xfrm>
            <a:grpFill/>
          </p:grpSpPr>
          <p:sp>
            <p:nvSpPr>
              <p:cNvPr id="107" name="Fredericia"/>
              <p:cNvSpPr>
                <a:spLocks/>
              </p:cNvSpPr>
              <p:nvPr/>
            </p:nvSpPr>
            <p:spPr bwMode="auto">
              <a:xfrm>
                <a:off x="1703388" y="5018088"/>
                <a:ext cx="203200" cy="50800"/>
              </a:xfrm>
              <a:custGeom>
                <a:avLst/>
                <a:gdLst>
                  <a:gd name="T0" fmla="*/ 84 w 383"/>
                  <a:gd name="T1" fmla="*/ 2 h 96"/>
                  <a:gd name="T2" fmla="*/ 89 w 383"/>
                  <a:gd name="T3" fmla="*/ 3 h 96"/>
                  <a:gd name="T4" fmla="*/ 97 w 383"/>
                  <a:gd name="T5" fmla="*/ 3 h 96"/>
                  <a:gd name="T6" fmla="*/ 108 w 383"/>
                  <a:gd name="T7" fmla="*/ 1 h 96"/>
                  <a:gd name="T8" fmla="*/ 118 w 383"/>
                  <a:gd name="T9" fmla="*/ 0 h 96"/>
                  <a:gd name="T10" fmla="*/ 124 w 383"/>
                  <a:gd name="T11" fmla="*/ 0 h 96"/>
                  <a:gd name="T12" fmla="*/ 125 w 383"/>
                  <a:gd name="T13" fmla="*/ 5 h 96"/>
                  <a:gd name="T14" fmla="*/ 114 w 383"/>
                  <a:gd name="T15" fmla="*/ 16 h 96"/>
                  <a:gd name="T16" fmla="*/ 104 w 383"/>
                  <a:gd name="T17" fmla="*/ 24 h 96"/>
                  <a:gd name="T18" fmla="*/ 99 w 383"/>
                  <a:gd name="T19" fmla="*/ 27 h 96"/>
                  <a:gd name="T20" fmla="*/ 95 w 383"/>
                  <a:gd name="T21" fmla="*/ 27 h 96"/>
                  <a:gd name="T22" fmla="*/ 93 w 383"/>
                  <a:gd name="T23" fmla="*/ 27 h 96"/>
                  <a:gd name="T24" fmla="*/ 92 w 383"/>
                  <a:gd name="T25" fmla="*/ 26 h 96"/>
                  <a:gd name="T26" fmla="*/ 91 w 383"/>
                  <a:gd name="T27" fmla="*/ 24 h 96"/>
                  <a:gd name="T28" fmla="*/ 88 w 383"/>
                  <a:gd name="T29" fmla="*/ 24 h 96"/>
                  <a:gd name="T30" fmla="*/ 82 w 383"/>
                  <a:gd name="T31" fmla="*/ 27 h 96"/>
                  <a:gd name="T32" fmla="*/ 77 w 383"/>
                  <a:gd name="T33" fmla="*/ 28 h 96"/>
                  <a:gd name="T34" fmla="*/ 75 w 383"/>
                  <a:gd name="T35" fmla="*/ 28 h 96"/>
                  <a:gd name="T36" fmla="*/ 72 w 383"/>
                  <a:gd name="T37" fmla="*/ 27 h 96"/>
                  <a:gd name="T38" fmla="*/ 70 w 383"/>
                  <a:gd name="T39" fmla="*/ 25 h 96"/>
                  <a:gd name="T40" fmla="*/ 69 w 383"/>
                  <a:gd name="T41" fmla="*/ 24 h 96"/>
                  <a:gd name="T42" fmla="*/ 68 w 383"/>
                  <a:gd name="T43" fmla="*/ 26 h 96"/>
                  <a:gd name="T44" fmla="*/ 64 w 383"/>
                  <a:gd name="T45" fmla="*/ 28 h 96"/>
                  <a:gd name="T46" fmla="*/ 60 w 383"/>
                  <a:gd name="T47" fmla="*/ 30 h 96"/>
                  <a:gd name="T48" fmla="*/ 56 w 383"/>
                  <a:gd name="T49" fmla="*/ 31 h 96"/>
                  <a:gd name="T50" fmla="*/ 51 w 383"/>
                  <a:gd name="T51" fmla="*/ 31 h 96"/>
                  <a:gd name="T52" fmla="*/ 47 w 383"/>
                  <a:gd name="T53" fmla="*/ 28 h 96"/>
                  <a:gd name="T54" fmla="*/ 44 w 383"/>
                  <a:gd name="T55" fmla="*/ 25 h 96"/>
                  <a:gd name="T56" fmla="*/ 42 w 383"/>
                  <a:gd name="T57" fmla="*/ 23 h 96"/>
                  <a:gd name="T58" fmla="*/ 40 w 383"/>
                  <a:gd name="T59" fmla="*/ 23 h 96"/>
                  <a:gd name="T60" fmla="*/ 37 w 383"/>
                  <a:gd name="T61" fmla="*/ 25 h 96"/>
                  <a:gd name="T62" fmla="*/ 35 w 383"/>
                  <a:gd name="T63" fmla="*/ 28 h 96"/>
                  <a:gd name="T64" fmla="*/ 32 w 383"/>
                  <a:gd name="T65" fmla="*/ 31 h 96"/>
                  <a:gd name="T66" fmla="*/ 30 w 383"/>
                  <a:gd name="T67" fmla="*/ 31 h 96"/>
                  <a:gd name="T68" fmla="*/ 27 w 383"/>
                  <a:gd name="T69" fmla="*/ 30 h 96"/>
                  <a:gd name="T70" fmla="*/ 21 w 383"/>
                  <a:gd name="T71" fmla="*/ 29 h 96"/>
                  <a:gd name="T72" fmla="*/ 8 w 383"/>
                  <a:gd name="T73" fmla="*/ 29 h 96"/>
                  <a:gd name="T74" fmla="*/ 3 w 383"/>
                  <a:gd name="T75" fmla="*/ 26 h 96"/>
                  <a:gd name="T76" fmla="*/ 9 w 383"/>
                  <a:gd name="T77" fmla="*/ 19 h 96"/>
                  <a:gd name="T78" fmla="*/ 15 w 383"/>
                  <a:gd name="T79" fmla="*/ 13 h 96"/>
                  <a:gd name="T80" fmla="*/ 19 w 383"/>
                  <a:gd name="T81" fmla="*/ 10 h 96"/>
                  <a:gd name="T82" fmla="*/ 24 w 383"/>
                  <a:gd name="T83" fmla="*/ 7 h 96"/>
                  <a:gd name="T84" fmla="*/ 30 w 383"/>
                  <a:gd name="T85" fmla="*/ 5 h 96"/>
                  <a:gd name="T86" fmla="*/ 34 w 383"/>
                  <a:gd name="T87" fmla="*/ 7 h 96"/>
                  <a:gd name="T88" fmla="*/ 34 w 383"/>
                  <a:gd name="T89" fmla="*/ 11 h 96"/>
                  <a:gd name="T90" fmla="*/ 36 w 383"/>
                  <a:gd name="T91" fmla="*/ 14 h 96"/>
                  <a:gd name="T92" fmla="*/ 37 w 383"/>
                  <a:gd name="T93" fmla="*/ 17 h 96"/>
                  <a:gd name="T94" fmla="*/ 45 w 383"/>
                  <a:gd name="T95" fmla="*/ 20 h 96"/>
                  <a:gd name="T96" fmla="*/ 56 w 383"/>
                  <a:gd name="T97" fmla="*/ 19 h 96"/>
                  <a:gd name="T98" fmla="*/ 62 w 383"/>
                  <a:gd name="T99" fmla="*/ 17 h 96"/>
                  <a:gd name="T100" fmla="*/ 68 w 383"/>
                  <a:gd name="T101" fmla="*/ 15 h 96"/>
                  <a:gd name="T102" fmla="*/ 73 w 383"/>
                  <a:gd name="T103" fmla="*/ 12 h 96"/>
                  <a:gd name="T104" fmla="*/ 77 w 383"/>
                  <a:gd name="T105" fmla="*/ 8 h 96"/>
                  <a:gd name="T106" fmla="*/ 80 w 383"/>
                  <a:gd name="T107" fmla="*/ 4 h 9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383" h="96">
                    <a:moveTo>
                      <a:pt x="243" y="2"/>
                    </a:moveTo>
                    <a:lnTo>
                      <a:pt x="251" y="5"/>
                    </a:lnTo>
                    <a:lnTo>
                      <a:pt x="259" y="8"/>
                    </a:lnTo>
                    <a:lnTo>
                      <a:pt x="266" y="9"/>
                    </a:lnTo>
                    <a:lnTo>
                      <a:pt x="274" y="10"/>
                    </a:lnTo>
                    <a:lnTo>
                      <a:pt x="290" y="9"/>
                    </a:lnTo>
                    <a:lnTo>
                      <a:pt x="307" y="6"/>
                    </a:lnTo>
                    <a:lnTo>
                      <a:pt x="324" y="3"/>
                    </a:lnTo>
                    <a:lnTo>
                      <a:pt x="343" y="1"/>
                    </a:lnTo>
                    <a:lnTo>
                      <a:pt x="352" y="0"/>
                    </a:lnTo>
                    <a:lnTo>
                      <a:pt x="362" y="0"/>
                    </a:lnTo>
                    <a:lnTo>
                      <a:pt x="372" y="1"/>
                    </a:lnTo>
                    <a:lnTo>
                      <a:pt x="383" y="2"/>
                    </a:lnTo>
                    <a:lnTo>
                      <a:pt x="373" y="15"/>
                    </a:lnTo>
                    <a:lnTo>
                      <a:pt x="359" y="31"/>
                    </a:lnTo>
                    <a:lnTo>
                      <a:pt x="341" y="49"/>
                    </a:lnTo>
                    <a:lnTo>
                      <a:pt x="322" y="64"/>
                    </a:lnTo>
                    <a:lnTo>
                      <a:pt x="312" y="71"/>
                    </a:lnTo>
                    <a:lnTo>
                      <a:pt x="304" y="76"/>
                    </a:lnTo>
                    <a:lnTo>
                      <a:pt x="295" y="80"/>
                    </a:lnTo>
                    <a:lnTo>
                      <a:pt x="288" y="82"/>
                    </a:lnTo>
                    <a:lnTo>
                      <a:pt x="285" y="82"/>
                    </a:lnTo>
                    <a:lnTo>
                      <a:pt x="282" y="82"/>
                    </a:lnTo>
                    <a:lnTo>
                      <a:pt x="279" y="81"/>
                    </a:lnTo>
                    <a:lnTo>
                      <a:pt x="277" y="80"/>
                    </a:lnTo>
                    <a:lnTo>
                      <a:pt x="274" y="78"/>
                    </a:lnTo>
                    <a:lnTo>
                      <a:pt x="272" y="76"/>
                    </a:lnTo>
                    <a:lnTo>
                      <a:pt x="271" y="72"/>
                    </a:lnTo>
                    <a:lnTo>
                      <a:pt x="271" y="68"/>
                    </a:lnTo>
                    <a:lnTo>
                      <a:pt x="263" y="73"/>
                    </a:lnTo>
                    <a:lnTo>
                      <a:pt x="254" y="77"/>
                    </a:lnTo>
                    <a:lnTo>
                      <a:pt x="245" y="82"/>
                    </a:lnTo>
                    <a:lnTo>
                      <a:pt x="236" y="84"/>
                    </a:lnTo>
                    <a:lnTo>
                      <a:pt x="231" y="85"/>
                    </a:lnTo>
                    <a:lnTo>
                      <a:pt x="227" y="85"/>
                    </a:lnTo>
                    <a:lnTo>
                      <a:pt x="223" y="85"/>
                    </a:lnTo>
                    <a:lnTo>
                      <a:pt x="220" y="83"/>
                    </a:lnTo>
                    <a:lnTo>
                      <a:pt x="215" y="81"/>
                    </a:lnTo>
                    <a:lnTo>
                      <a:pt x="212" y="78"/>
                    </a:lnTo>
                    <a:lnTo>
                      <a:pt x="208" y="74"/>
                    </a:lnTo>
                    <a:lnTo>
                      <a:pt x="206" y="68"/>
                    </a:lnTo>
                    <a:lnTo>
                      <a:pt x="206" y="72"/>
                    </a:lnTo>
                    <a:lnTo>
                      <a:pt x="205" y="75"/>
                    </a:lnTo>
                    <a:lnTo>
                      <a:pt x="202" y="78"/>
                    </a:lnTo>
                    <a:lnTo>
                      <a:pt x="198" y="82"/>
                    </a:lnTo>
                    <a:lnTo>
                      <a:pt x="192" y="85"/>
                    </a:lnTo>
                    <a:lnTo>
                      <a:pt x="187" y="88"/>
                    </a:lnTo>
                    <a:lnTo>
                      <a:pt x="181" y="90"/>
                    </a:lnTo>
                    <a:lnTo>
                      <a:pt x="173" y="92"/>
                    </a:lnTo>
                    <a:lnTo>
                      <a:pt x="167" y="92"/>
                    </a:lnTo>
                    <a:lnTo>
                      <a:pt x="160" y="92"/>
                    </a:lnTo>
                    <a:lnTo>
                      <a:pt x="152" y="92"/>
                    </a:lnTo>
                    <a:lnTo>
                      <a:pt x="147" y="90"/>
                    </a:lnTo>
                    <a:lnTo>
                      <a:pt x="141" y="85"/>
                    </a:lnTo>
                    <a:lnTo>
                      <a:pt x="136" y="81"/>
                    </a:lnTo>
                    <a:lnTo>
                      <a:pt x="132" y="75"/>
                    </a:lnTo>
                    <a:lnTo>
                      <a:pt x="130" y="68"/>
                    </a:lnTo>
                    <a:lnTo>
                      <a:pt x="126" y="68"/>
                    </a:lnTo>
                    <a:lnTo>
                      <a:pt x="123" y="69"/>
                    </a:lnTo>
                    <a:lnTo>
                      <a:pt x="120" y="70"/>
                    </a:lnTo>
                    <a:lnTo>
                      <a:pt x="116" y="71"/>
                    </a:lnTo>
                    <a:lnTo>
                      <a:pt x="112" y="74"/>
                    </a:lnTo>
                    <a:lnTo>
                      <a:pt x="108" y="79"/>
                    </a:lnTo>
                    <a:lnTo>
                      <a:pt x="105" y="83"/>
                    </a:lnTo>
                    <a:lnTo>
                      <a:pt x="102" y="89"/>
                    </a:lnTo>
                    <a:lnTo>
                      <a:pt x="97" y="93"/>
                    </a:lnTo>
                    <a:lnTo>
                      <a:pt x="93" y="96"/>
                    </a:lnTo>
                    <a:lnTo>
                      <a:pt x="89" y="93"/>
                    </a:lnTo>
                    <a:lnTo>
                      <a:pt x="85" y="91"/>
                    </a:lnTo>
                    <a:lnTo>
                      <a:pt x="81" y="90"/>
                    </a:lnTo>
                    <a:lnTo>
                      <a:pt x="75" y="88"/>
                    </a:lnTo>
                    <a:lnTo>
                      <a:pt x="64" y="86"/>
                    </a:lnTo>
                    <a:lnTo>
                      <a:pt x="51" y="86"/>
                    </a:lnTo>
                    <a:lnTo>
                      <a:pt x="25" y="86"/>
                    </a:lnTo>
                    <a:lnTo>
                      <a:pt x="0" y="86"/>
                    </a:lnTo>
                    <a:lnTo>
                      <a:pt x="9" y="78"/>
                    </a:lnTo>
                    <a:lnTo>
                      <a:pt x="19" y="69"/>
                    </a:lnTo>
                    <a:lnTo>
                      <a:pt x="28" y="57"/>
                    </a:lnTo>
                    <a:lnTo>
                      <a:pt x="39" y="45"/>
                    </a:lnTo>
                    <a:lnTo>
                      <a:pt x="44" y="40"/>
                    </a:lnTo>
                    <a:lnTo>
                      <a:pt x="50" y="34"/>
                    </a:lnTo>
                    <a:lnTo>
                      <a:pt x="57" y="29"/>
                    </a:lnTo>
                    <a:lnTo>
                      <a:pt x="65" y="24"/>
                    </a:lnTo>
                    <a:lnTo>
                      <a:pt x="73" y="20"/>
                    </a:lnTo>
                    <a:lnTo>
                      <a:pt x="82" y="16"/>
                    </a:lnTo>
                    <a:lnTo>
                      <a:pt x="91" y="14"/>
                    </a:lnTo>
                    <a:lnTo>
                      <a:pt x="103" y="12"/>
                    </a:lnTo>
                    <a:lnTo>
                      <a:pt x="101" y="20"/>
                    </a:lnTo>
                    <a:lnTo>
                      <a:pt x="101" y="28"/>
                    </a:lnTo>
                    <a:lnTo>
                      <a:pt x="103" y="32"/>
                    </a:lnTo>
                    <a:lnTo>
                      <a:pt x="106" y="37"/>
                    </a:lnTo>
                    <a:lnTo>
                      <a:pt x="108" y="41"/>
                    </a:lnTo>
                    <a:lnTo>
                      <a:pt x="111" y="45"/>
                    </a:lnTo>
                    <a:lnTo>
                      <a:pt x="112" y="51"/>
                    </a:lnTo>
                    <a:lnTo>
                      <a:pt x="112" y="58"/>
                    </a:lnTo>
                    <a:lnTo>
                      <a:pt x="135" y="59"/>
                    </a:lnTo>
                    <a:lnTo>
                      <a:pt x="158" y="57"/>
                    </a:lnTo>
                    <a:lnTo>
                      <a:pt x="167" y="56"/>
                    </a:lnTo>
                    <a:lnTo>
                      <a:pt x="178" y="54"/>
                    </a:lnTo>
                    <a:lnTo>
                      <a:pt x="187" y="52"/>
                    </a:lnTo>
                    <a:lnTo>
                      <a:pt x="195" y="49"/>
                    </a:lnTo>
                    <a:lnTo>
                      <a:pt x="204" y="45"/>
                    </a:lnTo>
                    <a:lnTo>
                      <a:pt x="211" y="41"/>
                    </a:lnTo>
                    <a:lnTo>
                      <a:pt x="219" y="36"/>
                    </a:lnTo>
                    <a:lnTo>
                      <a:pt x="225" y="31"/>
                    </a:lnTo>
                    <a:lnTo>
                      <a:pt x="230" y="24"/>
                    </a:lnTo>
                    <a:lnTo>
                      <a:pt x="235" y="18"/>
                    </a:lnTo>
                    <a:lnTo>
                      <a:pt x="240" y="11"/>
                    </a:lnTo>
                    <a:lnTo>
                      <a:pt x="243" y="2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8" name="Fredericia kant"/>
              <p:cNvSpPr>
                <a:spLocks/>
              </p:cNvSpPr>
              <p:nvPr/>
            </p:nvSpPr>
            <p:spPr bwMode="auto">
              <a:xfrm>
                <a:off x="1703388" y="5018088"/>
                <a:ext cx="203200" cy="50800"/>
              </a:xfrm>
              <a:custGeom>
                <a:avLst/>
                <a:gdLst>
                  <a:gd name="T0" fmla="*/ 37 w 383"/>
                  <a:gd name="T1" fmla="*/ 17 h 96"/>
                  <a:gd name="T2" fmla="*/ 36 w 383"/>
                  <a:gd name="T3" fmla="*/ 14 h 96"/>
                  <a:gd name="T4" fmla="*/ 34 w 383"/>
                  <a:gd name="T5" fmla="*/ 11 h 96"/>
                  <a:gd name="T6" fmla="*/ 34 w 383"/>
                  <a:gd name="T7" fmla="*/ 7 h 96"/>
                  <a:gd name="T8" fmla="*/ 30 w 383"/>
                  <a:gd name="T9" fmla="*/ 5 h 96"/>
                  <a:gd name="T10" fmla="*/ 24 w 383"/>
                  <a:gd name="T11" fmla="*/ 7 h 96"/>
                  <a:gd name="T12" fmla="*/ 19 w 383"/>
                  <a:gd name="T13" fmla="*/ 10 h 96"/>
                  <a:gd name="T14" fmla="*/ 15 w 383"/>
                  <a:gd name="T15" fmla="*/ 13 h 96"/>
                  <a:gd name="T16" fmla="*/ 9 w 383"/>
                  <a:gd name="T17" fmla="*/ 19 h 96"/>
                  <a:gd name="T18" fmla="*/ 3 w 383"/>
                  <a:gd name="T19" fmla="*/ 26 h 96"/>
                  <a:gd name="T20" fmla="*/ 8 w 383"/>
                  <a:gd name="T21" fmla="*/ 29 h 96"/>
                  <a:gd name="T22" fmla="*/ 21 w 383"/>
                  <a:gd name="T23" fmla="*/ 29 h 96"/>
                  <a:gd name="T24" fmla="*/ 27 w 383"/>
                  <a:gd name="T25" fmla="*/ 30 h 96"/>
                  <a:gd name="T26" fmla="*/ 30 w 383"/>
                  <a:gd name="T27" fmla="*/ 31 h 96"/>
                  <a:gd name="T28" fmla="*/ 32 w 383"/>
                  <a:gd name="T29" fmla="*/ 31 h 96"/>
                  <a:gd name="T30" fmla="*/ 35 w 383"/>
                  <a:gd name="T31" fmla="*/ 28 h 96"/>
                  <a:gd name="T32" fmla="*/ 37 w 383"/>
                  <a:gd name="T33" fmla="*/ 25 h 96"/>
                  <a:gd name="T34" fmla="*/ 40 w 383"/>
                  <a:gd name="T35" fmla="*/ 23 h 96"/>
                  <a:gd name="T36" fmla="*/ 42 w 383"/>
                  <a:gd name="T37" fmla="*/ 23 h 96"/>
                  <a:gd name="T38" fmla="*/ 44 w 383"/>
                  <a:gd name="T39" fmla="*/ 25 h 96"/>
                  <a:gd name="T40" fmla="*/ 47 w 383"/>
                  <a:gd name="T41" fmla="*/ 28 h 96"/>
                  <a:gd name="T42" fmla="*/ 51 w 383"/>
                  <a:gd name="T43" fmla="*/ 31 h 96"/>
                  <a:gd name="T44" fmla="*/ 56 w 383"/>
                  <a:gd name="T45" fmla="*/ 31 h 96"/>
                  <a:gd name="T46" fmla="*/ 60 w 383"/>
                  <a:gd name="T47" fmla="*/ 30 h 96"/>
                  <a:gd name="T48" fmla="*/ 64 w 383"/>
                  <a:gd name="T49" fmla="*/ 28 h 96"/>
                  <a:gd name="T50" fmla="*/ 68 w 383"/>
                  <a:gd name="T51" fmla="*/ 26 h 96"/>
                  <a:gd name="T52" fmla="*/ 69 w 383"/>
                  <a:gd name="T53" fmla="*/ 24 h 96"/>
                  <a:gd name="T54" fmla="*/ 70 w 383"/>
                  <a:gd name="T55" fmla="*/ 25 h 96"/>
                  <a:gd name="T56" fmla="*/ 72 w 383"/>
                  <a:gd name="T57" fmla="*/ 27 h 96"/>
                  <a:gd name="T58" fmla="*/ 75 w 383"/>
                  <a:gd name="T59" fmla="*/ 28 h 96"/>
                  <a:gd name="T60" fmla="*/ 77 w 383"/>
                  <a:gd name="T61" fmla="*/ 28 h 96"/>
                  <a:gd name="T62" fmla="*/ 82 w 383"/>
                  <a:gd name="T63" fmla="*/ 27 h 96"/>
                  <a:gd name="T64" fmla="*/ 88 w 383"/>
                  <a:gd name="T65" fmla="*/ 24 h 96"/>
                  <a:gd name="T66" fmla="*/ 91 w 383"/>
                  <a:gd name="T67" fmla="*/ 24 h 96"/>
                  <a:gd name="T68" fmla="*/ 92 w 383"/>
                  <a:gd name="T69" fmla="*/ 26 h 96"/>
                  <a:gd name="T70" fmla="*/ 93 w 383"/>
                  <a:gd name="T71" fmla="*/ 27 h 96"/>
                  <a:gd name="T72" fmla="*/ 95 w 383"/>
                  <a:gd name="T73" fmla="*/ 27 h 96"/>
                  <a:gd name="T74" fmla="*/ 99 w 383"/>
                  <a:gd name="T75" fmla="*/ 27 h 96"/>
                  <a:gd name="T76" fmla="*/ 104 w 383"/>
                  <a:gd name="T77" fmla="*/ 24 h 96"/>
                  <a:gd name="T78" fmla="*/ 114 w 383"/>
                  <a:gd name="T79" fmla="*/ 16 h 96"/>
                  <a:gd name="T80" fmla="*/ 125 w 383"/>
                  <a:gd name="T81" fmla="*/ 5 h 96"/>
                  <a:gd name="T82" fmla="*/ 124 w 383"/>
                  <a:gd name="T83" fmla="*/ 0 h 96"/>
                  <a:gd name="T84" fmla="*/ 118 w 383"/>
                  <a:gd name="T85" fmla="*/ 0 h 96"/>
                  <a:gd name="T86" fmla="*/ 108 w 383"/>
                  <a:gd name="T87" fmla="*/ 1 h 96"/>
                  <a:gd name="T88" fmla="*/ 97 w 383"/>
                  <a:gd name="T89" fmla="*/ 3 h 96"/>
                  <a:gd name="T90" fmla="*/ 89 w 383"/>
                  <a:gd name="T91" fmla="*/ 3 h 96"/>
                  <a:gd name="T92" fmla="*/ 84 w 383"/>
                  <a:gd name="T93" fmla="*/ 2 h 96"/>
                  <a:gd name="T94" fmla="*/ 80 w 383"/>
                  <a:gd name="T95" fmla="*/ 4 h 96"/>
                  <a:gd name="T96" fmla="*/ 77 w 383"/>
                  <a:gd name="T97" fmla="*/ 8 h 96"/>
                  <a:gd name="T98" fmla="*/ 73 w 383"/>
                  <a:gd name="T99" fmla="*/ 12 h 96"/>
                  <a:gd name="T100" fmla="*/ 68 w 383"/>
                  <a:gd name="T101" fmla="*/ 15 h 96"/>
                  <a:gd name="T102" fmla="*/ 62 w 383"/>
                  <a:gd name="T103" fmla="*/ 17 h 96"/>
                  <a:gd name="T104" fmla="*/ 56 w 383"/>
                  <a:gd name="T105" fmla="*/ 19 h 96"/>
                  <a:gd name="T106" fmla="*/ 45 w 383"/>
                  <a:gd name="T107" fmla="*/ 20 h 9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383" h="96">
                    <a:moveTo>
                      <a:pt x="112" y="58"/>
                    </a:moveTo>
                    <a:lnTo>
                      <a:pt x="112" y="51"/>
                    </a:lnTo>
                    <a:lnTo>
                      <a:pt x="111" y="45"/>
                    </a:lnTo>
                    <a:lnTo>
                      <a:pt x="108" y="41"/>
                    </a:lnTo>
                    <a:lnTo>
                      <a:pt x="106" y="37"/>
                    </a:lnTo>
                    <a:lnTo>
                      <a:pt x="103" y="32"/>
                    </a:lnTo>
                    <a:lnTo>
                      <a:pt x="101" y="28"/>
                    </a:lnTo>
                    <a:lnTo>
                      <a:pt x="101" y="20"/>
                    </a:lnTo>
                    <a:lnTo>
                      <a:pt x="103" y="12"/>
                    </a:lnTo>
                    <a:lnTo>
                      <a:pt x="91" y="14"/>
                    </a:lnTo>
                    <a:lnTo>
                      <a:pt x="82" y="16"/>
                    </a:lnTo>
                    <a:lnTo>
                      <a:pt x="73" y="20"/>
                    </a:lnTo>
                    <a:lnTo>
                      <a:pt x="65" y="24"/>
                    </a:lnTo>
                    <a:lnTo>
                      <a:pt x="57" y="29"/>
                    </a:lnTo>
                    <a:lnTo>
                      <a:pt x="50" y="34"/>
                    </a:lnTo>
                    <a:lnTo>
                      <a:pt x="44" y="40"/>
                    </a:lnTo>
                    <a:lnTo>
                      <a:pt x="39" y="45"/>
                    </a:lnTo>
                    <a:lnTo>
                      <a:pt x="28" y="57"/>
                    </a:lnTo>
                    <a:lnTo>
                      <a:pt x="19" y="69"/>
                    </a:lnTo>
                    <a:lnTo>
                      <a:pt x="9" y="78"/>
                    </a:lnTo>
                    <a:lnTo>
                      <a:pt x="0" y="86"/>
                    </a:lnTo>
                    <a:lnTo>
                      <a:pt x="25" y="86"/>
                    </a:lnTo>
                    <a:lnTo>
                      <a:pt x="51" y="86"/>
                    </a:lnTo>
                    <a:lnTo>
                      <a:pt x="64" y="86"/>
                    </a:lnTo>
                    <a:lnTo>
                      <a:pt x="75" y="88"/>
                    </a:lnTo>
                    <a:lnTo>
                      <a:pt x="81" y="90"/>
                    </a:lnTo>
                    <a:lnTo>
                      <a:pt x="85" y="91"/>
                    </a:lnTo>
                    <a:lnTo>
                      <a:pt x="89" y="93"/>
                    </a:lnTo>
                    <a:lnTo>
                      <a:pt x="93" y="96"/>
                    </a:lnTo>
                    <a:lnTo>
                      <a:pt x="97" y="93"/>
                    </a:lnTo>
                    <a:lnTo>
                      <a:pt x="102" y="89"/>
                    </a:lnTo>
                    <a:lnTo>
                      <a:pt x="105" y="83"/>
                    </a:lnTo>
                    <a:lnTo>
                      <a:pt x="108" y="79"/>
                    </a:lnTo>
                    <a:lnTo>
                      <a:pt x="112" y="74"/>
                    </a:lnTo>
                    <a:lnTo>
                      <a:pt x="116" y="71"/>
                    </a:lnTo>
                    <a:lnTo>
                      <a:pt x="120" y="70"/>
                    </a:lnTo>
                    <a:lnTo>
                      <a:pt x="123" y="69"/>
                    </a:lnTo>
                    <a:lnTo>
                      <a:pt x="126" y="68"/>
                    </a:lnTo>
                    <a:lnTo>
                      <a:pt x="130" y="68"/>
                    </a:lnTo>
                    <a:lnTo>
                      <a:pt x="132" y="75"/>
                    </a:lnTo>
                    <a:lnTo>
                      <a:pt x="136" y="81"/>
                    </a:lnTo>
                    <a:lnTo>
                      <a:pt x="141" y="85"/>
                    </a:lnTo>
                    <a:lnTo>
                      <a:pt x="147" y="90"/>
                    </a:lnTo>
                    <a:lnTo>
                      <a:pt x="152" y="92"/>
                    </a:lnTo>
                    <a:lnTo>
                      <a:pt x="160" y="92"/>
                    </a:lnTo>
                    <a:lnTo>
                      <a:pt x="167" y="92"/>
                    </a:lnTo>
                    <a:lnTo>
                      <a:pt x="173" y="92"/>
                    </a:lnTo>
                    <a:lnTo>
                      <a:pt x="181" y="90"/>
                    </a:lnTo>
                    <a:lnTo>
                      <a:pt x="187" y="88"/>
                    </a:lnTo>
                    <a:lnTo>
                      <a:pt x="192" y="85"/>
                    </a:lnTo>
                    <a:lnTo>
                      <a:pt x="198" y="82"/>
                    </a:lnTo>
                    <a:lnTo>
                      <a:pt x="202" y="78"/>
                    </a:lnTo>
                    <a:lnTo>
                      <a:pt x="205" y="75"/>
                    </a:lnTo>
                    <a:lnTo>
                      <a:pt x="206" y="72"/>
                    </a:lnTo>
                    <a:lnTo>
                      <a:pt x="206" y="68"/>
                    </a:lnTo>
                    <a:lnTo>
                      <a:pt x="208" y="74"/>
                    </a:lnTo>
                    <a:lnTo>
                      <a:pt x="212" y="78"/>
                    </a:lnTo>
                    <a:lnTo>
                      <a:pt x="215" y="81"/>
                    </a:lnTo>
                    <a:lnTo>
                      <a:pt x="220" y="83"/>
                    </a:lnTo>
                    <a:lnTo>
                      <a:pt x="223" y="85"/>
                    </a:lnTo>
                    <a:lnTo>
                      <a:pt x="227" y="85"/>
                    </a:lnTo>
                    <a:lnTo>
                      <a:pt x="231" y="85"/>
                    </a:lnTo>
                    <a:lnTo>
                      <a:pt x="236" y="84"/>
                    </a:lnTo>
                    <a:lnTo>
                      <a:pt x="245" y="82"/>
                    </a:lnTo>
                    <a:lnTo>
                      <a:pt x="254" y="77"/>
                    </a:lnTo>
                    <a:lnTo>
                      <a:pt x="263" y="73"/>
                    </a:lnTo>
                    <a:lnTo>
                      <a:pt x="271" y="68"/>
                    </a:lnTo>
                    <a:lnTo>
                      <a:pt x="271" y="72"/>
                    </a:lnTo>
                    <a:lnTo>
                      <a:pt x="272" y="76"/>
                    </a:lnTo>
                    <a:lnTo>
                      <a:pt x="274" y="78"/>
                    </a:lnTo>
                    <a:lnTo>
                      <a:pt x="277" y="80"/>
                    </a:lnTo>
                    <a:lnTo>
                      <a:pt x="279" y="81"/>
                    </a:lnTo>
                    <a:lnTo>
                      <a:pt x="282" y="82"/>
                    </a:lnTo>
                    <a:lnTo>
                      <a:pt x="285" y="82"/>
                    </a:lnTo>
                    <a:lnTo>
                      <a:pt x="288" y="82"/>
                    </a:lnTo>
                    <a:lnTo>
                      <a:pt x="295" y="80"/>
                    </a:lnTo>
                    <a:lnTo>
                      <a:pt x="304" y="76"/>
                    </a:lnTo>
                    <a:lnTo>
                      <a:pt x="312" y="71"/>
                    </a:lnTo>
                    <a:lnTo>
                      <a:pt x="322" y="64"/>
                    </a:lnTo>
                    <a:lnTo>
                      <a:pt x="341" y="49"/>
                    </a:lnTo>
                    <a:lnTo>
                      <a:pt x="359" y="31"/>
                    </a:lnTo>
                    <a:lnTo>
                      <a:pt x="373" y="15"/>
                    </a:lnTo>
                    <a:lnTo>
                      <a:pt x="383" y="2"/>
                    </a:lnTo>
                    <a:lnTo>
                      <a:pt x="372" y="1"/>
                    </a:lnTo>
                    <a:lnTo>
                      <a:pt x="362" y="0"/>
                    </a:lnTo>
                    <a:lnTo>
                      <a:pt x="352" y="0"/>
                    </a:lnTo>
                    <a:lnTo>
                      <a:pt x="343" y="1"/>
                    </a:lnTo>
                    <a:lnTo>
                      <a:pt x="324" y="3"/>
                    </a:lnTo>
                    <a:lnTo>
                      <a:pt x="307" y="6"/>
                    </a:lnTo>
                    <a:lnTo>
                      <a:pt x="290" y="9"/>
                    </a:lnTo>
                    <a:lnTo>
                      <a:pt x="274" y="10"/>
                    </a:lnTo>
                    <a:lnTo>
                      <a:pt x="266" y="9"/>
                    </a:lnTo>
                    <a:lnTo>
                      <a:pt x="259" y="8"/>
                    </a:lnTo>
                    <a:lnTo>
                      <a:pt x="251" y="5"/>
                    </a:lnTo>
                    <a:lnTo>
                      <a:pt x="243" y="2"/>
                    </a:lnTo>
                    <a:lnTo>
                      <a:pt x="240" y="11"/>
                    </a:lnTo>
                    <a:lnTo>
                      <a:pt x="235" y="18"/>
                    </a:lnTo>
                    <a:lnTo>
                      <a:pt x="230" y="24"/>
                    </a:lnTo>
                    <a:lnTo>
                      <a:pt x="225" y="31"/>
                    </a:lnTo>
                    <a:lnTo>
                      <a:pt x="219" y="36"/>
                    </a:lnTo>
                    <a:lnTo>
                      <a:pt x="211" y="41"/>
                    </a:lnTo>
                    <a:lnTo>
                      <a:pt x="204" y="45"/>
                    </a:lnTo>
                    <a:lnTo>
                      <a:pt x="195" y="49"/>
                    </a:lnTo>
                    <a:lnTo>
                      <a:pt x="187" y="52"/>
                    </a:lnTo>
                    <a:lnTo>
                      <a:pt x="178" y="54"/>
                    </a:lnTo>
                    <a:lnTo>
                      <a:pt x="167" y="56"/>
                    </a:lnTo>
                    <a:lnTo>
                      <a:pt x="158" y="57"/>
                    </a:lnTo>
                    <a:lnTo>
                      <a:pt x="135" y="59"/>
                    </a:lnTo>
                    <a:lnTo>
                      <a:pt x="112" y="58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9" name="Fredericia"/>
              <p:cNvSpPr>
                <a:spLocks/>
              </p:cNvSpPr>
              <p:nvPr/>
            </p:nvSpPr>
            <p:spPr bwMode="auto">
              <a:xfrm>
                <a:off x="1687513" y="5067300"/>
                <a:ext cx="165100" cy="103188"/>
              </a:xfrm>
              <a:custGeom>
                <a:avLst/>
                <a:gdLst>
                  <a:gd name="T0" fmla="*/ 0 w 312"/>
                  <a:gd name="T1" fmla="*/ 7 h 194"/>
                  <a:gd name="T2" fmla="*/ 1 w 312"/>
                  <a:gd name="T3" fmla="*/ 13 h 194"/>
                  <a:gd name="T4" fmla="*/ 5 w 312"/>
                  <a:gd name="T5" fmla="*/ 23 h 194"/>
                  <a:gd name="T6" fmla="*/ 9 w 312"/>
                  <a:gd name="T7" fmla="*/ 33 h 194"/>
                  <a:gd name="T8" fmla="*/ 12 w 312"/>
                  <a:gd name="T9" fmla="*/ 39 h 194"/>
                  <a:gd name="T10" fmla="*/ 12 w 312"/>
                  <a:gd name="T11" fmla="*/ 46 h 194"/>
                  <a:gd name="T12" fmla="*/ 11 w 312"/>
                  <a:gd name="T13" fmla="*/ 52 h 194"/>
                  <a:gd name="T14" fmla="*/ 8 w 312"/>
                  <a:gd name="T15" fmla="*/ 55 h 194"/>
                  <a:gd name="T16" fmla="*/ 9 w 312"/>
                  <a:gd name="T17" fmla="*/ 59 h 194"/>
                  <a:gd name="T18" fmla="*/ 15 w 312"/>
                  <a:gd name="T19" fmla="*/ 62 h 194"/>
                  <a:gd name="T20" fmla="*/ 20 w 312"/>
                  <a:gd name="T21" fmla="*/ 64 h 194"/>
                  <a:gd name="T22" fmla="*/ 25 w 312"/>
                  <a:gd name="T23" fmla="*/ 65 h 194"/>
                  <a:gd name="T24" fmla="*/ 31 w 312"/>
                  <a:gd name="T25" fmla="*/ 65 h 194"/>
                  <a:gd name="T26" fmla="*/ 40 w 312"/>
                  <a:gd name="T27" fmla="*/ 62 h 194"/>
                  <a:gd name="T28" fmla="*/ 49 w 312"/>
                  <a:gd name="T29" fmla="*/ 59 h 194"/>
                  <a:gd name="T30" fmla="*/ 59 w 312"/>
                  <a:gd name="T31" fmla="*/ 56 h 194"/>
                  <a:gd name="T32" fmla="*/ 66 w 312"/>
                  <a:gd name="T33" fmla="*/ 55 h 194"/>
                  <a:gd name="T34" fmla="*/ 71 w 312"/>
                  <a:gd name="T35" fmla="*/ 55 h 194"/>
                  <a:gd name="T36" fmla="*/ 77 w 312"/>
                  <a:gd name="T37" fmla="*/ 56 h 194"/>
                  <a:gd name="T38" fmla="*/ 82 w 312"/>
                  <a:gd name="T39" fmla="*/ 59 h 194"/>
                  <a:gd name="T40" fmla="*/ 84 w 312"/>
                  <a:gd name="T41" fmla="*/ 56 h 194"/>
                  <a:gd name="T42" fmla="*/ 82 w 312"/>
                  <a:gd name="T43" fmla="*/ 49 h 194"/>
                  <a:gd name="T44" fmla="*/ 80 w 312"/>
                  <a:gd name="T45" fmla="*/ 42 h 194"/>
                  <a:gd name="T46" fmla="*/ 78 w 312"/>
                  <a:gd name="T47" fmla="*/ 34 h 194"/>
                  <a:gd name="T48" fmla="*/ 82 w 312"/>
                  <a:gd name="T49" fmla="*/ 27 h 194"/>
                  <a:gd name="T50" fmla="*/ 90 w 312"/>
                  <a:gd name="T51" fmla="*/ 23 h 194"/>
                  <a:gd name="T52" fmla="*/ 97 w 312"/>
                  <a:gd name="T53" fmla="*/ 20 h 194"/>
                  <a:gd name="T54" fmla="*/ 101 w 312"/>
                  <a:gd name="T55" fmla="*/ 16 h 194"/>
                  <a:gd name="T56" fmla="*/ 103 w 312"/>
                  <a:gd name="T57" fmla="*/ 12 h 194"/>
                  <a:gd name="T58" fmla="*/ 101 w 312"/>
                  <a:gd name="T59" fmla="*/ 9 h 194"/>
                  <a:gd name="T60" fmla="*/ 93 w 312"/>
                  <a:gd name="T61" fmla="*/ 10 h 194"/>
                  <a:gd name="T62" fmla="*/ 86 w 312"/>
                  <a:gd name="T63" fmla="*/ 10 h 194"/>
                  <a:gd name="T64" fmla="*/ 80 w 312"/>
                  <a:gd name="T65" fmla="*/ 10 h 194"/>
                  <a:gd name="T66" fmla="*/ 77 w 312"/>
                  <a:gd name="T67" fmla="*/ 8 h 194"/>
                  <a:gd name="T68" fmla="*/ 73 w 312"/>
                  <a:gd name="T69" fmla="*/ 4 h 194"/>
                  <a:gd name="T70" fmla="*/ 72 w 312"/>
                  <a:gd name="T71" fmla="*/ 2 h 194"/>
                  <a:gd name="T72" fmla="*/ 74 w 312"/>
                  <a:gd name="T73" fmla="*/ 5 h 194"/>
                  <a:gd name="T74" fmla="*/ 75 w 312"/>
                  <a:gd name="T75" fmla="*/ 8 h 194"/>
                  <a:gd name="T76" fmla="*/ 74 w 312"/>
                  <a:gd name="T77" fmla="*/ 9 h 194"/>
                  <a:gd name="T78" fmla="*/ 71 w 312"/>
                  <a:gd name="T79" fmla="*/ 11 h 194"/>
                  <a:gd name="T80" fmla="*/ 65 w 312"/>
                  <a:gd name="T81" fmla="*/ 12 h 194"/>
                  <a:gd name="T82" fmla="*/ 55 w 312"/>
                  <a:gd name="T83" fmla="*/ 12 h 194"/>
                  <a:gd name="T84" fmla="*/ 43 w 312"/>
                  <a:gd name="T85" fmla="*/ 11 h 194"/>
                  <a:gd name="T86" fmla="*/ 36 w 312"/>
                  <a:gd name="T87" fmla="*/ 9 h 194"/>
                  <a:gd name="T88" fmla="*/ 31 w 312"/>
                  <a:gd name="T89" fmla="*/ 6 h 194"/>
                  <a:gd name="T90" fmla="*/ 27 w 312"/>
                  <a:gd name="T91" fmla="*/ 3 h 194"/>
                  <a:gd name="T92" fmla="*/ 24 w 312"/>
                  <a:gd name="T93" fmla="*/ 0 h 194"/>
                  <a:gd name="T94" fmla="*/ 21 w 312"/>
                  <a:gd name="T95" fmla="*/ 0 h 194"/>
                  <a:gd name="T96" fmla="*/ 20 w 312"/>
                  <a:gd name="T97" fmla="*/ 3 h 194"/>
                  <a:gd name="T98" fmla="*/ 19 w 312"/>
                  <a:gd name="T99" fmla="*/ 8 h 194"/>
                  <a:gd name="T100" fmla="*/ 18 w 312"/>
                  <a:gd name="T101" fmla="*/ 10 h 194"/>
                  <a:gd name="T102" fmla="*/ 15 w 312"/>
                  <a:gd name="T103" fmla="*/ 10 h 194"/>
                  <a:gd name="T104" fmla="*/ 13 w 312"/>
                  <a:gd name="T105" fmla="*/ 7 h 194"/>
                  <a:gd name="T106" fmla="*/ 13 w 312"/>
                  <a:gd name="T107" fmla="*/ 3 h 194"/>
                  <a:gd name="T108" fmla="*/ 11 w 312"/>
                  <a:gd name="T109" fmla="*/ 1 h 194"/>
                  <a:gd name="T110" fmla="*/ 11 w 312"/>
                  <a:gd name="T111" fmla="*/ 3 h 194"/>
                  <a:gd name="T112" fmla="*/ 10 w 312"/>
                  <a:gd name="T113" fmla="*/ 7 h 194"/>
                  <a:gd name="T114" fmla="*/ 9 w 312"/>
                  <a:gd name="T115" fmla="*/ 9 h 194"/>
                  <a:gd name="T116" fmla="*/ 8 w 312"/>
                  <a:gd name="T117" fmla="*/ 9 h 194"/>
                  <a:gd name="T118" fmla="*/ 6 w 312"/>
                  <a:gd name="T119" fmla="*/ 9 h 194"/>
                  <a:gd name="T120" fmla="*/ 2 w 312"/>
                  <a:gd name="T121" fmla="*/ 6 h 194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312" h="194">
                    <a:moveTo>
                      <a:pt x="2" y="11"/>
                    </a:moveTo>
                    <a:lnTo>
                      <a:pt x="0" y="21"/>
                    </a:lnTo>
                    <a:lnTo>
                      <a:pt x="0" y="30"/>
                    </a:lnTo>
                    <a:lnTo>
                      <a:pt x="2" y="40"/>
                    </a:lnTo>
                    <a:lnTo>
                      <a:pt x="5" y="49"/>
                    </a:lnTo>
                    <a:lnTo>
                      <a:pt x="14" y="68"/>
                    </a:lnTo>
                    <a:lnTo>
                      <a:pt x="23" y="87"/>
                    </a:lnTo>
                    <a:lnTo>
                      <a:pt x="28" y="97"/>
                    </a:lnTo>
                    <a:lnTo>
                      <a:pt x="32" y="106"/>
                    </a:lnTo>
                    <a:lnTo>
                      <a:pt x="35" y="117"/>
                    </a:lnTo>
                    <a:lnTo>
                      <a:pt x="36" y="126"/>
                    </a:lnTo>
                    <a:lnTo>
                      <a:pt x="36" y="137"/>
                    </a:lnTo>
                    <a:lnTo>
                      <a:pt x="34" y="148"/>
                    </a:lnTo>
                    <a:lnTo>
                      <a:pt x="32" y="154"/>
                    </a:lnTo>
                    <a:lnTo>
                      <a:pt x="28" y="159"/>
                    </a:lnTo>
                    <a:lnTo>
                      <a:pt x="25" y="165"/>
                    </a:lnTo>
                    <a:lnTo>
                      <a:pt x="21" y="170"/>
                    </a:lnTo>
                    <a:lnTo>
                      <a:pt x="28" y="177"/>
                    </a:lnTo>
                    <a:lnTo>
                      <a:pt x="37" y="181"/>
                    </a:lnTo>
                    <a:lnTo>
                      <a:pt x="44" y="185"/>
                    </a:lnTo>
                    <a:lnTo>
                      <a:pt x="52" y="188"/>
                    </a:lnTo>
                    <a:lnTo>
                      <a:pt x="59" y="190"/>
                    </a:lnTo>
                    <a:lnTo>
                      <a:pt x="66" y="193"/>
                    </a:lnTo>
                    <a:lnTo>
                      <a:pt x="74" y="194"/>
                    </a:lnTo>
                    <a:lnTo>
                      <a:pt x="80" y="194"/>
                    </a:lnTo>
                    <a:lnTo>
                      <a:pt x="94" y="193"/>
                    </a:lnTo>
                    <a:lnTo>
                      <a:pt x="107" y="189"/>
                    </a:lnTo>
                    <a:lnTo>
                      <a:pt x="121" y="185"/>
                    </a:lnTo>
                    <a:lnTo>
                      <a:pt x="135" y="181"/>
                    </a:lnTo>
                    <a:lnTo>
                      <a:pt x="148" y="176"/>
                    </a:lnTo>
                    <a:lnTo>
                      <a:pt x="162" y="171"/>
                    </a:lnTo>
                    <a:lnTo>
                      <a:pt x="176" y="167"/>
                    </a:lnTo>
                    <a:lnTo>
                      <a:pt x="191" y="165"/>
                    </a:lnTo>
                    <a:lnTo>
                      <a:pt x="198" y="165"/>
                    </a:lnTo>
                    <a:lnTo>
                      <a:pt x="205" y="165"/>
                    </a:lnTo>
                    <a:lnTo>
                      <a:pt x="214" y="165"/>
                    </a:lnTo>
                    <a:lnTo>
                      <a:pt x="221" y="167"/>
                    </a:lnTo>
                    <a:lnTo>
                      <a:pt x="230" y="168"/>
                    </a:lnTo>
                    <a:lnTo>
                      <a:pt x="238" y="171"/>
                    </a:lnTo>
                    <a:lnTo>
                      <a:pt x="246" y="176"/>
                    </a:lnTo>
                    <a:lnTo>
                      <a:pt x="255" y="180"/>
                    </a:lnTo>
                    <a:lnTo>
                      <a:pt x="253" y="168"/>
                    </a:lnTo>
                    <a:lnTo>
                      <a:pt x="250" y="157"/>
                    </a:lnTo>
                    <a:lnTo>
                      <a:pt x="245" y="147"/>
                    </a:lnTo>
                    <a:lnTo>
                      <a:pt x="242" y="137"/>
                    </a:lnTo>
                    <a:lnTo>
                      <a:pt x="239" y="126"/>
                    </a:lnTo>
                    <a:lnTo>
                      <a:pt x="236" y="115"/>
                    </a:lnTo>
                    <a:lnTo>
                      <a:pt x="235" y="101"/>
                    </a:lnTo>
                    <a:lnTo>
                      <a:pt x="237" y="86"/>
                    </a:lnTo>
                    <a:lnTo>
                      <a:pt x="246" y="80"/>
                    </a:lnTo>
                    <a:lnTo>
                      <a:pt x="257" y="74"/>
                    </a:lnTo>
                    <a:lnTo>
                      <a:pt x="269" y="69"/>
                    </a:lnTo>
                    <a:lnTo>
                      <a:pt x="280" y="64"/>
                    </a:lnTo>
                    <a:lnTo>
                      <a:pt x="291" y="59"/>
                    </a:lnTo>
                    <a:lnTo>
                      <a:pt x="300" y="51"/>
                    </a:lnTo>
                    <a:lnTo>
                      <a:pt x="303" y="47"/>
                    </a:lnTo>
                    <a:lnTo>
                      <a:pt x="306" y="42"/>
                    </a:lnTo>
                    <a:lnTo>
                      <a:pt x="310" y="37"/>
                    </a:lnTo>
                    <a:lnTo>
                      <a:pt x="312" y="30"/>
                    </a:lnTo>
                    <a:lnTo>
                      <a:pt x="302" y="28"/>
                    </a:lnTo>
                    <a:lnTo>
                      <a:pt x="292" y="29"/>
                    </a:lnTo>
                    <a:lnTo>
                      <a:pt x="280" y="30"/>
                    </a:lnTo>
                    <a:lnTo>
                      <a:pt x="269" y="31"/>
                    </a:lnTo>
                    <a:lnTo>
                      <a:pt x="257" y="31"/>
                    </a:lnTo>
                    <a:lnTo>
                      <a:pt x="246" y="30"/>
                    </a:lnTo>
                    <a:lnTo>
                      <a:pt x="241" y="29"/>
                    </a:lnTo>
                    <a:lnTo>
                      <a:pt x="236" y="27"/>
                    </a:lnTo>
                    <a:lnTo>
                      <a:pt x="232" y="24"/>
                    </a:lnTo>
                    <a:lnTo>
                      <a:pt x="227" y="21"/>
                    </a:lnTo>
                    <a:lnTo>
                      <a:pt x="219" y="11"/>
                    </a:lnTo>
                    <a:lnTo>
                      <a:pt x="216" y="7"/>
                    </a:lnTo>
                    <a:lnTo>
                      <a:pt x="217" y="7"/>
                    </a:lnTo>
                    <a:lnTo>
                      <a:pt x="219" y="9"/>
                    </a:lnTo>
                    <a:lnTo>
                      <a:pt x="222" y="15"/>
                    </a:lnTo>
                    <a:lnTo>
                      <a:pt x="224" y="20"/>
                    </a:lnTo>
                    <a:lnTo>
                      <a:pt x="224" y="23"/>
                    </a:lnTo>
                    <a:lnTo>
                      <a:pt x="223" y="25"/>
                    </a:lnTo>
                    <a:lnTo>
                      <a:pt x="221" y="28"/>
                    </a:lnTo>
                    <a:lnTo>
                      <a:pt x="218" y="30"/>
                    </a:lnTo>
                    <a:lnTo>
                      <a:pt x="212" y="32"/>
                    </a:lnTo>
                    <a:lnTo>
                      <a:pt x="204" y="34"/>
                    </a:lnTo>
                    <a:lnTo>
                      <a:pt x="196" y="36"/>
                    </a:lnTo>
                    <a:lnTo>
                      <a:pt x="185" y="36"/>
                    </a:lnTo>
                    <a:lnTo>
                      <a:pt x="164" y="37"/>
                    </a:lnTo>
                    <a:lnTo>
                      <a:pt x="141" y="35"/>
                    </a:lnTo>
                    <a:lnTo>
                      <a:pt x="130" y="32"/>
                    </a:lnTo>
                    <a:lnTo>
                      <a:pt x="119" y="30"/>
                    </a:lnTo>
                    <a:lnTo>
                      <a:pt x="108" y="27"/>
                    </a:lnTo>
                    <a:lnTo>
                      <a:pt x="99" y="24"/>
                    </a:lnTo>
                    <a:lnTo>
                      <a:pt x="92" y="19"/>
                    </a:lnTo>
                    <a:lnTo>
                      <a:pt x="85" y="15"/>
                    </a:lnTo>
                    <a:lnTo>
                      <a:pt x="80" y="8"/>
                    </a:lnTo>
                    <a:lnTo>
                      <a:pt x="77" y="2"/>
                    </a:lnTo>
                    <a:lnTo>
                      <a:pt x="72" y="0"/>
                    </a:lnTo>
                    <a:lnTo>
                      <a:pt x="66" y="0"/>
                    </a:lnTo>
                    <a:lnTo>
                      <a:pt x="63" y="1"/>
                    </a:lnTo>
                    <a:lnTo>
                      <a:pt x="61" y="2"/>
                    </a:lnTo>
                    <a:lnTo>
                      <a:pt x="59" y="8"/>
                    </a:lnTo>
                    <a:lnTo>
                      <a:pt x="59" y="16"/>
                    </a:lnTo>
                    <a:lnTo>
                      <a:pt x="58" y="24"/>
                    </a:lnTo>
                    <a:lnTo>
                      <a:pt x="56" y="29"/>
                    </a:lnTo>
                    <a:lnTo>
                      <a:pt x="54" y="31"/>
                    </a:lnTo>
                    <a:lnTo>
                      <a:pt x="51" y="32"/>
                    </a:lnTo>
                    <a:lnTo>
                      <a:pt x="45" y="31"/>
                    </a:lnTo>
                    <a:lnTo>
                      <a:pt x="40" y="30"/>
                    </a:lnTo>
                    <a:lnTo>
                      <a:pt x="39" y="21"/>
                    </a:lnTo>
                    <a:lnTo>
                      <a:pt x="39" y="12"/>
                    </a:lnTo>
                    <a:lnTo>
                      <a:pt x="38" y="8"/>
                    </a:lnTo>
                    <a:lnTo>
                      <a:pt x="36" y="5"/>
                    </a:lnTo>
                    <a:lnTo>
                      <a:pt x="34" y="3"/>
                    </a:lnTo>
                    <a:lnTo>
                      <a:pt x="31" y="2"/>
                    </a:lnTo>
                    <a:lnTo>
                      <a:pt x="32" y="9"/>
                    </a:lnTo>
                    <a:lnTo>
                      <a:pt x="32" y="15"/>
                    </a:lnTo>
                    <a:lnTo>
                      <a:pt x="31" y="20"/>
                    </a:lnTo>
                    <a:lnTo>
                      <a:pt x="30" y="23"/>
                    </a:lnTo>
                    <a:lnTo>
                      <a:pt x="28" y="26"/>
                    </a:lnTo>
                    <a:lnTo>
                      <a:pt x="26" y="27"/>
                    </a:lnTo>
                    <a:lnTo>
                      <a:pt x="24" y="28"/>
                    </a:lnTo>
                    <a:lnTo>
                      <a:pt x="22" y="28"/>
                    </a:lnTo>
                    <a:lnTo>
                      <a:pt x="17" y="26"/>
                    </a:lnTo>
                    <a:lnTo>
                      <a:pt x="12" y="22"/>
                    </a:lnTo>
                    <a:lnTo>
                      <a:pt x="6" y="17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0" name="Fredericia kant"/>
              <p:cNvSpPr>
                <a:spLocks/>
              </p:cNvSpPr>
              <p:nvPr/>
            </p:nvSpPr>
            <p:spPr bwMode="auto">
              <a:xfrm>
                <a:off x="1687513" y="5067300"/>
                <a:ext cx="165100" cy="103188"/>
              </a:xfrm>
              <a:custGeom>
                <a:avLst/>
                <a:gdLst>
                  <a:gd name="T0" fmla="*/ 0 w 312"/>
                  <a:gd name="T1" fmla="*/ 7 h 194"/>
                  <a:gd name="T2" fmla="*/ 1 w 312"/>
                  <a:gd name="T3" fmla="*/ 13 h 194"/>
                  <a:gd name="T4" fmla="*/ 5 w 312"/>
                  <a:gd name="T5" fmla="*/ 23 h 194"/>
                  <a:gd name="T6" fmla="*/ 9 w 312"/>
                  <a:gd name="T7" fmla="*/ 33 h 194"/>
                  <a:gd name="T8" fmla="*/ 12 w 312"/>
                  <a:gd name="T9" fmla="*/ 39 h 194"/>
                  <a:gd name="T10" fmla="*/ 12 w 312"/>
                  <a:gd name="T11" fmla="*/ 46 h 194"/>
                  <a:gd name="T12" fmla="*/ 11 w 312"/>
                  <a:gd name="T13" fmla="*/ 52 h 194"/>
                  <a:gd name="T14" fmla="*/ 8 w 312"/>
                  <a:gd name="T15" fmla="*/ 55 h 194"/>
                  <a:gd name="T16" fmla="*/ 9 w 312"/>
                  <a:gd name="T17" fmla="*/ 59 h 194"/>
                  <a:gd name="T18" fmla="*/ 15 w 312"/>
                  <a:gd name="T19" fmla="*/ 62 h 194"/>
                  <a:gd name="T20" fmla="*/ 20 w 312"/>
                  <a:gd name="T21" fmla="*/ 64 h 194"/>
                  <a:gd name="T22" fmla="*/ 25 w 312"/>
                  <a:gd name="T23" fmla="*/ 65 h 194"/>
                  <a:gd name="T24" fmla="*/ 31 w 312"/>
                  <a:gd name="T25" fmla="*/ 65 h 194"/>
                  <a:gd name="T26" fmla="*/ 40 w 312"/>
                  <a:gd name="T27" fmla="*/ 62 h 194"/>
                  <a:gd name="T28" fmla="*/ 49 w 312"/>
                  <a:gd name="T29" fmla="*/ 59 h 194"/>
                  <a:gd name="T30" fmla="*/ 59 w 312"/>
                  <a:gd name="T31" fmla="*/ 56 h 194"/>
                  <a:gd name="T32" fmla="*/ 66 w 312"/>
                  <a:gd name="T33" fmla="*/ 55 h 194"/>
                  <a:gd name="T34" fmla="*/ 71 w 312"/>
                  <a:gd name="T35" fmla="*/ 55 h 194"/>
                  <a:gd name="T36" fmla="*/ 77 w 312"/>
                  <a:gd name="T37" fmla="*/ 56 h 194"/>
                  <a:gd name="T38" fmla="*/ 82 w 312"/>
                  <a:gd name="T39" fmla="*/ 59 h 194"/>
                  <a:gd name="T40" fmla="*/ 84 w 312"/>
                  <a:gd name="T41" fmla="*/ 56 h 194"/>
                  <a:gd name="T42" fmla="*/ 82 w 312"/>
                  <a:gd name="T43" fmla="*/ 49 h 194"/>
                  <a:gd name="T44" fmla="*/ 80 w 312"/>
                  <a:gd name="T45" fmla="*/ 42 h 194"/>
                  <a:gd name="T46" fmla="*/ 78 w 312"/>
                  <a:gd name="T47" fmla="*/ 34 h 194"/>
                  <a:gd name="T48" fmla="*/ 82 w 312"/>
                  <a:gd name="T49" fmla="*/ 27 h 194"/>
                  <a:gd name="T50" fmla="*/ 90 w 312"/>
                  <a:gd name="T51" fmla="*/ 23 h 194"/>
                  <a:gd name="T52" fmla="*/ 97 w 312"/>
                  <a:gd name="T53" fmla="*/ 20 h 194"/>
                  <a:gd name="T54" fmla="*/ 101 w 312"/>
                  <a:gd name="T55" fmla="*/ 16 h 194"/>
                  <a:gd name="T56" fmla="*/ 103 w 312"/>
                  <a:gd name="T57" fmla="*/ 12 h 194"/>
                  <a:gd name="T58" fmla="*/ 101 w 312"/>
                  <a:gd name="T59" fmla="*/ 9 h 194"/>
                  <a:gd name="T60" fmla="*/ 93 w 312"/>
                  <a:gd name="T61" fmla="*/ 10 h 194"/>
                  <a:gd name="T62" fmla="*/ 86 w 312"/>
                  <a:gd name="T63" fmla="*/ 10 h 194"/>
                  <a:gd name="T64" fmla="*/ 80 w 312"/>
                  <a:gd name="T65" fmla="*/ 10 h 194"/>
                  <a:gd name="T66" fmla="*/ 77 w 312"/>
                  <a:gd name="T67" fmla="*/ 8 h 194"/>
                  <a:gd name="T68" fmla="*/ 73 w 312"/>
                  <a:gd name="T69" fmla="*/ 4 h 194"/>
                  <a:gd name="T70" fmla="*/ 72 w 312"/>
                  <a:gd name="T71" fmla="*/ 2 h 194"/>
                  <a:gd name="T72" fmla="*/ 74 w 312"/>
                  <a:gd name="T73" fmla="*/ 5 h 194"/>
                  <a:gd name="T74" fmla="*/ 75 w 312"/>
                  <a:gd name="T75" fmla="*/ 8 h 194"/>
                  <a:gd name="T76" fmla="*/ 74 w 312"/>
                  <a:gd name="T77" fmla="*/ 9 h 194"/>
                  <a:gd name="T78" fmla="*/ 71 w 312"/>
                  <a:gd name="T79" fmla="*/ 11 h 194"/>
                  <a:gd name="T80" fmla="*/ 65 w 312"/>
                  <a:gd name="T81" fmla="*/ 12 h 194"/>
                  <a:gd name="T82" fmla="*/ 55 w 312"/>
                  <a:gd name="T83" fmla="*/ 12 h 194"/>
                  <a:gd name="T84" fmla="*/ 43 w 312"/>
                  <a:gd name="T85" fmla="*/ 11 h 194"/>
                  <a:gd name="T86" fmla="*/ 36 w 312"/>
                  <a:gd name="T87" fmla="*/ 9 h 194"/>
                  <a:gd name="T88" fmla="*/ 31 w 312"/>
                  <a:gd name="T89" fmla="*/ 6 h 194"/>
                  <a:gd name="T90" fmla="*/ 27 w 312"/>
                  <a:gd name="T91" fmla="*/ 3 h 194"/>
                  <a:gd name="T92" fmla="*/ 24 w 312"/>
                  <a:gd name="T93" fmla="*/ 0 h 194"/>
                  <a:gd name="T94" fmla="*/ 21 w 312"/>
                  <a:gd name="T95" fmla="*/ 0 h 194"/>
                  <a:gd name="T96" fmla="*/ 20 w 312"/>
                  <a:gd name="T97" fmla="*/ 3 h 194"/>
                  <a:gd name="T98" fmla="*/ 19 w 312"/>
                  <a:gd name="T99" fmla="*/ 8 h 194"/>
                  <a:gd name="T100" fmla="*/ 18 w 312"/>
                  <a:gd name="T101" fmla="*/ 10 h 194"/>
                  <a:gd name="T102" fmla="*/ 15 w 312"/>
                  <a:gd name="T103" fmla="*/ 10 h 194"/>
                  <a:gd name="T104" fmla="*/ 13 w 312"/>
                  <a:gd name="T105" fmla="*/ 7 h 194"/>
                  <a:gd name="T106" fmla="*/ 13 w 312"/>
                  <a:gd name="T107" fmla="*/ 3 h 194"/>
                  <a:gd name="T108" fmla="*/ 11 w 312"/>
                  <a:gd name="T109" fmla="*/ 1 h 194"/>
                  <a:gd name="T110" fmla="*/ 11 w 312"/>
                  <a:gd name="T111" fmla="*/ 3 h 194"/>
                  <a:gd name="T112" fmla="*/ 10 w 312"/>
                  <a:gd name="T113" fmla="*/ 7 h 194"/>
                  <a:gd name="T114" fmla="*/ 9 w 312"/>
                  <a:gd name="T115" fmla="*/ 9 h 194"/>
                  <a:gd name="T116" fmla="*/ 8 w 312"/>
                  <a:gd name="T117" fmla="*/ 9 h 194"/>
                  <a:gd name="T118" fmla="*/ 6 w 312"/>
                  <a:gd name="T119" fmla="*/ 9 h 194"/>
                  <a:gd name="T120" fmla="*/ 2 w 312"/>
                  <a:gd name="T121" fmla="*/ 6 h 194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312" h="194">
                    <a:moveTo>
                      <a:pt x="2" y="11"/>
                    </a:moveTo>
                    <a:lnTo>
                      <a:pt x="0" y="21"/>
                    </a:lnTo>
                    <a:lnTo>
                      <a:pt x="0" y="30"/>
                    </a:lnTo>
                    <a:lnTo>
                      <a:pt x="2" y="40"/>
                    </a:lnTo>
                    <a:lnTo>
                      <a:pt x="5" y="49"/>
                    </a:lnTo>
                    <a:lnTo>
                      <a:pt x="14" y="68"/>
                    </a:lnTo>
                    <a:lnTo>
                      <a:pt x="23" y="87"/>
                    </a:lnTo>
                    <a:lnTo>
                      <a:pt x="28" y="97"/>
                    </a:lnTo>
                    <a:lnTo>
                      <a:pt x="32" y="106"/>
                    </a:lnTo>
                    <a:lnTo>
                      <a:pt x="35" y="117"/>
                    </a:lnTo>
                    <a:lnTo>
                      <a:pt x="36" y="126"/>
                    </a:lnTo>
                    <a:lnTo>
                      <a:pt x="36" y="137"/>
                    </a:lnTo>
                    <a:lnTo>
                      <a:pt x="34" y="148"/>
                    </a:lnTo>
                    <a:lnTo>
                      <a:pt x="32" y="154"/>
                    </a:lnTo>
                    <a:lnTo>
                      <a:pt x="28" y="159"/>
                    </a:lnTo>
                    <a:lnTo>
                      <a:pt x="25" y="165"/>
                    </a:lnTo>
                    <a:lnTo>
                      <a:pt x="21" y="170"/>
                    </a:lnTo>
                    <a:lnTo>
                      <a:pt x="28" y="177"/>
                    </a:lnTo>
                    <a:lnTo>
                      <a:pt x="37" y="181"/>
                    </a:lnTo>
                    <a:lnTo>
                      <a:pt x="44" y="185"/>
                    </a:lnTo>
                    <a:lnTo>
                      <a:pt x="52" y="188"/>
                    </a:lnTo>
                    <a:lnTo>
                      <a:pt x="59" y="190"/>
                    </a:lnTo>
                    <a:lnTo>
                      <a:pt x="66" y="193"/>
                    </a:lnTo>
                    <a:lnTo>
                      <a:pt x="74" y="194"/>
                    </a:lnTo>
                    <a:lnTo>
                      <a:pt x="80" y="194"/>
                    </a:lnTo>
                    <a:lnTo>
                      <a:pt x="94" y="193"/>
                    </a:lnTo>
                    <a:lnTo>
                      <a:pt x="107" y="189"/>
                    </a:lnTo>
                    <a:lnTo>
                      <a:pt x="121" y="185"/>
                    </a:lnTo>
                    <a:lnTo>
                      <a:pt x="135" y="181"/>
                    </a:lnTo>
                    <a:lnTo>
                      <a:pt x="148" y="176"/>
                    </a:lnTo>
                    <a:lnTo>
                      <a:pt x="162" y="171"/>
                    </a:lnTo>
                    <a:lnTo>
                      <a:pt x="176" y="167"/>
                    </a:lnTo>
                    <a:lnTo>
                      <a:pt x="191" y="165"/>
                    </a:lnTo>
                    <a:lnTo>
                      <a:pt x="198" y="165"/>
                    </a:lnTo>
                    <a:lnTo>
                      <a:pt x="205" y="165"/>
                    </a:lnTo>
                    <a:lnTo>
                      <a:pt x="214" y="165"/>
                    </a:lnTo>
                    <a:lnTo>
                      <a:pt x="221" y="167"/>
                    </a:lnTo>
                    <a:lnTo>
                      <a:pt x="230" y="168"/>
                    </a:lnTo>
                    <a:lnTo>
                      <a:pt x="238" y="171"/>
                    </a:lnTo>
                    <a:lnTo>
                      <a:pt x="246" y="176"/>
                    </a:lnTo>
                    <a:lnTo>
                      <a:pt x="255" y="180"/>
                    </a:lnTo>
                    <a:lnTo>
                      <a:pt x="253" y="168"/>
                    </a:lnTo>
                    <a:lnTo>
                      <a:pt x="250" y="157"/>
                    </a:lnTo>
                    <a:lnTo>
                      <a:pt x="245" y="147"/>
                    </a:lnTo>
                    <a:lnTo>
                      <a:pt x="242" y="137"/>
                    </a:lnTo>
                    <a:lnTo>
                      <a:pt x="239" y="126"/>
                    </a:lnTo>
                    <a:lnTo>
                      <a:pt x="236" y="115"/>
                    </a:lnTo>
                    <a:lnTo>
                      <a:pt x="235" y="101"/>
                    </a:lnTo>
                    <a:lnTo>
                      <a:pt x="237" y="86"/>
                    </a:lnTo>
                    <a:lnTo>
                      <a:pt x="246" y="80"/>
                    </a:lnTo>
                    <a:lnTo>
                      <a:pt x="257" y="74"/>
                    </a:lnTo>
                    <a:lnTo>
                      <a:pt x="269" y="69"/>
                    </a:lnTo>
                    <a:lnTo>
                      <a:pt x="280" y="64"/>
                    </a:lnTo>
                    <a:lnTo>
                      <a:pt x="291" y="59"/>
                    </a:lnTo>
                    <a:lnTo>
                      <a:pt x="300" y="51"/>
                    </a:lnTo>
                    <a:lnTo>
                      <a:pt x="303" y="47"/>
                    </a:lnTo>
                    <a:lnTo>
                      <a:pt x="306" y="42"/>
                    </a:lnTo>
                    <a:lnTo>
                      <a:pt x="310" y="37"/>
                    </a:lnTo>
                    <a:lnTo>
                      <a:pt x="312" y="30"/>
                    </a:lnTo>
                    <a:lnTo>
                      <a:pt x="302" y="28"/>
                    </a:lnTo>
                    <a:lnTo>
                      <a:pt x="292" y="29"/>
                    </a:lnTo>
                    <a:lnTo>
                      <a:pt x="280" y="30"/>
                    </a:lnTo>
                    <a:lnTo>
                      <a:pt x="269" y="31"/>
                    </a:lnTo>
                    <a:lnTo>
                      <a:pt x="257" y="31"/>
                    </a:lnTo>
                    <a:lnTo>
                      <a:pt x="246" y="30"/>
                    </a:lnTo>
                    <a:lnTo>
                      <a:pt x="241" y="29"/>
                    </a:lnTo>
                    <a:lnTo>
                      <a:pt x="236" y="27"/>
                    </a:lnTo>
                    <a:lnTo>
                      <a:pt x="232" y="24"/>
                    </a:lnTo>
                    <a:lnTo>
                      <a:pt x="227" y="21"/>
                    </a:lnTo>
                    <a:lnTo>
                      <a:pt x="219" y="11"/>
                    </a:lnTo>
                    <a:lnTo>
                      <a:pt x="216" y="7"/>
                    </a:lnTo>
                    <a:lnTo>
                      <a:pt x="217" y="7"/>
                    </a:lnTo>
                    <a:lnTo>
                      <a:pt x="219" y="9"/>
                    </a:lnTo>
                    <a:lnTo>
                      <a:pt x="222" y="15"/>
                    </a:lnTo>
                    <a:lnTo>
                      <a:pt x="224" y="20"/>
                    </a:lnTo>
                    <a:lnTo>
                      <a:pt x="224" y="23"/>
                    </a:lnTo>
                    <a:lnTo>
                      <a:pt x="223" y="25"/>
                    </a:lnTo>
                    <a:lnTo>
                      <a:pt x="221" y="28"/>
                    </a:lnTo>
                    <a:lnTo>
                      <a:pt x="218" y="30"/>
                    </a:lnTo>
                    <a:lnTo>
                      <a:pt x="212" y="32"/>
                    </a:lnTo>
                    <a:lnTo>
                      <a:pt x="204" y="34"/>
                    </a:lnTo>
                    <a:lnTo>
                      <a:pt x="196" y="36"/>
                    </a:lnTo>
                    <a:lnTo>
                      <a:pt x="185" y="36"/>
                    </a:lnTo>
                    <a:lnTo>
                      <a:pt x="164" y="37"/>
                    </a:lnTo>
                    <a:lnTo>
                      <a:pt x="141" y="35"/>
                    </a:lnTo>
                    <a:lnTo>
                      <a:pt x="130" y="32"/>
                    </a:lnTo>
                    <a:lnTo>
                      <a:pt x="119" y="30"/>
                    </a:lnTo>
                    <a:lnTo>
                      <a:pt x="108" y="27"/>
                    </a:lnTo>
                    <a:lnTo>
                      <a:pt x="99" y="24"/>
                    </a:lnTo>
                    <a:lnTo>
                      <a:pt x="92" y="19"/>
                    </a:lnTo>
                    <a:lnTo>
                      <a:pt x="85" y="15"/>
                    </a:lnTo>
                    <a:lnTo>
                      <a:pt x="80" y="8"/>
                    </a:lnTo>
                    <a:lnTo>
                      <a:pt x="77" y="2"/>
                    </a:lnTo>
                    <a:lnTo>
                      <a:pt x="72" y="0"/>
                    </a:lnTo>
                    <a:lnTo>
                      <a:pt x="66" y="0"/>
                    </a:lnTo>
                    <a:lnTo>
                      <a:pt x="63" y="1"/>
                    </a:lnTo>
                    <a:lnTo>
                      <a:pt x="61" y="2"/>
                    </a:lnTo>
                    <a:lnTo>
                      <a:pt x="59" y="8"/>
                    </a:lnTo>
                    <a:lnTo>
                      <a:pt x="59" y="16"/>
                    </a:lnTo>
                    <a:lnTo>
                      <a:pt x="58" y="24"/>
                    </a:lnTo>
                    <a:lnTo>
                      <a:pt x="56" y="29"/>
                    </a:lnTo>
                    <a:lnTo>
                      <a:pt x="54" y="31"/>
                    </a:lnTo>
                    <a:lnTo>
                      <a:pt x="51" y="32"/>
                    </a:lnTo>
                    <a:lnTo>
                      <a:pt x="45" y="31"/>
                    </a:lnTo>
                    <a:lnTo>
                      <a:pt x="40" y="30"/>
                    </a:lnTo>
                    <a:lnTo>
                      <a:pt x="39" y="21"/>
                    </a:lnTo>
                    <a:lnTo>
                      <a:pt x="39" y="12"/>
                    </a:lnTo>
                    <a:lnTo>
                      <a:pt x="38" y="8"/>
                    </a:lnTo>
                    <a:lnTo>
                      <a:pt x="36" y="5"/>
                    </a:lnTo>
                    <a:lnTo>
                      <a:pt x="34" y="3"/>
                    </a:lnTo>
                    <a:lnTo>
                      <a:pt x="31" y="2"/>
                    </a:lnTo>
                    <a:lnTo>
                      <a:pt x="32" y="9"/>
                    </a:lnTo>
                    <a:lnTo>
                      <a:pt x="32" y="15"/>
                    </a:lnTo>
                    <a:lnTo>
                      <a:pt x="31" y="20"/>
                    </a:lnTo>
                    <a:lnTo>
                      <a:pt x="30" y="23"/>
                    </a:lnTo>
                    <a:lnTo>
                      <a:pt x="28" y="26"/>
                    </a:lnTo>
                    <a:lnTo>
                      <a:pt x="26" y="27"/>
                    </a:lnTo>
                    <a:lnTo>
                      <a:pt x="24" y="28"/>
                    </a:lnTo>
                    <a:lnTo>
                      <a:pt x="22" y="28"/>
                    </a:lnTo>
                    <a:lnTo>
                      <a:pt x="17" y="26"/>
                    </a:lnTo>
                    <a:lnTo>
                      <a:pt x="12" y="22"/>
                    </a:lnTo>
                    <a:lnTo>
                      <a:pt x="6" y="17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34" name="Middelfart"/>
            <p:cNvSpPr>
              <a:spLocks/>
            </p:cNvSpPr>
            <p:nvPr/>
          </p:nvSpPr>
          <p:spPr bwMode="auto">
            <a:xfrm>
              <a:off x="1787525" y="5119688"/>
              <a:ext cx="307975" cy="290513"/>
            </a:xfrm>
            <a:custGeom>
              <a:avLst/>
              <a:gdLst>
                <a:gd name="T0" fmla="*/ 175 w 580"/>
                <a:gd name="T1" fmla="*/ 71 h 549"/>
                <a:gd name="T2" fmla="*/ 153 w 580"/>
                <a:gd name="T3" fmla="*/ 40 h 549"/>
                <a:gd name="T4" fmla="*/ 139 w 580"/>
                <a:gd name="T5" fmla="*/ 29 h 549"/>
                <a:gd name="T6" fmla="*/ 130 w 580"/>
                <a:gd name="T7" fmla="*/ 37 h 549"/>
                <a:gd name="T8" fmla="*/ 119 w 580"/>
                <a:gd name="T9" fmla="*/ 41 h 549"/>
                <a:gd name="T10" fmla="*/ 106 w 580"/>
                <a:gd name="T11" fmla="*/ 42 h 549"/>
                <a:gd name="T12" fmla="*/ 94 w 580"/>
                <a:gd name="T13" fmla="*/ 39 h 549"/>
                <a:gd name="T14" fmla="*/ 83 w 580"/>
                <a:gd name="T15" fmla="*/ 33 h 549"/>
                <a:gd name="T16" fmla="*/ 77 w 580"/>
                <a:gd name="T17" fmla="*/ 25 h 549"/>
                <a:gd name="T18" fmla="*/ 75 w 580"/>
                <a:gd name="T19" fmla="*/ 13 h 549"/>
                <a:gd name="T20" fmla="*/ 75 w 580"/>
                <a:gd name="T21" fmla="*/ 1 h 549"/>
                <a:gd name="T22" fmla="*/ 64 w 580"/>
                <a:gd name="T23" fmla="*/ 0 h 549"/>
                <a:gd name="T24" fmla="*/ 56 w 580"/>
                <a:gd name="T25" fmla="*/ 3 h 549"/>
                <a:gd name="T26" fmla="*/ 48 w 580"/>
                <a:gd name="T27" fmla="*/ 12 h 549"/>
                <a:gd name="T28" fmla="*/ 33 w 580"/>
                <a:gd name="T29" fmla="*/ 37 h 549"/>
                <a:gd name="T30" fmla="*/ 24 w 580"/>
                <a:gd name="T31" fmla="*/ 45 h 549"/>
                <a:gd name="T32" fmla="*/ 17 w 580"/>
                <a:gd name="T33" fmla="*/ 45 h 549"/>
                <a:gd name="T34" fmla="*/ 9 w 580"/>
                <a:gd name="T35" fmla="*/ 39 h 549"/>
                <a:gd name="T36" fmla="*/ 3 w 580"/>
                <a:gd name="T37" fmla="*/ 37 h 549"/>
                <a:gd name="T38" fmla="*/ 5 w 580"/>
                <a:gd name="T39" fmla="*/ 42 h 549"/>
                <a:gd name="T40" fmla="*/ 24 w 580"/>
                <a:gd name="T41" fmla="*/ 56 h 549"/>
                <a:gd name="T42" fmla="*/ 37 w 580"/>
                <a:gd name="T43" fmla="*/ 70 h 549"/>
                <a:gd name="T44" fmla="*/ 46 w 580"/>
                <a:gd name="T45" fmla="*/ 72 h 549"/>
                <a:gd name="T46" fmla="*/ 56 w 580"/>
                <a:gd name="T47" fmla="*/ 77 h 549"/>
                <a:gd name="T48" fmla="*/ 66 w 580"/>
                <a:gd name="T49" fmla="*/ 92 h 549"/>
                <a:gd name="T50" fmla="*/ 69 w 580"/>
                <a:gd name="T51" fmla="*/ 113 h 549"/>
                <a:gd name="T52" fmla="*/ 68 w 580"/>
                <a:gd name="T53" fmla="*/ 131 h 549"/>
                <a:gd name="T54" fmla="*/ 75 w 580"/>
                <a:gd name="T55" fmla="*/ 134 h 549"/>
                <a:gd name="T56" fmla="*/ 80 w 580"/>
                <a:gd name="T57" fmla="*/ 139 h 549"/>
                <a:gd name="T58" fmla="*/ 82 w 580"/>
                <a:gd name="T59" fmla="*/ 149 h 549"/>
                <a:gd name="T60" fmla="*/ 76 w 580"/>
                <a:gd name="T61" fmla="*/ 158 h 549"/>
                <a:gd name="T62" fmla="*/ 62 w 580"/>
                <a:gd name="T63" fmla="*/ 161 h 549"/>
                <a:gd name="T64" fmla="*/ 54 w 580"/>
                <a:gd name="T65" fmla="*/ 166 h 549"/>
                <a:gd name="T66" fmla="*/ 57 w 580"/>
                <a:gd name="T67" fmla="*/ 171 h 549"/>
                <a:gd name="T68" fmla="*/ 68 w 580"/>
                <a:gd name="T69" fmla="*/ 175 h 549"/>
                <a:gd name="T70" fmla="*/ 83 w 580"/>
                <a:gd name="T71" fmla="*/ 175 h 549"/>
                <a:gd name="T72" fmla="*/ 95 w 580"/>
                <a:gd name="T73" fmla="*/ 176 h 549"/>
                <a:gd name="T74" fmla="*/ 98 w 580"/>
                <a:gd name="T75" fmla="*/ 179 h 549"/>
                <a:gd name="T76" fmla="*/ 103 w 580"/>
                <a:gd name="T77" fmla="*/ 182 h 549"/>
                <a:gd name="T78" fmla="*/ 111 w 580"/>
                <a:gd name="T79" fmla="*/ 176 h 549"/>
                <a:gd name="T80" fmla="*/ 117 w 580"/>
                <a:gd name="T81" fmla="*/ 163 h 549"/>
                <a:gd name="T82" fmla="*/ 123 w 580"/>
                <a:gd name="T83" fmla="*/ 151 h 549"/>
                <a:gd name="T84" fmla="*/ 136 w 580"/>
                <a:gd name="T85" fmla="*/ 151 h 549"/>
                <a:gd name="T86" fmla="*/ 153 w 580"/>
                <a:gd name="T87" fmla="*/ 143 h 549"/>
                <a:gd name="T88" fmla="*/ 149 w 580"/>
                <a:gd name="T89" fmla="*/ 130 h 549"/>
                <a:gd name="T90" fmla="*/ 144 w 580"/>
                <a:gd name="T91" fmla="*/ 117 h 549"/>
                <a:gd name="T92" fmla="*/ 146 w 580"/>
                <a:gd name="T93" fmla="*/ 107 h 549"/>
                <a:gd name="T94" fmla="*/ 157 w 580"/>
                <a:gd name="T95" fmla="*/ 109 h 549"/>
                <a:gd name="T96" fmla="*/ 170 w 580"/>
                <a:gd name="T97" fmla="*/ 108 h 549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580" h="549">
                  <a:moveTo>
                    <a:pt x="580" y="305"/>
                  </a:moveTo>
                  <a:lnTo>
                    <a:pt x="560" y="273"/>
                  </a:lnTo>
                  <a:lnTo>
                    <a:pt x="541" y="242"/>
                  </a:lnTo>
                  <a:lnTo>
                    <a:pt x="523" y="213"/>
                  </a:lnTo>
                  <a:lnTo>
                    <a:pt x="506" y="185"/>
                  </a:lnTo>
                  <a:lnTo>
                    <a:pt x="488" y="158"/>
                  </a:lnTo>
                  <a:lnTo>
                    <a:pt x="468" y="131"/>
                  </a:lnTo>
                  <a:lnTo>
                    <a:pt x="458" y="119"/>
                  </a:lnTo>
                  <a:lnTo>
                    <a:pt x="446" y="106"/>
                  </a:lnTo>
                  <a:lnTo>
                    <a:pt x="434" y="94"/>
                  </a:lnTo>
                  <a:lnTo>
                    <a:pt x="421" y="81"/>
                  </a:lnTo>
                  <a:lnTo>
                    <a:pt x="417" y="88"/>
                  </a:lnTo>
                  <a:lnTo>
                    <a:pt x="411" y="96"/>
                  </a:lnTo>
                  <a:lnTo>
                    <a:pt x="405" y="101"/>
                  </a:lnTo>
                  <a:lnTo>
                    <a:pt x="398" y="107"/>
                  </a:lnTo>
                  <a:lnTo>
                    <a:pt x="390" y="111"/>
                  </a:lnTo>
                  <a:lnTo>
                    <a:pt x="382" y="116"/>
                  </a:lnTo>
                  <a:lnTo>
                    <a:pt x="373" y="119"/>
                  </a:lnTo>
                  <a:lnTo>
                    <a:pt x="365" y="122"/>
                  </a:lnTo>
                  <a:lnTo>
                    <a:pt x="355" y="124"/>
                  </a:lnTo>
                  <a:lnTo>
                    <a:pt x="346" y="125"/>
                  </a:lnTo>
                  <a:lnTo>
                    <a:pt x="337" y="126"/>
                  </a:lnTo>
                  <a:lnTo>
                    <a:pt x="327" y="126"/>
                  </a:lnTo>
                  <a:lnTo>
                    <a:pt x="318" y="126"/>
                  </a:lnTo>
                  <a:lnTo>
                    <a:pt x="308" y="125"/>
                  </a:lnTo>
                  <a:lnTo>
                    <a:pt x="299" y="123"/>
                  </a:lnTo>
                  <a:lnTo>
                    <a:pt x="289" y="121"/>
                  </a:lnTo>
                  <a:lnTo>
                    <a:pt x="281" y="118"/>
                  </a:lnTo>
                  <a:lnTo>
                    <a:pt x="272" y="115"/>
                  </a:lnTo>
                  <a:lnTo>
                    <a:pt x="264" y="110"/>
                  </a:lnTo>
                  <a:lnTo>
                    <a:pt x="256" y="105"/>
                  </a:lnTo>
                  <a:lnTo>
                    <a:pt x="249" y="100"/>
                  </a:lnTo>
                  <a:lnTo>
                    <a:pt x="244" y="95"/>
                  </a:lnTo>
                  <a:lnTo>
                    <a:pt x="238" y="88"/>
                  </a:lnTo>
                  <a:lnTo>
                    <a:pt x="233" y="81"/>
                  </a:lnTo>
                  <a:lnTo>
                    <a:pt x="229" y="74"/>
                  </a:lnTo>
                  <a:lnTo>
                    <a:pt x="226" y="65"/>
                  </a:lnTo>
                  <a:lnTo>
                    <a:pt x="225" y="57"/>
                  </a:lnTo>
                  <a:lnTo>
                    <a:pt x="224" y="48"/>
                  </a:lnTo>
                  <a:lnTo>
                    <a:pt x="224" y="38"/>
                  </a:lnTo>
                  <a:lnTo>
                    <a:pt x="226" y="28"/>
                  </a:lnTo>
                  <a:lnTo>
                    <a:pt x="229" y="17"/>
                  </a:lnTo>
                  <a:lnTo>
                    <a:pt x="233" y="6"/>
                  </a:lnTo>
                  <a:lnTo>
                    <a:pt x="224" y="3"/>
                  </a:lnTo>
                  <a:lnTo>
                    <a:pt x="214" y="1"/>
                  </a:lnTo>
                  <a:lnTo>
                    <a:pt x="206" y="0"/>
                  </a:lnTo>
                  <a:lnTo>
                    <a:pt x="199" y="0"/>
                  </a:lnTo>
                  <a:lnTo>
                    <a:pt x="190" y="1"/>
                  </a:lnTo>
                  <a:lnTo>
                    <a:pt x="184" y="2"/>
                  </a:lnTo>
                  <a:lnTo>
                    <a:pt x="178" y="4"/>
                  </a:lnTo>
                  <a:lnTo>
                    <a:pt x="171" y="7"/>
                  </a:lnTo>
                  <a:lnTo>
                    <a:pt x="166" y="10"/>
                  </a:lnTo>
                  <a:lnTo>
                    <a:pt x="161" y="15"/>
                  </a:lnTo>
                  <a:lnTo>
                    <a:pt x="156" y="19"/>
                  </a:lnTo>
                  <a:lnTo>
                    <a:pt x="151" y="24"/>
                  </a:lnTo>
                  <a:lnTo>
                    <a:pt x="144" y="35"/>
                  </a:lnTo>
                  <a:lnTo>
                    <a:pt x="135" y="47"/>
                  </a:lnTo>
                  <a:lnTo>
                    <a:pt x="122" y="74"/>
                  </a:lnTo>
                  <a:lnTo>
                    <a:pt x="107" y="100"/>
                  </a:lnTo>
                  <a:lnTo>
                    <a:pt x="99" y="111"/>
                  </a:lnTo>
                  <a:lnTo>
                    <a:pt x="89" y="122"/>
                  </a:lnTo>
                  <a:lnTo>
                    <a:pt x="84" y="126"/>
                  </a:lnTo>
                  <a:lnTo>
                    <a:pt x="77" y="130"/>
                  </a:lnTo>
                  <a:lnTo>
                    <a:pt x="72" y="135"/>
                  </a:lnTo>
                  <a:lnTo>
                    <a:pt x="65" y="137"/>
                  </a:lnTo>
                  <a:lnTo>
                    <a:pt x="60" y="138"/>
                  </a:lnTo>
                  <a:lnTo>
                    <a:pt x="55" y="137"/>
                  </a:lnTo>
                  <a:lnTo>
                    <a:pt x="50" y="135"/>
                  </a:lnTo>
                  <a:lnTo>
                    <a:pt x="46" y="133"/>
                  </a:lnTo>
                  <a:lnTo>
                    <a:pt x="37" y="126"/>
                  </a:lnTo>
                  <a:lnTo>
                    <a:pt x="29" y="119"/>
                  </a:lnTo>
                  <a:lnTo>
                    <a:pt x="26" y="116"/>
                  </a:lnTo>
                  <a:lnTo>
                    <a:pt x="22" y="114"/>
                  </a:lnTo>
                  <a:lnTo>
                    <a:pt x="17" y="111"/>
                  </a:lnTo>
                  <a:lnTo>
                    <a:pt x="14" y="110"/>
                  </a:lnTo>
                  <a:lnTo>
                    <a:pt x="10" y="110"/>
                  </a:lnTo>
                  <a:lnTo>
                    <a:pt x="7" y="111"/>
                  </a:lnTo>
                  <a:lnTo>
                    <a:pt x="4" y="114"/>
                  </a:lnTo>
                  <a:lnTo>
                    <a:pt x="0" y="119"/>
                  </a:lnTo>
                  <a:lnTo>
                    <a:pt x="16" y="126"/>
                  </a:lnTo>
                  <a:lnTo>
                    <a:pt x="32" y="136"/>
                  </a:lnTo>
                  <a:lnTo>
                    <a:pt x="47" y="145"/>
                  </a:lnTo>
                  <a:lnTo>
                    <a:pt x="61" y="156"/>
                  </a:lnTo>
                  <a:lnTo>
                    <a:pt x="73" y="168"/>
                  </a:lnTo>
                  <a:lnTo>
                    <a:pt x="84" y="181"/>
                  </a:lnTo>
                  <a:lnTo>
                    <a:pt x="94" y="196"/>
                  </a:lnTo>
                  <a:lnTo>
                    <a:pt x="103" y="211"/>
                  </a:lnTo>
                  <a:lnTo>
                    <a:pt x="110" y="211"/>
                  </a:lnTo>
                  <a:lnTo>
                    <a:pt x="118" y="211"/>
                  </a:lnTo>
                  <a:lnTo>
                    <a:pt x="125" y="213"/>
                  </a:lnTo>
                  <a:lnTo>
                    <a:pt x="132" y="214"/>
                  </a:lnTo>
                  <a:lnTo>
                    <a:pt x="139" y="216"/>
                  </a:lnTo>
                  <a:lnTo>
                    <a:pt x="145" y="218"/>
                  </a:lnTo>
                  <a:lnTo>
                    <a:pt x="151" y="220"/>
                  </a:lnTo>
                  <a:lnTo>
                    <a:pt x="156" y="223"/>
                  </a:lnTo>
                  <a:lnTo>
                    <a:pt x="167" y="231"/>
                  </a:lnTo>
                  <a:lnTo>
                    <a:pt x="176" y="240"/>
                  </a:lnTo>
                  <a:lnTo>
                    <a:pt x="185" y="250"/>
                  </a:lnTo>
                  <a:lnTo>
                    <a:pt x="192" y="263"/>
                  </a:lnTo>
                  <a:lnTo>
                    <a:pt x="198" y="276"/>
                  </a:lnTo>
                  <a:lnTo>
                    <a:pt x="202" y="290"/>
                  </a:lnTo>
                  <a:lnTo>
                    <a:pt x="205" y="305"/>
                  </a:lnTo>
                  <a:lnTo>
                    <a:pt x="206" y="321"/>
                  </a:lnTo>
                  <a:lnTo>
                    <a:pt x="206" y="338"/>
                  </a:lnTo>
                  <a:lnTo>
                    <a:pt x="205" y="355"/>
                  </a:lnTo>
                  <a:lnTo>
                    <a:pt x="201" y="373"/>
                  </a:lnTo>
                  <a:lnTo>
                    <a:pt x="196" y="389"/>
                  </a:lnTo>
                  <a:lnTo>
                    <a:pt x="203" y="392"/>
                  </a:lnTo>
                  <a:lnTo>
                    <a:pt x="208" y="393"/>
                  </a:lnTo>
                  <a:lnTo>
                    <a:pt x="214" y="395"/>
                  </a:lnTo>
                  <a:lnTo>
                    <a:pt x="219" y="398"/>
                  </a:lnTo>
                  <a:lnTo>
                    <a:pt x="224" y="401"/>
                  </a:lnTo>
                  <a:lnTo>
                    <a:pt x="228" y="404"/>
                  </a:lnTo>
                  <a:lnTo>
                    <a:pt x="231" y="408"/>
                  </a:lnTo>
                  <a:lnTo>
                    <a:pt x="234" y="413"/>
                  </a:lnTo>
                  <a:lnTo>
                    <a:pt x="238" y="417"/>
                  </a:lnTo>
                  <a:lnTo>
                    <a:pt x="240" y="422"/>
                  </a:lnTo>
                  <a:lnTo>
                    <a:pt x="242" y="428"/>
                  </a:lnTo>
                  <a:lnTo>
                    <a:pt x="243" y="435"/>
                  </a:lnTo>
                  <a:lnTo>
                    <a:pt x="244" y="448"/>
                  </a:lnTo>
                  <a:lnTo>
                    <a:pt x="243" y="465"/>
                  </a:lnTo>
                  <a:lnTo>
                    <a:pt x="239" y="468"/>
                  </a:lnTo>
                  <a:lnTo>
                    <a:pt x="234" y="471"/>
                  </a:lnTo>
                  <a:lnTo>
                    <a:pt x="228" y="473"/>
                  </a:lnTo>
                  <a:lnTo>
                    <a:pt x="223" y="475"/>
                  </a:lnTo>
                  <a:lnTo>
                    <a:pt x="210" y="478"/>
                  </a:lnTo>
                  <a:lnTo>
                    <a:pt x="198" y="480"/>
                  </a:lnTo>
                  <a:lnTo>
                    <a:pt x="185" y="482"/>
                  </a:lnTo>
                  <a:lnTo>
                    <a:pt x="173" y="486"/>
                  </a:lnTo>
                  <a:lnTo>
                    <a:pt x="169" y="489"/>
                  </a:lnTo>
                  <a:lnTo>
                    <a:pt x="165" y="493"/>
                  </a:lnTo>
                  <a:lnTo>
                    <a:pt x="162" y="497"/>
                  </a:lnTo>
                  <a:lnTo>
                    <a:pt x="159" y="502"/>
                  </a:lnTo>
                  <a:lnTo>
                    <a:pt x="162" y="506"/>
                  </a:lnTo>
                  <a:lnTo>
                    <a:pt x="165" y="511"/>
                  </a:lnTo>
                  <a:lnTo>
                    <a:pt x="169" y="514"/>
                  </a:lnTo>
                  <a:lnTo>
                    <a:pt x="172" y="517"/>
                  </a:lnTo>
                  <a:lnTo>
                    <a:pt x="182" y="520"/>
                  </a:lnTo>
                  <a:lnTo>
                    <a:pt x="192" y="523"/>
                  </a:lnTo>
                  <a:lnTo>
                    <a:pt x="203" y="524"/>
                  </a:lnTo>
                  <a:lnTo>
                    <a:pt x="214" y="525"/>
                  </a:lnTo>
                  <a:lnTo>
                    <a:pt x="226" y="524"/>
                  </a:lnTo>
                  <a:lnTo>
                    <a:pt x="238" y="524"/>
                  </a:lnTo>
                  <a:lnTo>
                    <a:pt x="248" y="524"/>
                  </a:lnTo>
                  <a:lnTo>
                    <a:pt x="260" y="524"/>
                  </a:lnTo>
                  <a:lnTo>
                    <a:pt x="269" y="524"/>
                  </a:lnTo>
                  <a:lnTo>
                    <a:pt x="279" y="526"/>
                  </a:lnTo>
                  <a:lnTo>
                    <a:pt x="283" y="527"/>
                  </a:lnTo>
                  <a:lnTo>
                    <a:pt x="286" y="529"/>
                  </a:lnTo>
                  <a:lnTo>
                    <a:pt x="289" y="532"/>
                  </a:lnTo>
                  <a:lnTo>
                    <a:pt x="292" y="534"/>
                  </a:lnTo>
                  <a:lnTo>
                    <a:pt x="294" y="537"/>
                  </a:lnTo>
                  <a:lnTo>
                    <a:pt x="297" y="540"/>
                  </a:lnTo>
                  <a:lnTo>
                    <a:pt x="299" y="544"/>
                  </a:lnTo>
                  <a:lnTo>
                    <a:pt x="300" y="549"/>
                  </a:lnTo>
                  <a:lnTo>
                    <a:pt x="308" y="547"/>
                  </a:lnTo>
                  <a:lnTo>
                    <a:pt x="315" y="543"/>
                  </a:lnTo>
                  <a:lnTo>
                    <a:pt x="323" y="539"/>
                  </a:lnTo>
                  <a:lnTo>
                    <a:pt x="328" y="534"/>
                  </a:lnTo>
                  <a:lnTo>
                    <a:pt x="332" y="527"/>
                  </a:lnTo>
                  <a:lnTo>
                    <a:pt x="337" y="520"/>
                  </a:lnTo>
                  <a:lnTo>
                    <a:pt x="341" y="513"/>
                  </a:lnTo>
                  <a:lnTo>
                    <a:pt x="344" y="505"/>
                  </a:lnTo>
                  <a:lnTo>
                    <a:pt x="350" y="488"/>
                  </a:lnTo>
                  <a:lnTo>
                    <a:pt x="357" y="473"/>
                  </a:lnTo>
                  <a:lnTo>
                    <a:pt x="360" y="465"/>
                  </a:lnTo>
                  <a:lnTo>
                    <a:pt x="364" y="458"/>
                  </a:lnTo>
                  <a:lnTo>
                    <a:pt x="369" y="452"/>
                  </a:lnTo>
                  <a:lnTo>
                    <a:pt x="374" y="446"/>
                  </a:lnTo>
                  <a:lnTo>
                    <a:pt x="385" y="451"/>
                  </a:lnTo>
                  <a:lnTo>
                    <a:pt x="395" y="452"/>
                  </a:lnTo>
                  <a:lnTo>
                    <a:pt x="406" y="452"/>
                  </a:lnTo>
                  <a:lnTo>
                    <a:pt x="417" y="451"/>
                  </a:lnTo>
                  <a:lnTo>
                    <a:pt x="438" y="445"/>
                  </a:lnTo>
                  <a:lnTo>
                    <a:pt x="459" y="437"/>
                  </a:lnTo>
                  <a:lnTo>
                    <a:pt x="458" y="429"/>
                  </a:lnTo>
                  <a:lnTo>
                    <a:pt x="456" y="422"/>
                  </a:lnTo>
                  <a:lnTo>
                    <a:pt x="453" y="414"/>
                  </a:lnTo>
                  <a:lnTo>
                    <a:pt x="451" y="406"/>
                  </a:lnTo>
                  <a:lnTo>
                    <a:pt x="445" y="390"/>
                  </a:lnTo>
                  <a:lnTo>
                    <a:pt x="439" y="375"/>
                  </a:lnTo>
                  <a:lnTo>
                    <a:pt x="437" y="366"/>
                  </a:lnTo>
                  <a:lnTo>
                    <a:pt x="434" y="359"/>
                  </a:lnTo>
                  <a:lnTo>
                    <a:pt x="432" y="350"/>
                  </a:lnTo>
                  <a:lnTo>
                    <a:pt x="432" y="343"/>
                  </a:lnTo>
                  <a:lnTo>
                    <a:pt x="432" y="336"/>
                  </a:lnTo>
                  <a:lnTo>
                    <a:pt x="433" y="328"/>
                  </a:lnTo>
                  <a:lnTo>
                    <a:pt x="436" y="322"/>
                  </a:lnTo>
                  <a:lnTo>
                    <a:pt x="440" y="315"/>
                  </a:lnTo>
                  <a:lnTo>
                    <a:pt x="450" y="320"/>
                  </a:lnTo>
                  <a:lnTo>
                    <a:pt x="460" y="323"/>
                  </a:lnTo>
                  <a:lnTo>
                    <a:pt x="470" y="326"/>
                  </a:lnTo>
                  <a:lnTo>
                    <a:pt x="480" y="327"/>
                  </a:lnTo>
                  <a:lnTo>
                    <a:pt x="489" y="327"/>
                  </a:lnTo>
                  <a:lnTo>
                    <a:pt x="499" y="326"/>
                  </a:lnTo>
                  <a:lnTo>
                    <a:pt x="508" y="325"/>
                  </a:lnTo>
                  <a:lnTo>
                    <a:pt x="518" y="323"/>
                  </a:lnTo>
                  <a:lnTo>
                    <a:pt x="551" y="313"/>
                  </a:lnTo>
                  <a:lnTo>
                    <a:pt x="580" y="305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35" name="Middelfart kant"/>
            <p:cNvSpPr>
              <a:spLocks/>
            </p:cNvSpPr>
            <p:nvPr/>
          </p:nvSpPr>
          <p:spPr bwMode="auto">
            <a:xfrm>
              <a:off x="1787525" y="5119688"/>
              <a:ext cx="307975" cy="290513"/>
            </a:xfrm>
            <a:custGeom>
              <a:avLst/>
              <a:gdLst>
                <a:gd name="T0" fmla="*/ 175 w 580"/>
                <a:gd name="T1" fmla="*/ 71 h 549"/>
                <a:gd name="T2" fmla="*/ 153 w 580"/>
                <a:gd name="T3" fmla="*/ 40 h 549"/>
                <a:gd name="T4" fmla="*/ 139 w 580"/>
                <a:gd name="T5" fmla="*/ 29 h 549"/>
                <a:gd name="T6" fmla="*/ 130 w 580"/>
                <a:gd name="T7" fmla="*/ 37 h 549"/>
                <a:gd name="T8" fmla="*/ 119 w 580"/>
                <a:gd name="T9" fmla="*/ 41 h 549"/>
                <a:gd name="T10" fmla="*/ 106 w 580"/>
                <a:gd name="T11" fmla="*/ 42 h 549"/>
                <a:gd name="T12" fmla="*/ 94 w 580"/>
                <a:gd name="T13" fmla="*/ 39 h 549"/>
                <a:gd name="T14" fmla="*/ 83 w 580"/>
                <a:gd name="T15" fmla="*/ 33 h 549"/>
                <a:gd name="T16" fmla="*/ 77 w 580"/>
                <a:gd name="T17" fmla="*/ 25 h 549"/>
                <a:gd name="T18" fmla="*/ 75 w 580"/>
                <a:gd name="T19" fmla="*/ 13 h 549"/>
                <a:gd name="T20" fmla="*/ 75 w 580"/>
                <a:gd name="T21" fmla="*/ 1 h 549"/>
                <a:gd name="T22" fmla="*/ 64 w 580"/>
                <a:gd name="T23" fmla="*/ 0 h 549"/>
                <a:gd name="T24" fmla="*/ 56 w 580"/>
                <a:gd name="T25" fmla="*/ 3 h 549"/>
                <a:gd name="T26" fmla="*/ 48 w 580"/>
                <a:gd name="T27" fmla="*/ 12 h 549"/>
                <a:gd name="T28" fmla="*/ 33 w 580"/>
                <a:gd name="T29" fmla="*/ 37 h 549"/>
                <a:gd name="T30" fmla="*/ 24 w 580"/>
                <a:gd name="T31" fmla="*/ 45 h 549"/>
                <a:gd name="T32" fmla="*/ 17 w 580"/>
                <a:gd name="T33" fmla="*/ 45 h 549"/>
                <a:gd name="T34" fmla="*/ 9 w 580"/>
                <a:gd name="T35" fmla="*/ 39 h 549"/>
                <a:gd name="T36" fmla="*/ 3 w 580"/>
                <a:gd name="T37" fmla="*/ 37 h 549"/>
                <a:gd name="T38" fmla="*/ 5 w 580"/>
                <a:gd name="T39" fmla="*/ 42 h 549"/>
                <a:gd name="T40" fmla="*/ 24 w 580"/>
                <a:gd name="T41" fmla="*/ 56 h 549"/>
                <a:gd name="T42" fmla="*/ 37 w 580"/>
                <a:gd name="T43" fmla="*/ 70 h 549"/>
                <a:gd name="T44" fmla="*/ 46 w 580"/>
                <a:gd name="T45" fmla="*/ 72 h 549"/>
                <a:gd name="T46" fmla="*/ 56 w 580"/>
                <a:gd name="T47" fmla="*/ 77 h 549"/>
                <a:gd name="T48" fmla="*/ 66 w 580"/>
                <a:gd name="T49" fmla="*/ 92 h 549"/>
                <a:gd name="T50" fmla="*/ 69 w 580"/>
                <a:gd name="T51" fmla="*/ 113 h 549"/>
                <a:gd name="T52" fmla="*/ 68 w 580"/>
                <a:gd name="T53" fmla="*/ 131 h 549"/>
                <a:gd name="T54" fmla="*/ 75 w 580"/>
                <a:gd name="T55" fmla="*/ 134 h 549"/>
                <a:gd name="T56" fmla="*/ 80 w 580"/>
                <a:gd name="T57" fmla="*/ 139 h 549"/>
                <a:gd name="T58" fmla="*/ 82 w 580"/>
                <a:gd name="T59" fmla="*/ 149 h 549"/>
                <a:gd name="T60" fmla="*/ 76 w 580"/>
                <a:gd name="T61" fmla="*/ 158 h 549"/>
                <a:gd name="T62" fmla="*/ 62 w 580"/>
                <a:gd name="T63" fmla="*/ 161 h 549"/>
                <a:gd name="T64" fmla="*/ 54 w 580"/>
                <a:gd name="T65" fmla="*/ 166 h 549"/>
                <a:gd name="T66" fmla="*/ 57 w 580"/>
                <a:gd name="T67" fmla="*/ 171 h 549"/>
                <a:gd name="T68" fmla="*/ 68 w 580"/>
                <a:gd name="T69" fmla="*/ 175 h 549"/>
                <a:gd name="T70" fmla="*/ 83 w 580"/>
                <a:gd name="T71" fmla="*/ 175 h 549"/>
                <a:gd name="T72" fmla="*/ 95 w 580"/>
                <a:gd name="T73" fmla="*/ 176 h 549"/>
                <a:gd name="T74" fmla="*/ 98 w 580"/>
                <a:gd name="T75" fmla="*/ 179 h 549"/>
                <a:gd name="T76" fmla="*/ 103 w 580"/>
                <a:gd name="T77" fmla="*/ 182 h 549"/>
                <a:gd name="T78" fmla="*/ 111 w 580"/>
                <a:gd name="T79" fmla="*/ 176 h 549"/>
                <a:gd name="T80" fmla="*/ 117 w 580"/>
                <a:gd name="T81" fmla="*/ 163 h 549"/>
                <a:gd name="T82" fmla="*/ 123 w 580"/>
                <a:gd name="T83" fmla="*/ 151 h 549"/>
                <a:gd name="T84" fmla="*/ 136 w 580"/>
                <a:gd name="T85" fmla="*/ 151 h 549"/>
                <a:gd name="T86" fmla="*/ 153 w 580"/>
                <a:gd name="T87" fmla="*/ 143 h 549"/>
                <a:gd name="T88" fmla="*/ 149 w 580"/>
                <a:gd name="T89" fmla="*/ 130 h 549"/>
                <a:gd name="T90" fmla="*/ 144 w 580"/>
                <a:gd name="T91" fmla="*/ 117 h 549"/>
                <a:gd name="T92" fmla="*/ 146 w 580"/>
                <a:gd name="T93" fmla="*/ 107 h 549"/>
                <a:gd name="T94" fmla="*/ 157 w 580"/>
                <a:gd name="T95" fmla="*/ 109 h 549"/>
                <a:gd name="T96" fmla="*/ 170 w 580"/>
                <a:gd name="T97" fmla="*/ 108 h 549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580" h="549">
                  <a:moveTo>
                    <a:pt x="580" y="305"/>
                  </a:moveTo>
                  <a:lnTo>
                    <a:pt x="560" y="273"/>
                  </a:lnTo>
                  <a:lnTo>
                    <a:pt x="541" y="242"/>
                  </a:lnTo>
                  <a:lnTo>
                    <a:pt x="523" y="213"/>
                  </a:lnTo>
                  <a:lnTo>
                    <a:pt x="506" y="185"/>
                  </a:lnTo>
                  <a:lnTo>
                    <a:pt x="488" y="158"/>
                  </a:lnTo>
                  <a:lnTo>
                    <a:pt x="468" y="131"/>
                  </a:lnTo>
                  <a:lnTo>
                    <a:pt x="458" y="119"/>
                  </a:lnTo>
                  <a:lnTo>
                    <a:pt x="446" y="106"/>
                  </a:lnTo>
                  <a:lnTo>
                    <a:pt x="434" y="94"/>
                  </a:lnTo>
                  <a:lnTo>
                    <a:pt x="421" y="81"/>
                  </a:lnTo>
                  <a:lnTo>
                    <a:pt x="417" y="88"/>
                  </a:lnTo>
                  <a:lnTo>
                    <a:pt x="411" y="96"/>
                  </a:lnTo>
                  <a:lnTo>
                    <a:pt x="405" y="101"/>
                  </a:lnTo>
                  <a:lnTo>
                    <a:pt x="398" y="107"/>
                  </a:lnTo>
                  <a:lnTo>
                    <a:pt x="390" y="111"/>
                  </a:lnTo>
                  <a:lnTo>
                    <a:pt x="382" y="116"/>
                  </a:lnTo>
                  <a:lnTo>
                    <a:pt x="373" y="119"/>
                  </a:lnTo>
                  <a:lnTo>
                    <a:pt x="365" y="122"/>
                  </a:lnTo>
                  <a:lnTo>
                    <a:pt x="355" y="124"/>
                  </a:lnTo>
                  <a:lnTo>
                    <a:pt x="346" y="125"/>
                  </a:lnTo>
                  <a:lnTo>
                    <a:pt x="337" y="126"/>
                  </a:lnTo>
                  <a:lnTo>
                    <a:pt x="327" y="126"/>
                  </a:lnTo>
                  <a:lnTo>
                    <a:pt x="318" y="126"/>
                  </a:lnTo>
                  <a:lnTo>
                    <a:pt x="308" y="125"/>
                  </a:lnTo>
                  <a:lnTo>
                    <a:pt x="299" y="123"/>
                  </a:lnTo>
                  <a:lnTo>
                    <a:pt x="289" y="121"/>
                  </a:lnTo>
                  <a:lnTo>
                    <a:pt x="281" y="118"/>
                  </a:lnTo>
                  <a:lnTo>
                    <a:pt x="272" y="115"/>
                  </a:lnTo>
                  <a:lnTo>
                    <a:pt x="264" y="110"/>
                  </a:lnTo>
                  <a:lnTo>
                    <a:pt x="256" y="105"/>
                  </a:lnTo>
                  <a:lnTo>
                    <a:pt x="249" y="100"/>
                  </a:lnTo>
                  <a:lnTo>
                    <a:pt x="244" y="95"/>
                  </a:lnTo>
                  <a:lnTo>
                    <a:pt x="238" y="88"/>
                  </a:lnTo>
                  <a:lnTo>
                    <a:pt x="233" y="81"/>
                  </a:lnTo>
                  <a:lnTo>
                    <a:pt x="229" y="74"/>
                  </a:lnTo>
                  <a:lnTo>
                    <a:pt x="226" y="65"/>
                  </a:lnTo>
                  <a:lnTo>
                    <a:pt x="225" y="57"/>
                  </a:lnTo>
                  <a:lnTo>
                    <a:pt x="224" y="48"/>
                  </a:lnTo>
                  <a:lnTo>
                    <a:pt x="224" y="38"/>
                  </a:lnTo>
                  <a:lnTo>
                    <a:pt x="226" y="28"/>
                  </a:lnTo>
                  <a:lnTo>
                    <a:pt x="229" y="17"/>
                  </a:lnTo>
                  <a:lnTo>
                    <a:pt x="233" y="6"/>
                  </a:lnTo>
                  <a:lnTo>
                    <a:pt x="224" y="3"/>
                  </a:lnTo>
                  <a:lnTo>
                    <a:pt x="214" y="1"/>
                  </a:lnTo>
                  <a:lnTo>
                    <a:pt x="206" y="0"/>
                  </a:lnTo>
                  <a:lnTo>
                    <a:pt x="199" y="0"/>
                  </a:lnTo>
                  <a:lnTo>
                    <a:pt x="190" y="1"/>
                  </a:lnTo>
                  <a:lnTo>
                    <a:pt x="184" y="2"/>
                  </a:lnTo>
                  <a:lnTo>
                    <a:pt x="178" y="4"/>
                  </a:lnTo>
                  <a:lnTo>
                    <a:pt x="171" y="7"/>
                  </a:lnTo>
                  <a:lnTo>
                    <a:pt x="166" y="10"/>
                  </a:lnTo>
                  <a:lnTo>
                    <a:pt x="161" y="15"/>
                  </a:lnTo>
                  <a:lnTo>
                    <a:pt x="156" y="19"/>
                  </a:lnTo>
                  <a:lnTo>
                    <a:pt x="151" y="24"/>
                  </a:lnTo>
                  <a:lnTo>
                    <a:pt x="144" y="35"/>
                  </a:lnTo>
                  <a:lnTo>
                    <a:pt x="135" y="47"/>
                  </a:lnTo>
                  <a:lnTo>
                    <a:pt x="122" y="74"/>
                  </a:lnTo>
                  <a:lnTo>
                    <a:pt x="107" y="100"/>
                  </a:lnTo>
                  <a:lnTo>
                    <a:pt x="99" y="111"/>
                  </a:lnTo>
                  <a:lnTo>
                    <a:pt x="89" y="122"/>
                  </a:lnTo>
                  <a:lnTo>
                    <a:pt x="84" y="126"/>
                  </a:lnTo>
                  <a:lnTo>
                    <a:pt x="77" y="130"/>
                  </a:lnTo>
                  <a:lnTo>
                    <a:pt x="72" y="135"/>
                  </a:lnTo>
                  <a:lnTo>
                    <a:pt x="65" y="137"/>
                  </a:lnTo>
                  <a:lnTo>
                    <a:pt x="60" y="138"/>
                  </a:lnTo>
                  <a:lnTo>
                    <a:pt x="55" y="137"/>
                  </a:lnTo>
                  <a:lnTo>
                    <a:pt x="50" y="135"/>
                  </a:lnTo>
                  <a:lnTo>
                    <a:pt x="46" y="133"/>
                  </a:lnTo>
                  <a:lnTo>
                    <a:pt x="37" y="126"/>
                  </a:lnTo>
                  <a:lnTo>
                    <a:pt x="29" y="119"/>
                  </a:lnTo>
                  <a:lnTo>
                    <a:pt x="26" y="116"/>
                  </a:lnTo>
                  <a:lnTo>
                    <a:pt x="22" y="114"/>
                  </a:lnTo>
                  <a:lnTo>
                    <a:pt x="17" y="111"/>
                  </a:lnTo>
                  <a:lnTo>
                    <a:pt x="14" y="110"/>
                  </a:lnTo>
                  <a:lnTo>
                    <a:pt x="10" y="110"/>
                  </a:lnTo>
                  <a:lnTo>
                    <a:pt x="7" y="111"/>
                  </a:lnTo>
                  <a:lnTo>
                    <a:pt x="4" y="114"/>
                  </a:lnTo>
                  <a:lnTo>
                    <a:pt x="0" y="119"/>
                  </a:lnTo>
                  <a:lnTo>
                    <a:pt x="16" y="126"/>
                  </a:lnTo>
                  <a:lnTo>
                    <a:pt x="32" y="136"/>
                  </a:lnTo>
                  <a:lnTo>
                    <a:pt x="47" y="145"/>
                  </a:lnTo>
                  <a:lnTo>
                    <a:pt x="61" y="156"/>
                  </a:lnTo>
                  <a:lnTo>
                    <a:pt x="73" y="168"/>
                  </a:lnTo>
                  <a:lnTo>
                    <a:pt x="84" y="181"/>
                  </a:lnTo>
                  <a:lnTo>
                    <a:pt x="94" y="196"/>
                  </a:lnTo>
                  <a:lnTo>
                    <a:pt x="103" y="211"/>
                  </a:lnTo>
                  <a:lnTo>
                    <a:pt x="110" y="211"/>
                  </a:lnTo>
                  <a:lnTo>
                    <a:pt x="118" y="211"/>
                  </a:lnTo>
                  <a:lnTo>
                    <a:pt x="125" y="213"/>
                  </a:lnTo>
                  <a:lnTo>
                    <a:pt x="132" y="214"/>
                  </a:lnTo>
                  <a:lnTo>
                    <a:pt x="139" y="216"/>
                  </a:lnTo>
                  <a:lnTo>
                    <a:pt x="145" y="218"/>
                  </a:lnTo>
                  <a:lnTo>
                    <a:pt x="151" y="220"/>
                  </a:lnTo>
                  <a:lnTo>
                    <a:pt x="156" y="223"/>
                  </a:lnTo>
                  <a:lnTo>
                    <a:pt x="167" y="231"/>
                  </a:lnTo>
                  <a:lnTo>
                    <a:pt x="176" y="240"/>
                  </a:lnTo>
                  <a:lnTo>
                    <a:pt x="185" y="250"/>
                  </a:lnTo>
                  <a:lnTo>
                    <a:pt x="192" y="263"/>
                  </a:lnTo>
                  <a:lnTo>
                    <a:pt x="198" y="276"/>
                  </a:lnTo>
                  <a:lnTo>
                    <a:pt x="202" y="290"/>
                  </a:lnTo>
                  <a:lnTo>
                    <a:pt x="205" y="305"/>
                  </a:lnTo>
                  <a:lnTo>
                    <a:pt x="206" y="321"/>
                  </a:lnTo>
                  <a:lnTo>
                    <a:pt x="206" y="338"/>
                  </a:lnTo>
                  <a:lnTo>
                    <a:pt x="205" y="355"/>
                  </a:lnTo>
                  <a:lnTo>
                    <a:pt x="201" y="373"/>
                  </a:lnTo>
                  <a:lnTo>
                    <a:pt x="196" y="389"/>
                  </a:lnTo>
                  <a:lnTo>
                    <a:pt x="203" y="392"/>
                  </a:lnTo>
                  <a:lnTo>
                    <a:pt x="208" y="393"/>
                  </a:lnTo>
                  <a:lnTo>
                    <a:pt x="214" y="395"/>
                  </a:lnTo>
                  <a:lnTo>
                    <a:pt x="219" y="398"/>
                  </a:lnTo>
                  <a:lnTo>
                    <a:pt x="224" y="401"/>
                  </a:lnTo>
                  <a:lnTo>
                    <a:pt x="228" y="404"/>
                  </a:lnTo>
                  <a:lnTo>
                    <a:pt x="231" y="408"/>
                  </a:lnTo>
                  <a:lnTo>
                    <a:pt x="234" y="413"/>
                  </a:lnTo>
                  <a:lnTo>
                    <a:pt x="238" y="417"/>
                  </a:lnTo>
                  <a:lnTo>
                    <a:pt x="240" y="422"/>
                  </a:lnTo>
                  <a:lnTo>
                    <a:pt x="242" y="428"/>
                  </a:lnTo>
                  <a:lnTo>
                    <a:pt x="243" y="435"/>
                  </a:lnTo>
                  <a:lnTo>
                    <a:pt x="244" y="448"/>
                  </a:lnTo>
                  <a:lnTo>
                    <a:pt x="243" y="465"/>
                  </a:lnTo>
                  <a:lnTo>
                    <a:pt x="239" y="468"/>
                  </a:lnTo>
                  <a:lnTo>
                    <a:pt x="234" y="471"/>
                  </a:lnTo>
                  <a:lnTo>
                    <a:pt x="228" y="473"/>
                  </a:lnTo>
                  <a:lnTo>
                    <a:pt x="223" y="475"/>
                  </a:lnTo>
                  <a:lnTo>
                    <a:pt x="210" y="478"/>
                  </a:lnTo>
                  <a:lnTo>
                    <a:pt x="198" y="480"/>
                  </a:lnTo>
                  <a:lnTo>
                    <a:pt x="185" y="482"/>
                  </a:lnTo>
                  <a:lnTo>
                    <a:pt x="173" y="486"/>
                  </a:lnTo>
                  <a:lnTo>
                    <a:pt x="169" y="489"/>
                  </a:lnTo>
                  <a:lnTo>
                    <a:pt x="165" y="493"/>
                  </a:lnTo>
                  <a:lnTo>
                    <a:pt x="162" y="497"/>
                  </a:lnTo>
                  <a:lnTo>
                    <a:pt x="159" y="502"/>
                  </a:lnTo>
                  <a:lnTo>
                    <a:pt x="162" y="506"/>
                  </a:lnTo>
                  <a:lnTo>
                    <a:pt x="165" y="511"/>
                  </a:lnTo>
                  <a:lnTo>
                    <a:pt x="169" y="514"/>
                  </a:lnTo>
                  <a:lnTo>
                    <a:pt x="172" y="517"/>
                  </a:lnTo>
                  <a:lnTo>
                    <a:pt x="182" y="520"/>
                  </a:lnTo>
                  <a:lnTo>
                    <a:pt x="192" y="523"/>
                  </a:lnTo>
                  <a:lnTo>
                    <a:pt x="203" y="524"/>
                  </a:lnTo>
                  <a:lnTo>
                    <a:pt x="214" y="525"/>
                  </a:lnTo>
                  <a:lnTo>
                    <a:pt x="226" y="524"/>
                  </a:lnTo>
                  <a:lnTo>
                    <a:pt x="238" y="524"/>
                  </a:lnTo>
                  <a:lnTo>
                    <a:pt x="248" y="524"/>
                  </a:lnTo>
                  <a:lnTo>
                    <a:pt x="260" y="524"/>
                  </a:lnTo>
                  <a:lnTo>
                    <a:pt x="269" y="524"/>
                  </a:lnTo>
                  <a:lnTo>
                    <a:pt x="279" y="526"/>
                  </a:lnTo>
                  <a:lnTo>
                    <a:pt x="283" y="527"/>
                  </a:lnTo>
                  <a:lnTo>
                    <a:pt x="286" y="529"/>
                  </a:lnTo>
                  <a:lnTo>
                    <a:pt x="289" y="532"/>
                  </a:lnTo>
                  <a:lnTo>
                    <a:pt x="292" y="534"/>
                  </a:lnTo>
                  <a:lnTo>
                    <a:pt x="294" y="537"/>
                  </a:lnTo>
                  <a:lnTo>
                    <a:pt x="297" y="540"/>
                  </a:lnTo>
                  <a:lnTo>
                    <a:pt x="299" y="544"/>
                  </a:lnTo>
                  <a:lnTo>
                    <a:pt x="300" y="549"/>
                  </a:lnTo>
                  <a:lnTo>
                    <a:pt x="308" y="547"/>
                  </a:lnTo>
                  <a:lnTo>
                    <a:pt x="315" y="543"/>
                  </a:lnTo>
                  <a:lnTo>
                    <a:pt x="323" y="539"/>
                  </a:lnTo>
                  <a:lnTo>
                    <a:pt x="328" y="534"/>
                  </a:lnTo>
                  <a:lnTo>
                    <a:pt x="332" y="527"/>
                  </a:lnTo>
                  <a:lnTo>
                    <a:pt x="337" y="520"/>
                  </a:lnTo>
                  <a:lnTo>
                    <a:pt x="341" y="513"/>
                  </a:lnTo>
                  <a:lnTo>
                    <a:pt x="344" y="505"/>
                  </a:lnTo>
                  <a:lnTo>
                    <a:pt x="350" y="488"/>
                  </a:lnTo>
                  <a:lnTo>
                    <a:pt x="357" y="473"/>
                  </a:lnTo>
                  <a:lnTo>
                    <a:pt x="360" y="465"/>
                  </a:lnTo>
                  <a:lnTo>
                    <a:pt x="364" y="458"/>
                  </a:lnTo>
                  <a:lnTo>
                    <a:pt x="369" y="452"/>
                  </a:lnTo>
                  <a:lnTo>
                    <a:pt x="374" y="446"/>
                  </a:lnTo>
                  <a:lnTo>
                    <a:pt x="385" y="451"/>
                  </a:lnTo>
                  <a:lnTo>
                    <a:pt x="395" y="452"/>
                  </a:lnTo>
                  <a:lnTo>
                    <a:pt x="406" y="452"/>
                  </a:lnTo>
                  <a:lnTo>
                    <a:pt x="417" y="451"/>
                  </a:lnTo>
                  <a:lnTo>
                    <a:pt x="438" y="445"/>
                  </a:lnTo>
                  <a:lnTo>
                    <a:pt x="459" y="437"/>
                  </a:lnTo>
                  <a:lnTo>
                    <a:pt x="458" y="429"/>
                  </a:lnTo>
                  <a:lnTo>
                    <a:pt x="456" y="422"/>
                  </a:lnTo>
                  <a:lnTo>
                    <a:pt x="453" y="414"/>
                  </a:lnTo>
                  <a:lnTo>
                    <a:pt x="451" y="406"/>
                  </a:lnTo>
                  <a:lnTo>
                    <a:pt x="445" y="390"/>
                  </a:lnTo>
                  <a:lnTo>
                    <a:pt x="439" y="375"/>
                  </a:lnTo>
                  <a:lnTo>
                    <a:pt x="437" y="366"/>
                  </a:lnTo>
                  <a:lnTo>
                    <a:pt x="434" y="359"/>
                  </a:lnTo>
                  <a:lnTo>
                    <a:pt x="432" y="350"/>
                  </a:lnTo>
                  <a:lnTo>
                    <a:pt x="432" y="343"/>
                  </a:lnTo>
                  <a:lnTo>
                    <a:pt x="432" y="336"/>
                  </a:lnTo>
                  <a:lnTo>
                    <a:pt x="433" y="328"/>
                  </a:lnTo>
                  <a:lnTo>
                    <a:pt x="436" y="322"/>
                  </a:lnTo>
                  <a:lnTo>
                    <a:pt x="440" y="315"/>
                  </a:lnTo>
                  <a:lnTo>
                    <a:pt x="450" y="320"/>
                  </a:lnTo>
                  <a:lnTo>
                    <a:pt x="460" y="323"/>
                  </a:lnTo>
                  <a:lnTo>
                    <a:pt x="470" y="326"/>
                  </a:lnTo>
                  <a:lnTo>
                    <a:pt x="480" y="327"/>
                  </a:lnTo>
                  <a:lnTo>
                    <a:pt x="489" y="327"/>
                  </a:lnTo>
                  <a:lnTo>
                    <a:pt x="499" y="326"/>
                  </a:lnTo>
                  <a:lnTo>
                    <a:pt x="508" y="325"/>
                  </a:lnTo>
                  <a:lnTo>
                    <a:pt x="518" y="323"/>
                  </a:lnTo>
                  <a:lnTo>
                    <a:pt x="551" y="313"/>
                  </a:lnTo>
                  <a:lnTo>
                    <a:pt x="580" y="305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36" name="Odense"/>
            <p:cNvSpPr>
              <a:spLocks/>
            </p:cNvSpPr>
            <p:nvPr/>
          </p:nvSpPr>
          <p:spPr bwMode="auto">
            <a:xfrm>
              <a:off x="2189163" y="5230813"/>
              <a:ext cx="327025" cy="254000"/>
            </a:xfrm>
            <a:custGeom>
              <a:avLst/>
              <a:gdLst>
                <a:gd name="T0" fmla="*/ 53 w 618"/>
                <a:gd name="T1" fmla="*/ 10 h 482"/>
                <a:gd name="T2" fmla="*/ 51 w 618"/>
                <a:gd name="T3" fmla="*/ 15 h 482"/>
                <a:gd name="T4" fmla="*/ 47 w 618"/>
                <a:gd name="T5" fmla="*/ 18 h 482"/>
                <a:gd name="T6" fmla="*/ 37 w 618"/>
                <a:gd name="T7" fmla="*/ 20 h 482"/>
                <a:gd name="T8" fmla="*/ 30 w 618"/>
                <a:gd name="T9" fmla="*/ 31 h 482"/>
                <a:gd name="T10" fmla="*/ 20 w 618"/>
                <a:gd name="T11" fmla="*/ 48 h 482"/>
                <a:gd name="T12" fmla="*/ 9 w 618"/>
                <a:gd name="T13" fmla="*/ 63 h 482"/>
                <a:gd name="T14" fmla="*/ 3 w 618"/>
                <a:gd name="T15" fmla="*/ 76 h 482"/>
                <a:gd name="T16" fmla="*/ 0 w 618"/>
                <a:gd name="T17" fmla="*/ 95 h 482"/>
                <a:gd name="T18" fmla="*/ 7 w 618"/>
                <a:gd name="T19" fmla="*/ 93 h 482"/>
                <a:gd name="T20" fmla="*/ 14 w 618"/>
                <a:gd name="T21" fmla="*/ 93 h 482"/>
                <a:gd name="T22" fmla="*/ 22 w 618"/>
                <a:gd name="T23" fmla="*/ 96 h 482"/>
                <a:gd name="T24" fmla="*/ 31 w 618"/>
                <a:gd name="T25" fmla="*/ 105 h 482"/>
                <a:gd name="T26" fmla="*/ 38 w 618"/>
                <a:gd name="T27" fmla="*/ 117 h 482"/>
                <a:gd name="T28" fmla="*/ 41 w 618"/>
                <a:gd name="T29" fmla="*/ 129 h 482"/>
                <a:gd name="T30" fmla="*/ 44 w 618"/>
                <a:gd name="T31" fmla="*/ 137 h 482"/>
                <a:gd name="T32" fmla="*/ 52 w 618"/>
                <a:gd name="T33" fmla="*/ 138 h 482"/>
                <a:gd name="T34" fmla="*/ 55 w 618"/>
                <a:gd name="T35" fmla="*/ 143 h 482"/>
                <a:gd name="T36" fmla="*/ 56 w 618"/>
                <a:gd name="T37" fmla="*/ 149 h 482"/>
                <a:gd name="T38" fmla="*/ 54 w 618"/>
                <a:gd name="T39" fmla="*/ 155 h 482"/>
                <a:gd name="T40" fmla="*/ 50 w 618"/>
                <a:gd name="T41" fmla="*/ 160 h 482"/>
                <a:gd name="T42" fmla="*/ 67 w 618"/>
                <a:gd name="T43" fmla="*/ 157 h 482"/>
                <a:gd name="T44" fmla="*/ 75 w 618"/>
                <a:gd name="T45" fmla="*/ 154 h 482"/>
                <a:gd name="T46" fmla="*/ 73 w 618"/>
                <a:gd name="T47" fmla="*/ 147 h 482"/>
                <a:gd name="T48" fmla="*/ 74 w 618"/>
                <a:gd name="T49" fmla="*/ 142 h 482"/>
                <a:gd name="T50" fmla="*/ 77 w 618"/>
                <a:gd name="T51" fmla="*/ 137 h 482"/>
                <a:gd name="T52" fmla="*/ 82 w 618"/>
                <a:gd name="T53" fmla="*/ 134 h 482"/>
                <a:gd name="T54" fmla="*/ 94 w 618"/>
                <a:gd name="T55" fmla="*/ 129 h 482"/>
                <a:gd name="T56" fmla="*/ 109 w 618"/>
                <a:gd name="T57" fmla="*/ 125 h 482"/>
                <a:gd name="T58" fmla="*/ 127 w 618"/>
                <a:gd name="T59" fmla="*/ 125 h 482"/>
                <a:gd name="T60" fmla="*/ 129 w 618"/>
                <a:gd name="T61" fmla="*/ 131 h 482"/>
                <a:gd name="T62" fmla="*/ 131 w 618"/>
                <a:gd name="T63" fmla="*/ 136 h 482"/>
                <a:gd name="T64" fmla="*/ 141 w 618"/>
                <a:gd name="T65" fmla="*/ 135 h 482"/>
                <a:gd name="T66" fmla="*/ 162 w 618"/>
                <a:gd name="T67" fmla="*/ 132 h 482"/>
                <a:gd name="T68" fmla="*/ 183 w 618"/>
                <a:gd name="T69" fmla="*/ 128 h 482"/>
                <a:gd name="T70" fmla="*/ 197 w 618"/>
                <a:gd name="T71" fmla="*/ 122 h 482"/>
                <a:gd name="T72" fmla="*/ 203 w 618"/>
                <a:gd name="T73" fmla="*/ 117 h 482"/>
                <a:gd name="T74" fmla="*/ 203 w 618"/>
                <a:gd name="T75" fmla="*/ 113 h 482"/>
                <a:gd name="T76" fmla="*/ 196 w 618"/>
                <a:gd name="T77" fmla="*/ 109 h 482"/>
                <a:gd name="T78" fmla="*/ 191 w 618"/>
                <a:gd name="T79" fmla="*/ 103 h 482"/>
                <a:gd name="T80" fmla="*/ 182 w 618"/>
                <a:gd name="T81" fmla="*/ 91 h 482"/>
                <a:gd name="T82" fmla="*/ 174 w 618"/>
                <a:gd name="T83" fmla="*/ 75 h 482"/>
                <a:gd name="T84" fmla="*/ 165 w 618"/>
                <a:gd name="T85" fmla="*/ 63 h 482"/>
                <a:gd name="T86" fmla="*/ 160 w 618"/>
                <a:gd name="T87" fmla="*/ 60 h 482"/>
                <a:gd name="T88" fmla="*/ 154 w 618"/>
                <a:gd name="T89" fmla="*/ 59 h 482"/>
                <a:gd name="T90" fmla="*/ 150 w 618"/>
                <a:gd name="T91" fmla="*/ 58 h 482"/>
                <a:gd name="T92" fmla="*/ 149 w 618"/>
                <a:gd name="T93" fmla="*/ 49 h 482"/>
                <a:gd name="T94" fmla="*/ 150 w 618"/>
                <a:gd name="T95" fmla="*/ 43 h 482"/>
                <a:gd name="T96" fmla="*/ 153 w 618"/>
                <a:gd name="T97" fmla="*/ 42 h 482"/>
                <a:gd name="T98" fmla="*/ 156 w 618"/>
                <a:gd name="T99" fmla="*/ 43 h 482"/>
                <a:gd name="T100" fmla="*/ 163 w 618"/>
                <a:gd name="T101" fmla="*/ 43 h 482"/>
                <a:gd name="T102" fmla="*/ 174 w 618"/>
                <a:gd name="T103" fmla="*/ 41 h 482"/>
                <a:gd name="T104" fmla="*/ 177 w 618"/>
                <a:gd name="T105" fmla="*/ 35 h 482"/>
                <a:gd name="T106" fmla="*/ 173 w 618"/>
                <a:gd name="T107" fmla="*/ 27 h 482"/>
                <a:gd name="T108" fmla="*/ 166 w 618"/>
                <a:gd name="T109" fmla="*/ 23 h 482"/>
                <a:gd name="T110" fmla="*/ 139 w 618"/>
                <a:gd name="T111" fmla="*/ 31 h 482"/>
                <a:gd name="T112" fmla="*/ 128 w 618"/>
                <a:gd name="T113" fmla="*/ 31 h 482"/>
                <a:gd name="T114" fmla="*/ 123 w 618"/>
                <a:gd name="T115" fmla="*/ 26 h 482"/>
                <a:gd name="T116" fmla="*/ 126 w 618"/>
                <a:gd name="T117" fmla="*/ 16 h 482"/>
                <a:gd name="T118" fmla="*/ 123 w 618"/>
                <a:gd name="T119" fmla="*/ 1 h 482"/>
                <a:gd name="T120" fmla="*/ 110 w 618"/>
                <a:gd name="T121" fmla="*/ 0 h 482"/>
                <a:gd name="T122" fmla="*/ 82 w 618"/>
                <a:gd name="T123" fmla="*/ 3 h 482"/>
                <a:gd name="T124" fmla="*/ 63 w 618"/>
                <a:gd name="T125" fmla="*/ 5 h 482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618" h="482">
                  <a:moveTo>
                    <a:pt x="160" y="13"/>
                  </a:moveTo>
                  <a:lnTo>
                    <a:pt x="159" y="22"/>
                  </a:lnTo>
                  <a:lnTo>
                    <a:pt x="159" y="30"/>
                  </a:lnTo>
                  <a:lnTo>
                    <a:pt x="157" y="36"/>
                  </a:lnTo>
                  <a:lnTo>
                    <a:pt x="155" y="41"/>
                  </a:lnTo>
                  <a:lnTo>
                    <a:pt x="152" y="46"/>
                  </a:lnTo>
                  <a:lnTo>
                    <a:pt x="149" y="49"/>
                  </a:lnTo>
                  <a:lnTo>
                    <a:pt x="145" y="52"/>
                  </a:lnTo>
                  <a:lnTo>
                    <a:pt x="141" y="54"/>
                  </a:lnTo>
                  <a:lnTo>
                    <a:pt x="132" y="57"/>
                  </a:lnTo>
                  <a:lnTo>
                    <a:pt x="122" y="58"/>
                  </a:lnTo>
                  <a:lnTo>
                    <a:pt x="112" y="59"/>
                  </a:lnTo>
                  <a:lnTo>
                    <a:pt x="103" y="60"/>
                  </a:lnTo>
                  <a:lnTo>
                    <a:pt x="98" y="78"/>
                  </a:lnTo>
                  <a:lnTo>
                    <a:pt x="90" y="94"/>
                  </a:lnTo>
                  <a:lnTo>
                    <a:pt x="83" y="109"/>
                  </a:lnTo>
                  <a:lnTo>
                    <a:pt x="76" y="121"/>
                  </a:lnTo>
                  <a:lnTo>
                    <a:pt x="59" y="145"/>
                  </a:lnTo>
                  <a:lnTo>
                    <a:pt x="42" y="167"/>
                  </a:lnTo>
                  <a:lnTo>
                    <a:pt x="33" y="177"/>
                  </a:lnTo>
                  <a:lnTo>
                    <a:pt x="26" y="189"/>
                  </a:lnTo>
                  <a:lnTo>
                    <a:pt x="19" y="200"/>
                  </a:lnTo>
                  <a:lnTo>
                    <a:pt x="12" y="214"/>
                  </a:lnTo>
                  <a:lnTo>
                    <a:pt x="8" y="229"/>
                  </a:lnTo>
                  <a:lnTo>
                    <a:pt x="4" y="246"/>
                  </a:lnTo>
                  <a:lnTo>
                    <a:pt x="1" y="264"/>
                  </a:lnTo>
                  <a:lnTo>
                    <a:pt x="0" y="285"/>
                  </a:lnTo>
                  <a:lnTo>
                    <a:pt x="7" y="283"/>
                  </a:lnTo>
                  <a:lnTo>
                    <a:pt x="14" y="281"/>
                  </a:lnTo>
                  <a:lnTo>
                    <a:pt x="22" y="280"/>
                  </a:lnTo>
                  <a:lnTo>
                    <a:pt x="28" y="280"/>
                  </a:lnTo>
                  <a:lnTo>
                    <a:pt x="36" y="280"/>
                  </a:lnTo>
                  <a:lnTo>
                    <a:pt x="42" y="281"/>
                  </a:lnTo>
                  <a:lnTo>
                    <a:pt x="48" y="283"/>
                  </a:lnTo>
                  <a:lnTo>
                    <a:pt x="54" y="285"/>
                  </a:lnTo>
                  <a:lnTo>
                    <a:pt x="66" y="290"/>
                  </a:lnTo>
                  <a:lnTo>
                    <a:pt x="77" y="297"/>
                  </a:lnTo>
                  <a:lnTo>
                    <a:pt x="86" y="306"/>
                  </a:lnTo>
                  <a:lnTo>
                    <a:pt x="94" y="316"/>
                  </a:lnTo>
                  <a:lnTo>
                    <a:pt x="103" y="327"/>
                  </a:lnTo>
                  <a:lnTo>
                    <a:pt x="109" y="338"/>
                  </a:lnTo>
                  <a:lnTo>
                    <a:pt x="115" y="351"/>
                  </a:lnTo>
                  <a:lnTo>
                    <a:pt x="119" y="364"/>
                  </a:lnTo>
                  <a:lnTo>
                    <a:pt x="122" y="377"/>
                  </a:lnTo>
                  <a:lnTo>
                    <a:pt x="123" y="390"/>
                  </a:lnTo>
                  <a:lnTo>
                    <a:pt x="123" y="404"/>
                  </a:lnTo>
                  <a:lnTo>
                    <a:pt x="122" y="416"/>
                  </a:lnTo>
                  <a:lnTo>
                    <a:pt x="132" y="414"/>
                  </a:lnTo>
                  <a:lnTo>
                    <a:pt x="141" y="413"/>
                  </a:lnTo>
                  <a:lnTo>
                    <a:pt x="148" y="414"/>
                  </a:lnTo>
                  <a:lnTo>
                    <a:pt x="155" y="417"/>
                  </a:lnTo>
                  <a:lnTo>
                    <a:pt x="160" y="420"/>
                  </a:lnTo>
                  <a:lnTo>
                    <a:pt x="163" y="425"/>
                  </a:lnTo>
                  <a:lnTo>
                    <a:pt x="166" y="430"/>
                  </a:lnTo>
                  <a:lnTo>
                    <a:pt x="167" y="436"/>
                  </a:lnTo>
                  <a:lnTo>
                    <a:pt x="168" y="443"/>
                  </a:lnTo>
                  <a:lnTo>
                    <a:pt x="168" y="449"/>
                  </a:lnTo>
                  <a:lnTo>
                    <a:pt x="167" y="455"/>
                  </a:lnTo>
                  <a:lnTo>
                    <a:pt x="165" y="462"/>
                  </a:lnTo>
                  <a:lnTo>
                    <a:pt x="162" y="468"/>
                  </a:lnTo>
                  <a:lnTo>
                    <a:pt x="159" y="473"/>
                  </a:lnTo>
                  <a:lnTo>
                    <a:pt x="155" y="477"/>
                  </a:lnTo>
                  <a:lnTo>
                    <a:pt x="150" y="482"/>
                  </a:lnTo>
                  <a:lnTo>
                    <a:pt x="170" y="478"/>
                  </a:lnTo>
                  <a:lnTo>
                    <a:pt x="190" y="475"/>
                  </a:lnTo>
                  <a:lnTo>
                    <a:pt x="201" y="473"/>
                  </a:lnTo>
                  <a:lnTo>
                    <a:pt x="209" y="471"/>
                  </a:lnTo>
                  <a:lnTo>
                    <a:pt x="218" y="468"/>
                  </a:lnTo>
                  <a:lnTo>
                    <a:pt x="225" y="463"/>
                  </a:lnTo>
                  <a:lnTo>
                    <a:pt x="223" y="456"/>
                  </a:lnTo>
                  <a:lnTo>
                    <a:pt x="221" y="449"/>
                  </a:lnTo>
                  <a:lnTo>
                    <a:pt x="220" y="443"/>
                  </a:lnTo>
                  <a:lnTo>
                    <a:pt x="221" y="437"/>
                  </a:lnTo>
                  <a:lnTo>
                    <a:pt x="221" y="432"/>
                  </a:lnTo>
                  <a:lnTo>
                    <a:pt x="223" y="427"/>
                  </a:lnTo>
                  <a:lnTo>
                    <a:pt x="225" y="423"/>
                  </a:lnTo>
                  <a:lnTo>
                    <a:pt x="228" y="417"/>
                  </a:lnTo>
                  <a:lnTo>
                    <a:pt x="231" y="413"/>
                  </a:lnTo>
                  <a:lnTo>
                    <a:pt x="236" y="410"/>
                  </a:lnTo>
                  <a:lnTo>
                    <a:pt x="240" y="407"/>
                  </a:lnTo>
                  <a:lnTo>
                    <a:pt x="245" y="403"/>
                  </a:lnTo>
                  <a:lnTo>
                    <a:pt x="257" y="397"/>
                  </a:lnTo>
                  <a:lnTo>
                    <a:pt x="269" y="392"/>
                  </a:lnTo>
                  <a:lnTo>
                    <a:pt x="283" y="388"/>
                  </a:lnTo>
                  <a:lnTo>
                    <a:pt x="298" y="385"/>
                  </a:lnTo>
                  <a:lnTo>
                    <a:pt x="312" y="382"/>
                  </a:lnTo>
                  <a:lnTo>
                    <a:pt x="328" y="378"/>
                  </a:lnTo>
                  <a:lnTo>
                    <a:pt x="358" y="374"/>
                  </a:lnTo>
                  <a:lnTo>
                    <a:pt x="384" y="369"/>
                  </a:lnTo>
                  <a:lnTo>
                    <a:pt x="382" y="378"/>
                  </a:lnTo>
                  <a:lnTo>
                    <a:pt x="383" y="385"/>
                  </a:lnTo>
                  <a:lnTo>
                    <a:pt x="385" y="390"/>
                  </a:lnTo>
                  <a:lnTo>
                    <a:pt x="387" y="394"/>
                  </a:lnTo>
                  <a:lnTo>
                    <a:pt x="390" y="398"/>
                  </a:lnTo>
                  <a:lnTo>
                    <a:pt x="392" y="403"/>
                  </a:lnTo>
                  <a:lnTo>
                    <a:pt x="394" y="409"/>
                  </a:lnTo>
                  <a:lnTo>
                    <a:pt x="394" y="416"/>
                  </a:lnTo>
                  <a:lnTo>
                    <a:pt x="407" y="412"/>
                  </a:lnTo>
                  <a:lnTo>
                    <a:pt x="423" y="408"/>
                  </a:lnTo>
                  <a:lnTo>
                    <a:pt x="439" y="405"/>
                  </a:lnTo>
                  <a:lnTo>
                    <a:pt x="455" y="403"/>
                  </a:lnTo>
                  <a:lnTo>
                    <a:pt x="487" y="397"/>
                  </a:lnTo>
                  <a:lnTo>
                    <a:pt x="520" y="392"/>
                  </a:lnTo>
                  <a:lnTo>
                    <a:pt x="536" y="389"/>
                  </a:lnTo>
                  <a:lnTo>
                    <a:pt x="550" y="386"/>
                  </a:lnTo>
                  <a:lnTo>
                    <a:pt x="564" y="382"/>
                  </a:lnTo>
                  <a:lnTo>
                    <a:pt x="578" y="376"/>
                  </a:lnTo>
                  <a:lnTo>
                    <a:pt x="590" y="369"/>
                  </a:lnTo>
                  <a:lnTo>
                    <a:pt x="601" y="362"/>
                  </a:lnTo>
                  <a:lnTo>
                    <a:pt x="606" y="357"/>
                  </a:lnTo>
                  <a:lnTo>
                    <a:pt x="610" y="352"/>
                  </a:lnTo>
                  <a:lnTo>
                    <a:pt x="615" y="347"/>
                  </a:lnTo>
                  <a:lnTo>
                    <a:pt x="618" y="341"/>
                  </a:lnTo>
                  <a:lnTo>
                    <a:pt x="610" y="339"/>
                  </a:lnTo>
                  <a:lnTo>
                    <a:pt x="603" y="336"/>
                  </a:lnTo>
                  <a:lnTo>
                    <a:pt x="597" y="332"/>
                  </a:lnTo>
                  <a:lnTo>
                    <a:pt x="589" y="328"/>
                  </a:lnTo>
                  <a:lnTo>
                    <a:pt x="583" y="323"/>
                  </a:lnTo>
                  <a:lnTo>
                    <a:pt x="578" y="317"/>
                  </a:lnTo>
                  <a:lnTo>
                    <a:pt x="573" y="311"/>
                  </a:lnTo>
                  <a:lnTo>
                    <a:pt x="567" y="304"/>
                  </a:lnTo>
                  <a:lnTo>
                    <a:pt x="557" y="290"/>
                  </a:lnTo>
                  <a:lnTo>
                    <a:pt x="547" y="274"/>
                  </a:lnTo>
                  <a:lnTo>
                    <a:pt x="539" y="258"/>
                  </a:lnTo>
                  <a:lnTo>
                    <a:pt x="530" y="243"/>
                  </a:lnTo>
                  <a:lnTo>
                    <a:pt x="522" y="227"/>
                  </a:lnTo>
                  <a:lnTo>
                    <a:pt x="514" y="213"/>
                  </a:lnTo>
                  <a:lnTo>
                    <a:pt x="505" y="200"/>
                  </a:lnTo>
                  <a:lnTo>
                    <a:pt x="496" y="190"/>
                  </a:lnTo>
                  <a:lnTo>
                    <a:pt x="491" y="186"/>
                  </a:lnTo>
                  <a:lnTo>
                    <a:pt x="486" y="182"/>
                  </a:lnTo>
                  <a:lnTo>
                    <a:pt x="481" y="180"/>
                  </a:lnTo>
                  <a:lnTo>
                    <a:pt x="475" y="178"/>
                  </a:lnTo>
                  <a:lnTo>
                    <a:pt x="469" y="177"/>
                  </a:lnTo>
                  <a:lnTo>
                    <a:pt x="463" y="178"/>
                  </a:lnTo>
                  <a:lnTo>
                    <a:pt x="457" y="179"/>
                  </a:lnTo>
                  <a:lnTo>
                    <a:pt x="449" y="181"/>
                  </a:lnTo>
                  <a:lnTo>
                    <a:pt x="450" y="175"/>
                  </a:lnTo>
                  <a:lnTo>
                    <a:pt x="450" y="167"/>
                  </a:lnTo>
                  <a:lnTo>
                    <a:pt x="449" y="157"/>
                  </a:lnTo>
                  <a:lnTo>
                    <a:pt x="448" y="148"/>
                  </a:lnTo>
                  <a:lnTo>
                    <a:pt x="448" y="139"/>
                  </a:lnTo>
                  <a:lnTo>
                    <a:pt x="449" y="133"/>
                  </a:lnTo>
                  <a:lnTo>
                    <a:pt x="450" y="130"/>
                  </a:lnTo>
                  <a:lnTo>
                    <a:pt x="453" y="128"/>
                  </a:lnTo>
                  <a:lnTo>
                    <a:pt x="456" y="127"/>
                  </a:lnTo>
                  <a:lnTo>
                    <a:pt x="459" y="126"/>
                  </a:lnTo>
                  <a:lnTo>
                    <a:pt x="462" y="128"/>
                  </a:lnTo>
                  <a:lnTo>
                    <a:pt x="465" y="130"/>
                  </a:lnTo>
                  <a:lnTo>
                    <a:pt x="468" y="131"/>
                  </a:lnTo>
                  <a:lnTo>
                    <a:pt x="473" y="131"/>
                  </a:lnTo>
                  <a:lnTo>
                    <a:pt x="480" y="130"/>
                  </a:lnTo>
                  <a:lnTo>
                    <a:pt x="488" y="129"/>
                  </a:lnTo>
                  <a:lnTo>
                    <a:pt x="499" y="126"/>
                  </a:lnTo>
                  <a:lnTo>
                    <a:pt x="509" y="125"/>
                  </a:lnTo>
                  <a:lnTo>
                    <a:pt x="521" y="124"/>
                  </a:lnTo>
                  <a:lnTo>
                    <a:pt x="534" y="126"/>
                  </a:lnTo>
                  <a:lnTo>
                    <a:pt x="534" y="115"/>
                  </a:lnTo>
                  <a:lnTo>
                    <a:pt x="531" y="105"/>
                  </a:lnTo>
                  <a:lnTo>
                    <a:pt x="528" y="96"/>
                  </a:lnTo>
                  <a:lnTo>
                    <a:pt x="524" y="89"/>
                  </a:lnTo>
                  <a:lnTo>
                    <a:pt x="519" y="81"/>
                  </a:lnTo>
                  <a:lnTo>
                    <a:pt x="513" y="76"/>
                  </a:lnTo>
                  <a:lnTo>
                    <a:pt x="505" y="72"/>
                  </a:lnTo>
                  <a:lnTo>
                    <a:pt x="497" y="70"/>
                  </a:lnTo>
                  <a:lnTo>
                    <a:pt x="462" y="80"/>
                  </a:lnTo>
                  <a:lnTo>
                    <a:pt x="431" y="90"/>
                  </a:lnTo>
                  <a:lnTo>
                    <a:pt x="416" y="92"/>
                  </a:lnTo>
                  <a:lnTo>
                    <a:pt x="400" y="93"/>
                  </a:lnTo>
                  <a:lnTo>
                    <a:pt x="391" y="93"/>
                  </a:lnTo>
                  <a:lnTo>
                    <a:pt x="383" y="92"/>
                  </a:lnTo>
                  <a:lnTo>
                    <a:pt x="375" y="91"/>
                  </a:lnTo>
                  <a:lnTo>
                    <a:pt x="365" y="89"/>
                  </a:lnTo>
                  <a:lnTo>
                    <a:pt x="369" y="79"/>
                  </a:lnTo>
                  <a:lnTo>
                    <a:pt x="372" y="70"/>
                  </a:lnTo>
                  <a:lnTo>
                    <a:pt x="375" y="59"/>
                  </a:lnTo>
                  <a:lnTo>
                    <a:pt x="377" y="49"/>
                  </a:lnTo>
                  <a:lnTo>
                    <a:pt x="381" y="27"/>
                  </a:lnTo>
                  <a:lnTo>
                    <a:pt x="384" y="3"/>
                  </a:lnTo>
                  <a:lnTo>
                    <a:pt x="370" y="2"/>
                  </a:lnTo>
                  <a:lnTo>
                    <a:pt x="357" y="1"/>
                  </a:lnTo>
                  <a:lnTo>
                    <a:pt x="343" y="0"/>
                  </a:lnTo>
                  <a:lnTo>
                    <a:pt x="329" y="1"/>
                  </a:lnTo>
                  <a:lnTo>
                    <a:pt x="302" y="3"/>
                  </a:lnTo>
                  <a:lnTo>
                    <a:pt x="275" y="7"/>
                  </a:lnTo>
                  <a:lnTo>
                    <a:pt x="246" y="10"/>
                  </a:lnTo>
                  <a:lnTo>
                    <a:pt x="218" y="13"/>
                  </a:lnTo>
                  <a:lnTo>
                    <a:pt x="203" y="14"/>
                  </a:lnTo>
                  <a:lnTo>
                    <a:pt x="188" y="14"/>
                  </a:lnTo>
                  <a:lnTo>
                    <a:pt x="175" y="14"/>
                  </a:lnTo>
                  <a:lnTo>
                    <a:pt x="160" y="13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37" name="Odense kant"/>
            <p:cNvSpPr>
              <a:spLocks/>
            </p:cNvSpPr>
            <p:nvPr/>
          </p:nvSpPr>
          <p:spPr bwMode="auto">
            <a:xfrm>
              <a:off x="2189163" y="5230813"/>
              <a:ext cx="327025" cy="254000"/>
            </a:xfrm>
            <a:custGeom>
              <a:avLst/>
              <a:gdLst>
                <a:gd name="T0" fmla="*/ 53 w 618"/>
                <a:gd name="T1" fmla="*/ 10 h 482"/>
                <a:gd name="T2" fmla="*/ 51 w 618"/>
                <a:gd name="T3" fmla="*/ 15 h 482"/>
                <a:gd name="T4" fmla="*/ 47 w 618"/>
                <a:gd name="T5" fmla="*/ 18 h 482"/>
                <a:gd name="T6" fmla="*/ 37 w 618"/>
                <a:gd name="T7" fmla="*/ 20 h 482"/>
                <a:gd name="T8" fmla="*/ 30 w 618"/>
                <a:gd name="T9" fmla="*/ 31 h 482"/>
                <a:gd name="T10" fmla="*/ 20 w 618"/>
                <a:gd name="T11" fmla="*/ 48 h 482"/>
                <a:gd name="T12" fmla="*/ 9 w 618"/>
                <a:gd name="T13" fmla="*/ 63 h 482"/>
                <a:gd name="T14" fmla="*/ 3 w 618"/>
                <a:gd name="T15" fmla="*/ 76 h 482"/>
                <a:gd name="T16" fmla="*/ 0 w 618"/>
                <a:gd name="T17" fmla="*/ 95 h 482"/>
                <a:gd name="T18" fmla="*/ 7 w 618"/>
                <a:gd name="T19" fmla="*/ 93 h 482"/>
                <a:gd name="T20" fmla="*/ 14 w 618"/>
                <a:gd name="T21" fmla="*/ 93 h 482"/>
                <a:gd name="T22" fmla="*/ 22 w 618"/>
                <a:gd name="T23" fmla="*/ 96 h 482"/>
                <a:gd name="T24" fmla="*/ 31 w 618"/>
                <a:gd name="T25" fmla="*/ 105 h 482"/>
                <a:gd name="T26" fmla="*/ 38 w 618"/>
                <a:gd name="T27" fmla="*/ 117 h 482"/>
                <a:gd name="T28" fmla="*/ 41 w 618"/>
                <a:gd name="T29" fmla="*/ 129 h 482"/>
                <a:gd name="T30" fmla="*/ 44 w 618"/>
                <a:gd name="T31" fmla="*/ 137 h 482"/>
                <a:gd name="T32" fmla="*/ 52 w 618"/>
                <a:gd name="T33" fmla="*/ 138 h 482"/>
                <a:gd name="T34" fmla="*/ 55 w 618"/>
                <a:gd name="T35" fmla="*/ 143 h 482"/>
                <a:gd name="T36" fmla="*/ 56 w 618"/>
                <a:gd name="T37" fmla="*/ 149 h 482"/>
                <a:gd name="T38" fmla="*/ 54 w 618"/>
                <a:gd name="T39" fmla="*/ 155 h 482"/>
                <a:gd name="T40" fmla="*/ 50 w 618"/>
                <a:gd name="T41" fmla="*/ 160 h 482"/>
                <a:gd name="T42" fmla="*/ 67 w 618"/>
                <a:gd name="T43" fmla="*/ 157 h 482"/>
                <a:gd name="T44" fmla="*/ 75 w 618"/>
                <a:gd name="T45" fmla="*/ 154 h 482"/>
                <a:gd name="T46" fmla="*/ 73 w 618"/>
                <a:gd name="T47" fmla="*/ 147 h 482"/>
                <a:gd name="T48" fmla="*/ 74 w 618"/>
                <a:gd name="T49" fmla="*/ 142 h 482"/>
                <a:gd name="T50" fmla="*/ 77 w 618"/>
                <a:gd name="T51" fmla="*/ 137 h 482"/>
                <a:gd name="T52" fmla="*/ 82 w 618"/>
                <a:gd name="T53" fmla="*/ 134 h 482"/>
                <a:gd name="T54" fmla="*/ 94 w 618"/>
                <a:gd name="T55" fmla="*/ 129 h 482"/>
                <a:gd name="T56" fmla="*/ 109 w 618"/>
                <a:gd name="T57" fmla="*/ 125 h 482"/>
                <a:gd name="T58" fmla="*/ 127 w 618"/>
                <a:gd name="T59" fmla="*/ 125 h 482"/>
                <a:gd name="T60" fmla="*/ 129 w 618"/>
                <a:gd name="T61" fmla="*/ 131 h 482"/>
                <a:gd name="T62" fmla="*/ 131 w 618"/>
                <a:gd name="T63" fmla="*/ 136 h 482"/>
                <a:gd name="T64" fmla="*/ 141 w 618"/>
                <a:gd name="T65" fmla="*/ 135 h 482"/>
                <a:gd name="T66" fmla="*/ 162 w 618"/>
                <a:gd name="T67" fmla="*/ 132 h 482"/>
                <a:gd name="T68" fmla="*/ 183 w 618"/>
                <a:gd name="T69" fmla="*/ 128 h 482"/>
                <a:gd name="T70" fmla="*/ 197 w 618"/>
                <a:gd name="T71" fmla="*/ 122 h 482"/>
                <a:gd name="T72" fmla="*/ 203 w 618"/>
                <a:gd name="T73" fmla="*/ 117 h 482"/>
                <a:gd name="T74" fmla="*/ 203 w 618"/>
                <a:gd name="T75" fmla="*/ 113 h 482"/>
                <a:gd name="T76" fmla="*/ 196 w 618"/>
                <a:gd name="T77" fmla="*/ 109 h 482"/>
                <a:gd name="T78" fmla="*/ 191 w 618"/>
                <a:gd name="T79" fmla="*/ 103 h 482"/>
                <a:gd name="T80" fmla="*/ 182 w 618"/>
                <a:gd name="T81" fmla="*/ 91 h 482"/>
                <a:gd name="T82" fmla="*/ 174 w 618"/>
                <a:gd name="T83" fmla="*/ 75 h 482"/>
                <a:gd name="T84" fmla="*/ 165 w 618"/>
                <a:gd name="T85" fmla="*/ 63 h 482"/>
                <a:gd name="T86" fmla="*/ 160 w 618"/>
                <a:gd name="T87" fmla="*/ 60 h 482"/>
                <a:gd name="T88" fmla="*/ 154 w 618"/>
                <a:gd name="T89" fmla="*/ 59 h 482"/>
                <a:gd name="T90" fmla="*/ 150 w 618"/>
                <a:gd name="T91" fmla="*/ 58 h 482"/>
                <a:gd name="T92" fmla="*/ 149 w 618"/>
                <a:gd name="T93" fmla="*/ 49 h 482"/>
                <a:gd name="T94" fmla="*/ 150 w 618"/>
                <a:gd name="T95" fmla="*/ 43 h 482"/>
                <a:gd name="T96" fmla="*/ 153 w 618"/>
                <a:gd name="T97" fmla="*/ 42 h 482"/>
                <a:gd name="T98" fmla="*/ 156 w 618"/>
                <a:gd name="T99" fmla="*/ 43 h 482"/>
                <a:gd name="T100" fmla="*/ 163 w 618"/>
                <a:gd name="T101" fmla="*/ 43 h 482"/>
                <a:gd name="T102" fmla="*/ 174 w 618"/>
                <a:gd name="T103" fmla="*/ 41 h 482"/>
                <a:gd name="T104" fmla="*/ 177 w 618"/>
                <a:gd name="T105" fmla="*/ 35 h 482"/>
                <a:gd name="T106" fmla="*/ 173 w 618"/>
                <a:gd name="T107" fmla="*/ 27 h 482"/>
                <a:gd name="T108" fmla="*/ 166 w 618"/>
                <a:gd name="T109" fmla="*/ 23 h 482"/>
                <a:gd name="T110" fmla="*/ 139 w 618"/>
                <a:gd name="T111" fmla="*/ 31 h 482"/>
                <a:gd name="T112" fmla="*/ 128 w 618"/>
                <a:gd name="T113" fmla="*/ 31 h 482"/>
                <a:gd name="T114" fmla="*/ 123 w 618"/>
                <a:gd name="T115" fmla="*/ 26 h 482"/>
                <a:gd name="T116" fmla="*/ 126 w 618"/>
                <a:gd name="T117" fmla="*/ 16 h 482"/>
                <a:gd name="T118" fmla="*/ 123 w 618"/>
                <a:gd name="T119" fmla="*/ 1 h 482"/>
                <a:gd name="T120" fmla="*/ 110 w 618"/>
                <a:gd name="T121" fmla="*/ 0 h 482"/>
                <a:gd name="T122" fmla="*/ 82 w 618"/>
                <a:gd name="T123" fmla="*/ 3 h 482"/>
                <a:gd name="T124" fmla="*/ 63 w 618"/>
                <a:gd name="T125" fmla="*/ 5 h 482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618" h="482">
                  <a:moveTo>
                    <a:pt x="160" y="13"/>
                  </a:moveTo>
                  <a:lnTo>
                    <a:pt x="159" y="22"/>
                  </a:lnTo>
                  <a:lnTo>
                    <a:pt x="159" y="30"/>
                  </a:lnTo>
                  <a:lnTo>
                    <a:pt x="157" y="36"/>
                  </a:lnTo>
                  <a:lnTo>
                    <a:pt x="155" y="41"/>
                  </a:lnTo>
                  <a:lnTo>
                    <a:pt x="152" y="46"/>
                  </a:lnTo>
                  <a:lnTo>
                    <a:pt x="149" y="49"/>
                  </a:lnTo>
                  <a:lnTo>
                    <a:pt x="145" y="52"/>
                  </a:lnTo>
                  <a:lnTo>
                    <a:pt x="141" y="54"/>
                  </a:lnTo>
                  <a:lnTo>
                    <a:pt x="132" y="57"/>
                  </a:lnTo>
                  <a:lnTo>
                    <a:pt x="122" y="58"/>
                  </a:lnTo>
                  <a:lnTo>
                    <a:pt x="112" y="59"/>
                  </a:lnTo>
                  <a:lnTo>
                    <a:pt x="103" y="60"/>
                  </a:lnTo>
                  <a:lnTo>
                    <a:pt x="98" y="78"/>
                  </a:lnTo>
                  <a:lnTo>
                    <a:pt x="90" y="94"/>
                  </a:lnTo>
                  <a:lnTo>
                    <a:pt x="83" y="109"/>
                  </a:lnTo>
                  <a:lnTo>
                    <a:pt x="76" y="121"/>
                  </a:lnTo>
                  <a:lnTo>
                    <a:pt x="59" y="145"/>
                  </a:lnTo>
                  <a:lnTo>
                    <a:pt x="42" y="167"/>
                  </a:lnTo>
                  <a:lnTo>
                    <a:pt x="33" y="177"/>
                  </a:lnTo>
                  <a:lnTo>
                    <a:pt x="26" y="189"/>
                  </a:lnTo>
                  <a:lnTo>
                    <a:pt x="19" y="200"/>
                  </a:lnTo>
                  <a:lnTo>
                    <a:pt x="12" y="214"/>
                  </a:lnTo>
                  <a:lnTo>
                    <a:pt x="8" y="229"/>
                  </a:lnTo>
                  <a:lnTo>
                    <a:pt x="4" y="246"/>
                  </a:lnTo>
                  <a:lnTo>
                    <a:pt x="1" y="264"/>
                  </a:lnTo>
                  <a:lnTo>
                    <a:pt x="0" y="285"/>
                  </a:lnTo>
                  <a:lnTo>
                    <a:pt x="7" y="283"/>
                  </a:lnTo>
                  <a:lnTo>
                    <a:pt x="14" y="281"/>
                  </a:lnTo>
                  <a:lnTo>
                    <a:pt x="22" y="280"/>
                  </a:lnTo>
                  <a:lnTo>
                    <a:pt x="28" y="280"/>
                  </a:lnTo>
                  <a:lnTo>
                    <a:pt x="36" y="280"/>
                  </a:lnTo>
                  <a:lnTo>
                    <a:pt x="42" y="281"/>
                  </a:lnTo>
                  <a:lnTo>
                    <a:pt x="48" y="283"/>
                  </a:lnTo>
                  <a:lnTo>
                    <a:pt x="54" y="285"/>
                  </a:lnTo>
                  <a:lnTo>
                    <a:pt x="66" y="290"/>
                  </a:lnTo>
                  <a:lnTo>
                    <a:pt x="77" y="297"/>
                  </a:lnTo>
                  <a:lnTo>
                    <a:pt x="86" y="306"/>
                  </a:lnTo>
                  <a:lnTo>
                    <a:pt x="94" y="316"/>
                  </a:lnTo>
                  <a:lnTo>
                    <a:pt x="103" y="327"/>
                  </a:lnTo>
                  <a:lnTo>
                    <a:pt x="109" y="338"/>
                  </a:lnTo>
                  <a:lnTo>
                    <a:pt x="115" y="351"/>
                  </a:lnTo>
                  <a:lnTo>
                    <a:pt x="119" y="364"/>
                  </a:lnTo>
                  <a:lnTo>
                    <a:pt x="122" y="377"/>
                  </a:lnTo>
                  <a:lnTo>
                    <a:pt x="123" y="390"/>
                  </a:lnTo>
                  <a:lnTo>
                    <a:pt x="123" y="404"/>
                  </a:lnTo>
                  <a:lnTo>
                    <a:pt x="122" y="416"/>
                  </a:lnTo>
                  <a:lnTo>
                    <a:pt x="132" y="414"/>
                  </a:lnTo>
                  <a:lnTo>
                    <a:pt x="141" y="413"/>
                  </a:lnTo>
                  <a:lnTo>
                    <a:pt x="148" y="414"/>
                  </a:lnTo>
                  <a:lnTo>
                    <a:pt x="155" y="417"/>
                  </a:lnTo>
                  <a:lnTo>
                    <a:pt x="160" y="420"/>
                  </a:lnTo>
                  <a:lnTo>
                    <a:pt x="163" y="425"/>
                  </a:lnTo>
                  <a:lnTo>
                    <a:pt x="166" y="430"/>
                  </a:lnTo>
                  <a:lnTo>
                    <a:pt x="167" y="436"/>
                  </a:lnTo>
                  <a:lnTo>
                    <a:pt x="168" y="443"/>
                  </a:lnTo>
                  <a:lnTo>
                    <a:pt x="168" y="449"/>
                  </a:lnTo>
                  <a:lnTo>
                    <a:pt x="167" y="455"/>
                  </a:lnTo>
                  <a:lnTo>
                    <a:pt x="165" y="462"/>
                  </a:lnTo>
                  <a:lnTo>
                    <a:pt x="162" y="468"/>
                  </a:lnTo>
                  <a:lnTo>
                    <a:pt x="159" y="473"/>
                  </a:lnTo>
                  <a:lnTo>
                    <a:pt x="155" y="477"/>
                  </a:lnTo>
                  <a:lnTo>
                    <a:pt x="150" y="482"/>
                  </a:lnTo>
                  <a:lnTo>
                    <a:pt x="170" y="478"/>
                  </a:lnTo>
                  <a:lnTo>
                    <a:pt x="190" y="475"/>
                  </a:lnTo>
                  <a:lnTo>
                    <a:pt x="201" y="473"/>
                  </a:lnTo>
                  <a:lnTo>
                    <a:pt x="209" y="471"/>
                  </a:lnTo>
                  <a:lnTo>
                    <a:pt x="218" y="468"/>
                  </a:lnTo>
                  <a:lnTo>
                    <a:pt x="225" y="463"/>
                  </a:lnTo>
                  <a:lnTo>
                    <a:pt x="223" y="456"/>
                  </a:lnTo>
                  <a:lnTo>
                    <a:pt x="221" y="449"/>
                  </a:lnTo>
                  <a:lnTo>
                    <a:pt x="220" y="443"/>
                  </a:lnTo>
                  <a:lnTo>
                    <a:pt x="221" y="437"/>
                  </a:lnTo>
                  <a:lnTo>
                    <a:pt x="221" y="432"/>
                  </a:lnTo>
                  <a:lnTo>
                    <a:pt x="223" y="427"/>
                  </a:lnTo>
                  <a:lnTo>
                    <a:pt x="225" y="423"/>
                  </a:lnTo>
                  <a:lnTo>
                    <a:pt x="228" y="417"/>
                  </a:lnTo>
                  <a:lnTo>
                    <a:pt x="231" y="413"/>
                  </a:lnTo>
                  <a:lnTo>
                    <a:pt x="236" y="410"/>
                  </a:lnTo>
                  <a:lnTo>
                    <a:pt x="240" y="407"/>
                  </a:lnTo>
                  <a:lnTo>
                    <a:pt x="245" y="403"/>
                  </a:lnTo>
                  <a:lnTo>
                    <a:pt x="257" y="397"/>
                  </a:lnTo>
                  <a:lnTo>
                    <a:pt x="269" y="392"/>
                  </a:lnTo>
                  <a:lnTo>
                    <a:pt x="283" y="388"/>
                  </a:lnTo>
                  <a:lnTo>
                    <a:pt x="298" y="385"/>
                  </a:lnTo>
                  <a:lnTo>
                    <a:pt x="312" y="382"/>
                  </a:lnTo>
                  <a:lnTo>
                    <a:pt x="328" y="378"/>
                  </a:lnTo>
                  <a:lnTo>
                    <a:pt x="358" y="374"/>
                  </a:lnTo>
                  <a:lnTo>
                    <a:pt x="384" y="369"/>
                  </a:lnTo>
                  <a:lnTo>
                    <a:pt x="382" y="378"/>
                  </a:lnTo>
                  <a:lnTo>
                    <a:pt x="383" y="385"/>
                  </a:lnTo>
                  <a:lnTo>
                    <a:pt x="385" y="390"/>
                  </a:lnTo>
                  <a:lnTo>
                    <a:pt x="387" y="394"/>
                  </a:lnTo>
                  <a:lnTo>
                    <a:pt x="390" y="398"/>
                  </a:lnTo>
                  <a:lnTo>
                    <a:pt x="392" y="403"/>
                  </a:lnTo>
                  <a:lnTo>
                    <a:pt x="394" y="409"/>
                  </a:lnTo>
                  <a:lnTo>
                    <a:pt x="394" y="416"/>
                  </a:lnTo>
                  <a:lnTo>
                    <a:pt x="407" y="412"/>
                  </a:lnTo>
                  <a:lnTo>
                    <a:pt x="423" y="408"/>
                  </a:lnTo>
                  <a:lnTo>
                    <a:pt x="439" y="405"/>
                  </a:lnTo>
                  <a:lnTo>
                    <a:pt x="455" y="403"/>
                  </a:lnTo>
                  <a:lnTo>
                    <a:pt x="487" y="397"/>
                  </a:lnTo>
                  <a:lnTo>
                    <a:pt x="520" y="392"/>
                  </a:lnTo>
                  <a:lnTo>
                    <a:pt x="536" y="389"/>
                  </a:lnTo>
                  <a:lnTo>
                    <a:pt x="550" y="386"/>
                  </a:lnTo>
                  <a:lnTo>
                    <a:pt x="564" y="382"/>
                  </a:lnTo>
                  <a:lnTo>
                    <a:pt x="578" y="376"/>
                  </a:lnTo>
                  <a:lnTo>
                    <a:pt x="590" y="369"/>
                  </a:lnTo>
                  <a:lnTo>
                    <a:pt x="601" y="362"/>
                  </a:lnTo>
                  <a:lnTo>
                    <a:pt x="606" y="357"/>
                  </a:lnTo>
                  <a:lnTo>
                    <a:pt x="610" y="352"/>
                  </a:lnTo>
                  <a:lnTo>
                    <a:pt x="615" y="347"/>
                  </a:lnTo>
                  <a:lnTo>
                    <a:pt x="618" y="341"/>
                  </a:lnTo>
                  <a:lnTo>
                    <a:pt x="610" y="339"/>
                  </a:lnTo>
                  <a:lnTo>
                    <a:pt x="603" y="336"/>
                  </a:lnTo>
                  <a:lnTo>
                    <a:pt x="597" y="332"/>
                  </a:lnTo>
                  <a:lnTo>
                    <a:pt x="589" y="328"/>
                  </a:lnTo>
                  <a:lnTo>
                    <a:pt x="583" y="323"/>
                  </a:lnTo>
                  <a:lnTo>
                    <a:pt x="578" y="317"/>
                  </a:lnTo>
                  <a:lnTo>
                    <a:pt x="573" y="311"/>
                  </a:lnTo>
                  <a:lnTo>
                    <a:pt x="567" y="304"/>
                  </a:lnTo>
                  <a:lnTo>
                    <a:pt x="557" y="290"/>
                  </a:lnTo>
                  <a:lnTo>
                    <a:pt x="547" y="274"/>
                  </a:lnTo>
                  <a:lnTo>
                    <a:pt x="539" y="258"/>
                  </a:lnTo>
                  <a:lnTo>
                    <a:pt x="530" y="243"/>
                  </a:lnTo>
                  <a:lnTo>
                    <a:pt x="522" y="227"/>
                  </a:lnTo>
                  <a:lnTo>
                    <a:pt x="514" y="213"/>
                  </a:lnTo>
                  <a:lnTo>
                    <a:pt x="505" y="200"/>
                  </a:lnTo>
                  <a:lnTo>
                    <a:pt x="496" y="190"/>
                  </a:lnTo>
                  <a:lnTo>
                    <a:pt x="491" y="186"/>
                  </a:lnTo>
                  <a:lnTo>
                    <a:pt x="486" y="182"/>
                  </a:lnTo>
                  <a:lnTo>
                    <a:pt x="481" y="180"/>
                  </a:lnTo>
                  <a:lnTo>
                    <a:pt x="475" y="178"/>
                  </a:lnTo>
                  <a:lnTo>
                    <a:pt x="469" y="177"/>
                  </a:lnTo>
                  <a:lnTo>
                    <a:pt x="463" y="178"/>
                  </a:lnTo>
                  <a:lnTo>
                    <a:pt x="457" y="179"/>
                  </a:lnTo>
                  <a:lnTo>
                    <a:pt x="449" y="181"/>
                  </a:lnTo>
                  <a:lnTo>
                    <a:pt x="450" y="175"/>
                  </a:lnTo>
                  <a:lnTo>
                    <a:pt x="450" y="167"/>
                  </a:lnTo>
                  <a:lnTo>
                    <a:pt x="449" y="157"/>
                  </a:lnTo>
                  <a:lnTo>
                    <a:pt x="448" y="148"/>
                  </a:lnTo>
                  <a:lnTo>
                    <a:pt x="448" y="139"/>
                  </a:lnTo>
                  <a:lnTo>
                    <a:pt x="449" y="133"/>
                  </a:lnTo>
                  <a:lnTo>
                    <a:pt x="450" y="130"/>
                  </a:lnTo>
                  <a:lnTo>
                    <a:pt x="453" y="128"/>
                  </a:lnTo>
                  <a:lnTo>
                    <a:pt x="456" y="127"/>
                  </a:lnTo>
                  <a:lnTo>
                    <a:pt x="459" y="126"/>
                  </a:lnTo>
                  <a:lnTo>
                    <a:pt x="462" y="128"/>
                  </a:lnTo>
                  <a:lnTo>
                    <a:pt x="465" y="130"/>
                  </a:lnTo>
                  <a:lnTo>
                    <a:pt x="468" y="131"/>
                  </a:lnTo>
                  <a:lnTo>
                    <a:pt x="473" y="131"/>
                  </a:lnTo>
                  <a:lnTo>
                    <a:pt x="480" y="130"/>
                  </a:lnTo>
                  <a:lnTo>
                    <a:pt x="488" y="129"/>
                  </a:lnTo>
                  <a:lnTo>
                    <a:pt x="499" y="126"/>
                  </a:lnTo>
                  <a:lnTo>
                    <a:pt x="509" y="125"/>
                  </a:lnTo>
                  <a:lnTo>
                    <a:pt x="521" y="124"/>
                  </a:lnTo>
                  <a:lnTo>
                    <a:pt x="534" y="126"/>
                  </a:lnTo>
                  <a:lnTo>
                    <a:pt x="534" y="115"/>
                  </a:lnTo>
                  <a:lnTo>
                    <a:pt x="531" y="105"/>
                  </a:lnTo>
                  <a:lnTo>
                    <a:pt x="528" y="96"/>
                  </a:lnTo>
                  <a:lnTo>
                    <a:pt x="524" y="89"/>
                  </a:lnTo>
                  <a:lnTo>
                    <a:pt x="519" y="81"/>
                  </a:lnTo>
                  <a:lnTo>
                    <a:pt x="513" y="76"/>
                  </a:lnTo>
                  <a:lnTo>
                    <a:pt x="505" y="72"/>
                  </a:lnTo>
                  <a:lnTo>
                    <a:pt x="497" y="70"/>
                  </a:lnTo>
                  <a:lnTo>
                    <a:pt x="462" y="80"/>
                  </a:lnTo>
                  <a:lnTo>
                    <a:pt x="431" y="90"/>
                  </a:lnTo>
                  <a:lnTo>
                    <a:pt x="416" y="92"/>
                  </a:lnTo>
                  <a:lnTo>
                    <a:pt x="400" y="93"/>
                  </a:lnTo>
                  <a:lnTo>
                    <a:pt x="391" y="93"/>
                  </a:lnTo>
                  <a:lnTo>
                    <a:pt x="383" y="92"/>
                  </a:lnTo>
                  <a:lnTo>
                    <a:pt x="375" y="91"/>
                  </a:lnTo>
                  <a:lnTo>
                    <a:pt x="365" y="89"/>
                  </a:lnTo>
                  <a:lnTo>
                    <a:pt x="369" y="79"/>
                  </a:lnTo>
                  <a:lnTo>
                    <a:pt x="372" y="70"/>
                  </a:lnTo>
                  <a:lnTo>
                    <a:pt x="375" y="59"/>
                  </a:lnTo>
                  <a:lnTo>
                    <a:pt x="377" y="49"/>
                  </a:lnTo>
                  <a:lnTo>
                    <a:pt x="381" y="27"/>
                  </a:lnTo>
                  <a:lnTo>
                    <a:pt x="384" y="3"/>
                  </a:lnTo>
                  <a:lnTo>
                    <a:pt x="370" y="2"/>
                  </a:lnTo>
                  <a:lnTo>
                    <a:pt x="357" y="1"/>
                  </a:lnTo>
                  <a:lnTo>
                    <a:pt x="343" y="0"/>
                  </a:lnTo>
                  <a:lnTo>
                    <a:pt x="329" y="1"/>
                  </a:lnTo>
                  <a:lnTo>
                    <a:pt x="302" y="3"/>
                  </a:lnTo>
                  <a:lnTo>
                    <a:pt x="275" y="7"/>
                  </a:lnTo>
                  <a:lnTo>
                    <a:pt x="246" y="10"/>
                  </a:lnTo>
                  <a:lnTo>
                    <a:pt x="218" y="13"/>
                  </a:lnTo>
                  <a:lnTo>
                    <a:pt x="203" y="14"/>
                  </a:lnTo>
                  <a:lnTo>
                    <a:pt x="188" y="14"/>
                  </a:lnTo>
                  <a:lnTo>
                    <a:pt x="175" y="14"/>
                  </a:lnTo>
                  <a:lnTo>
                    <a:pt x="160" y="13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44" name="Esbjerg"/>
            <p:cNvGrpSpPr/>
            <p:nvPr/>
          </p:nvGrpSpPr>
          <p:grpSpPr>
            <a:xfrm>
              <a:off x="657225" y="5045075"/>
              <a:ext cx="500063" cy="539750"/>
              <a:chOff x="657225" y="5045075"/>
              <a:chExt cx="500063" cy="539750"/>
            </a:xfrm>
            <a:grpFill/>
          </p:grpSpPr>
          <p:sp>
            <p:nvSpPr>
              <p:cNvPr id="100" name="Esbjerg"/>
              <p:cNvSpPr>
                <a:spLocks/>
              </p:cNvSpPr>
              <p:nvPr/>
            </p:nvSpPr>
            <p:spPr bwMode="auto">
              <a:xfrm>
                <a:off x="698500" y="5241925"/>
                <a:ext cx="84138" cy="177800"/>
              </a:xfrm>
              <a:custGeom>
                <a:avLst/>
                <a:gdLst>
                  <a:gd name="T0" fmla="*/ 9 w 159"/>
                  <a:gd name="T1" fmla="*/ 0 h 337"/>
                  <a:gd name="T2" fmla="*/ 15 w 159"/>
                  <a:gd name="T3" fmla="*/ 0 h 337"/>
                  <a:gd name="T4" fmla="*/ 20 w 159"/>
                  <a:gd name="T5" fmla="*/ 2 h 337"/>
                  <a:gd name="T6" fmla="*/ 21 w 159"/>
                  <a:gd name="T7" fmla="*/ 7 h 337"/>
                  <a:gd name="T8" fmla="*/ 22 w 159"/>
                  <a:gd name="T9" fmla="*/ 16 h 337"/>
                  <a:gd name="T10" fmla="*/ 22 w 159"/>
                  <a:gd name="T11" fmla="*/ 28 h 337"/>
                  <a:gd name="T12" fmla="*/ 23 w 159"/>
                  <a:gd name="T13" fmla="*/ 36 h 337"/>
                  <a:gd name="T14" fmla="*/ 26 w 159"/>
                  <a:gd name="T15" fmla="*/ 39 h 337"/>
                  <a:gd name="T16" fmla="*/ 30 w 159"/>
                  <a:gd name="T17" fmla="*/ 41 h 337"/>
                  <a:gd name="T18" fmla="*/ 33 w 159"/>
                  <a:gd name="T19" fmla="*/ 40 h 337"/>
                  <a:gd name="T20" fmla="*/ 36 w 159"/>
                  <a:gd name="T21" fmla="*/ 37 h 337"/>
                  <a:gd name="T22" fmla="*/ 39 w 159"/>
                  <a:gd name="T23" fmla="*/ 34 h 337"/>
                  <a:gd name="T24" fmla="*/ 41 w 159"/>
                  <a:gd name="T25" fmla="*/ 33 h 337"/>
                  <a:gd name="T26" fmla="*/ 43 w 159"/>
                  <a:gd name="T27" fmla="*/ 32 h 337"/>
                  <a:gd name="T28" fmla="*/ 45 w 159"/>
                  <a:gd name="T29" fmla="*/ 33 h 337"/>
                  <a:gd name="T30" fmla="*/ 46 w 159"/>
                  <a:gd name="T31" fmla="*/ 40 h 337"/>
                  <a:gd name="T32" fmla="*/ 46 w 159"/>
                  <a:gd name="T33" fmla="*/ 50 h 337"/>
                  <a:gd name="T34" fmla="*/ 47 w 159"/>
                  <a:gd name="T35" fmla="*/ 62 h 337"/>
                  <a:gd name="T36" fmla="*/ 49 w 159"/>
                  <a:gd name="T37" fmla="*/ 79 h 337"/>
                  <a:gd name="T38" fmla="*/ 52 w 159"/>
                  <a:gd name="T39" fmla="*/ 100 h 337"/>
                  <a:gd name="T40" fmla="*/ 50 w 159"/>
                  <a:gd name="T41" fmla="*/ 111 h 337"/>
                  <a:gd name="T42" fmla="*/ 44 w 159"/>
                  <a:gd name="T43" fmla="*/ 108 h 337"/>
                  <a:gd name="T44" fmla="*/ 40 w 159"/>
                  <a:gd name="T45" fmla="*/ 104 h 337"/>
                  <a:gd name="T46" fmla="*/ 36 w 159"/>
                  <a:gd name="T47" fmla="*/ 99 h 337"/>
                  <a:gd name="T48" fmla="*/ 31 w 159"/>
                  <a:gd name="T49" fmla="*/ 91 h 337"/>
                  <a:gd name="T50" fmla="*/ 26 w 159"/>
                  <a:gd name="T51" fmla="*/ 79 h 337"/>
                  <a:gd name="T52" fmla="*/ 22 w 159"/>
                  <a:gd name="T53" fmla="*/ 65 h 337"/>
                  <a:gd name="T54" fmla="*/ 18 w 159"/>
                  <a:gd name="T55" fmla="*/ 53 h 337"/>
                  <a:gd name="T56" fmla="*/ 14 w 159"/>
                  <a:gd name="T57" fmla="*/ 44 h 337"/>
                  <a:gd name="T58" fmla="*/ 11 w 159"/>
                  <a:gd name="T59" fmla="*/ 38 h 337"/>
                  <a:gd name="T60" fmla="*/ 7 w 159"/>
                  <a:gd name="T61" fmla="*/ 34 h 337"/>
                  <a:gd name="T62" fmla="*/ 2 w 159"/>
                  <a:gd name="T63" fmla="*/ 30 h 337"/>
                  <a:gd name="T64" fmla="*/ 1 w 159"/>
                  <a:gd name="T65" fmla="*/ 24 h 337"/>
                  <a:gd name="T66" fmla="*/ 2 w 159"/>
                  <a:gd name="T67" fmla="*/ 17 h 337"/>
                  <a:gd name="T68" fmla="*/ 2 w 159"/>
                  <a:gd name="T69" fmla="*/ 11 h 337"/>
                  <a:gd name="T70" fmla="*/ 4 w 159"/>
                  <a:gd name="T71" fmla="*/ 4 h 337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</a:gdLst>
                <a:ahLst/>
                <a:cxnLst>
                  <a:cxn ang="T72">
                    <a:pos x="T0" y="T1"/>
                  </a:cxn>
                  <a:cxn ang="T73">
                    <a:pos x="T2" y="T3"/>
                  </a:cxn>
                  <a:cxn ang="T74">
                    <a:pos x="T4" y="T5"/>
                  </a:cxn>
                  <a:cxn ang="T75">
                    <a:pos x="T6" y="T7"/>
                  </a:cxn>
                  <a:cxn ang="T76">
                    <a:pos x="T8" y="T9"/>
                  </a:cxn>
                  <a:cxn ang="T77">
                    <a:pos x="T10" y="T11"/>
                  </a:cxn>
                  <a:cxn ang="T78">
                    <a:pos x="T12" y="T13"/>
                  </a:cxn>
                  <a:cxn ang="T79">
                    <a:pos x="T14" y="T15"/>
                  </a:cxn>
                  <a:cxn ang="T80">
                    <a:pos x="T16" y="T17"/>
                  </a:cxn>
                  <a:cxn ang="T81">
                    <a:pos x="T18" y="T19"/>
                  </a:cxn>
                  <a:cxn ang="T82">
                    <a:pos x="T20" y="T21"/>
                  </a:cxn>
                  <a:cxn ang="T83">
                    <a:pos x="T22" y="T23"/>
                  </a:cxn>
                  <a:cxn ang="T84">
                    <a:pos x="T24" y="T25"/>
                  </a:cxn>
                  <a:cxn ang="T85">
                    <a:pos x="T26" y="T27"/>
                  </a:cxn>
                  <a:cxn ang="T86">
                    <a:pos x="T28" y="T29"/>
                  </a:cxn>
                  <a:cxn ang="T87">
                    <a:pos x="T30" y="T31"/>
                  </a:cxn>
                  <a:cxn ang="T88">
                    <a:pos x="T32" y="T33"/>
                  </a:cxn>
                  <a:cxn ang="T89">
                    <a:pos x="T34" y="T35"/>
                  </a:cxn>
                  <a:cxn ang="T90">
                    <a:pos x="T36" y="T37"/>
                  </a:cxn>
                  <a:cxn ang="T91">
                    <a:pos x="T38" y="T39"/>
                  </a:cxn>
                  <a:cxn ang="T92">
                    <a:pos x="T40" y="T41"/>
                  </a:cxn>
                  <a:cxn ang="T93">
                    <a:pos x="T42" y="T43"/>
                  </a:cxn>
                  <a:cxn ang="T94">
                    <a:pos x="T44" y="T45"/>
                  </a:cxn>
                  <a:cxn ang="T95">
                    <a:pos x="T46" y="T47"/>
                  </a:cxn>
                  <a:cxn ang="T96">
                    <a:pos x="T48" y="T49"/>
                  </a:cxn>
                  <a:cxn ang="T97">
                    <a:pos x="T50" y="T51"/>
                  </a:cxn>
                  <a:cxn ang="T98">
                    <a:pos x="T52" y="T53"/>
                  </a:cxn>
                  <a:cxn ang="T99">
                    <a:pos x="T54" y="T55"/>
                  </a:cxn>
                  <a:cxn ang="T100">
                    <a:pos x="T56" y="T57"/>
                  </a:cxn>
                  <a:cxn ang="T101">
                    <a:pos x="T58" y="T59"/>
                  </a:cxn>
                  <a:cxn ang="T102">
                    <a:pos x="T60" y="T61"/>
                  </a:cxn>
                  <a:cxn ang="T103">
                    <a:pos x="T62" y="T63"/>
                  </a:cxn>
                  <a:cxn ang="T104">
                    <a:pos x="T64" y="T65"/>
                  </a:cxn>
                  <a:cxn ang="T105">
                    <a:pos x="T66" y="T67"/>
                  </a:cxn>
                  <a:cxn ang="T106">
                    <a:pos x="T68" y="T69"/>
                  </a:cxn>
                  <a:cxn ang="T107">
                    <a:pos x="T70" y="T71"/>
                  </a:cxn>
                </a:cxnLst>
                <a:rect l="0" t="0" r="r" b="b"/>
                <a:pathLst>
                  <a:path w="159" h="337">
                    <a:moveTo>
                      <a:pt x="18" y="0"/>
                    </a:moveTo>
                    <a:lnTo>
                      <a:pt x="27" y="0"/>
                    </a:lnTo>
                    <a:lnTo>
                      <a:pt x="37" y="0"/>
                    </a:lnTo>
                    <a:lnTo>
                      <a:pt x="46" y="0"/>
                    </a:lnTo>
                    <a:lnTo>
                      <a:pt x="56" y="0"/>
                    </a:lnTo>
                    <a:lnTo>
                      <a:pt x="59" y="7"/>
                    </a:lnTo>
                    <a:lnTo>
                      <a:pt x="62" y="13"/>
                    </a:lnTo>
                    <a:lnTo>
                      <a:pt x="63" y="20"/>
                    </a:lnTo>
                    <a:lnTo>
                      <a:pt x="64" y="29"/>
                    </a:lnTo>
                    <a:lnTo>
                      <a:pt x="65" y="47"/>
                    </a:lnTo>
                    <a:lnTo>
                      <a:pt x="65" y="66"/>
                    </a:lnTo>
                    <a:lnTo>
                      <a:pt x="66" y="85"/>
                    </a:lnTo>
                    <a:lnTo>
                      <a:pt x="68" y="100"/>
                    </a:lnTo>
                    <a:lnTo>
                      <a:pt x="70" y="108"/>
                    </a:lnTo>
                    <a:lnTo>
                      <a:pt x="74" y="114"/>
                    </a:lnTo>
                    <a:lnTo>
                      <a:pt x="78" y="118"/>
                    </a:lnTo>
                    <a:lnTo>
                      <a:pt x="84" y="123"/>
                    </a:lnTo>
                    <a:lnTo>
                      <a:pt x="89" y="123"/>
                    </a:lnTo>
                    <a:lnTo>
                      <a:pt x="95" y="123"/>
                    </a:lnTo>
                    <a:lnTo>
                      <a:pt x="99" y="120"/>
                    </a:lnTo>
                    <a:lnTo>
                      <a:pt x="103" y="118"/>
                    </a:lnTo>
                    <a:lnTo>
                      <a:pt x="109" y="112"/>
                    </a:lnTo>
                    <a:lnTo>
                      <a:pt x="115" y="106"/>
                    </a:lnTo>
                    <a:lnTo>
                      <a:pt x="117" y="103"/>
                    </a:lnTo>
                    <a:lnTo>
                      <a:pt x="120" y="99"/>
                    </a:lnTo>
                    <a:lnTo>
                      <a:pt x="122" y="98"/>
                    </a:lnTo>
                    <a:lnTo>
                      <a:pt x="125" y="96"/>
                    </a:lnTo>
                    <a:lnTo>
                      <a:pt x="128" y="96"/>
                    </a:lnTo>
                    <a:lnTo>
                      <a:pt x="132" y="97"/>
                    </a:lnTo>
                    <a:lnTo>
                      <a:pt x="136" y="99"/>
                    </a:lnTo>
                    <a:lnTo>
                      <a:pt x="140" y="104"/>
                    </a:lnTo>
                    <a:lnTo>
                      <a:pt x="138" y="119"/>
                    </a:lnTo>
                    <a:lnTo>
                      <a:pt x="138" y="134"/>
                    </a:lnTo>
                    <a:lnTo>
                      <a:pt x="137" y="149"/>
                    </a:lnTo>
                    <a:lnTo>
                      <a:pt x="138" y="163"/>
                    </a:lnTo>
                    <a:lnTo>
                      <a:pt x="140" y="188"/>
                    </a:lnTo>
                    <a:lnTo>
                      <a:pt x="143" y="213"/>
                    </a:lnTo>
                    <a:lnTo>
                      <a:pt x="147" y="239"/>
                    </a:lnTo>
                    <a:lnTo>
                      <a:pt x="152" y="268"/>
                    </a:lnTo>
                    <a:lnTo>
                      <a:pt x="156" y="301"/>
                    </a:lnTo>
                    <a:lnTo>
                      <a:pt x="159" y="337"/>
                    </a:lnTo>
                    <a:lnTo>
                      <a:pt x="149" y="334"/>
                    </a:lnTo>
                    <a:lnTo>
                      <a:pt x="141" y="330"/>
                    </a:lnTo>
                    <a:lnTo>
                      <a:pt x="133" y="325"/>
                    </a:lnTo>
                    <a:lnTo>
                      <a:pt x="125" y="319"/>
                    </a:lnTo>
                    <a:lnTo>
                      <a:pt x="119" y="313"/>
                    </a:lnTo>
                    <a:lnTo>
                      <a:pt x="113" y="307"/>
                    </a:lnTo>
                    <a:lnTo>
                      <a:pt x="107" y="299"/>
                    </a:lnTo>
                    <a:lnTo>
                      <a:pt x="102" y="291"/>
                    </a:lnTo>
                    <a:lnTo>
                      <a:pt x="94" y="274"/>
                    </a:lnTo>
                    <a:lnTo>
                      <a:pt x="86" y="256"/>
                    </a:lnTo>
                    <a:lnTo>
                      <a:pt x="79" y="237"/>
                    </a:lnTo>
                    <a:lnTo>
                      <a:pt x="74" y="217"/>
                    </a:lnTo>
                    <a:lnTo>
                      <a:pt x="67" y="197"/>
                    </a:lnTo>
                    <a:lnTo>
                      <a:pt x="61" y="177"/>
                    </a:lnTo>
                    <a:lnTo>
                      <a:pt x="55" y="158"/>
                    </a:lnTo>
                    <a:lnTo>
                      <a:pt x="47" y="140"/>
                    </a:lnTo>
                    <a:lnTo>
                      <a:pt x="43" y="132"/>
                    </a:lnTo>
                    <a:lnTo>
                      <a:pt x="39" y="124"/>
                    </a:lnTo>
                    <a:lnTo>
                      <a:pt x="34" y="115"/>
                    </a:lnTo>
                    <a:lnTo>
                      <a:pt x="27" y="108"/>
                    </a:lnTo>
                    <a:lnTo>
                      <a:pt x="22" y="102"/>
                    </a:lnTo>
                    <a:lnTo>
                      <a:pt x="15" y="95"/>
                    </a:lnTo>
                    <a:lnTo>
                      <a:pt x="7" y="90"/>
                    </a:lnTo>
                    <a:lnTo>
                      <a:pt x="0" y="85"/>
                    </a:lnTo>
                    <a:lnTo>
                      <a:pt x="3" y="72"/>
                    </a:lnTo>
                    <a:lnTo>
                      <a:pt x="4" y="62"/>
                    </a:lnTo>
                    <a:lnTo>
                      <a:pt x="5" y="52"/>
                    </a:lnTo>
                    <a:lnTo>
                      <a:pt x="5" y="43"/>
                    </a:lnTo>
                    <a:lnTo>
                      <a:pt x="6" y="33"/>
                    </a:lnTo>
                    <a:lnTo>
                      <a:pt x="8" y="24"/>
                    </a:lnTo>
                    <a:lnTo>
                      <a:pt x="11" y="13"/>
                    </a:lnTo>
                    <a:lnTo>
                      <a:pt x="18" y="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1" name="Esbjerg kant"/>
              <p:cNvSpPr>
                <a:spLocks/>
              </p:cNvSpPr>
              <p:nvPr/>
            </p:nvSpPr>
            <p:spPr bwMode="auto">
              <a:xfrm>
                <a:off x="698500" y="5241925"/>
                <a:ext cx="84138" cy="177800"/>
              </a:xfrm>
              <a:custGeom>
                <a:avLst/>
                <a:gdLst>
                  <a:gd name="T0" fmla="*/ 9 w 159"/>
                  <a:gd name="T1" fmla="*/ 0 h 337"/>
                  <a:gd name="T2" fmla="*/ 15 w 159"/>
                  <a:gd name="T3" fmla="*/ 0 h 337"/>
                  <a:gd name="T4" fmla="*/ 20 w 159"/>
                  <a:gd name="T5" fmla="*/ 2 h 337"/>
                  <a:gd name="T6" fmla="*/ 21 w 159"/>
                  <a:gd name="T7" fmla="*/ 7 h 337"/>
                  <a:gd name="T8" fmla="*/ 22 w 159"/>
                  <a:gd name="T9" fmla="*/ 16 h 337"/>
                  <a:gd name="T10" fmla="*/ 22 w 159"/>
                  <a:gd name="T11" fmla="*/ 28 h 337"/>
                  <a:gd name="T12" fmla="*/ 23 w 159"/>
                  <a:gd name="T13" fmla="*/ 36 h 337"/>
                  <a:gd name="T14" fmla="*/ 26 w 159"/>
                  <a:gd name="T15" fmla="*/ 39 h 337"/>
                  <a:gd name="T16" fmla="*/ 30 w 159"/>
                  <a:gd name="T17" fmla="*/ 41 h 337"/>
                  <a:gd name="T18" fmla="*/ 33 w 159"/>
                  <a:gd name="T19" fmla="*/ 40 h 337"/>
                  <a:gd name="T20" fmla="*/ 36 w 159"/>
                  <a:gd name="T21" fmla="*/ 37 h 337"/>
                  <a:gd name="T22" fmla="*/ 39 w 159"/>
                  <a:gd name="T23" fmla="*/ 34 h 337"/>
                  <a:gd name="T24" fmla="*/ 41 w 159"/>
                  <a:gd name="T25" fmla="*/ 33 h 337"/>
                  <a:gd name="T26" fmla="*/ 43 w 159"/>
                  <a:gd name="T27" fmla="*/ 32 h 337"/>
                  <a:gd name="T28" fmla="*/ 45 w 159"/>
                  <a:gd name="T29" fmla="*/ 33 h 337"/>
                  <a:gd name="T30" fmla="*/ 46 w 159"/>
                  <a:gd name="T31" fmla="*/ 40 h 337"/>
                  <a:gd name="T32" fmla="*/ 46 w 159"/>
                  <a:gd name="T33" fmla="*/ 50 h 337"/>
                  <a:gd name="T34" fmla="*/ 47 w 159"/>
                  <a:gd name="T35" fmla="*/ 62 h 337"/>
                  <a:gd name="T36" fmla="*/ 49 w 159"/>
                  <a:gd name="T37" fmla="*/ 79 h 337"/>
                  <a:gd name="T38" fmla="*/ 52 w 159"/>
                  <a:gd name="T39" fmla="*/ 100 h 337"/>
                  <a:gd name="T40" fmla="*/ 50 w 159"/>
                  <a:gd name="T41" fmla="*/ 111 h 337"/>
                  <a:gd name="T42" fmla="*/ 44 w 159"/>
                  <a:gd name="T43" fmla="*/ 108 h 337"/>
                  <a:gd name="T44" fmla="*/ 40 w 159"/>
                  <a:gd name="T45" fmla="*/ 104 h 337"/>
                  <a:gd name="T46" fmla="*/ 36 w 159"/>
                  <a:gd name="T47" fmla="*/ 99 h 337"/>
                  <a:gd name="T48" fmla="*/ 31 w 159"/>
                  <a:gd name="T49" fmla="*/ 91 h 337"/>
                  <a:gd name="T50" fmla="*/ 26 w 159"/>
                  <a:gd name="T51" fmla="*/ 79 h 337"/>
                  <a:gd name="T52" fmla="*/ 22 w 159"/>
                  <a:gd name="T53" fmla="*/ 65 h 337"/>
                  <a:gd name="T54" fmla="*/ 18 w 159"/>
                  <a:gd name="T55" fmla="*/ 53 h 337"/>
                  <a:gd name="T56" fmla="*/ 14 w 159"/>
                  <a:gd name="T57" fmla="*/ 44 h 337"/>
                  <a:gd name="T58" fmla="*/ 11 w 159"/>
                  <a:gd name="T59" fmla="*/ 38 h 337"/>
                  <a:gd name="T60" fmla="*/ 7 w 159"/>
                  <a:gd name="T61" fmla="*/ 34 h 337"/>
                  <a:gd name="T62" fmla="*/ 2 w 159"/>
                  <a:gd name="T63" fmla="*/ 30 h 337"/>
                  <a:gd name="T64" fmla="*/ 1 w 159"/>
                  <a:gd name="T65" fmla="*/ 24 h 337"/>
                  <a:gd name="T66" fmla="*/ 2 w 159"/>
                  <a:gd name="T67" fmla="*/ 17 h 337"/>
                  <a:gd name="T68" fmla="*/ 2 w 159"/>
                  <a:gd name="T69" fmla="*/ 11 h 337"/>
                  <a:gd name="T70" fmla="*/ 4 w 159"/>
                  <a:gd name="T71" fmla="*/ 4 h 337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</a:gdLst>
                <a:ahLst/>
                <a:cxnLst>
                  <a:cxn ang="T72">
                    <a:pos x="T0" y="T1"/>
                  </a:cxn>
                  <a:cxn ang="T73">
                    <a:pos x="T2" y="T3"/>
                  </a:cxn>
                  <a:cxn ang="T74">
                    <a:pos x="T4" y="T5"/>
                  </a:cxn>
                  <a:cxn ang="T75">
                    <a:pos x="T6" y="T7"/>
                  </a:cxn>
                  <a:cxn ang="T76">
                    <a:pos x="T8" y="T9"/>
                  </a:cxn>
                  <a:cxn ang="T77">
                    <a:pos x="T10" y="T11"/>
                  </a:cxn>
                  <a:cxn ang="T78">
                    <a:pos x="T12" y="T13"/>
                  </a:cxn>
                  <a:cxn ang="T79">
                    <a:pos x="T14" y="T15"/>
                  </a:cxn>
                  <a:cxn ang="T80">
                    <a:pos x="T16" y="T17"/>
                  </a:cxn>
                  <a:cxn ang="T81">
                    <a:pos x="T18" y="T19"/>
                  </a:cxn>
                  <a:cxn ang="T82">
                    <a:pos x="T20" y="T21"/>
                  </a:cxn>
                  <a:cxn ang="T83">
                    <a:pos x="T22" y="T23"/>
                  </a:cxn>
                  <a:cxn ang="T84">
                    <a:pos x="T24" y="T25"/>
                  </a:cxn>
                  <a:cxn ang="T85">
                    <a:pos x="T26" y="T27"/>
                  </a:cxn>
                  <a:cxn ang="T86">
                    <a:pos x="T28" y="T29"/>
                  </a:cxn>
                  <a:cxn ang="T87">
                    <a:pos x="T30" y="T31"/>
                  </a:cxn>
                  <a:cxn ang="T88">
                    <a:pos x="T32" y="T33"/>
                  </a:cxn>
                  <a:cxn ang="T89">
                    <a:pos x="T34" y="T35"/>
                  </a:cxn>
                  <a:cxn ang="T90">
                    <a:pos x="T36" y="T37"/>
                  </a:cxn>
                  <a:cxn ang="T91">
                    <a:pos x="T38" y="T39"/>
                  </a:cxn>
                  <a:cxn ang="T92">
                    <a:pos x="T40" y="T41"/>
                  </a:cxn>
                  <a:cxn ang="T93">
                    <a:pos x="T42" y="T43"/>
                  </a:cxn>
                  <a:cxn ang="T94">
                    <a:pos x="T44" y="T45"/>
                  </a:cxn>
                  <a:cxn ang="T95">
                    <a:pos x="T46" y="T47"/>
                  </a:cxn>
                  <a:cxn ang="T96">
                    <a:pos x="T48" y="T49"/>
                  </a:cxn>
                  <a:cxn ang="T97">
                    <a:pos x="T50" y="T51"/>
                  </a:cxn>
                  <a:cxn ang="T98">
                    <a:pos x="T52" y="T53"/>
                  </a:cxn>
                  <a:cxn ang="T99">
                    <a:pos x="T54" y="T55"/>
                  </a:cxn>
                  <a:cxn ang="T100">
                    <a:pos x="T56" y="T57"/>
                  </a:cxn>
                  <a:cxn ang="T101">
                    <a:pos x="T58" y="T59"/>
                  </a:cxn>
                  <a:cxn ang="T102">
                    <a:pos x="T60" y="T61"/>
                  </a:cxn>
                  <a:cxn ang="T103">
                    <a:pos x="T62" y="T63"/>
                  </a:cxn>
                  <a:cxn ang="T104">
                    <a:pos x="T64" y="T65"/>
                  </a:cxn>
                  <a:cxn ang="T105">
                    <a:pos x="T66" y="T67"/>
                  </a:cxn>
                  <a:cxn ang="T106">
                    <a:pos x="T68" y="T69"/>
                  </a:cxn>
                  <a:cxn ang="T107">
                    <a:pos x="T70" y="T71"/>
                  </a:cxn>
                </a:cxnLst>
                <a:rect l="0" t="0" r="r" b="b"/>
                <a:pathLst>
                  <a:path w="159" h="337">
                    <a:moveTo>
                      <a:pt x="18" y="0"/>
                    </a:moveTo>
                    <a:lnTo>
                      <a:pt x="27" y="0"/>
                    </a:lnTo>
                    <a:lnTo>
                      <a:pt x="37" y="0"/>
                    </a:lnTo>
                    <a:lnTo>
                      <a:pt x="46" y="0"/>
                    </a:lnTo>
                    <a:lnTo>
                      <a:pt x="56" y="0"/>
                    </a:lnTo>
                    <a:lnTo>
                      <a:pt x="59" y="7"/>
                    </a:lnTo>
                    <a:lnTo>
                      <a:pt x="62" y="13"/>
                    </a:lnTo>
                    <a:lnTo>
                      <a:pt x="63" y="20"/>
                    </a:lnTo>
                    <a:lnTo>
                      <a:pt x="64" y="29"/>
                    </a:lnTo>
                    <a:lnTo>
                      <a:pt x="65" y="47"/>
                    </a:lnTo>
                    <a:lnTo>
                      <a:pt x="65" y="66"/>
                    </a:lnTo>
                    <a:lnTo>
                      <a:pt x="66" y="85"/>
                    </a:lnTo>
                    <a:lnTo>
                      <a:pt x="68" y="100"/>
                    </a:lnTo>
                    <a:lnTo>
                      <a:pt x="70" y="108"/>
                    </a:lnTo>
                    <a:lnTo>
                      <a:pt x="74" y="114"/>
                    </a:lnTo>
                    <a:lnTo>
                      <a:pt x="78" y="118"/>
                    </a:lnTo>
                    <a:lnTo>
                      <a:pt x="84" y="123"/>
                    </a:lnTo>
                    <a:lnTo>
                      <a:pt x="89" y="123"/>
                    </a:lnTo>
                    <a:lnTo>
                      <a:pt x="95" y="123"/>
                    </a:lnTo>
                    <a:lnTo>
                      <a:pt x="99" y="120"/>
                    </a:lnTo>
                    <a:lnTo>
                      <a:pt x="103" y="118"/>
                    </a:lnTo>
                    <a:lnTo>
                      <a:pt x="109" y="112"/>
                    </a:lnTo>
                    <a:lnTo>
                      <a:pt x="115" y="106"/>
                    </a:lnTo>
                    <a:lnTo>
                      <a:pt x="117" y="103"/>
                    </a:lnTo>
                    <a:lnTo>
                      <a:pt x="120" y="99"/>
                    </a:lnTo>
                    <a:lnTo>
                      <a:pt x="122" y="98"/>
                    </a:lnTo>
                    <a:lnTo>
                      <a:pt x="125" y="96"/>
                    </a:lnTo>
                    <a:lnTo>
                      <a:pt x="128" y="96"/>
                    </a:lnTo>
                    <a:lnTo>
                      <a:pt x="132" y="97"/>
                    </a:lnTo>
                    <a:lnTo>
                      <a:pt x="136" y="99"/>
                    </a:lnTo>
                    <a:lnTo>
                      <a:pt x="140" y="104"/>
                    </a:lnTo>
                    <a:lnTo>
                      <a:pt x="138" y="119"/>
                    </a:lnTo>
                    <a:lnTo>
                      <a:pt x="138" y="134"/>
                    </a:lnTo>
                    <a:lnTo>
                      <a:pt x="137" y="149"/>
                    </a:lnTo>
                    <a:lnTo>
                      <a:pt x="138" y="163"/>
                    </a:lnTo>
                    <a:lnTo>
                      <a:pt x="140" y="188"/>
                    </a:lnTo>
                    <a:lnTo>
                      <a:pt x="143" y="213"/>
                    </a:lnTo>
                    <a:lnTo>
                      <a:pt x="147" y="239"/>
                    </a:lnTo>
                    <a:lnTo>
                      <a:pt x="152" y="268"/>
                    </a:lnTo>
                    <a:lnTo>
                      <a:pt x="156" y="301"/>
                    </a:lnTo>
                    <a:lnTo>
                      <a:pt x="159" y="337"/>
                    </a:lnTo>
                    <a:lnTo>
                      <a:pt x="149" y="334"/>
                    </a:lnTo>
                    <a:lnTo>
                      <a:pt x="141" y="330"/>
                    </a:lnTo>
                    <a:lnTo>
                      <a:pt x="133" y="325"/>
                    </a:lnTo>
                    <a:lnTo>
                      <a:pt x="125" y="319"/>
                    </a:lnTo>
                    <a:lnTo>
                      <a:pt x="119" y="313"/>
                    </a:lnTo>
                    <a:lnTo>
                      <a:pt x="113" y="307"/>
                    </a:lnTo>
                    <a:lnTo>
                      <a:pt x="107" y="299"/>
                    </a:lnTo>
                    <a:lnTo>
                      <a:pt x="102" y="291"/>
                    </a:lnTo>
                    <a:lnTo>
                      <a:pt x="94" y="274"/>
                    </a:lnTo>
                    <a:lnTo>
                      <a:pt x="86" y="256"/>
                    </a:lnTo>
                    <a:lnTo>
                      <a:pt x="79" y="237"/>
                    </a:lnTo>
                    <a:lnTo>
                      <a:pt x="74" y="217"/>
                    </a:lnTo>
                    <a:lnTo>
                      <a:pt x="67" y="197"/>
                    </a:lnTo>
                    <a:lnTo>
                      <a:pt x="61" y="177"/>
                    </a:lnTo>
                    <a:lnTo>
                      <a:pt x="55" y="158"/>
                    </a:lnTo>
                    <a:lnTo>
                      <a:pt x="47" y="140"/>
                    </a:lnTo>
                    <a:lnTo>
                      <a:pt x="43" y="132"/>
                    </a:lnTo>
                    <a:lnTo>
                      <a:pt x="39" y="124"/>
                    </a:lnTo>
                    <a:lnTo>
                      <a:pt x="34" y="115"/>
                    </a:lnTo>
                    <a:lnTo>
                      <a:pt x="27" y="108"/>
                    </a:lnTo>
                    <a:lnTo>
                      <a:pt x="22" y="102"/>
                    </a:lnTo>
                    <a:lnTo>
                      <a:pt x="15" y="95"/>
                    </a:lnTo>
                    <a:lnTo>
                      <a:pt x="7" y="90"/>
                    </a:lnTo>
                    <a:lnTo>
                      <a:pt x="0" y="85"/>
                    </a:lnTo>
                    <a:lnTo>
                      <a:pt x="3" y="72"/>
                    </a:lnTo>
                    <a:lnTo>
                      <a:pt x="4" y="62"/>
                    </a:lnTo>
                    <a:lnTo>
                      <a:pt x="5" y="52"/>
                    </a:lnTo>
                    <a:lnTo>
                      <a:pt x="5" y="43"/>
                    </a:lnTo>
                    <a:lnTo>
                      <a:pt x="6" y="33"/>
                    </a:lnTo>
                    <a:lnTo>
                      <a:pt x="8" y="24"/>
                    </a:lnTo>
                    <a:lnTo>
                      <a:pt x="11" y="13"/>
                    </a:lnTo>
                    <a:lnTo>
                      <a:pt x="18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2" name="Freeform 299"/>
              <p:cNvSpPr>
                <a:spLocks/>
              </p:cNvSpPr>
              <p:nvPr/>
            </p:nvSpPr>
            <p:spPr bwMode="auto">
              <a:xfrm>
                <a:off x="846138" y="5499100"/>
                <a:ext cx="30163" cy="30163"/>
              </a:xfrm>
              <a:custGeom>
                <a:avLst/>
                <a:gdLst>
                  <a:gd name="T0" fmla="*/ 19 w 56"/>
                  <a:gd name="T1" fmla="*/ 1 h 58"/>
                  <a:gd name="T2" fmla="*/ 18 w 56"/>
                  <a:gd name="T3" fmla="*/ 4 h 58"/>
                  <a:gd name="T4" fmla="*/ 17 w 56"/>
                  <a:gd name="T5" fmla="*/ 7 h 58"/>
                  <a:gd name="T6" fmla="*/ 16 w 56"/>
                  <a:gd name="T7" fmla="*/ 10 h 58"/>
                  <a:gd name="T8" fmla="*/ 14 w 56"/>
                  <a:gd name="T9" fmla="*/ 13 h 58"/>
                  <a:gd name="T10" fmla="*/ 12 w 56"/>
                  <a:gd name="T11" fmla="*/ 15 h 58"/>
                  <a:gd name="T12" fmla="*/ 10 w 56"/>
                  <a:gd name="T13" fmla="*/ 17 h 58"/>
                  <a:gd name="T14" fmla="*/ 8 w 56"/>
                  <a:gd name="T15" fmla="*/ 18 h 58"/>
                  <a:gd name="T16" fmla="*/ 7 w 56"/>
                  <a:gd name="T17" fmla="*/ 18 h 58"/>
                  <a:gd name="T18" fmla="*/ 5 w 56"/>
                  <a:gd name="T19" fmla="*/ 19 h 58"/>
                  <a:gd name="T20" fmla="*/ 3 w 56"/>
                  <a:gd name="T21" fmla="*/ 19 h 58"/>
                  <a:gd name="T22" fmla="*/ 2 w 56"/>
                  <a:gd name="T23" fmla="*/ 17 h 58"/>
                  <a:gd name="T24" fmla="*/ 1 w 56"/>
                  <a:gd name="T25" fmla="*/ 15 h 58"/>
                  <a:gd name="T26" fmla="*/ 0 w 56"/>
                  <a:gd name="T27" fmla="*/ 13 h 58"/>
                  <a:gd name="T28" fmla="*/ 0 w 56"/>
                  <a:gd name="T29" fmla="*/ 12 h 58"/>
                  <a:gd name="T30" fmla="*/ 0 w 56"/>
                  <a:gd name="T31" fmla="*/ 10 h 58"/>
                  <a:gd name="T32" fmla="*/ 1 w 56"/>
                  <a:gd name="T33" fmla="*/ 8 h 58"/>
                  <a:gd name="T34" fmla="*/ 1 w 56"/>
                  <a:gd name="T35" fmla="*/ 7 h 58"/>
                  <a:gd name="T36" fmla="*/ 2 w 56"/>
                  <a:gd name="T37" fmla="*/ 5 h 58"/>
                  <a:gd name="T38" fmla="*/ 4 w 56"/>
                  <a:gd name="T39" fmla="*/ 4 h 58"/>
                  <a:gd name="T40" fmla="*/ 5 w 56"/>
                  <a:gd name="T41" fmla="*/ 2 h 58"/>
                  <a:gd name="T42" fmla="*/ 7 w 56"/>
                  <a:gd name="T43" fmla="*/ 1 h 58"/>
                  <a:gd name="T44" fmla="*/ 9 w 56"/>
                  <a:gd name="T45" fmla="*/ 1 h 58"/>
                  <a:gd name="T46" fmla="*/ 11 w 56"/>
                  <a:gd name="T47" fmla="*/ 0 h 58"/>
                  <a:gd name="T48" fmla="*/ 14 w 56"/>
                  <a:gd name="T49" fmla="*/ 0 h 58"/>
                  <a:gd name="T50" fmla="*/ 16 w 56"/>
                  <a:gd name="T51" fmla="*/ 0 h 58"/>
                  <a:gd name="T52" fmla="*/ 19 w 56"/>
                  <a:gd name="T53" fmla="*/ 1 h 58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6" h="58">
                    <a:moveTo>
                      <a:pt x="56" y="2"/>
                    </a:moveTo>
                    <a:lnTo>
                      <a:pt x="53" y="13"/>
                    </a:lnTo>
                    <a:lnTo>
                      <a:pt x="51" y="22"/>
                    </a:lnTo>
                    <a:lnTo>
                      <a:pt x="46" y="31"/>
                    </a:lnTo>
                    <a:lnTo>
                      <a:pt x="42" y="40"/>
                    </a:lnTo>
                    <a:lnTo>
                      <a:pt x="36" y="46"/>
                    </a:lnTo>
                    <a:lnTo>
                      <a:pt x="28" y="53"/>
                    </a:lnTo>
                    <a:lnTo>
                      <a:pt x="24" y="55"/>
                    </a:lnTo>
                    <a:lnTo>
                      <a:pt x="20" y="56"/>
                    </a:lnTo>
                    <a:lnTo>
                      <a:pt x="15" y="57"/>
                    </a:lnTo>
                    <a:lnTo>
                      <a:pt x="8" y="58"/>
                    </a:lnTo>
                    <a:lnTo>
                      <a:pt x="5" y="53"/>
                    </a:lnTo>
                    <a:lnTo>
                      <a:pt x="2" y="47"/>
                    </a:lnTo>
                    <a:lnTo>
                      <a:pt x="1" y="41"/>
                    </a:lnTo>
                    <a:lnTo>
                      <a:pt x="0" y="36"/>
                    </a:lnTo>
                    <a:lnTo>
                      <a:pt x="0" y="30"/>
                    </a:lnTo>
                    <a:lnTo>
                      <a:pt x="2" y="25"/>
                    </a:lnTo>
                    <a:lnTo>
                      <a:pt x="4" y="20"/>
                    </a:lnTo>
                    <a:lnTo>
                      <a:pt x="7" y="16"/>
                    </a:lnTo>
                    <a:lnTo>
                      <a:pt x="11" y="11"/>
                    </a:lnTo>
                    <a:lnTo>
                      <a:pt x="16" y="7"/>
                    </a:lnTo>
                    <a:lnTo>
                      <a:pt x="21" y="4"/>
                    </a:lnTo>
                    <a:lnTo>
                      <a:pt x="26" y="2"/>
                    </a:lnTo>
                    <a:lnTo>
                      <a:pt x="33" y="1"/>
                    </a:lnTo>
                    <a:lnTo>
                      <a:pt x="40" y="0"/>
                    </a:lnTo>
                    <a:lnTo>
                      <a:pt x="47" y="0"/>
                    </a:lnTo>
                    <a:lnTo>
                      <a:pt x="56" y="2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3" name="Esbjerg kant"/>
              <p:cNvSpPr>
                <a:spLocks/>
              </p:cNvSpPr>
              <p:nvPr/>
            </p:nvSpPr>
            <p:spPr bwMode="auto">
              <a:xfrm>
                <a:off x="846138" y="5499100"/>
                <a:ext cx="30163" cy="30163"/>
              </a:xfrm>
              <a:custGeom>
                <a:avLst/>
                <a:gdLst>
                  <a:gd name="T0" fmla="*/ 19 w 56"/>
                  <a:gd name="T1" fmla="*/ 1 h 58"/>
                  <a:gd name="T2" fmla="*/ 18 w 56"/>
                  <a:gd name="T3" fmla="*/ 4 h 58"/>
                  <a:gd name="T4" fmla="*/ 17 w 56"/>
                  <a:gd name="T5" fmla="*/ 7 h 58"/>
                  <a:gd name="T6" fmla="*/ 16 w 56"/>
                  <a:gd name="T7" fmla="*/ 10 h 58"/>
                  <a:gd name="T8" fmla="*/ 14 w 56"/>
                  <a:gd name="T9" fmla="*/ 13 h 58"/>
                  <a:gd name="T10" fmla="*/ 12 w 56"/>
                  <a:gd name="T11" fmla="*/ 15 h 58"/>
                  <a:gd name="T12" fmla="*/ 10 w 56"/>
                  <a:gd name="T13" fmla="*/ 17 h 58"/>
                  <a:gd name="T14" fmla="*/ 8 w 56"/>
                  <a:gd name="T15" fmla="*/ 18 h 58"/>
                  <a:gd name="T16" fmla="*/ 7 w 56"/>
                  <a:gd name="T17" fmla="*/ 18 h 58"/>
                  <a:gd name="T18" fmla="*/ 5 w 56"/>
                  <a:gd name="T19" fmla="*/ 19 h 58"/>
                  <a:gd name="T20" fmla="*/ 3 w 56"/>
                  <a:gd name="T21" fmla="*/ 19 h 58"/>
                  <a:gd name="T22" fmla="*/ 2 w 56"/>
                  <a:gd name="T23" fmla="*/ 17 h 58"/>
                  <a:gd name="T24" fmla="*/ 1 w 56"/>
                  <a:gd name="T25" fmla="*/ 15 h 58"/>
                  <a:gd name="T26" fmla="*/ 0 w 56"/>
                  <a:gd name="T27" fmla="*/ 13 h 58"/>
                  <a:gd name="T28" fmla="*/ 0 w 56"/>
                  <a:gd name="T29" fmla="*/ 12 h 58"/>
                  <a:gd name="T30" fmla="*/ 0 w 56"/>
                  <a:gd name="T31" fmla="*/ 10 h 58"/>
                  <a:gd name="T32" fmla="*/ 1 w 56"/>
                  <a:gd name="T33" fmla="*/ 8 h 58"/>
                  <a:gd name="T34" fmla="*/ 1 w 56"/>
                  <a:gd name="T35" fmla="*/ 7 h 58"/>
                  <a:gd name="T36" fmla="*/ 2 w 56"/>
                  <a:gd name="T37" fmla="*/ 5 h 58"/>
                  <a:gd name="T38" fmla="*/ 4 w 56"/>
                  <a:gd name="T39" fmla="*/ 4 h 58"/>
                  <a:gd name="T40" fmla="*/ 5 w 56"/>
                  <a:gd name="T41" fmla="*/ 2 h 58"/>
                  <a:gd name="T42" fmla="*/ 7 w 56"/>
                  <a:gd name="T43" fmla="*/ 1 h 58"/>
                  <a:gd name="T44" fmla="*/ 9 w 56"/>
                  <a:gd name="T45" fmla="*/ 1 h 58"/>
                  <a:gd name="T46" fmla="*/ 11 w 56"/>
                  <a:gd name="T47" fmla="*/ 0 h 58"/>
                  <a:gd name="T48" fmla="*/ 14 w 56"/>
                  <a:gd name="T49" fmla="*/ 0 h 58"/>
                  <a:gd name="T50" fmla="*/ 16 w 56"/>
                  <a:gd name="T51" fmla="*/ 0 h 58"/>
                  <a:gd name="T52" fmla="*/ 19 w 56"/>
                  <a:gd name="T53" fmla="*/ 1 h 58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6" h="58">
                    <a:moveTo>
                      <a:pt x="56" y="2"/>
                    </a:moveTo>
                    <a:lnTo>
                      <a:pt x="53" y="13"/>
                    </a:lnTo>
                    <a:lnTo>
                      <a:pt x="51" y="22"/>
                    </a:lnTo>
                    <a:lnTo>
                      <a:pt x="46" y="31"/>
                    </a:lnTo>
                    <a:lnTo>
                      <a:pt x="42" y="40"/>
                    </a:lnTo>
                    <a:lnTo>
                      <a:pt x="36" y="46"/>
                    </a:lnTo>
                    <a:lnTo>
                      <a:pt x="28" y="53"/>
                    </a:lnTo>
                    <a:lnTo>
                      <a:pt x="24" y="55"/>
                    </a:lnTo>
                    <a:lnTo>
                      <a:pt x="20" y="56"/>
                    </a:lnTo>
                    <a:lnTo>
                      <a:pt x="15" y="57"/>
                    </a:lnTo>
                    <a:lnTo>
                      <a:pt x="8" y="58"/>
                    </a:lnTo>
                    <a:lnTo>
                      <a:pt x="5" y="53"/>
                    </a:lnTo>
                    <a:lnTo>
                      <a:pt x="2" y="47"/>
                    </a:lnTo>
                    <a:lnTo>
                      <a:pt x="1" y="41"/>
                    </a:lnTo>
                    <a:lnTo>
                      <a:pt x="0" y="36"/>
                    </a:lnTo>
                    <a:lnTo>
                      <a:pt x="0" y="30"/>
                    </a:lnTo>
                    <a:lnTo>
                      <a:pt x="2" y="25"/>
                    </a:lnTo>
                    <a:lnTo>
                      <a:pt x="4" y="20"/>
                    </a:lnTo>
                    <a:lnTo>
                      <a:pt x="7" y="16"/>
                    </a:lnTo>
                    <a:lnTo>
                      <a:pt x="11" y="11"/>
                    </a:lnTo>
                    <a:lnTo>
                      <a:pt x="16" y="7"/>
                    </a:lnTo>
                    <a:lnTo>
                      <a:pt x="21" y="4"/>
                    </a:lnTo>
                    <a:lnTo>
                      <a:pt x="26" y="2"/>
                    </a:lnTo>
                    <a:lnTo>
                      <a:pt x="33" y="1"/>
                    </a:lnTo>
                    <a:lnTo>
                      <a:pt x="40" y="0"/>
                    </a:lnTo>
                    <a:lnTo>
                      <a:pt x="47" y="0"/>
                    </a:lnTo>
                    <a:lnTo>
                      <a:pt x="56" y="2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4" name="Esbjerg"/>
              <p:cNvSpPr>
                <a:spLocks/>
              </p:cNvSpPr>
              <p:nvPr/>
            </p:nvSpPr>
            <p:spPr bwMode="auto">
              <a:xfrm>
                <a:off x="657225" y="5045075"/>
                <a:ext cx="500063" cy="539750"/>
              </a:xfrm>
              <a:custGeom>
                <a:avLst/>
                <a:gdLst>
                  <a:gd name="T0" fmla="*/ 54 w 944"/>
                  <a:gd name="T1" fmla="*/ 42 h 1020"/>
                  <a:gd name="T2" fmla="*/ 42 w 944"/>
                  <a:gd name="T3" fmla="*/ 36 h 1020"/>
                  <a:gd name="T4" fmla="*/ 44 w 944"/>
                  <a:gd name="T5" fmla="*/ 27 h 1020"/>
                  <a:gd name="T6" fmla="*/ 34 w 944"/>
                  <a:gd name="T7" fmla="*/ 14 h 1020"/>
                  <a:gd name="T8" fmla="*/ 21 w 944"/>
                  <a:gd name="T9" fmla="*/ 3 h 1020"/>
                  <a:gd name="T10" fmla="*/ 13 w 944"/>
                  <a:gd name="T11" fmla="*/ 7 h 1020"/>
                  <a:gd name="T12" fmla="*/ 7 w 944"/>
                  <a:gd name="T13" fmla="*/ 28 h 1020"/>
                  <a:gd name="T14" fmla="*/ 7 w 944"/>
                  <a:gd name="T15" fmla="*/ 44 h 1020"/>
                  <a:gd name="T16" fmla="*/ 37 w 944"/>
                  <a:gd name="T17" fmla="*/ 87 h 1020"/>
                  <a:gd name="T18" fmla="*/ 60 w 944"/>
                  <a:gd name="T19" fmla="*/ 114 h 1020"/>
                  <a:gd name="T20" fmla="*/ 80 w 944"/>
                  <a:gd name="T21" fmla="*/ 128 h 1020"/>
                  <a:gd name="T22" fmla="*/ 106 w 944"/>
                  <a:gd name="T23" fmla="*/ 133 h 1020"/>
                  <a:gd name="T24" fmla="*/ 133 w 944"/>
                  <a:gd name="T25" fmla="*/ 134 h 1020"/>
                  <a:gd name="T26" fmla="*/ 150 w 944"/>
                  <a:gd name="T27" fmla="*/ 147 h 1020"/>
                  <a:gd name="T28" fmla="*/ 161 w 944"/>
                  <a:gd name="T29" fmla="*/ 164 h 1020"/>
                  <a:gd name="T30" fmla="*/ 182 w 944"/>
                  <a:gd name="T31" fmla="*/ 224 h 1020"/>
                  <a:gd name="T32" fmla="*/ 185 w 944"/>
                  <a:gd name="T33" fmla="*/ 266 h 1020"/>
                  <a:gd name="T34" fmla="*/ 180 w 944"/>
                  <a:gd name="T35" fmla="*/ 286 h 1020"/>
                  <a:gd name="T36" fmla="*/ 182 w 944"/>
                  <a:gd name="T37" fmla="*/ 308 h 1020"/>
                  <a:gd name="T38" fmla="*/ 211 w 944"/>
                  <a:gd name="T39" fmla="*/ 320 h 1020"/>
                  <a:gd name="T40" fmla="*/ 248 w 944"/>
                  <a:gd name="T41" fmla="*/ 329 h 1020"/>
                  <a:gd name="T42" fmla="*/ 286 w 944"/>
                  <a:gd name="T43" fmla="*/ 339 h 1020"/>
                  <a:gd name="T44" fmla="*/ 314 w 944"/>
                  <a:gd name="T45" fmla="*/ 333 h 1020"/>
                  <a:gd name="T46" fmla="*/ 313 w 944"/>
                  <a:gd name="T47" fmla="*/ 313 h 1020"/>
                  <a:gd name="T48" fmla="*/ 304 w 944"/>
                  <a:gd name="T49" fmla="*/ 294 h 1020"/>
                  <a:gd name="T50" fmla="*/ 303 w 944"/>
                  <a:gd name="T51" fmla="*/ 278 h 1020"/>
                  <a:gd name="T52" fmla="*/ 303 w 944"/>
                  <a:gd name="T53" fmla="*/ 270 h 1020"/>
                  <a:gd name="T54" fmla="*/ 296 w 944"/>
                  <a:gd name="T55" fmla="*/ 264 h 1020"/>
                  <a:gd name="T56" fmla="*/ 292 w 944"/>
                  <a:gd name="T57" fmla="*/ 249 h 1020"/>
                  <a:gd name="T58" fmla="*/ 287 w 944"/>
                  <a:gd name="T59" fmla="*/ 222 h 1020"/>
                  <a:gd name="T60" fmla="*/ 291 w 944"/>
                  <a:gd name="T61" fmla="*/ 213 h 1020"/>
                  <a:gd name="T62" fmla="*/ 303 w 944"/>
                  <a:gd name="T63" fmla="*/ 198 h 1020"/>
                  <a:gd name="T64" fmla="*/ 309 w 944"/>
                  <a:gd name="T65" fmla="*/ 194 h 1020"/>
                  <a:gd name="T66" fmla="*/ 304 w 944"/>
                  <a:gd name="T67" fmla="*/ 187 h 1020"/>
                  <a:gd name="T68" fmla="*/ 303 w 944"/>
                  <a:gd name="T69" fmla="*/ 177 h 1020"/>
                  <a:gd name="T70" fmla="*/ 286 w 944"/>
                  <a:gd name="T71" fmla="*/ 178 h 1020"/>
                  <a:gd name="T72" fmla="*/ 278 w 944"/>
                  <a:gd name="T73" fmla="*/ 172 h 1020"/>
                  <a:gd name="T74" fmla="*/ 277 w 944"/>
                  <a:gd name="T75" fmla="*/ 156 h 1020"/>
                  <a:gd name="T76" fmla="*/ 267 w 944"/>
                  <a:gd name="T77" fmla="*/ 143 h 1020"/>
                  <a:gd name="T78" fmla="*/ 267 w 944"/>
                  <a:gd name="T79" fmla="*/ 130 h 1020"/>
                  <a:gd name="T80" fmla="*/ 274 w 944"/>
                  <a:gd name="T81" fmla="*/ 119 h 1020"/>
                  <a:gd name="T82" fmla="*/ 281 w 944"/>
                  <a:gd name="T83" fmla="*/ 113 h 1020"/>
                  <a:gd name="T84" fmla="*/ 283 w 944"/>
                  <a:gd name="T85" fmla="*/ 101 h 1020"/>
                  <a:gd name="T86" fmla="*/ 265 w 944"/>
                  <a:gd name="T87" fmla="*/ 78 h 1020"/>
                  <a:gd name="T88" fmla="*/ 225 w 944"/>
                  <a:gd name="T89" fmla="*/ 43 h 1020"/>
                  <a:gd name="T90" fmla="*/ 217 w 944"/>
                  <a:gd name="T91" fmla="*/ 58 h 1020"/>
                  <a:gd name="T92" fmla="*/ 210 w 944"/>
                  <a:gd name="T93" fmla="*/ 65 h 1020"/>
                  <a:gd name="T94" fmla="*/ 168 w 944"/>
                  <a:gd name="T95" fmla="*/ 31 h 1020"/>
                  <a:gd name="T96" fmla="*/ 160 w 944"/>
                  <a:gd name="T97" fmla="*/ 34 h 1020"/>
                  <a:gd name="T98" fmla="*/ 143 w 944"/>
                  <a:gd name="T99" fmla="*/ 43 h 1020"/>
                  <a:gd name="T100" fmla="*/ 126 w 944"/>
                  <a:gd name="T101" fmla="*/ 30 h 1020"/>
                  <a:gd name="T102" fmla="*/ 113 w 944"/>
                  <a:gd name="T103" fmla="*/ 12 h 1020"/>
                  <a:gd name="T104" fmla="*/ 78 w 944"/>
                  <a:gd name="T105" fmla="*/ 15 h 1020"/>
                  <a:gd name="T106" fmla="*/ 78 w 944"/>
                  <a:gd name="T107" fmla="*/ 27 h 102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944" h="1020">
                    <a:moveTo>
                      <a:pt x="206" y="140"/>
                    </a:moveTo>
                    <a:lnTo>
                      <a:pt x="197" y="135"/>
                    </a:lnTo>
                    <a:lnTo>
                      <a:pt x="186" y="132"/>
                    </a:lnTo>
                    <a:lnTo>
                      <a:pt x="175" y="129"/>
                    </a:lnTo>
                    <a:lnTo>
                      <a:pt x="163" y="126"/>
                    </a:lnTo>
                    <a:lnTo>
                      <a:pt x="153" y="124"/>
                    </a:lnTo>
                    <a:lnTo>
                      <a:pt x="141" y="121"/>
                    </a:lnTo>
                    <a:lnTo>
                      <a:pt x="132" y="117"/>
                    </a:lnTo>
                    <a:lnTo>
                      <a:pt x="122" y="111"/>
                    </a:lnTo>
                    <a:lnTo>
                      <a:pt x="125" y="107"/>
                    </a:lnTo>
                    <a:lnTo>
                      <a:pt x="127" y="103"/>
                    </a:lnTo>
                    <a:lnTo>
                      <a:pt x="130" y="98"/>
                    </a:lnTo>
                    <a:lnTo>
                      <a:pt x="131" y="92"/>
                    </a:lnTo>
                    <a:lnTo>
                      <a:pt x="132" y="86"/>
                    </a:lnTo>
                    <a:lnTo>
                      <a:pt x="133" y="80"/>
                    </a:lnTo>
                    <a:lnTo>
                      <a:pt x="133" y="72"/>
                    </a:lnTo>
                    <a:lnTo>
                      <a:pt x="132" y="65"/>
                    </a:lnTo>
                    <a:lnTo>
                      <a:pt x="122" y="56"/>
                    </a:lnTo>
                    <a:lnTo>
                      <a:pt x="112" y="49"/>
                    </a:lnTo>
                    <a:lnTo>
                      <a:pt x="101" y="43"/>
                    </a:lnTo>
                    <a:lnTo>
                      <a:pt x="91" y="35"/>
                    </a:lnTo>
                    <a:lnTo>
                      <a:pt x="80" y="28"/>
                    </a:lnTo>
                    <a:lnTo>
                      <a:pt x="71" y="21"/>
                    </a:lnTo>
                    <a:lnTo>
                      <a:pt x="66" y="15"/>
                    </a:lnTo>
                    <a:lnTo>
                      <a:pt x="63" y="10"/>
                    </a:lnTo>
                    <a:lnTo>
                      <a:pt x="59" y="5"/>
                    </a:lnTo>
                    <a:lnTo>
                      <a:pt x="57" y="0"/>
                    </a:lnTo>
                    <a:lnTo>
                      <a:pt x="50" y="6"/>
                    </a:lnTo>
                    <a:lnTo>
                      <a:pt x="44" y="12"/>
                    </a:lnTo>
                    <a:lnTo>
                      <a:pt x="39" y="20"/>
                    </a:lnTo>
                    <a:lnTo>
                      <a:pt x="36" y="26"/>
                    </a:lnTo>
                    <a:lnTo>
                      <a:pt x="31" y="41"/>
                    </a:lnTo>
                    <a:lnTo>
                      <a:pt x="27" y="55"/>
                    </a:lnTo>
                    <a:lnTo>
                      <a:pt x="24" y="70"/>
                    </a:lnTo>
                    <a:lnTo>
                      <a:pt x="20" y="84"/>
                    </a:lnTo>
                    <a:lnTo>
                      <a:pt x="17" y="91"/>
                    </a:lnTo>
                    <a:lnTo>
                      <a:pt x="13" y="99"/>
                    </a:lnTo>
                    <a:lnTo>
                      <a:pt x="7" y="105"/>
                    </a:lnTo>
                    <a:lnTo>
                      <a:pt x="0" y="111"/>
                    </a:lnTo>
                    <a:lnTo>
                      <a:pt x="21" y="133"/>
                    </a:lnTo>
                    <a:lnTo>
                      <a:pt x="40" y="158"/>
                    </a:lnTo>
                    <a:lnTo>
                      <a:pt x="58" y="183"/>
                    </a:lnTo>
                    <a:lnTo>
                      <a:pt x="76" y="209"/>
                    </a:lnTo>
                    <a:lnTo>
                      <a:pt x="94" y="235"/>
                    </a:lnTo>
                    <a:lnTo>
                      <a:pt x="112" y="262"/>
                    </a:lnTo>
                    <a:lnTo>
                      <a:pt x="130" y="286"/>
                    </a:lnTo>
                    <a:lnTo>
                      <a:pt x="149" y="310"/>
                    </a:lnTo>
                    <a:lnTo>
                      <a:pt x="159" y="322"/>
                    </a:lnTo>
                    <a:lnTo>
                      <a:pt x="170" y="332"/>
                    </a:lnTo>
                    <a:lnTo>
                      <a:pt x="180" y="343"/>
                    </a:lnTo>
                    <a:lnTo>
                      <a:pt x="192" y="352"/>
                    </a:lnTo>
                    <a:lnTo>
                      <a:pt x="203" y="361"/>
                    </a:lnTo>
                    <a:lnTo>
                      <a:pt x="215" y="369"/>
                    </a:lnTo>
                    <a:lnTo>
                      <a:pt x="228" y="377"/>
                    </a:lnTo>
                    <a:lnTo>
                      <a:pt x="241" y="383"/>
                    </a:lnTo>
                    <a:lnTo>
                      <a:pt x="255" y="388"/>
                    </a:lnTo>
                    <a:lnTo>
                      <a:pt x="270" y="392"/>
                    </a:lnTo>
                    <a:lnTo>
                      <a:pt x="285" y="396"/>
                    </a:lnTo>
                    <a:lnTo>
                      <a:pt x="301" y="398"/>
                    </a:lnTo>
                    <a:lnTo>
                      <a:pt x="319" y="398"/>
                    </a:lnTo>
                    <a:lnTo>
                      <a:pt x="337" y="398"/>
                    </a:lnTo>
                    <a:lnTo>
                      <a:pt x="355" y="396"/>
                    </a:lnTo>
                    <a:lnTo>
                      <a:pt x="375" y="392"/>
                    </a:lnTo>
                    <a:lnTo>
                      <a:pt x="388" y="397"/>
                    </a:lnTo>
                    <a:lnTo>
                      <a:pt x="399" y="403"/>
                    </a:lnTo>
                    <a:lnTo>
                      <a:pt x="411" y="408"/>
                    </a:lnTo>
                    <a:lnTo>
                      <a:pt x="421" y="416"/>
                    </a:lnTo>
                    <a:lnTo>
                      <a:pt x="431" y="423"/>
                    </a:lnTo>
                    <a:lnTo>
                      <a:pt x="440" y="431"/>
                    </a:lnTo>
                    <a:lnTo>
                      <a:pt x="449" y="440"/>
                    </a:lnTo>
                    <a:lnTo>
                      <a:pt x="456" y="449"/>
                    </a:lnTo>
                    <a:lnTo>
                      <a:pt x="464" y="459"/>
                    </a:lnTo>
                    <a:lnTo>
                      <a:pt x="471" y="469"/>
                    </a:lnTo>
                    <a:lnTo>
                      <a:pt x="477" y="480"/>
                    </a:lnTo>
                    <a:lnTo>
                      <a:pt x="483" y="491"/>
                    </a:lnTo>
                    <a:lnTo>
                      <a:pt x="495" y="515"/>
                    </a:lnTo>
                    <a:lnTo>
                      <a:pt x="504" y="540"/>
                    </a:lnTo>
                    <a:lnTo>
                      <a:pt x="521" y="591"/>
                    </a:lnTo>
                    <a:lnTo>
                      <a:pt x="537" y="645"/>
                    </a:lnTo>
                    <a:lnTo>
                      <a:pt x="544" y="672"/>
                    </a:lnTo>
                    <a:lnTo>
                      <a:pt x="553" y="698"/>
                    </a:lnTo>
                    <a:lnTo>
                      <a:pt x="561" y="724"/>
                    </a:lnTo>
                    <a:lnTo>
                      <a:pt x="572" y="748"/>
                    </a:lnTo>
                    <a:lnTo>
                      <a:pt x="561" y="773"/>
                    </a:lnTo>
                    <a:lnTo>
                      <a:pt x="553" y="797"/>
                    </a:lnTo>
                    <a:lnTo>
                      <a:pt x="550" y="808"/>
                    </a:lnTo>
                    <a:lnTo>
                      <a:pt x="547" y="821"/>
                    </a:lnTo>
                    <a:lnTo>
                      <a:pt x="543" y="834"/>
                    </a:lnTo>
                    <a:lnTo>
                      <a:pt x="541" y="846"/>
                    </a:lnTo>
                    <a:lnTo>
                      <a:pt x="540" y="859"/>
                    </a:lnTo>
                    <a:lnTo>
                      <a:pt x="539" y="872"/>
                    </a:lnTo>
                    <a:lnTo>
                      <a:pt x="539" y="885"/>
                    </a:lnTo>
                    <a:lnTo>
                      <a:pt x="540" y="898"/>
                    </a:lnTo>
                    <a:lnTo>
                      <a:pt x="542" y="912"/>
                    </a:lnTo>
                    <a:lnTo>
                      <a:pt x="544" y="925"/>
                    </a:lnTo>
                    <a:lnTo>
                      <a:pt x="549" y="940"/>
                    </a:lnTo>
                    <a:lnTo>
                      <a:pt x="553" y="955"/>
                    </a:lnTo>
                    <a:lnTo>
                      <a:pt x="581" y="955"/>
                    </a:lnTo>
                    <a:lnTo>
                      <a:pt x="608" y="956"/>
                    </a:lnTo>
                    <a:lnTo>
                      <a:pt x="632" y="959"/>
                    </a:lnTo>
                    <a:lnTo>
                      <a:pt x="656" y="964"/>
                    </a:lnTo>
                    <a:lnTo>
                      <a:pt x="678" y="969"/>
                    </a:lnTo>
                    <a:lnTo>
                      <a:pt x="700" y="975"/>
                    </a:lnTo>
                    <a:lnTo>
                      <a:pt x="722" y="982"/>
                    </a:lnTo>
                    <a:lnTo>
                      <a:pt x="743" y="988"/>
                    </a:lnTo>
                    <a:lnTo>
                      <a:pt x="765" y="995"/>
                    </a:lnTo>
                    <a:lnTo>
                      <a:pt x="787" y="1001"/>
                    </a:lnTo>
                    <a:lnTo>
                      <a:pt x="809" y="1007"/>
                    </a:lnTo>
                    <a:lnTo>
                      <a:pt x="832" y="1013"/>
                    </a:lnTo>
                    <a:lnTo>
                      <a:pt x="856" y="1017"/>
                    </a:lnTo>
                    <a:lnTo>
                      <a:pt x="881" y="1019"/>
                    </a:lnTo>
                    <a:lnTo>
                      <a:pt x="909" y="1020"/>
                    </a:lnTo>
                    <a:lnTo>
                      <a:pt x="937" y="1020"/>
                    </a:lnTo>
                    <a:lnTo>
                      <a:pt x="939" y="1009"/>
                    </a:lnTo>
                    <a:lnTo>
                      <a:pt x="941" y="1000"/>
                    </a:lnTo>
                    <a:lnTo>
                      <a:pt x="943" y="992"/>
                    </a:lnTo>
                    <a:lnTo>
                      <a:pt x="944" y="982"/>
                    </a:lnTo>
                    <a:lnTo>
                      <a:pt x="943" y="966"/>
                    </a:lnTo>
                    <a:lnTo>
                      <a:pt x="940" y="952"/>
                    </a:lnTo>
                    <a:lnTo>
                      <a:pt x="937" y="938"/>
                    </a:lnTo>
                    <a:lnTo>
                      <a:pt x="933" y="925"/>
                    </a:lnTo>
                    <a:lnTo>
                      <a:pt x="928" y="913"/>
                    </a:lnTo>
                    <a:lnTo>
                      <a:pt x="923" y="902"/>
                    </a:lnTo>
                    <a:lnTo>
                      <a:pt x="917" y="890"/>
                    </a:lnTo>
                    <a:lnTo>
                      <a:pt x="912" y="881"/>
                    </a:lnTo>
                    <a:lnTo>
                      <a:pt x="909" y="870"/>
                    </a:lnTo>
                    <a:lnTo>
                      <a:pt x="907" y="860"/>
                    </a:lnTo>
                    <a:lnTo>
                      <a:pt x="906" y="849"/>
                    </a:lnTo>
                    <a:lnTo>
                      <a:pt x="908" y="838"/>
                    </a:lnTo>
                    <a:lnTo>
                      <a:pt x="909" y="833"/>
                    </a:lnTo>
                    <a:lnTo>
                      <a:pt x="911" y="826"/>
                    </a:lnTo>
                    <a:lnTo>
                      <a:pt x="914" y="820"/>
                    </a:lnTo>
                    <a:lnTo>
                      <a:pt x="918" y="814"/>
                    </a:lnTo>
                    <a:lnTo>
                      <a:pt x="912" y="811"/>
                    </a:lnTo>
                    <a:lnTo>
                      <a:pt x="907" y="809"/>
                    </a:lnTo>
                    <a:lnTo>
                      <a:pt x="901" y="806"/>
                    </a:lnTo>
                    <a:lnTo>
                      <a:pt x="897" y="803"/>
                    </a:lnTo>
                    <a:lnTo>
                      <a:pt x="893" y="800"/>
                    </a:lnTo>
                    <a:lnTo>
                      <a:pt x="890" y="796"/>
                    </a:lnTo>
                    <a:lnTo>
                      <a:pt x="888" y="791"/>
                    </a:lnTo>
                    <a:lnTo>
                      <a:pt x="885" y="787"/>
                    </a:lnTo>
                    <a:lnTo>
                      <a:pt x="881" y="778"/>
                    </a:lnTo>
                    <a:lnTo>
                      <a:pt x="878" y="768"/>
                    </a:lnTo>
                    <a:lnTo>
                      <a:pt x="877" y="757"/>
                    </a:lnTo>
                    <a:lnTo>
                      <a:pt x="876" y="746"/>
                    </a:lnTo>
                    <a:lnTo>
                      <a:pt x="874" y="722"/>
                    </a:lnTo>
                    <a:lnTo>
                      <a:pt x="872" y="698"/>
                    </a:lnTo>
                    <a:lnTo>
                      <a:pt x="869" y="686"/>
                    </a:lnTo>
                    <a:lnTo>
                      <a:pt x="866" y="676"/>
                    </a:lnTo>
                    <a:lnTo>
                      <a:pt x="860" y="665"/>
                    </a:lnTo>
                    <a:lnTo>
                      <a:pt x="853" y="655"/>
                    </a:lnTo>
                    <a:lnTo>
                      <a:pt x="859" y="652"/>
                    </a:lnTo>
                    <a:lnTo>
                      <a:pt x="865" y="648"/>
                    </a:lnTo>
                    <a:lnTo>
                      <a:pt x="869" y="645"/>
                    </a:lnTo>
                    <a:lnTo>
                      <a:pt x="873" y="640"/>
                    </a:lnTo>
                    <a:lnTo>
                      <a:pt x="880" y="629"/>
                    </a:lnTo>
                    <a:lnTo>
                      <a:pt x="887" y="619"/>
                    </a:lnTo>
                    <a:lnTo>
                      <a:pt x="894" y="608"/>
                    </a:lnTo>
                    <a:lnTo>
                      <a:pt x="903" y="599"/>
                    </a:lnTo>
                    <a:lnTo>
                      <a:pt x="907" y="595"/>
                    </a:lnTo>
                    <a:lnTo>
                      <a:pt x="913" y="592"/>
                    </a:lnTo>
                    <a:lnTo>
                      <a:pt x="919" y="590"/>
                    </a:lnTo>
                    <a:lnTo>
                      <a:pt x="928" y="589"/>
                    </a:lnTo>
                    <a:lnTo>
                      <a:pt x="928" y="584"/>
                    </a:lnTo>
                    <a:lnTo>
                      <a:pt x="927" y="581"/>
                    </a:lnTo>
                    <a:lnTo>
                      <a:pt x="926" y="578"/>
                    </a:lnTo>
                    <a:lnTo>
                      <a:pt x="924" y="575"/>
                    </a:lnTo>
                    <a:lnTo>
                      <a:pt x="919" y="569"/>
                    </a:lnTo>
                    <a:lnTo>
                      <a:pt x="914" y="565"/>
                    </a:lnTo>
                    <a:lnTo>
                      <a:pt x="910" y="560"/>
                    </a:lnTo>
                    <a:lnTo>
                      <a:pt x="907" y="554"/>
                    </a:lnTo>
                    <a:lnTo>
                      <a:pt x="906" y="550"/>
                    </a:lnTo>
                    <a:lnTo>
                      <a:pt x="906" y="545"/>
                    </a:lnTo>
                    <a:lnTo>
                      <a:pt x="907" y="540"/>
                    </a:lnTo>
                    <a:lnTo>
                      <a:pt x="909" y="532"/>
                    </a:lnTo>
                    <a:lnTo>
                      <a:pt x="899" y="536"/>
                    </a:lnTo>
                    <a:lnTo>
                      <a:pt x="890" y="537"/>
                    </a:lnTo>
                    <a:lnTo>
                      <a:pt x="878" y="538"/>
                    </a:lnTo>
                    <a:lnTo>
                      <a:pt x="868" y="537"/>
                    </a:lnTo>
                    <a:lnTo>
                      <a:pt x="857" y="533"/>
                    </a:lnTo>
                    <a:lnTo>
                      <a:pt x="848" y="529"/>
                    </a:lnTo>
                    <a:lnTo>
                      <a:pt x="844" y="526"/>
                    </a:lnTo>
                    <a:lnTo>
                      <a:pt x="840" y="523"/>
                    </a:lnTo>
                    <a:lnTo>
                      <a:pt x="836" y="519"/>
                    </a:lnTo>
                    <a:lnTo>
                      <a:pt x="834" y="515"/>
                    </a:lnTo>
                    <a:lnTo>
                      <a:pt x="836" y="503"/>
                    </a:lnTo>
                    <a:lnTo>
                      <a:pt x="836" y="492"/>
                    </a:lnTo>
                    <a:lnTo>
                      <a:pt x="835" y="484"/>
                    </a:lnTo>
                    <a:lnTo>
                      <a:pt x="832" y="476"/>
                    </a:lnTo>
                    <a:lnTo>
                      <a:pt x="830" y="469"/>
                    </a:lnTo>
                    <a:lnTo>
                      <a:pt x="826" y="463"/>
                    </a:lnTo>
                    <a:lnTo>
                      <a:pt x="821" y="458"/>
                    </a:lnTo>
                    <a:lnTo>
                      <a:pt x="817" y="451"/>
                    </a:lnTo>
                    <a:lnTo>
                      <a:pt x="808" y="441"/>
                    </a:lnTo>
                    <a:lnTo>
                      <a:pt x="800" y="428"/>
                    </a:lnTo>
                    <a:lnTo>
                      <a:pt x="797" y="421"/>
                    </a:lnTo>
                    <a:lnTo>
                      <a:pt x="796" y="412"/>
                    </a:lnTo>
                    <a:lnTo>
                      <a:pt x="795" y="403"/>
                    </a:lnTo>
                    <a:lnTo>
                      <a:pt x="796" y="392"/>
                    </a:lnTo>
                    <a:lnTo>
                      <a:pt x="800" y="389"/>
                    </a:lnTo>
                    <a:lnTo>
                      <a:pt x="805" y="385"/>
                    </a:lnTo>
                    <a:lnTo>
                      <a:pt x="808" y="381"/>
                    </a:lnTo>
                    <a:lnTo>
                      <a:pt x="810" y="376"/>
                    </a:lnTo>
                    <a:lnTo>
                      <a:pt x="816" y="366"/>
                    </a:lnTo>
                    <a:lnTo>
                      <a:pt x="821" y="357"/>
                    </a:lnTo>
                    <a:lnTo>
                      <a:pt x="825" y="351"/>
                    </a:lnTo>
                    <a:lnTo>
                      <a:pt x="828" y="347"/>
                    </a:lnTo>
                    <a:lnTo>
                      <a:pt x="832" y="344"/>
                    </a:lnTo>
                    <a:lnTo>
                      <a:pt x="836" y="341"/>
                    </a:lnTo>
                    <a:lnTo>
                      <a:pt x="841" y="339"/>
                    </a:lnTo>
                    <a:lnTo>
                      <a:pt x="848" y="337"/>
                    </a:lnTo>
                    <a:lnTo>
                      <a:pt x="854" y="336"/>
                    </a:lnTo>
                    <a:lnTo>
                      <a:pt x="862" y="337"/>
                    </a:lnTo>
                    <a:lnTo>
                      <a:pt x="855" y="319"/>
                    </a:lnTo>
                    <a:lnTo>
                      <a:pt x="847" y="302"/>
                    </a:lnTo>
                    <a:lnTo>
                      <a:pt x="838" y="287"/>
                    </a:lnTo>
                    <a:lnTo>
                      <a:pt x="828" y="272"/>
                    </a:lnTo>
                    <a:lnTo>
                      <a:pt x="817" y="259"/>
                    </a:lnTo>
                    <a:lnTo>
                      <a:pt x="806" y="245"/>
                    </a:lnTo>
                    <a:lnTo>
                      <a:pt x="793" y="233"/>
                    </a:lnTo>
                    <a:lnTo>
                      <a:pt x="780" y="221"/>
                    </a:lnTo>
                    <a:lnTo>
                      <a:pt x="754" y="198"/>
                    </a:lnTo>
                    <a:lnTo>
                      <a:pt x="728" y="175"/>
                    </a:lnTo>
                    <a:lnTo>
                      <a:pt x="700" y="153"/>
                    </a:lnTo>
                    <a:lnTo>
                      <a:pt x="675" y="130"/>
                    </a:lnTo>
                    <a:lnTo>
                      <a:pt x="668" y="138"/>
                    </a:lnTo>
                    <a:lnTo>
                      <a:pt x="662" y="146"/>
                    </a:lnTo>
                    <a:lnTo>
                      <a:pt x="658" y="155"/>
                    </a:lnTo>
                    <a:lnTo>
                      <a:pt x="654" y="165"/>
                    </a:lnTo>
                    <a:lnTo>
                      <a:pt x="649" y="174"/>
                    </a:lnTo>
                    <a:lnTo>
                      <a:pt x="643" y="183"/>
                    </a:lnTo>
                    <a:lnTo>
                      <a:pt x="640" y="187"/>
                    </a:lnTo>
                    <a:lnTo>
                      <a:pt x="636" y="190"/>
                    </a:lnTo>
                    <a:lnTo>
                      <a:pt x="633" y="193"/>
                    </a:lnTo>
                    <a:lnTo>
                      <a:pt x="628" y="195"/>
                    </a:lnTo>
                    <a:lnTo>
                      <a:pt x="592" y="166"/>
                    </a:lnTo>
                    <a:lnTo>
                      <a:pt x="555" y="138"/>
                    </a:lnTo>
                    <a:lnTo>
                      <a:pt x="536" y="124"/>
                    </a:lnTo>
                    <a:lnTo>
                      <a:pt x="519" y="108"/>
                    </a:lnTo>
                    <a:lnTo>
                      <a:pt x="502" y="92"/>
                    </a:lnTo>
                    <a:lnTo>
                      <a:pt x="488" y="74"/>
                    </a:lnTo>
                    <a:lnTo>
                      <a:pt x="487" y="83"/>
                    </a:lnTo>
                    <a:lnTo>
                      <a:pt x="486" y="90"/>
                    </a:lnTo>
                    <a:lnTo>
                      <a:pt x="482" y="97"/>
                    </a:lnTo>
                    <a:lnTo>
                      <a:pt x="478" y="103"/>
                    </a:lnTo>
                    <a:lnTo>
                      <a:pt x="474" y="107"/>
                    </a:lnTo>
                    <a:lnTo>
                      <a:pt x="469" y="111"/>
                    </a:lnTo>
                    <a:lnTo>
                      <a:pt x="463" y="115"/>
                    </a:lnTo>
                    <a:lnTo>
                      <a:pt x="457" y="119"/>
                    </a:lnTo>
                    <a:lnTo>
                      <a:pt x="430" y="128"/>
                    </a:lnTo>
                    <a:lnTo>
                      <a:pt x="403" y="140"/>
                    </a:lnTo>
                    <a:lnTo>
                      <a:pt x="398" y="126"/>
                    </a:lnTo>
                    <a:lnTo>
                      <a:pt x="392" y="113"/>
                    </a:lnTo>
                    <a:lnTo>
                      <a:pt x="384" y="102"/>
                    </a:lnTo>
                    <a:lnTo>
                      <a:pt x="378" y="90"/>
                    </a:lnTo>
                    <a:lnTo>
                      <a:pt x="371" y="79"/>
                    </a:lnTo>
                    <a:lnTo>
                      <a:pt x="364" y="66"/>
                    </a:lnTo>
                    <a:lnTo>
                      <a:pt x="360" y="52"/>
                    </a:lnTo>
                    <a:lnTo>
                      <a:pt x="356" y="36"/>
                    </a:lnTo>
                    <a:lnTo>
                      <a:pt x="338" y="36"/>
                    </a:lnTo>
                    <a:lnTo>
                      <a:pt x="319" y="36"/>
                    </a:lnTo>
                    <a:lnTo>
                      <a:pt x="301" y="39"/>
                    </a:lnTo>
                    <a:lnTo>
                      <a:pt x="284" y="40"/>
                    </a:lnTo>
                    <a:lnTo>
                      <a:pt x="255" y="44"/>
                    </a:lnTo>
                    <a:lnTo>
                      <a:pt x="235" y="46"/>
                    </a:lnTo>
                    <a:lnTo>
                      <a:pt x="236" y="52"/>
                    </a:lnTo>
                    <a:lnTo>
                      <a:pt x="237" y="59"/>
                    </a:lnTo>
                    <a:lnTo>
                      <a:pt x="237" y="65"/>
                    </a:lnTo>
                    <a:lnTo>
                      <a:pt x="236" y="70"/>
                    </a:lnTo>
                    <a:lnTo>
                      <a:pt x="234" y="82"/>
                    </a:lnTo>
                    <a:lnTo>
                      <a:pt x="229" y="93"/>
                    </a:lnTo>
                    <a:lnTo>
                      <a:pt x="217" y="117"/>
                    </a:lnTo>
                    <a:lnTo>
                      <a:pt x="206" y="14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5" name="Esbjerg kant"/>
              <p:cNvSpPr>
                <a:spLocks/>
              </p:cNvSpPr>
              <p:nvPr/>
            </p:nvSpPr>
            <p:spPr bwMode="auto">
              <a:xfrm>
                <a:off x="657225" y="5045075"/>
                <a:ext cx="500063" cy="539750"/>
              </a:xfrm>
              <a:custGeom>
                <a:avLst/>
                <a:gdLst>
                  <a:gd name="T0" fmla="*/ 54 w 944"/>
                  <a:gd name="T1" fmla="*/ 42 h 1020"/>
                  <a:gd name="T2" fmla="*/ 42 w 944"/>
                  <a:gd name="T3" fmla="*/ 36 h 1020"/>
                  <a:gd name="T4" fmla="*/ 44 w 944"/>
                  <a:gd name="T5" fmla="*/ 27 h 1020"/>
                  <a:gd name="T6" fmla="*/ 34 w 944"/>
                  <a:gd name="T7" fmla="*/ 14 h 1020"/>
                  <a:gd name="T8" fmla="*/ 21 w 944"/>
                  <a:gd name="T9" fmla="*/ 3 h 1020"/>
                  <a:gd name="T10" fmla="*/ 13 w 944"/>
                  <a:gd name="T11" fmla="*/ 7 h 1020"/>
                  <a:gd name="T12" fmla="*/ 7 w 944"/>
                  <a:gd name="T13" fmla="*/ 28 h 1020"/>
                  <a:gd name="T14" fmla="*/ 7 w 944"/>
                  <a:gd name="T15" fmla="*/ 44 h 1020"/>
                  <a:gd name="T16" fmla="*/ 37 w 944"/>
                  <a:gd name="T17" fmla="*/ 87 h 1020"/>
                  <a:gd name="T18" fmla="*/ 60 w 944"/>
                  <a:gd name="T19" fmla="*/ 114 h 1020"/>
                  <a:gd name="T20" fmla="*/ 80 w 944"/>
                  <a:gd name="T21" fmla="*/ 128 h 1020"/>
                  <a:gd name="T22" fmla="*/ 106 w 944"/>
                  <a:gd name="T23" fmla="*/ 133 h 1020"/>
                  <a:gd name="T24" fmla="*/ 133 w 944"/>
                  <a:gd name="T25" fmla="*/ 134 h 1020"/>
                  <a:gd name="T26" fmla="*/ 150 w 944"/>
                  <a:gd name="T27" fmla="*/ 147 h 1020"/>
                  <a:gd name="T28" fmla="*/ 161 w 944"/>
                  <a:gd name="T29" fmla="*/ 164 h 1020"/>
                  <a:gd name="T30" fmla="*/ 182 w 944"/>
                  <a:gd name="T31" fmla="*/ 224 h 1020"/>
                  <a:gd name="T32" fmla="*/ 185 w 944"/>
                  <a:gd name="T33" fmla="*/ 266 h 1020"/>
                  <a:gd name="T34" fmla="*/ 180 w 944"/>
                  <a:gd name="T35" fmla="*/ 286 h 1020"/>
                  <a:gd name="T36" fmla="*/ 182 w 944"/>
                  <a:gd name="T37" fmla="*/ 308 h 1020"/>
                  <a:gd name="T38" fmla="*/ 211 w 944"/>
                  <a:gd name="T39" fmla="*/ 320 h 1020"/>
                  <a:gd name="T40" fmla="*/ 248 w 944"/>
                  <a:gd name="T41" fmla="*/ 329 h 1020"/>
                  <a:gd name="T42" fmla="*/ 286 w 944"/>
                  <a:gd name="T43" fmla="*/ 339 h 1020"/>
                  <a:gd name="T44" fmla="*/ 314 w 944"/>
                  <a:gd name="T45" fmla="*/ 333 h 1020"/>
                  <a:gd name="T46" fmla="*/ 313 w 944"/>
                  <a:gd name="T47" fmla="*/ 313 h 1020"/>
                  <a:gd name="T48" fmla="*/ 304 w 944"/>
                  <a:gd name="T49" fmla="*/ 294 h 1020"/>
                  <a:gd name="T50" fmla="*/ 303 w 944"/>
                  <a:gd name="T51" fmla="*/ 278 h 1020"/>
                  <a:gd name="T52" fmla="*/ 303 w 944"/>
                  <a:gd name="T53" fmla="*/ 270 h 1020"/>
                  <a:gd name="T54" fmla="*/ 296 w 944"/>
                  <a:gd name="T55" fmla="*/ 264 h 1020"/>
                  <a:gd name="T56" fmla="*/ 292 w 944"/>
                  <a:gd name="T57" fmla="*/ 249 h 1020"/>
                  <a:gd name="T58" fmla="*/ 287 w 944"/>
                  <a:gd name="T59" fmla="*/ 222 h 1020"/>
                  <a:gd name="T60" fmla="*/ 291 w 944"/>
                  <a:gd name="T61" fmla="*/ 213 h 1020"/>
                  <a:gd name="T62" fmla="*/ 303 w 944"/>
                  <a:gd name="T63" fmla="*/ 198 h 1020"/>
                  <a:gd name="T64" fmla="*/ 309 w 944"/>
                  <a:gd name="T65" fmla="*/ 194 h 1020"/>
                  <a:gd name="T66" fmla="*/ 304 w 944"/>
                  <a:gd name="T67" fmla="*/ 187 h 1020"/>
                  <a:gd name="T68" fmla="*/ 303 w 944"/>
                  <a:gd name="T69" fmla="*/ 177 h 1020"/>
                  <a:gd name="T70" fmla="*/ 286 w 944"/>
                  <a:gd name="T71" fmla="*/ 178 h 1020"/>
                  <a:gd name="T72" fmla="*/ 278 w 944"/>
                  <a:gd name="T73" fmla="*/ 172 h 1020"/>
                  <a:gd name="T74" fmla="*/ 277 w 944"/>
                  <a:gd name="T75" fmla="*/ 156 h 1020"/>
                  <a:gd name="T76" fmla="*/ 267 w 944"/>
                  <a:gd name="T77" fmla="*/ 143 h 1020"/>
                  <a:gd name="T78" fmla="*/ 267 w 944"/>
                  <a:gd name="T79" fmla="*/ 130 h 1020"/>
                  <a:gd name="T80" fmla="*/ 274 w 944"/>
                  <a:gd name="T81" fmla="*/ 119 h 1020"/>
                  <a:gd name="T82" fmla="*/ 281 w 944"/>
                  <a:gd name="T83" fmla="*/ 113 h 1020"/>
                  <a:gd name="T84" fmla="*/ 283 w 944"/>
                  <a:gd name="T85" fmla="*/ 101 h 1020"/>
                  <a:gd name="T86" fmla="*/ 265 w 944"/>
                  <a:gd name="T87" fmla="*/ 78 h 1020"/>
                  <a:gd name="T88" fmla="*/ 225 w 944"/>
                  <a:gd name="T89" fmla="*/ 43 h 1020"/>
                  <a:gd name="T90" fmla="*/ 217 w 944"/>
                  <a:gd name="T91" fmla="*/ 58 h 1020"/>
                  <a:gd name="T92" fmla="*/ 210 w 944"/>
                  <a:gd name="T93" fmla="*/ 65 h 1020"/>
                  <a:gd name="T94" fmla="*/ 168 w 944"/>
                  <a:gd name="T95" fmla="*/ 31 h 1020"/>
                  <a:gd name="T96" fmla="*/ 160 w 944"/>
                  <a:gd name="T97" fmla="*/ 34 h 1020"/>
                  <a:gd name="T98" fmla="*/ 143 w 944"/>
                  <a:gd name="T99" fmla="*/ 43 h 1020"/>
                  <a:gd name="T100" fmla="*/ 126 w 944"/>
                  <a:gd name="T101" fmla="*/ 30 h 1020"/>
                  <a:gd name="T102" fmla="*/ 113 w 944"/>
                  <a:gd name="T103" fmla="*/ 12 h 1020"/>
                  <a:gd name="T104" fmla="*/ 78 w 944"/>
                  <a:gd name="T105" fmla="*/ 15 h 1020"/>
                  <a:gd name="T106" fmla="*/ 78 w 944"/>
                  <a:gd name="T107" fmla="*/ 27 h 102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944" h="1020">
                    <a:moveTo>
                      <a:pt x="206" y="140"/>
                    </a:moveTo>
                    <a:lnTo>
                      <a:pt x="197" y="135"/>
                    </a:lnTo>
                    <a:lnTo>
                      <a:pt x="186" y="132"/>
                    </a:lnTo>
                    <a:lnTo>
                      <a:pt x="175" y="129"/>
                    </a:lnTo>
                    <a:lnTo>
                      <a:pt x="163" y="126"/>
                    </a:lnTo>
                    <a:lnTo>
                      <a:pt x="153" y="124"/>
                    </a:lnTo>
                    <a:lnTo>
                      <a:pt x="141" y="121"/>
                    </a:lnTo>
                    <a:lnTo>
                      <a:pt x="132" y="117"/>
                    </a:lnTo>
                    <a:lnTo>
                      <a:pt x="122" y="111"/>
                    </a:lnTo>
                    <a:lnTo>
                      <a:pt x="125" y="107"/>
                    </a:lnTo>
                    <a:lnTo>
                      <a:pt x="127" y="103"/>
                    </a:lnTo>
                    <a:lnTo>
                      <a:pt x="130" y="98"/>
                    </a:lnTo>
                    <a:lnTo>
                      <a:pt x="131" y="92"/>
                    </a:lnTo>
                    <a:lnTo>
                      <a:pt x="132" y="86"/>
                    </a:lnTo>
                    <a:lnTo>
                      <a:pt x="133" y="80"/>
                    </a:lnTo>
                    <a:lnTo>
                      <a:pt x="133" y="72"/>
                    </a:lnTo>
                    <a:lnTo>
                      <a:pt x="132" y="65"/>
                    </a:lnTo>
                    <a:lnTo>
                      <a:pt x="122" y="56"/>
                    </a:lnTo>
                    <a:lnTo>
                      <a:pt x="112" y="49"/>
                    </a:lnTo>
                    <a:lnTo>
                      <a:pt x="101" y="43"/>
                    </a:lnTo>
                    <a:lnTo>
                      <a:pt x="91" y="35"/>
                    </a:lnTo>
                    <a:lnTo>
                      <a:pt x="80" y="28"/>
                    </a:lnTo>
                    <a:lnTo>
                      <a:pt x="71" y="21"/>
                    </a:lnTo>
                    <a:lnTo>
                      <a:pt x="66" y="15"/>
                    </a:lnTo>
                    <a:lnTo>
                      <a:pt x="63" y="10"/>
                    </a:lnTo>
                    <a:lnTo>
                      <a:pt x="59" y="5"/>
                    </a:lnTo>
                    <a:lnTo>
                      <a:pt x="57" y="0"/>
                    </a:lnTo>
                    <a:lnTo>
                      <a:pt x="50" y="6"/>
                    </a:lnTo>
                    <a:lnTo>
                      <a:pt x="44" y="12"/>
                    </a:lnTo>
                    <a:lnTo>
                      <a:pt x="39" y="20"/>
                    </a:lnTo>
                    <a:lnTo>
                      <a:pt x="36" y="26"/>
                    </a:lnTo>
                    <a:lnTo>
                      <a:pt x="31" y="41"/>
                    </a:lnTo>
                    <a:lnTo>
                      <a:pt x="27" y="55"/>
                    </a:lnTo>
                    <a:lnTo>
                      <a:pt x="24" y="70"/>
                    </a:lnTo>
                    <a:lnTo>
                      <a:pt x="20" y="84"/>
                    </a:lnTo>
                    <a:lnTo>
                      <a:pt x="17" y="91"/>
                    </a:lnTo>
                    <a:lnTo>
                      <a:pt x="13" y="99"/>
                    </a:lnTo>
                    <a:lnTo>
                      <a:pt x="7" y="105"/>
                    </a:lnTo>
                    <a:lnTo>
                      <a:pt x="0" y="111"/>
                    </a:lnTo>
                    <a:lnTo>
                      <a:pt x="21" y="133"/>
                    </a:lnTo>
                    <a:lnTo>
                      <a:pt x="40" y="158"/>
                    </a:lnTo>
                    <a:lnTo>
                      <a:pt x="58" y="183"/>
                    </a:lnTo>
                    <a:lnTo>
                      <a:pt x="76" y="209"/>
                    </a:lnTo>
                    <a:lnTo>
                      <a:pt x="94" y="235"/>
                    </a:lnTo>
                    <a:lnTo>
                      <a:pt x="112" y="262"/>
                    </a:lnTo>
                    <a:lnTo>
                      <a:pt x="130" y="286"/>
                    </a:lnTo>
                    <a:lnTo>
                      <a:pt x="149" y="310"/>
                    </a:lnTo>
                    <a:lnTo>
                      <a:pt x="159" y="322"/>
                    </a:lnTo>
                    <a:lnTo>
                      <a:pt x="170" y="332"/>
                    </a:lnTo>
                    <a:lnTo>
                      <a:pt x="180" y="343"/>
                    </a:lnTo>
                    <a:lnTo>
                      <a:pt x="192" y="352"/>
                    </a:lnTo>
                    <a:lnTo>
                      <a:pt x="203" y="361"/>
                    </a:lnTo>
                    <a:lnTo>
                      <a:pt x="215" y="369"/>
                    </a:lnTo>
                    <a:lnTo>
                      <a:pt x="228" y="377"/>
                    </a:lnTo>
                    <a:lnTo>
                      <a:pt x="241" y="383"/>
                    </a:lnTo>
                    <a:lnTo>
                      <a:pt x="255" y="388"/>
                    </a:lnTo>
                    <a:lnTo>
                      <a:pt x="270" y="392"/>
                    </a:lnTo>
                    <a:lnTo>
                      <a:pt x="285" y="396"/>
                    </a:lnTo>
                    <a:lnTo>
                      <a:pt x="301" y="398"/>
                    </a:lnTo>
                    <a:lnTo>
                      <a:pt x="319" y="398"/>
                    </a:lnTo>
                    <a:lnTo>
                      <a:pt x="337" y="398"/>
                    </a:lnTo>
                    <a:lnTo>
                      <a:pt x="355" y="396"/>
                    </a:lnTo>
                    <a:lnTo>
                      <a:pt x="375" y="392"/>
                    </a:lnTo>
                    <a:lnTo>
                      <a:pt x="388" y="397"/>
                    </a:lnTo>
                    <a:lnTo>
                      <a:pt x="399" y="403"/>
                    </a:lnTo>
                    <a:lnTo>
                      <a:pt x="411" y="408"/>
                    </a:lnTo>
                    <a:lnTo>
                      <a:pt x="421" y="416"/>
                    </a:lnTo>
                    <a:lnTo>
                      <a:pt x="431" y="423"/>
                    </a:lnTo>
                    <a:lnTo>
                      <a:pt x="440" y="431"/>
                    </a:lnTo>
                    <a:lnTo>
                      <a:pt x="449" y="440"/>
                    </a:lnTo>
                    <a:lnTo>
                      <a:pt x="456" y="449"/>
                    </a:lnTo>
                    <a:lnTo>
                      <a:pt x="464" y="459"/>
                    </a:lnTo>
                    <a:lnTo>
                      <a:pt x="471" y="469"/>
                    </a:lnTo>
                    <a:lnTo>
                      <a:pt x="477" y="480"/>
                    </a:lnTo>
                    <a:lnTo>
                      <a:pt x="483" y="491"/>
                    </a:lnTo>
                    <a:lnTo>
                      <a:pt x="495" y="515"/>
                    </a:lnTo>
                    <a:lnTo>
                      <a:pt x="504" y="540"/>
                    </a:lnTo>
                    <a:lnTo>
                      <a:pt x="521" y="591"/>
                    </a:lnTo>
                    <a:lnTo>
                      <a:pt x="537" y="645"/>
                    </a:lnTo>
                    <a:lnTo>
                      <a:pt x="544" y="672"/>
                    </a:lnTo>
                    <a:lnTo>
                      <a:pt x="553" y="698"/>
                    </a:lnTo>
                    <a:lnTo>
                      <a:pt x="561" y="724"/>
                    </a:lnTo>
                    <a:lnTo>
                      <a:pt x="572" y="748"/>
                    </a:lnTo>
                    <a:lnTo>
                      <a:pt x="561" y="773"/>
                    </a:lnTo>
                    <a:lnTo>
                      <a:pt x="553" y="797"/>
                    </a:lnTo>
                    <a:lnTo>
                      <a:pt x="550" y="808"/>
                    </a:lnTo>
                    <a:lnTo>
                      <a:pt x="547" y="821"/>
                    </a:lnTo>
                    <a:lnTo>
                      <a:pt x="543" y="834"/>
                    </a:lnTo>
                    <a:lnTo>
                      <a:pt x="541" y="846"/>
                    </a:lnTo>
                    <a:lnTo>
                      <a:pt x="540" y="859"/>
                    </a:lnTo>
                    <a:lnTo>
                      <a:pt x="539" y="872"/>
                    </a:lnTo>
                    <a:lnTo>
                      <a:pt x="539" y="885"/>
                    </a:lnTo>
                    <a:lnTo>
                      <a:pt x="540" y="898"/>
                    </a:lnTo>
                    <a:lnTo>
                      <a:pt x="542" y="912"/>
                    </a:lnTo>
                    <a:lnTo>
                      <a:pt x="544" y="925"/>
                    </a:lnTo>
                    <a:lnTo>
                      <a:pt x="549" y="940"/>
                    </a:lnTo>
                    <a:lnTo>
                      <a:pt x="553" y="955"/>
                    </a:lnTo>
                    <a:lnTo>
                      <a:pt x="581" y="955"/>
                    </a:lnTo>
                    <a:lnTo>
                      <a:pt x="608" y="956"/>
                    </a:lnTo>
                    <a:lnTo>
                      <a:pt x="632" y="959"/>
                    </a:lnTo>
                    <a:lnTo>
                      <a:pt x="656" y="964"/>
                    </a:lnTo>
                    <a:lnTo>
                      <a:pt x="678" y="969"/>
                    </a:lnTo>
                    <a:lnTo>
                      <a:pt x="700" y="975"/>
                    </a:lnTo>
                    <a:lnTo>
                      <a:pt x="722" y="982"/>
                    </a:lnTo>
                    <a:lnTo>
                      <a:pt x="743" y="988"/>
                    </a:lnTo>
                    <a:lnTo>
                      <a:pt x="765" y="995"/>
                    </a:lnTo>
                    <a:lnTo>
                      <a:pt x="787" y="1001"/>
                    </a:lnTo>
                    <a:lnTo>
                      <a:pt x="809" y="1007"/>
                    </a:lnTo>
                    <a:lnTo>
                      <a:pt x="832" y="1013"/>
                    </a:lnTo>
                    <a:lnTo>
                      <a:pt x="856" y="1017"/>
                    </a:lnTo>
                    <a:lnTo>
                      <a:pt x="881" y="1019"/>
                    </a:lnTo>
                    <a:lnTo>
                      <a:pt x="909" y="1020"/>
                    </a:lnTo>
                    <a:lnTo>
                      <a:pt x="937" y="1020"/>
                    </a:lnTo>
                    <a:lnTo>
                      <a:pt x="939" y="1009"/>
                    </a:lnTo>
                    <a:lnTo>
                      <a:pt x="941" y="1000"/>
                    </a:lnTo>
                    <a:lnTo>
                      <a:pt x="943" y="992"/>
                    </a:lnTo>
                    <a:lnTo>
                      <a:pt x="944" y="982"/>
                    </a:lnTo>
                    <a:lnTo>
                      <a:pt x="943" y="966"/>
                    </a:lnTo>
                    <a:lnTo>
                      <a:pt x="940" y="952"/>
                    </a:lnTo>
                    <a:lnTo>
                      <a:pt x="937" y="938"/>
                    </a:lnTo>
                    <a:lnTo>
                      <a:pt x="933" y="925"/>
                    </a:lnTo>
                    <a:lnTo>
                      <a:pt x="928" y="913"/>
                    </a:lnTo>
                    <a:lnTo>
                      <a:pt x="923" y="902"/>
                    </a:lnTo>
                    <a:lnTo>
                      <a:pt x="917" y="890"/>
                    </a:lnTo>
                    <a:lnTo>
                      <a:pt x="912" y="881"/>
                    </a:lnTo>
                    <a:lnTo>
                      <a:pt x="909" y="870"/>
                    </a:lnTo>
                    <a:lnTo>
                      <a:pt x="907" y="860"/>
                    </a:lnTo>
                    <a:lnTo>
                      <a:pt x="906" y="849"/>
                    </a:lnTo>
                    <a:lnTo>
                      <a:pt x="908" y="838"/>
                    </a:lnTo>
                    <a:lnTo>
                      <a:pt x="909" y="833"/>
                    </a:lnTo>
                    <a:lnTo>
                      <a:pt x="911" y="826"/>
                    </a:lnTo>
                    <a:lnTo>
                      <a:pt x="914" y="820"/>
                    </a:lnTo>
                    <a:lnTo>
                      <a:pt x="918" y="814"/>
                    </a:lnTo>
                    <a:lnTo>
                      <a:pt x="912" y="811"/>
                    </a:lnTo>
                    <a:lnTo>
                      <a:pt x="907" y="809"/>
                    </a:lnTo>
                    <a:lnTo>
                      <a:pt x="901" y="806"/>
                    </a:lnTo>
                    <a:lnTo>
                      <a:pt x="897" y="803"/>
                    </a:lnTo>
                    <a:lnTo>
                      <a:pt x="893" y="800"/>
                    </a:lnTo>
                    <a:lnTo>
                      <a:pt x="890" y="796"/>
                    </a:lnTo>
                    <a:lnTo>
                      <a:pt x="888" y="791"/>
                    </a:lnTo>
                    <a:lnTo>
                      <a:pt x="885" y="787"/>
                    </a:lnTo>
                    <a:lnTo>
                      <a:pt x="881" y="778"/>
                    </a:lnTo>
                    <a:lnTo>
                      <a:pt x="878" y="768"/>
                    </a:lnTo>
                    <a:lnTo>
                      <a:pt x="877" y="757"/>
                    </a:lnTo>
                    <a:lnTo>
                      <a:pt x="876" y="746"/>
                    </a:lnTo>
                    <a:lnTo>
                      <a:pt x="874" y="722"/>
                    </a:lnTo>
                    <a:lnTo>
                      <a:pt x="872" y="698"/>
                    </a:lnTo>
                    <a:lnTo>
                      <a:pt x="869" y="686"/>
                    </a:lnTo>
                    <a:lnTo>
                      <a:pt x="866" y="676"/>
                    </a:lnTo>
                    <a:lnTo>
                      <a:pt x="860" y="665"/>
                    </a:lnTo>
                    <a:lnTo>
                      <a:pt x="853" y="655"/>
                    </a:lnTo>
                    <a:lnTo>
                      <a:pt x="859" y="652"/>
                    </a:lnTo>
                    <a:lnTo>
                      <a:pt x="865" y="648"/>
                    </a:lnTo>
                    <a:lnTo>
                      <a:pt x="869" y="645"/>
                    </a:lnTo>
                    <a:lnTo>
                      <a:pt x="873" y="640"/>
                    </a:lnTo>
                    <a:lnTo>
                      <a:pt x="880" y="629"/>
                    </a:lnTo>
                    <a:lnTo>
                      <a:pt x="887" y="619"/>
                    </a:lnTo>
                    <a:lnTo>
                      <a:pt x="894" y="608"/>
                    </a:lnTo>
                    <a:lnTo>
                      <a:pt x="903" y="599"/>
                    </a:lnTo>
                    <a:lnTo>
                      <a:pt x="907" y="595"/>
                    </a:lnTo>
                    <a:lnTo>
                      <a:pt x="913" y="592"/>
                    </a:lnTo>
                    <a:lnTo>
                      <a:pt x="919" y="590"/>
                    </a:lnTo>
                    <a:lnTo>
                      <a:pt x="928" y="589"/>
                    </a:lnTo>
                    <a:lnTo>
                      <a:pt x="928" y="584"/>
                    </a:lnTo>
                    <a:lnTo>
                      <a:pt x="927" y="581"/>
                    </a:lnTo>
                    <a:lnTo>
                      <a:pt x="926" y="578"/>
                    </a:lnTo>
                    <a:lnTo>
                      <a:pt x="924" y="575"/>
                    </a:lnTo>
                    <a:lnTo>
                      <a:pt x="919" y="569"/>
                    </a:lnTo>
                    <a:lnTo>
                      <a:pt x="914" y="565"/>
                    </a:lnTo>
                    <a:lnTo>
                      <a:pt x="910" y="560"/>
                    </a:lnTo>
                    <a:lnTo>
                      <a:pt x="907" y="554"/>
                    </a:lnTo>
                    <a:lnTo>
                      <a:pt x="906" y="550"/>
                    </a:lnTo>
                    <a:lnTo>
                      <a:pt x="906" y="545"/>
                    </a:lnTo>
                    <a:lnTo>
                      <a:pt x="907" y="540"/>
                    </a:lnTo>
                    <a:lnTo>
                      <a:pt x="909" y="532"/>
                    </a:lnTo>
                    <a:lnTo>
                      <a:pt x="899" y="536"/>
                    </a:lnTo>
                    <a:lnTo>
                      <a:pt x="890" y="537"/>
                    </a:lnTo>
                    <a:lnTo>
                      <a:pt x="878" y="538"/>
                    </a:lnTo>
                    <a:lnTo>
                      <a:pt x="868" y="537"/>
                    </a:lnTo>
                    <a:lnTo>
                      <a:pt x="857" y="533"/>
                    </a:lnTo>
                    <a:lnTo>
                      <a:pt x="848" y="529"/>
                    </a:lnTo>
                    <a:lnTo>
                      <a:pt x="844" y="526"/>
                    </a:lnTo>
                    <a:lnTo>
                      <a:pt x="840" y="523"/>
                    </a:lnTo>
                    <a:lnTo>
                      <a:pt x="836" y="519"/>
                    </a:lnTo>
                    <a:lnTo>
                      <a:pt x="834" y="515"/>
                    </a:lnTo>
                    <a:lnTo>
                      <a:pt x="836" y="503"/>
                    </a:lnTo>
                    <a:lnTo>
                      <a:pt x="836" y="492"/>
                    </a:lnTo>
                    <a:lnTo>
                      <a:pt x="835" y="484"/>
                    </a:lnTo>
                    <a:lnTo>
                      <a:pt x="832" y="476"/>
                    </a:lnTo>
                    <a:lnTo>
                      <a:pt x="830" y="469"/>
                    </a:lnTo>
                    <a:lnTo>
                      <a:pt x="826" y="463"/>
                    </a:lnTo>
                    <a:lnTo>
                      <a:pt x="821" y="458"/>
                    </a:lnTo>
                    <a:lnTo>
                      <a:pt x="817" y="451"/>
                    </a:lnTo>
                    <a:lnTo>
                      <a:pt x="808" y="441"/>
                    </a:lnTo>
                    <a:lnTo>
                      <a:pt x="800" y="428"/>
                    </a:lnTo>
                    <a:lnTo>
                      <a:pt x="797" y="421"/>
                    </a:lnTo>
                    <a:lnTo>
                      <a:pt x="796" y="412"/>
                    </a:lnTo>
                    <a:lnTo>
                      <a:pt x="795" y="403"/>
                    </a:lnTo>
                    <a:lnTo>
                      <a:pt x="796" y="392"/>
                    </a:lnTo>
                    <a:lnTo>
                      <a:pt x="800" y="389"/>
                    </a:lnTo>
                    <a:lnTo>
                      <a:pt x="805" y="385"/>
                    </a:lnTo>
                    <a:lnTo>
                      <a:pt x="808" y="381"/>
                    </a:lnTo>
                    <a:lnTo>
                      <a:pt x="810" y="376"/>
                    </a:lnTo>
                    <a:lnTo>
                      <a:pt x="816" y="366"/>
                    </a:lnTo>
                    <a:lnTo>
                      <a:pt x="821" y="357"/>
                    </a:lnTo>
                    <a:lnTo>
                      <a:pt x="825" y="351"/>
                    </a:lnTo>
                    <a:lnTo>
                      <a:pt x="828" y="347"/>
                    </a:lnTo>
                    <a:lnTo>
                      <a:pt x="832" y="344"/>
                    </a:lnTo>
                    <a:lnTo>
                      <a:pt x="836" y="341"/>
                    </a:lnTo>
                    <a:lnTo>
                      <a:pt x="841" y="339"/>
                    </a:lnTo>
                    <a:lnTo>
                      <a:pt x="848" y="337"/>
                    </a:lnTo>
                    <a:lnTo>
                      <a:pt x="854" y="336"/>
                    </a:lnTo>
                    <a:lnTo>
                      <a:pt x="862" y="337"/>
                    </a:lnTo>
                    <a:lnTo>
                      <a:pt x="855" y="319"/>
                    </a:lnTo>
                    <a:lnTo>
                      <a:pt x="847" y="302"/>
                    </a:lnTo>
                    <a:lnTo>
                      <a:pt x="838" y="287"/>
                    </a:lnTo>
                    <a:lnTo>
                      <a:pt x="828" y="272"/>
                    </a:lnTo>
                    <a:lnTo>
                      <a:pt x="817" y="259"/>
                    </a:lnTo>
                    <a:lnTo>
                      <a:pt x="806" y="245"/>
                    </a:lnTo>
                    <a:lnTo>
                      <a:pt x="793" y="233"/>
                    </a:lnTo>
                    <a:lnTo>
                      <a:pt x="780" y="221"/>
                    </a:lnTo>
                    <a:lnTo>
                      <a:pt x="754" y="198"/>
                    </a:lnTo>
                    <a:lnTo>
                      <a:pt x="728" y="175"/>
                    </a:lnTo>
                    <a:lnTo>
                      <a:pt x="700" y="153"/>
                    </a:lnTo>
                    <a:lnTo>
                      <a:pt x="675" y="130"/>
                    </a:lnTo>
                    <a:lnTo>
                      <a:pt x="668" y="138"/>
                    </a:lnTo>
                    <a:lnTo>
                      <a:pt x="662" y="146"/>
                    </a:lnTo>
                    <a:lnTo>
                      <a:pt x="658" y="155"/>
                    </a:lnTo>
                    <a:lnTo>
                      <a:pt x="654" y="165"/>
                    </a:lnTo>
                    <a:lnTo>
                      <a:pt x="649" y="174"/>
                    </a:lnTo>
                    <a:lnTo>
                      <a:pt x="643" y="183"/>
                    </a:lnTo>
                    <a:lnTo>
                      <a:pt x="640" y="187"/>
                    </a:lnTo>
                    <a:lnTo>
                      <a:pt x="636" y="190"/>
                    </a:lnTo>
                    <a:lnTo>
                      <a:pt x="633" y="193"/>
                    </a:lnTo>
                    <a:lnTo>
                      <a:pt x="628" y="195"/>
                    </a:lnTo>
                    <a:lnTo>
                      <a:pt x="592" y="166"/>
                    </a:lnTo>
                    <a:lnTo>
                      <a:pt x="555" y="138"/>
                    </a:lnTo>
                    <a:lnTo>
                      <a:pt x="536" y="124"/>
                    </a:lnTo>
                    <a:lnTo>
                      <a:pt x="519" y="108"/>
                    </a:lnTo>
                    <a:lnTo>
                      <a:pt x="502" y="92"/>
                    </a:lnTo>
                    <a:lnTo>
                      <a:pt x="488" y="74"/>
                    </a:lnTo>
                    <a:lnTo>
                      <a:pt x="487" y="83"/>
                    </a:lnTo>
                    <a:lnTo>
                      <a:pt x="486" y="90"/>
                    </a:lnTo>
                    <a:lnTo>
                      <a:pt x="482" y="97"/>
                    </a:lnTo>
                    <a:lnTo>
                      <a:pt x="478" y="103"/>
                    </a:lnTo>
                    <a:lnTo>
                      <a:pt x="474" y="107"/>
                    </a:lnTo>
                    <a:lnTo>
                      <a:pt x="469" y="111"/>
                    </a:lnTo>
                    <a:lnTo>
                      <a:pt x="463" y="115"/>
                    </a:lnTo>
                    <a:lnTo>
                      <a:pt x="457" y="119"/>
                    </a:lnTo>
                    <a:lnTo>
                      <a:pt x="430" y="128"/>
                    </a:lnTo>
                    <a:lnTo>
                      <a:pt x="403" y="140"/>
                    </a:lnTo>
                    <a:lnTo>
                      <a:pt x="398" y="126"/>
                    </a:lnTo>
                    <a:lnTo>
                      <a:pt x="392" y="113"/>
                    </a:lnTo>
                    <a:lnTo>
                      <a:pt x="384" y="102"/>
                    </a:lnTo>
                    <a:lnTo>
                      <a:pt x="378" y="90"/>
                    </a:lnTo>
                    <a:lnTo>
                      <a:pt x="371" y="79"/>
                    </a:lnTo>
                    <a:lnTo>
                      <a:pt x="364" y="66"/>
                    </a:lnTo>
                    <a:lnTo>
                      <a:pt x="360" y="52"/>
                    </a:lnTo>
                    <a:lnTo>
                      <a:pt x="356" y="36"/>
                    </a:lnTo>
                    <a:lnTo>
                      <a:pt x="338" y="36"/>
                    </a:lnTo>
                    <a:lnTo>
                      <a:pt x="319" y="36"/>
                    </a:lnTo>
                    <a:lnTo>
                      <a:pt x="301" y="39"/>
                    </a:lnTo>
                    <a:lnTo>
                      <a:pt x="284" y="40"/>
                    </a:lnTo>
                    <a:lnTo>
                      <a:pt x="255" y="44"/>
                    </a:lnTo>
                    <a:lnTo>
                      <a:pt x="235" y="46"/>
                    </a:lnTo>
                    <a:lnTo>
                      <a:pt x="236" y="52"/>
                    </a:lnTo>
                    <a:lnTo>
                      <a:pt x="237" y="59"/>
                    </a:lnTo>
                    <a:lnTo>
                      <a:pt x="237" y="65"/>
                    </a:lnTo>
                    <a:lnTo>
                      <a:pt x="236" y="70"/>
                    </a:lnTo>
                    <a:lnTo>
                      <a:pt x="234" y="82"/>
                    </a:lnTo>
                    <a:lnTo>
                      <a:pt x="229" y="93"/>
                    </a:lnTo>
                    <a:lnTo>
                      <a:pt x="217" y="117"/>
                    </a:lnTo>
                    <a:lnTo>
                      <a:pt x="206" y="14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6" name="Esbjerg"/>
              <p:cNvSpPr>
                <a:spLocks/>
              </p:cNvSpPr>
              <p:nvPr/>
            </p:nvSpPr>
            <p:spPr bwMode="auto">
              <a:xfrm>
                <a:off x="698500" y="5241925"/>
                <a:ext cx="84138" cy="177800"/>
              </a:xfrm>
              <a:custGeom>
                <a:avLst/>
                <a:gdLst>
                  <a:gd name="T0" fmla="*/ 2 w 159"/>
                  <a:gd name="T1" fmla="*/ 30 h 337"/>
                  <a:gd name="T2" fmla="*/ 7 w 159"/>
                  <a:gd name="T3" fmla="*/ 34 h 337"/>
                  <a:gd name="T4" fmla="*/ 11 w 159"/>
                  <a:gd name="T5" fmla="*/ 38 h 337"/>
                  <a:gd name="T6" fmla="*/ 14 w 159"/>
                  <a:gd name="T7" fmla="*/ 44 h 337"/>
                  <a:gd name="T8" fmla="*/ 18 w 159"/>
                  <a:gd name="T9" fmla="*/ 53 h 337"/>
                  <a:gd name="T10" fmla="*/ 22 w 159"/>
                  <a:gd name="T11" fmla="*/ 65 h 337"/>
                  <a:gd name="T12" fmla="*/ 26 w 159"/>
                  <a:gd name="T13" fmla="*/ 79 h 337"/>
                  <a:gd name="T14" fmla="*/ 31 w 159"/>
                  <a:gd name="T15" fmla="*/ 91 h 337"/>
                  <a:gd name="T16" fmla="*/ 36 w 159"/>
                  <a:gd name="T17" fmla="*/ 99 h 337"/>
                  <a:gd name="T18" fmla="*/ 40 w 159"/>
                  <a:gd name="T19" fmla="*/ 104 h 337"/>
                  <a:gd name="T20" fmla="*/ 44 w 159"/>
                  <a:gd name="T21" fmla="*/ 108 h 337"/>
                  <a:gd name="T22" fmla="*/ 50 w 159"/>
                  <a:gd name="T23" fmla="*/ 111 h 337"/>
                  <a:gd name="T24" fmla="*/ 52 w 159"/>
                  <a:gd name="T25" fmla="*/ 100 h 337"/>
                  <a:gd name="T26" fmla="*/ 49 w 159"/>
                  <a:gd name="T27" fmla="*/ 79 h 337"/>
                  <a:gd name="T28" fmla="*/ 47 w 159"/>
                  <a:gd name="T29" fmla="*/ 62 h 337"/>
                  <a:gd name="T30" fmla="*/ 46 w 159"/>
                  <a:gd name="T31" fmla="*/ 50 h 337"/>
                  <a:gd name="T32" fmla="*/ 46 w 159"/>
                  <a:gd name="T33" fmla="*/ 40 h 337"/>
                  <a:gd name="T34" fmla="*/ 45 w 159"/>
                  <a:gd name="T35" fmla="*/ 33 h 337"/>
                  <a:gd name="T36" fmla="*/ 43 w 159"/>
                  <a:gd name="T37" fmla="*/ 32 h 337"/>
                  <a:gd name="T38" fmla="*/ 41 w 159"/>
                  <a:gd name="T39" fmla="*/ 33 h 337"/>
                  <a:gd name="T40" fmla="*/ 39 w 159"/>
                  <a:gd name="T41" fmla="*/ 34 h 337"/>
                  <a:gd name="T42" fmla="*/ 36 w 159"/>
                  <a:gd name="T43" fmla="*/ 37 h 337"/>
                  <a:gd name="T44" fmla="*/ 33 w 159"/>
                  <a:gd name="T45" fmla="*/ 40 h 337"/>
                  <a:gd name="T46" fmla="*/ 30 w 159"/>
                  <a:gd name="T47" fmla="*/ 41 h 337"/>
                  <a:gd name="T48" fmla="*/ 26 w 159"/>
                  <a:gd name="T49" fmla="*/ 39 h 337"/>
                  <a:gd name="T50" fmla="*/ 23 w 159"/>
                  <a:gd name="T51" fmla="*/ 36 h 337"/>
                  <a:gd name="T52" fmla="*/ 22 w 159"/>
                  <a:gd name="T53" fmla="*/ 28 h 337"/>
                  <a:gd name="T54" fmla="*/ 22 w 159"/>
                  <a:gd name="T55" fmla="*/ 16 h 337"/>
                  <a:gd name="T56" fmla="*/ 21 w 159"/>
                  <a:gd name="T57" fmla="*/ 7 h 337"/>
                  <a:gd name="T58" fmla="*/ 20 w 159"/>
                  <a:gd name="T59" fmla="*/ 2 h 337"/>
                  <a:gd name="T60" fmla="*/ 15 w 159"/>
                  <a:gd name="T61" fmla="*/ 0 h 337"/>
                  <a:gd name="T62" fmla="*/ 9 w 159"/>
                  <a:gd name="T63" fmla="*/ 0 h 337"/>
                  <a:gd name="T64" fmla="*/ 4 w 159"/>
                  <a:gd name="T65" fmla="*/ 4 h 337"/>
                  <a:gd name="T66" fmla="*/ 2 w 159"/>
                  <a:gd name="T67" fmla="*/ 11 h 337"/>
                  <a:gd name="T68" fmla="*/ 2 w 159"/>
                  <a:gd name="T69" fmla="*/ 17 h 337"/>
                  <a:gd name="T70" fmla="*/ 1 w 159"/>
                  <a:gd name="T71" fmla="*/ 24 h 337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</a:gdLst>
                <a:ahLst/>
                <a:cxnLst>
                  <a:cxn ang="T72">
                    <a:pos x="T0" y="T1"/>
                  </a:cxn>
                  <a:cxn ang="T73">
                    <a:pos x="T2" y="T3"/>
                  </a:cxn>
                  <a:cxn ang="T74">
                    <a:pos x="T4" y="T5"/>
                  </a:cxn>
                  <a:cxn ang="T75">
                    <a:pos x="T6" y="T7"/>
                  </a:cxn>
                  <a:cxn ang="T76">
                    <a:pos x="T8" y="T9"/>
                  </a:cxn>
                  <a:cxn ang="T77">
                    <a:pos x="T10" y="T11"/>
                  </a:cxn>
                  <a:cxn ang="T78">
                    <a:pos x="T12" y="T13"/>
                  </a:cxn>
                  <a:cxn ang="T79">
                    <a:pos x="T14" y="T15"/>
                  </a:cxn>
                  <a:cxn ang="T80">
                    <a:pos x="T16" y="T17"/>
                  </a:cxn>
                  <a:cxn ang="T81">
                    <a:pos x="T18" y="T19"/>
                  </a:cxn>
                  <a:cxn ang="T82">
                    <a:pos x="T20" y="T21"/>
                  </a:cxn>
                  <a:cxn ang="T83">
                    <a:pos x="T22" y="T23"/>
                  </a:cxn>
                  <a:cxn ang="T84">
                    <a:pos x="T24" y="T25"/>
                  </a:cxn>
                  <a:cxn ang="T85">
                    <a:pos x="T26" y="T27"/>
                  </a:cxn>
                  <a:cxn ang="T86">
                    <a:pos x="T28" y="T29"/>
                  </a:cxn>
                  <a:cxn ang="T87">
                    <a:pos x="T30" y="T31"/>
                  </a:cxn>
                  <a:cxn ang="T88">
                    <a:pos x="T32" y="T33"/>
                  </a:cxn>
                  <a:cxn ang="T89">
                    <a:pos x="T34" y="T35"/>
                  </a:cxn>
                  <a:cxn ang="T90">
                    <a:pos x="T36" y="T37"/>
                  </a:cxn>
                  <a:cxn ang="T91">
                    <a:pos x="T38" y="T39"/>
                  </a:cxn>
                  <a:cxn ang="T92">
                    <a:pos x="T40" y="T41"/>
                  </a:cxn>
                  <a:cxn ang="T93">
                    <a:pos x="T42" y="T43"/>
                  </a:cxn>
                  <a:cxn ang="T94">
                    <a:pos x="T44" y="T45"/>
                  </a:cxn>
                  <a:cxn ang="T95">
                    <a:pos x="T46" y="T47"/>
                  </a:cxn>
                  <a:cxn ang="T96">
                    <a:pos x="T48" y="T49"/>
                  </a:cxn>
                  <a:cxn ang="T97">
                    <a:pos x="T50" y="T51"/>
                  </a:cxn>
                  <a:cxn ang="T98">
                    <a:pos x="T52" y="T53"/>
                  </a:cxn>
                  <a:cxn ang="T99">
                    <a:pos x="T54" y="T55"/>
                  </a:cxn>
                  <a:cxn ang="T100">
                    <a:pos x="T56" y="T57"/>
                  </a:cxn>
                  <a:cxn ang="T101">
                    <a:pos x="T58" y="T59"/>
                  </a:cxn>
                  <a:cxn ang="T102">
                    <a:pos x="T60" y="T61"/>
                  </a:cxn>
                  <a:cxn ang="T103">
                    <a:pos x="T62" y="T63"/>
                  </a:cxn>
                  <a:cxn ang="T104">
                    <a:pos x="T64" y="T65"/>
                  </a:cxn>
                  <a:cxn ang="T105">
                    <a:pos x="T66" y="T67"/>
                  </a:cxn>
                  <a:cxn ang="T106">
                    <a:pos x="T68" y="T69"/>
                  </a:cxn>
                  <a:cxn ang="T107">
                    <a:pos x="T70" y="T71"/>
                  </a:cxn>
                </a:cxnLst>
                <a:rect l="0" t="0" r="r" b="b"/>
                <a:pathLst>
                  <a:path w="159" h="337">
                    <a:moveTo>
                      <a:pt x="0" y="85"/>
                    </a:moveTo>
                    <a:lnTo>
                      <a:pt x="7" y="90"/>
                    </a:lnTo>
                    <a:lnTo>
                      <a:pt x="15" y="95"/>
                    </a:lnTo>
                    <a:lnTo>
                      <a:pt x="22" y="102"/>
                    </a:lnTo>
                    <a:lnTo>
                      <a:pt x="27" y="108"/>
                    </a:lnTo>
                    <a:lnTo>
                      <a:pt x="34" y="115"/>
                    </a:lnTo>
                    <a:lnTo>
                      <a:pt x="39" y="124"/>
                    </a:lnTo>
                    <a:lnTo>
                      <a:pt x="43" y="132"/>
                    </a:lnTo>
                    <a:lnTo>
                      <a:pt x="47" y="140"/>
                    </a:lnTo>
                    <a:lnTo>
                      <a:pt x="55" y="158"/>
                    </a:lnTo>
                    <a:lnTo>
                      <a:pt x="61" y="177"/>
                    </a:lnTo>
                    <a:lnTo>
                      <a:pt x="67" y="197"/>
                    </a:lnTo>
                    <a:lnTo>
                      <a:pt x="74" y="217"/>
                    </a:lnTo>
                    <a:lnTo>
                      <a:pt x="79" y="237"/>
                    </a:lnTo>
                    <a:lnTo>
                      <a:pt x="86" y="256"/>
                    </a:lnTo>
                    <a:lnTo>
                      <a:pt x="94" y="274"/>
                    </a:lnTo>
                    <a:lnTo>
                      <a:pt x="102" y="291"/>
                    </a:lnTo>
                    <a:lnTo>
                      <a:pt x="107" y="299"/>
                    </a:lnTo>
                    <a:lnTo>
                      <a:pt x="113" y="307"/>
                    </a:lnTo>
                    <a:lnTo>
                      <a:pt x="119" y="313"/>
                    </a:lnTo>
                    <a:lnTo>
                      <a:pt x="125" y="319"/>
                    </a:lnTo>
                    <a:lnTo>
                      <a:pt x="133" y="325"/>
                    </a:lnTo>
                    <a:lnTo>
                      <a:pt x="141" y="330"/>
                    </a:lnTo>
                    <a:lnTo>
                      <a:pt x="149" y="334"/>
                    </a:lnTo>
                    <a:lnTo>
                      <a:pt x="159" y="337"/>
                    </a:lnTo>
                    <a:lnTo>
                      <a:pt x="156" y="301"/>
                    </a:lnTo>
                    <a:lnTo>
                      <a:pt x="152" y="268"/>
                    </a:lnTo>
                    <a:lnTo>
                      <a:pt x="147" y="239"/>
                    </a:lnTo>
                    <a:lnTo>
                      <a:pt x="143" y="213"/>
                    </a:lnTo>
                    <a:lnTo>
                      <a:pt x="140" y="188"/>
                    </a:lnTo>
                    <a:lnTo>
                      <a:pt x="138" y="163"/>
                    </a:lnTo>
                    <a:lnTo>
                      <a:pt x="137" y="149"/>
                    </a:lnTo>
                    <a:lnTo>
                      <a:pt x="138" y="134"/>
                    </a:lnTo>
                    <a:lnTo>
                      <a:pt x="138" y="119"/>
                    </a:lnTo>
                    <a:lnTo>
                      <a:pt x="140" y="104"/>
                    </a:lnTo>
                    <a:lnTo>
                      <a:pt x="136" y="99"/>
                    </a:lnTo>
                    <a:lnTo>
                      <a:pt x="132" y="97"/>
                    </a:lnTo>
                    <a:lnTo>
                      <a:pt x="128" y="96"/>
                    </a:lnTo>
                    <a:lnTo>
                      <a:pt x="125" y="96"/>
                    </a:lnTo>
                    <a:lnTo>
                      <a:pt x="122" y="98"/>
                    </a:lnTo>
                    <a:lnTo>
                      <a:pt x="120" y="99"/>
                    </a:lnTo>
                    <a:lnTo>
                      <a:pt x="117" y="103"/>
                    </a:lnTo>
                    <a:lnTo>
                      <a:pt x="115" y="106"/>
                    </a:lnTo>
                    <a:lnTo>
                      <a:pt x="109" y="112"/>
                    </a:lnTo>
                    <a:lnTo>
                      <a:pt x="103" y="118"/>
                    </a:lnTo>
                    <a:lnTo>
                      <a:pt x="99" y="120"/>
                    </a:lnTo>
                    <a:lnTo>
                      <a:pt x="95" y="123"/>
                    </a:lnTo>
                    <a:lnTo>
                      <a:pt x="89" y="123"/>
                    </a:lnTo>
                    <a:lnTo>
                      <a:pt x="84" y="123"/>
                    </a:lnTo>
                    <a:lnTo>
                      <a:pt x="78" y="118"/>
                    </a:lnTo>
                    <a:lnTo>
                      <a:pt x="74" y="114"/>
                    </a:lnTo>
                    <a:lnTo>
                      <a:pt x="70" y="108"/>
                    </a:lnTo>
                    <a:lnTo>
                      <a:pt x="68" y="100"/>
                    </a:lnTo>
                    <a:lnTo>
                      <a:pt x="66" y="85"/>
                    </a:lnTo>
                    <a:lnTo>
                      <a:pt x="65" y="66"/>
                    </a:lnTo>
                    <a:lnTo>
                      <a:pt x="65" y="47"/>
                    </a:lnTo>
                    <a:lnTo>
                      <a:pt x="64" y="29"/>
                    </a:lnTo>
                    <a:lnTo>
                      <a:pt x="63" y="20"/>
                    </a:lnTo>
                    <a:lnTo>
                      <a:pt x="62" y="13"/>
                    </a:lnTo>
                    <a:lnTo>
                      <a:pt x="59" y="7"/>
                    </a:lnTo>
                    <a:lnTo>
                      <a:pt x="56" y="0"/>
                    </a:lnTo>
                    <a:lnTo>
                      <a:pt x="46" y="0"/>
                    </a:lnTo>
                    <a:lnTo>
                      <a:pt x="37" y="0"/>
                    </a:lnTo>
                    <a:lnTo>
                      <a:pt x="27" y="0"/>
                    </a:lnTo>
                    <a:lnTo>
                      <a:pt x="18" y="0"/>
                    </a:lnTo>
                    <a:lnTo>
                      <a:pt x="11" y="13"/>
                    </a:lnTo>
                    <a:lnTo>
                      <a:pt x="8" y="24"/>
                    </a:lnTo>
                    <a:lnTo>
                      <a:pt x="6" y="33"/>
                    </a:lnTo>
                    <a:lnTo>
                      <a:pt x="5" y="43"/>
                    </a:lnTo>
                    <a:lnTo>
                      <a:pt x="5" y="52"/>
                    </a:lnTo>
                    <a:lnTo>
                      <a:pt x="4" y="62"/>
                    </a:lnTo>
                    <a:lnTo>
                      <a:pt x="3" y="72"/>
                    </a:lnTo>
                    <a:lnTo>
                      <a:pt x="0" y="85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45" name="Assens"/>
            <p:cNvGrpSpPr/>
            <p:nvPr/>
          </p:nvGrpSpPr>
          <p:grpSpPr>
            <a:xfrm>
              <a:off x="1881188" y="5297488"/>
              <a:ext cx="387350" cy="357188"/>
              <a:chOff x="1881188" y="5297488"/>
              <a:chExt cx="387350" cy="357188"/>
            </a:xfrm>
            <a:grpFill/>
          </p:grpSpPr>
          <p:sp>
            <p:nvSpPr>
              <p:cNvPr id="96" name="Assens"/>
              <p:cNvSpPr>
                <a:spLocks/>
              </p:cNvSpPr>
              <p:nvPr/>
            </p:nvSpPr>
            <p:spPr bwMode="auto">
              <a:xfrm>
                <a:off x="1881188" y="5456238"/>
                <a:ext cx="15875" cy="25400"/>
              </a:xfrm>
              <a:custGeom>
                <a:avLst/>
                <a:gdLst>
                  <a:gd name="T0" fmla="*/ 7 w 32"/>
                  <a:gd name="T1" fmla="*/ 0 h 48"/>
                  <a:gd name="T2" fmla="*/ 8 w 32"/>
                  <a:gd name="T3" fmla="*/ 0 h 48"/>
                  <a:gd name="T4" fmla="*/ 9 w 32"/>
                  <a:gd name="T5" fmla="*/ 1 h 48"/>
                  <a:gd name="T6" fmla="*/ 9 w 32"/>
                  <a:gd name="T7" fmla="*/ 2 h 48"/>
                  <a:gd name="T8" fmla="*/ 10 w 32"/>
                  <a:gd name="T9" fmla="*/ 4 h 48"/>
                  <a:gd name="T10" fmla="*/ 10 w 32"/>
                  <a:gd name="T11" fmla="*/ 5 h 48"/>
                  <a:gd name="T12" fmla="*/ 10 w 32"/>
                  <a:gd name="T13" fmla="*/ 7 h 48"/>
                  <a:gd name="T14" fmla="*/ 10 w 32"/>
                  <a:gd name="T15" fmla="*/ 8 h 48"/>
                  <a:gd name="T16" fmla="*/ 9 w 32"/>
                  <a:gd name="T17" fmla="*/ 10 h 48"/>
                  <a:gd name="T18" fmla="*/ 9 w 32"/>
                  <a:gd name="T19" fmla="*/ 11 h 48"/>
                  <a:gd name="T20" fmla="*/ 8 w 32"/>
                  <a:gd name="T21" fmla="*/ 13 h 48"/>
                  <a:gd name="T22" fmla="*/ 8 w 32"/>
                  <a:gd name="T23" fmla="*/ 14 h 48"/>
                  <a:gd name="T24" fmla="*/ 6 w 32"/>
                  <a:gd name="T25" fmla="*/ 15 h 48"/>
                  <a:gd name="T26" fmla="*/ 5 w 32"/>
                  <a:gd name="T27" fmla="*/ 16 h 48"/>
                  <a:gd name="T28" fmla="*/ 4 w 32"/>
                  <a:gd name="T29" fmla="*/ 16 h 48"/>
                  <a:gd name="T30" fmla="*/ 3 w 32"/>
                  <a:gd name="T31" fmla="*/ 16 h 48"/>
                  <a:gd name="T32" fmla="*/ 1 w 32"/>
                  <a:gd name="T33" fmla="*/ 15 h 48"/>
                  <a:gd name="T34" fmla="*/ 0 w 32"/>
                  <a:gd name="T35" fmla="*/ 12 h 48"/>
                  <a:gd name="T36" fmla="*/ 0 w 32"/>
                  <a:gd name="T37" fmla="*/ 9 h 48"/>
                  <a:gd name="T38" fmla="*/ 1 w 32"/>
                  <a:gd name="T39" fmla="*/ 7 h 48"/>
                  <a:gd name="T40" fmla="*/ 2 w 32"/>
                  <a:gd name="T41" fmla="*/ 5 h 48"/>
                  <a:gd name="T42" fmla="*/ 4 w 32"/>
                  <a:gd name="T43" fmla="*/ 2 h 48"/>
                  <a:gd name="T44" fmla="*/ 7 w 32"/>
                  <a:gd name="T45" fmla="*/ 0 h 48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32" h="48">
                    <a:moveTo>
                      <a:pt x="21" y="0"/>
                    </a:moveTo>
                    <a:lnTo>
                      <a:pt x="25" y="1"/>
                    </a:lnTo>
                    <a:lnTo>
                      <a:pt x="28" y="4"/>
                    </a:lnTo>
                    <a:lnTo>
                      <a:pt x="30" y="7"/>
                    </a:lnTo>
                    <a:lnTo>
                      <a:pt x="31" y="11"/>
                    </a:lnTo>
                    <a:lnTo>
                      <a:pt x="32" y="16"/>
                    </a:lnTo>
                    <a:lnTo>
                      <a:pt x="32" y="21"/>
                    </a:lnTo>
                    <a:lnTo>
                      <a:pt x="32" y="25"/>
                    </a:lnTo>
                    <a:lnTo>
                      <a:pt x="30" y="29"/>
                    </a:lnTo>
                    <a:lnTo>
                      <a:pt x="29" y="34"/>
                    </a:lnTo>
                    <a:lnTo>
                      <a:pt x="27" y="39"/>
                    </a:lnTo>
                    <a:lnTo>
                      <a:pt x="24" y="42"/>
                    </a:lnTo>
                    <a:lnTo>
                      <a:pt x="20" y="45"/>
                    </a:lnTo>
                    <a:lnTo>
                      <a:pt x="16" y="47"/>
                    </a:lnTo>
                    <a:lnTo>
                      <a:pt x="12" y="48"/>
                    </a:lnTo>
                    <a:lnTo>
                      <a:pt x="8" y="47"/>
                    </a:lnTo>
                    <a:lnTo>
                      <a:pt x="3" y="46"/>
                    </a:lnTo>
                    <a:lnTo>
                      <a:pt x="0" y="37"/>
                    </a:lnTo>
                    <a:lnTo>
                      <a:pt x="0" y="28"/>
                    </a:lnTo>
                    <a:lnTo>
                      <a:pt x="3" y="21"/>
                    </a:lnTo>
                    <a:lnTo>
                      <a:pt x="5" y="16"/>
                    </a:lnTo>
                    <a:lnTo>
                      <a:pt x="13" y="7"/>
                    </a:lnTo>
                    <a:lnTo>
                      <a:pt x="21" y="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97" name="Assens kant"/>
              <p:cNvSpPr>
                <a:spLocks/>
              </p:cNvSpPr>
              <p:nvPr/>
            </p:nvSpPr>
            <p:spPr bwMode="auto">
              <a:xfrm>
                <a:off x="1881188" y="5456238"/>
                <a:ext cx="15875" cy="25400"/>
              </a:xfrm>
              <a:custGeom>
                <a:avLst/>
                <a:gdLst>
                  <a:gd name="T0" fmla="*/ 7 w 32"/>
                  <a:gd name="T1" fmla="*/ 0 h 48"/>
                  <a:gd name="T2" fmla="*/ 8 w 32"/>
                  <a:gd name="T3" fmla="*/ 0 h 48"/>
                  <a:gd name="T4" fmla="*/ 9 w 32"/>
                  <a:gd name="T5" fmla="*/ 1 h 48"/>
                  <a:gd name="T6" fmla="*/ 9 w 32"/>
                  <a:gd name="T7" fmla="*/ 2 h 48"/>
                  <a:gd name="T8" fmla="*/ 10 w 32"/>
                  <a:gd name="T9" fmla="*/ 4 h 48"/>
                  <a:gd name="T10" fmla="*/ 10 w 32"/>
                  <a:gd name="T11" fmla="*/ 5 h 48"/>
                  <a:gd name="T12" fmla="*/ 10 w 32"/>
                  <a:gd name="T13" fmla="*/ 7 h 48"/>
                  <a:gd name="T14" fmla="*/ 10 w 32"/>
                  <a:gd name="T15" fmla="*/ 8 h 48"/>
                  <a:gd name="T16" fmla="*/ 9 w 32"/>
                  <a:gd name="T17" fmla="*/ 10 h 48"/>
                  <a:gd name="T18" fmla="*/ 9 w 32"/>
                  <a:gd name="T19" fmla="*/ 11 h 48"/>
                  <a:gd name="T20" fmla="*/ 8 w 32"/>
                  <a:gd name="T21" fmla="*/ 13 h 48"/>
                  <a:gd name="T22" fmla="*/ 8 w 32"/>
                  <a:gd name="T23" fmla="*/ 14 h 48"/>
                  <a:gd name="T24" fmla="*/ 6 w 32"/>
                  <a:gd name="T25" fmla="*/ 15 h 48"/>
                  <a:gd name="T26" fmla="*/ 5 w 32"/>
                  <a:gd name="T27" fmla="*/ 16 h 48"/>
                  <a:gd name="T28" fmla="*/ 4 w 32"/>
                  <a:gd name="T29" fmla="*/ 16 h 48"/>
                  <a:gd name="T30" fmla="*/ 3 w 32"/>
                  <a:gd name="T31" fmla="*/ 16 h 48"/>
                  <a:gd name="T32" fmla="*/ 1 w 32"/>
                  <a:gd name="T33" fmla="*/ 15 h 48"/>
                  <a:gd name="T34" fmla="*/ 0 w 32"/>
                  <a:gd name="T35" fmla="*/ 12 h 48"/>
                  <a:gd name="T36" fmla="*/ 0 w 32"/>
                  <a:gd name="T37" fmla="*/ 9 h 48"/>
                  <a:gd name="T38" fmla="*/ 1 w 32"/>
                  <a:gd name="T39" fmla="*/ 7 h 48"/>
                  <a:gd name="T40" fmla="*/ 2 w 32"/>
                  <a:gd name="T41" fmla="*/ 5 h 48"/>
                  <a:gd name="T42" fmla="*/ 4 w 32"/>
                  <a:gd name="T43" fmla="*/ 2 h 48"/>
                  <a:gd name="T44" fmla="*/ 7 w 32"/>
                  <a:gd name="T45" fmla="*/ 0 h 48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32" h="48">
                    <a:moveTo>
                      <a:pt x="21" y="0"/>
                    </a:moveTo>
                    <a:lnTo>
                      <a:pt x="25" y="1"/>
                    </a:lnTo>
                    <a:lnTo>
                      <a:pt x="28" y="4"/>
                    </a:lnTo>
                    <a:lnTo>
                      <a:pt x="30" y="7"/>
                    </a:lnTo>
                    <a:lnTo>
                      <a:pt x="31" y="11"/>
                    </a:lnTo>
                    <a:lnTo>
                      <a:pt x="32" y="16"/>
                    </a:lnTo>
                    <a:lnTo>
                      <a:pt x="32" y="21"/>
                    </a:lnTo>
                    <a:lnTo>
                      <a:pt x="32" y="25"/>
                    </a:lnTo>
                    <a:lnTo>
                      <a:pt x="30" y="29"/>
                    </a:lnTo>
                    <a:lnTo>
                      <a:pt x="29" y="34"/>
                    </a:lnTo>
                    <a:lnTo>
                      <a:pt x="27" y="39"/>
                    </a:lnTo>
                    <a:lnTo>
                      <a:pt x="24" y="42"/>
                    </a:lnTo>
                    <a:lnTo>
                      <a:pt x="20" y="45"/>
                    </a:lnTo>
                    <a:lnTo>
                      <a:pt x="16" y="47"/>
                    </a:lnTo>
                    <a:lnTo>
                      <a:pt x="12" y="48"/>
                    </a:lnTo>
                    <a:lnTo>
                      <a:pt x="8" y="47"/>
                    </a:lnTo>
                    <a:lnTo>
                      <a:pt x="3" y="46"/>
                    </a:lnTo>
                    <a:lnTo>
                      <a:pt x="0" y="37"/>
                    </a:lnTo>
                    <a:lnTo>
                      <a:pt x="0" y="28"/>
                    </a:lnTo>
                    <a:lnTo>
                      <a:pt x="3" y="21"/>
                    </a:lnTo>
                    <a:lnTo>
                      <a:pt x="5" y="16"/>
                    </a:lnTo>
                    <a:lnTo>
                      <a:pt x="13" y="7"/>
                    </a:lnTo>
                    <a:lnTo>
                      <a:pt x="21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98" name="Assens"/>
              <p:cNvSpPr>
                <a:spLocks/>
              </p:cNvSpPr>
              <p:nvPr/>
            </p:nvSpPr>
            <p:spPr bwMode="auto">
              <a:xfrm>
                <a:off x="1951038" y="5297488"/>
                <a:ext cx="317500" cy="357188"/>
              </a:xfrm>
              <a:custGeom>
                <a:avLst/>
                <a:gdLst>
                  <a:gd name="T0" fmla="*/ 50 w 599"/>
                  <a:gd name="T1" fmla="*/ 12 h 673"/>
                  <a:gd name="T2" fmla="*/ 54 w 599"/>
                  <a:gd name="T3" fmla="*/ 28 h 673"/>
                  <a:gd name="T4" fmla="*/ 40 w 599"/>
                  <a:gd name="T5" fmla="*/ 44 h 673"/>
                  <a:gd name="T6" fmla="*/ 34 w 599"/>
                  <a:gd name="T7" fmla="*/ 45 h 673"/>
                  <a:gd name="T8" fmla="*/ 27 w 599"/>
                  <a:gd name="T9" fmla="*/ 45 h 673"/>
                  <a:gd name="T10" fmla="*/ 21 w 599"/>
                  <a:gd name="T11" fmla="*/ 47 h 673"/>
                  <a:gd name="T12" fmla="*/ 18 w 599"/>
                  <a:gd name="T13" fmla="*/ 58 h 673"/>
                  <a:gd name="T14" fmla="*/ 8 w 599"/>
                  <a:gd name="T15" fmla="*/ 74 h 673"/>
                  <a:gd name="T16" fmla="*/ 2 w 599"/>
                  <a:gd name="T17" fmla="*/ 86 h 673"/>
                  <a:gd name="T18" fmla="*/ 2 w 599"/>
                  <a:gd name="T19" fmla="*/ 100 h 673"/>
                  <a:gd name="T20" fmla="*/ 4 w 599"/>
                  <a:gd name="T21" fmla="*/ 120 h 673"/>
                  <a:gd name="T22" fmla="*/ 5 w 599"/>
                  <a:gd name="T23" fmla="*/ 152 h 673"/>
                  <a:gd name="T24" fmla="*/ 9 w 599"/>
                  <a:gd name="T25" fmla="*/ 169 h 673"/>
                  <a:gd name="T26" fmla="*/ 13 w 599"/>
                  <a:gd name="T27" fmla="*/ 176 h 673"/>
                  <a:gd name="T28" fmla="*/ 19 w 599"/>
                  <a:gd name="T29" fmla="*/ 183 h 673"/>
                  <a:gd name="T30" fmla="*/ 30 w 599"/>
                  <a:gd name="T31" fmla="*/ 187 h 673"/>
                  <a:gd name="T32" fmla="*/ 47 w 599"/>
                  <a:gd name="T33" fmla="*/ 187 h 673"/>
                  <a:gd name="T34" fmla="*/ 62 w 599"/>
                  <a:gd name="T35" fmla="*/ 206 h 673"/>
                  <a:gd name="T36" fmla="*/ 74 w 599"/>
                  <a:gd name="T37" fmla="*/ 217 h 673"/>
                  <a:gd name="T38" fmla="*/ 85 w 599"/>
                  <a:gd name="T39" fmla="*/ 222 h 673"/>
                  <a:gd name="T40" fmla="*/ 100 w 599"/>
                  <a:gd name="T41" fmla="*/ 225 h 673"/>
                  <a:gd name="T42" fmla="*/ 104 w 599"/>
                  <a:gd name="T43" fmla="*/ 223 h 673"/>
                  <a:gd name="T44" fmla="*/ 108 w 599"/>
                  <a:gd name="T45" fmla="*/ 217 h 673"/>
                  <a:gd name="T46" fmla="*/ 114 w 599"/>
                  <a:gd name="T47" fmla="*/ 213 h 673"/>
                  <a:gd name="T48" fmla="*/ 119 w 599"/>
                  <a:gd name="T49" fmla="*/ 212 h 673"/>
                  <a:gd name="T50" fmla="*/ 123 w 599"/>
                  <a:gd name="T51" fmla="*/ 213 h 673"/>
                  <a:gd name="T52" fmla="*/ 125 w 599"/>
                  <a:gd name="T53" fmla="*/ 219 h 673"/>
                  <a:gd name="T54" fmla="*/ 127 w 599"/>
                  <a:gd name="T55" fmla="*/ 225 h 673"/>
                  <a:gd name="T56" fmla="*/ 131 w 599"/>
                  <a:gd name="T57" fmla="*/ 225 h 673"/>
                  <a:gd name="T58" fmla="*/ 145 w 599"/>
                  <a:gd name="T59" fmla="*/ 214 h 673"/>
                  <a:gd name="T60" fmla="*/ 155 w 599"/>
                  <a:gd name="T61" fmla="*/ 201 h 673"/>
                  <a:gd name="T62" fmla="*/ 159 w 599"/>
                  <a:gd name="T63" fmla="*/ 193 h 673"/>
                  <a:gd name="T64" fmla="*/ 154 w 599"/>
                  <a:gd name="T65" fmla="*/ 188 h 673"/>
                  <a:gd name="T66" fmla="*/ 147 w 599"/>
                  <a:gd name="T67" fmla="*/ 182 h 673"/>
                  <a:gd name="T68" fmla="*/ 142 w 599"/>
                  <a:gd name="T69" fmla="*/ 175 h 673"/>
                  <a:gd name="T70" fmla="*/ 139 w 599"/>
                  <a:gd name="T71" fmla="*/ 166 h 673"/>
                  <a:gd name="T72" fmla="*/ 137 w 599"/>
                  <a:gd name="T73" fmla="*/ 155 h 673"/>
                  <a:gd name="T74" fmla="*/ 147 w 599"/>
                  <a:gd name="T75" fmla="*/ 143 h 673"/>
                  <a:gd name="T76" fmla="*/ 165 w 599"/>
                  <a:gd name="T77" fmla="*/ 134 h 673"/>
                  <a:gd name="T78" fmla="*/ 177 w 599"/>
                  <a:gd name="T79" fmla="*/ 126 h 673"/>
                  <a:gd name="T80" fmla="*/ 188 w 599"/>
                  <a:gd name="T81" fmla="*/ 117 h 673"/>
                  <a:gd name="T82" fmla="*/ 197 w 599"/>
                  <a:gd name="T83" fmla="*/ 107 h 673"/>
                  <a:gd name="T84" fmla="*/ 192 w 599"/>
                  <a:gd name="T85" fmla="*/ 102 h 673"/>
                  <a:gd name="T86" fmla="*/ 187 w 599"/>
                  <a:gd name="T87" fmla="*/ 101 h 673"/>
                  <a:gd name="T88" fmla="*/ 184 w 599"/>
                  <a:gd name="T89" fmla="*/ 96 h 673"/>
                  <a:gd name="T90" fmla="*/ 183 w 599"/>
                  <a:gd name="T91" fmla="*/ 86 h 673"/>
                  <a:gd name="T92" fmla="*/ 183 w 599"/>
                  <a:gd name="T93" fmla="*/ 74 h 673"/>
                  <a:gd name="T94" fmla="*/ 174 w 599"/>
                  <a:gd name="T95" fmla="*/ 67 h 673"/>
                  <a:gd name="T96" fmla="*/ 164 w 599"/>
                  <a:gd name="T97" fmla="*/ 63 h 673"/>
                  <a:gd name="T98" fmla="*/ 158 w 599"/>
                  <a:gd name="T99" fmla="*/ 57 h 673"/>
                  <a:gd name="T100" fmla="*/ 151 w 599"/>
                  <a:gd name="T101" fmla="*/ 60 h 673"/>
                  <a:gd name="T102" fmla="*/ 145 w 599"/>
                  <a:gd name="T103" fmla="*/ 60 h 673"/>
                  <a:gd name="T104" fmla="*/ 144 w 599"/>
                  <a:gd name="T105" fmla="*/ 59 h 673"/>
                  <a:gd name="T106" fmla="*/ 143 w 599"/>
                  <a:gd name="T107" fmla="*/ 53 h 673"/>
                  <a:gd name="T108" fmla="*/ 146 w 599"/>
                  <a:gd name="T109" fmla="*/ 41 h 673"/>
                  <a:gd name="T110" fmla="*/ 148 w 599"/>
                  <a:gd name="T111" fmla="*/ 17 h 673"/>
                  <a:gd name="T112" fmla="*/ 130 w 599"/>
                  <a:gd name="T113" fmla="*/ 7 h 673"/>
                  <a:gd name="T114" fmla="*/ 111 w 599"/>
                  <a:gd name="T115" fmla="*/ 2 h 673"/>
                  <a:gd name="T116" fmla="*/ 90 w 599"/>
                  <a:gd name="T117" fmla="*/ 0 h 673"/>
                  <a:gd name="T118" fmla="*/ 63 w 599"/>
                  <a:gd name="T119" fmla="*/ 1 h 673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599" h="673">
                    <a:moveTo>
                      <a:pt x="150" y="7"/>
                    </a:moveTo>
                    <a:lnTo>
                      <a:pt x="149" y="23"/>
                    </a:lnTo>
                    <a:lnTo>
                      <a:pt x="150" y="37"/>
                    </a:lnTo>
                    <a:lnTo>
                      <a:pt x="152" y="50"/>
                    </a:lnTo>
                    <a:lnTo>
                      <a:pt x="155" y="62"/>
                    </a:lnTo>
                    <a:lnTo>
                      <a:pt x="162" y="85"/>
                    </a:lnTo>
                    <a:lnTo>
                      <a:pt x="169" y="110"/>
                    </a:lnTo>
                    <a:lnTo>
                      <a:pt x="143" y="122"/>
                    </a:lnTo>
                    <a:lnTo>
                      <a:pt x="121" y="132"/>
                    </a:lnTo>
                    <a:lnTo>
                      <a:pt x="115" y="133"/>
                    </a:lnTo>
                    <a:lnTo>
                      <a:pt x="109" y="136"/>
                    </a:lnTo>
                    <a:lnTo>
                      <a:pt x="103" y="136"/>
                    </a:lnTo>
                    <a:lnTo>
                      <a:pt x="96" y="136"/>
                    </a:lnTo>
                    <a:lnTo>
                      <a:pt x="90" y="136"/>
                    </a:lnTo>
                    <a:lnTo>
                      <a:pt x="82" y="135"/>
                    </a:lnTo>
                    <a:lnTo>
                      <a:pt x="74" y="132"/>
                    </a:lnTo>
                    <a:lnTo>
                      <a:pt x="65" y="129"/>
                    </a:lnTo>
                    <a:lnTo>
                      <a:pt x="64" y="141"/>
                    </a:lnTo>
                    <a:lnTo>
                      <a:pt x="62" y="152"/>
                    </a:lnTo>
                    <a:lnTo>
                      <a:pt x="59" y="163"/>
                    </a:lnTo>
                    <a:lnTo>
                      <a:pt x="55" y="172"/>
                    </a:lnTo>
                    <a:lnTo>
                      <a:pt x="46" y="190"/>
                    </a:lnTo>
                    <a:lnTo>
                      <a:pt x="35" y="206"/>
                    </a:lnTo>
                    <a:lnTo>
                      <a:pt x="24" y="222"/>
                    </a:lnTo>
                    <a:lnTo>
                      <a:pt x="14" y="239"/>
                    </a:lnTo>
                    <a:lnTo>
                      <a:pt x="9" y="248"/>
                    </a:lnTo>
                    <a:lnTo>
                      <a:pt x="5" y="258"/>
                    </a:lnTo>
                    <a:lnTo>
                      <a:pt x="2" y="267"/>
                    </a:lnTo>
                    <a:lnTo>
                      <a:pt x="0" y="279"/>
                    </a:lnTo>
                    <a:lnTo>
                      <a:pt x="5" y="298"/>
                    </a:lnTo>
                    <a:lnTo>
                      <a:pt x="10" y="318"/>
                    </a:lnTo>
                    <a:lnTo>
                      <a:pt x="12" y="338"/>
                    </a:lnTo>
                    <a:lnTo>
                      <a:pt x="13" y="358"/>
                    </a:lnTo>
                    <a:lnTo>
                      <a:pt x="14" y="397"/>
                    </a:lnTo>
                    <a:lnTo>
                      <a:pt x="15" y="436"/>
                    </a:lnTo>
                    <a:lnTo>
                      <a:pt x="16" y="454"/>
                    </a:lnTo>
                    <a:lnTo>
                      <a:pt x="18" y="471"/>
                    </a:lnTo>
                    <a:lnTo>
                      <a:pt x="21" y="488"/>
                    </a:lnTo>
                    <a:lnTo>
                      <a:pt x="28" y="505"/>
                    </a:lnTo>
                    <a:lnTo>
                      <a:pt x="31" y="513"/>
                    </a:lnTo>
                    <a:lnTo>
                      <a:pt x="35" y="520"/>
                    </a:lnTo>
                    <a:lnTo>
                      <a:pt x="40" y="527"/>
                    </a:lnTo>
                    <a:lnTo>
                      <a:pt x="45" y="535"/>
                    </a:lnTo>
                    <a:lnTo>
                      <a:pt x="52" y="541"/>
                    </a:lnTo>
                    <a:lnTo>
                      <a:pt x="58" y="547"/>
                    </a:lnTo>
                    <a:lnTo>
                      <a:pt x="65" y="554"/>
                    </a:lnTo>
                    <a:lnTo>
                      <a:pt x="75" y="560"/>
                    </a:lnTo>
                    <a:lnTo>
                      <a:pt x="91" y="560"/>
                    </a:lnTo>
                    <a:lnTo>
                      <a:pt x="108" y="560"/>
                    </a:lnTo>
                    <a:lnTo>
                      <a:pt x="123" y="560"/>
                    </a:lnTo>
                    <a:lnTo>
                      <a:pt x="140" y="560"/>
                    </a:lnTo>
                    <a:lnTo>
                      <a:pt x="155" y="579"/>
                    </a:lnTo>
                    <a:lnTo>
                      <a:pt x="170" y="598"/>
                    </a:lnTo>
                    <a:lnTo>
                      <a:pt x="185" y="616"/>
                    </a:lnTo>
                    <a:lnTo>
                      <a:pt x="202" y="633"/>
                    </a:lnTo>
                    <a:lnTo>
                      <a:pt x="212" y="641"/>
                    </a:lnTo>
                    <a:lnTo>
                      <a:pt x="221" y="648"/>
                    </a:lnTo>
                    <a:lnTo>
                      <a:pt x="232" y="655"/>
                    </a:lnTo>
                    <a:lnTo>
                      <a:pt x="243" y="660"/>
                    </a:lnTo>
                    <a:lnTo>
                      <a:pt x="256" y="664"/>
                    </a:lnTo>
                    <a:lnTo>
                      <a:pt x="270" y="668"/>
                    </a:lnTo>
                    <a:lnTo>
                      <a:pt x="283" y="670"/>
                    </a:lnTo>
                    <a:lnTo>
                      <a:pt x="299" y="672"/>
                    </a:lnTo>
                    <a:lnTo>
                      <a:pt x="303" y="670"/>
                    </a:lnTo>
                    <a:lnTo>
                      <a:pt x="308" y="668"/>
                    </a:lnTo>
                    <a:lnTo>
                      <a:pt x="311" y="666"/>
                    </a:lnTo>
                    <a:lnTo>
                      <a:pt x="314" y="663"/>
                    </a:lnTo>
                    <a:lnTo>
                      <a:pt x="319" y="657"/>
                    </a:lnTo>
                    <a:lnTo>
                      <a:pt x="324" y="650"/>
                    </a:lnTo>
                    <a:lnTo>
                      <a:pt x="330" y="644"/>
                    </a:lnTo>
                    <a:lnTo>
                      <a:pt x="336" y="639"/>
                    </a:lnTo>
                    <a:lnTo>
                      <a:pt x="340" y="637"/>
                    </a:lnTo>
                    <a:lnTo>
                      <a:pt x="344" y="636"/>
                    </a:lnTo>
                    <a:lnTo>
                      <a:pt x="350" y="635"/>
                    </a:lnTo>
                    <a:lnTo>
                      <a:pt x="355" y="635"/>
                    </a:lnTo>
                    <a:lnTo>
                      <a:pt x="360" y="635"/>
                    </a:lnTo>
                    <a:lnTo>
                      <a:pt x="364" y="635"/>
                    </a:lnTo>
                    <a:lnTo>
                      <a:pt x="367" y="637"/>
                    </a:lnTo>
                    <a:lnTo>
                      <a:pt x="369" y="640"/>
                    </a:lnTo>
                    <a:lnTo>
                      <a:pt x="372" y="646"/>
                    </a:lnTo>
                    <a:lnTo>
                      <a:pt x="373" y="655"/>
                    </a:lnTo>
                    <a:lnTo>
                      <a:pt x="374" y="663"/>
                    </a:lnTo>
                    <a:lnTo>
                      <a:pt x="377" y="669"/>
                    </a:lnTo>
                    <a:lnTo>
                      <a:pt x="379" y="672"/>
                    </a:lnTo>
                    <a:lnTo>
                      <a:pt x="382" y="673"/>
                    </a:lnTo>
                    <a:lnTo>
                      <a:pt x="388" y="673"/>
                    </a:lnTo>
                    <a:lnTo>
                      <a:pt x="393" y="672"/>
                    </a:lnTo>
                    <a:lnTo>
                      <a:pt x="407" y="662"/>
                    </a:lnTo>
                    <a:lnTo>
                      <a:pt x="420" y="653"/>
                    </a:lnTo>
                    <a:lnTo>
                      <a:pt x="433" y="641"/>
                    </a:lnTo>
                    <a:lnTo>
                      <a:pt x="445" y="629"/>
                    </a:lnTo>
                    <a:lnTo>
                      <a:pt x="455" y="617"/>
                    </a:lnTo>
                    <a:lnTo>
                      <a:pt x="463" y="602"/>
                    </a:lnTo>
                    <a:lnTo>
                      <a:pt x="468" y="595"/>
                    </a:lnTo>
                    <a:lnTo>
                      <a:pt x="472" y="586"/>
                    </a:lnTo>
                    <a:lnTo>
                      <a:pt x="475" y="578"/>
                    </a:lnTo>
                    <a:lnTo>
                      <a:pt x="477" y="569"/>
                    </a:lnTo>
                    <a:lnTo>
                      <a:pt x="469" y="565"/>
                    </a:lnTo>
                    <a:lnTo>
                      <a:pt x="460" y="561"/>
                    </a:lnTo>
                    <a:lnTo>
                      <a:pt x="453" y="557"/>
                    </a:lnTo>
                    <a:lnTo>
                      <a:pt x="446" y="550"/>
                    </a:lnTo>
                    <a:lnTo>
                      <a:pt x="439" y="545"/>
                    </a:lnTo>
                    <a:lnTo>
                      <a:pt x="434" y="539"/>
                    </a:lnTo>
                    <a:lnTo>
                      <a:pt x="429" y="532"/>
                    </a:lnTo>
                    <a:lnTo>
                      <a:pt x="425" y="523"/>
                    </a:lnTo>
                    <a:lnTo>
                      <a:pt x="420" y="515"/>
                    </a:lnTo>
                    <a:lnTo>
                      <a:pt x="417" y="506"/>
                    </a:lnTo>
                    <a:lnTo>
                      <a:pt x="415" y="496"/>
                    </a:lnTo>
                    <a:lnTo>
                      <a:pt x="413" y="486"/>
                    </a:lnTo>
                    <a:lnTo>
                      <a:pt x="412" y="475"/>
                    </a:lnTo>
                    <a:lnTo>
                      <a:pt x="411" y="463"/>
                    </a:lnTo>
                    <a:lnTo>
                      <a:pt x="411" y="450"/>
                    </a:lnTo>
                    <a:lnTo>
                      <a:pt x="412" y="438"/>
                    </a:lnTo>
                    <a:lnTo>
                      <a:pt x="441" y="427"/>
                    </a:lnTo>
                    <a:lnTo>
                      <a:pt x="469" y="416"/>
                    </a:lnTo>
                    <a:lnTo>
                      <a:pt x="482" y="408"/>
                    </a:lnTo>
                    <a:lnTo>
                      <a:pt x="495" y="402"/>
                    </a:lnTo>
                    <a:lnTo>
                      <a:pt x="508" y="395"/>
                    </a:lnTo>
                    <a:lnTo>
                      <a:pt x="519" y="386"/>
                    </a:lnTo>
                    <a:lnTo>
                      <a:pt x="531" y="378"/>
                    </a:lnTo>
                    <a:lnTo>
                      <a:pt x="542" y="369"/>
                    </a:lnTo>
                    <a:lnTo>
                      <a:pt x="553" y="360"/>
                    </a:lnTo>
                    <a:lnTo>
                      <a:pt x="564" y="350"/>
                    </a:lnTo>
                    <a:lnTo>
                      <a:pt x="573" y="340"/>
                    </a:lnTo>
                    <a:lnTo>
                      <a:pt x="582" y="329"/>
                    </a:lnTo>
                    <a:lnTo>
                      <a:pt x="591" y="319"/>
                    </a:lnTo>
                    <a:lnTo>
                      <a:pt x="599" y="307"/>
                    </a:lnTo>
                    <a:lnTo>
                      <a:pt x="586" y="307"/>
                    </a:lnTo>
                    <a:lnTo>
                      <a:pt x="574" y="306"/>
                    </a:lnTo>
                    <a:lnTo>
                      <a:pt x="570" y="305"/>
                    </a:lnTo>
                    <a:lnTo>
                      <a:pt x="566" y="304"/>
                    </a:lnTo>
                    <a:lnTo>
                      <a:pt x="561" y="302"/>
                    </a:lnTo>
                    <a:lnTo>
                      <a:pt x="559" y="300"/>
                    </a:lnTo>
                    <a:lnTo>
                      <a:pt x="554" y="295"/>
                    </a:lnTo>
                    <a:lnTo>
                      <a:pt x="551" y="288"/>
                    </a:lnTo>
                    <a:lnTo>
                      <a:pt x="549" y="281"/>
                    </a:lnTo>
                    <a:lnTo>
                      <a:pt x="548" y="274"/>
                    </a:lnTo>
                    <a:lnTo>
                      <a:pt x="548" y="256"/>
                    </a:lnTo>
                    <a:lnTo>
                      <a:pt x="548" y="238"/>
                    </a:lnTo>
                    <a:lnTo>
                      <a:pt x="548" y="228"/>
                    </a:lnTo>
                    <a:lnTo>
                      <a:pt x="547" y="220"/>
                    </a:lnTo>
                    <a:lnTo>
                      <a:pt x="546" y="211"/>
                    </a:lnTo>
                    <a:lnTo>
                      <a:pt x="542" y="204"/>
                    </a:lnTo>
                    <a:lnTo>
                      <a:pt x="521" y="200"/>
                    </a:lnTo>
                    <a:lnTo>
                      <a:pt x="503" y="197"/>
                    </a:lnTo>
                    <a:lnTo>
                      <a:pt x="496" y="192"/>
                    </a:lnTo>
                    <a:lnTo>
                      <a:pt x="490" y="187"/>
                    </a:lnTo>
                    <a:lnTo>
                      <a:pt x="483" y="179"/>
                    </a:lnTo>
                    <a:lnTo>
                      <a:pt x="477" y="166"/>
                    </a:lnTo>
                    <a:lnTo>
                      <a:pt x="474" y="170"/>
                    </a:lnTo>
                    <a:lnTo>
                      <a:pt x="468" y="173"/>
                    </a:lnTo>
                    <a:lnTo>
                      <a:pt x="459" y="177"/>
                    </a:lnTo>
                    <a:lnTo>
                      <a:pt x="451" y="180"/>
                    </a:lnTo>
                    <a:lnTo>
                      <a:pt x="442" y="181"/>
                    </a:lnTo>
                    <a:lnTo>
                      <a:pt x="435" y="181"/>
                    </a:lnTo>
                    <a:lnTo>
                      <a:pt x="433" y="180"/>
                    </a:lnTo>
                    <a:lnTo>
                      <a:pt x="431" y="179"/>
                    </a:lnTo>
                    <a:lnTo>
                      <a:pt x="430" y="178"/>
                    </a:lnTo>
                    <a:lnTo>
                      <a:pt x="431" y="176"/>
                    </a:lnTo>
                    <a:lnTo>
                      <a:pt x="429" y="170"/>
                    </a:lnTo>
                    <a:lnTo>
                      <a:pt x="428" y="165"/>
                    </a:lnTo>
                    <a:lnTo>
                      <a:pt x="428" y="159"/>
                    </a:lnTo>
                    <a:lnTo>
                      <a:pt x="429" y="152"/>
                    </a:lnTo>
                    <a:lnTo>
                      <a:pt x="432" y="139"/>
                    </a:lnTo>
                    <a:lnTo>
                      <a:pt x="437" y="123"/>
                    </a:lnTo>
                    <a:lnTo>
                      <a:pt x="449" y="92"/>
                    </a:lnTo>
                    <a:lnTo>
                      <a:pt x="458" y="63"/>
                    </a:lnTo>
                    <a:lnTo>
                      <a:pt x="442" y="50"/>
                    </a:lnTo>
                    <a:lnTo>
                      <a:pt x="426" y="40"/>
                    </a:lnTo>
                    <a:lnTo>
                      <a:pt x="408" y="30"/>
                    </a:lnTo>
                    <a:lnTo>
                      <a:pt x="390" y="22"/>
                    </a:lnTo>
                    <a:lnTo>
                      <a:pt x="371" y="16"/>
                    </a:lnTo>
                    <a:lnTo>
                      <a:pt x="352" y="10"/>
                    </a:lnTo>
                    <a:lnTo>
                      <a:pt x="332" y="6"/>
                    </a:lnTo>
                    <a:lnTo>
                      <a:pt x="312" y="3"/>
                    </a:lnTo>
                    <a:lnTo>
                      <a:pt x="291" y="1"/>
                    </a:lnTo>
                    <a:lnTo>
                      <a:pt x="271" y="0"/>
                    </a:lnTo>
                    <a:lnTo>
                      <a:pt x="250" y="0"/>
                    </a:lnTo>
                    <a:lnTo>
                      <a:pt x="230" y="0"/>
                    </a:lnTo>
                    <a:lnTo>
                      <a:pt x="189" y="3"/>
                    </a:lnTo>
                    <a:lnTo>
                      <a:pt x="150" y="7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99" name="Assens kant"/>
              <p:cNvSpPr>
                <a:spLocks/>
              </p:cNvSpPr>
              <p:nvPr/>
            </p:nvSpPr>
            <p:spPr bwMode="auto">
              <a:xfrm>
                <a:off x="1951038" y="5297488"/>
                <a:ext cx="317500" cy="357188"/>
              </a:xfrm>
              <a:custGeom>
                <a:avLst/>
                <a:gdLst>
                  <a:gd name="T0" fmla="*/ 50 w 599"/>
                  <a:gd name="T1" fmla="*/ 12 h 673"/>
                  <a:gd name="T2" fmla="*/ 54 w 599"/>
                  <a:gd name="T3" fmla="*/ 28 h 673"/>
                  <a:gd name="T4" fmla="*/ 40 w 599"/>
                  <a:gd name="T5" fmla="*/ 44 h 673"/>
                  <a:gd name="T6" fmla="*/ 34 w 599"/>
                  <a:gd name="T7" fmla="*/ 45 h 673"/>
                  <a:gd name="T8" fmla="*/ 27 w 599"/>
                  <a:gd name="T9" fmla="*/ 45 h 673"/>
                  <a:gd name="T10" fmla="*/ 21 w 599"/>
                  <a:gd name="T11" fmla="*/ 47 h 673"/>
                  <a:gd name="T12" fmla="*/ 18 w 599"/>
                  <a:gd name="T13" fmla="*/ 58 h 673"/>
                  <a:gd name="T14" fmla="*/ 8 w 599"/>
                  <a:gd name="T15" fmla="*/ 74 h 673"/>
                  <a:gd name="T16" fmla="*/ 2 w 599"/>
                  <a:gd name="T17" fmla="*/ 86 h 673"/>
                  <a:gd name="T18" fmla="*/ 2 w 599"/>
                  <a:gd name="T19" fmla="*/ 100 h 673"/>
                  <a:gd name="T20" fmla="*/ 4 w 599"/>
                  <a:gd name="T21" fmla="*/ 120 h 673"/>
                  <a:gd name="T22" fmla="*/ 5 w 599"/>
                  <a:gd name="T23" fmla="*/ 152 h 673"/>
                  <a:gd name="T24" fmla="*/ 9 w 599"/>
                  <a:gd name="T25" fmla="*/ 169 h 673"/>
                  <a:gd name="T26" fmla="*/ 13 w 599"/>
                  <a:gd name="T27" fmla="*/ 176 h 673"/>
                  <a:gd name="T28" fmla="*/ 19 w 599"/>
                  <a:gd name="T29" fmla="*/ 183 h 673"/>
                  <a:gd name="T30" fmla="*/ 30 w 599"/>
                  <a:gd name="T31" fmla="*/ 187 h 673"/>
                  <a:gd name="T32" fmla="*/ 47 w 599"/>
                  <a:gd name="T33" fmla="*/ 187 h 673"/>
                  <a:gd name="T34" fmla="*/ 62 w 599"/>
                  <a:gd name="T35" fmla="*/ 206 h 673"/>
                  <a:gd name="T36" fmla="*/ 74 w 599"/>
                  <a:gd name="T37" fmla="*/ 217 h 673"/>
                  <a:gd name="T38" fmla="*/ 85 w 599"/>
                  <a:gd name="T39" fmla="*/ 222 h 673"/>
                  <a:gd name="T40" fmla="*/ 100 w 599"/>
                  <a:gd name="T41" fmla="*/ 225 h 673"/>
                  <a:gd name="T42" fmla="*/ 104 w 599"/>
                  <a:gd name="T43" fmla="*/ 223 h 673"/>
                  <a:gd name="T44" fmla="*/ 108 w 599"/>
                  <a:gd name="T45" fmla="*/ 217 h 673"/>
                  <a:gd name="T46" fmla="*/ 114 w 599"/>
                  <a:gd name="T47" fmla="*/ 213 h 673"/>
                  <a:gd name="T48" fmla="*/ 119 w 599"/>
                  <a:gd name="T49" fmla="*/ 212 h 673"/>
                  <a:gd name="T50" fmla="*/ 123 w 599"/>
                  <a:gd name="T51" fmla="*/ 213 h 673"/>
                  <a:gd name="T52" fmla="*/ 125 w 599"/>
                  <a:gd name="T53" fmla="*/ 219 h 673"/>
                  <a:gd name="T54" fmla="*/ 127 w 599"/>
                  <a:gd name="T55" fmla="*/ 225 h 673"/>
                  <a:gd name="T56" fmla="*/ 131 w 599"/>
                  <a:gd name="T57" fmla="*/ 225 h 673"/>
                  <a:gd name="T58" fmla="*/ 145 w 599"/>
                  <a:gd name="T59" fmla="*/ 214 h 673"/>
                  <a:gd name="T60" fmla="*/ 155 w 599"/>
                  <a:gd name="T61" fmla="*/ 201 h 673"/>
                  <a:gd name="T62" fmla="*/ 159 w 599"/>
                  <a:gd name="T63" fmla="*/ 193 h 673"/>
                  <a:gd name="T64" fmla="*/ 154 w 599"/>
                  <a:gd name="T65" fmla="*/ 188 h 673"/>
                  <a:gd name="T66" fmla="*/ 147 w 599"/>
                  <a:gd name="T67" fmla="*/ 182 h 673"/>
                  <a:gd name="T68" fmla="*/ 142 w 599"/>
                  <a:gd name="T69" fmla="*/ 175 h 673"/>
                  <a:gd name="T70" fmla="*/ 139 w 599"/>
                  <a:gd name="T71" fmla="*/ 166 h 673"/>
                  <a:gd name="T72" fmla="*/ 137 w 599"/>
                  <a:gd name="T73" fmla="*/ 155 h 673"/>
                  <a:gd name="T74" fmla="*/ 147 w 599"/>
                  <a:gd name="T75" fmla="*/ 143 h 673"/>
                  <a:gd name="T76" fmla="*/ 165 w 599"/>
                  <a:gd name="T77" fmla="*/ 134 h 673"/>
                  <a:gd name="T78" fmla="*/ 177 w 599"/>
                  <a:gd name="T79" fmla="*/ 126 h 673"/>
                  <a:gd name="T80" fmla="*/ 188 w 599"/>
                  <a:gd name="T81" fmla="*/ 117 h 673"/>
                  <a:gd name="T82" fmla="*/ 197 w 599"/>
                  <a:gd name="T83" fmla="*/ 107 h 673"/>
                  <a:gd name="T84" fmla="*/ 192 w 599"/>
                  <a:gd name="T85" fmla="*/ 102 h 673"/>
                  <a:gd name="T86" fmla="*/ 187 w 599"/>
                  <a:gd name="T87" fmla="*/ 101 h 673"/>
                  <a:gd name="T88" fmla="*/ 184 w 599"/>
                  <a:gd name="T89" fmla="*/ 96 h 673"/>
                  <a:gd name="T90" fmla="*/ 183 w 599"/>
                  <a:gd name="T91" fmla="*/ 86 h 673"/>
                  <a:gd name="T92" fmla="*/ 183 w 599"/>
                  <a:gd name="T93" fmla="*/ 74 h 673"/>
                  <a:gd name="T94" fmla="*/ 174 w 599"/>
                  <a:gd name="T95" fmla="*/ 67 h 673"/>
                  <a:gd name="T96" fmla="*/ 164 w 599"/>
                  <a:gd name="T97" fmla="*/ 63 h 673"/>
                  <a:gd name="T98" fmla="*/ 158 w 599"/>
                  <a:gd name="T99" fmla="*/ 57 h 673"/>
                  <a:gd name="T100" fmla="*/ 151 w 599"/>
                  <a:gd name="T101" fmla="*/ 60 h 673"/>
                  <a:gd name="T102" fmla="*/ 145 w 599"/>
                  <a:gd name="T103" fmla="*/ 60 h 673"/>
                  <a:gd name="T104" fmla="*/ 144 w 599"/>
                  <a:gd name="T105" fmla="*/ 59 h 673"/>
                  <a:gd name="T106" fmla="*/ 143 w 599"/>
                  <a:gd name="T107" fmla="*/ 53 h 673"/>
                  <a:gd name="T108" fmla="*/ 146 w 599"/>
                  <a:gd name="T109" fmla="*/ 41 h 673"/>
                  <a:gd name="T110" fmla="*/ 148 w 599"/>
                  <a:gd name="T111" fmla="*/ 17 h 673"/>
                  <a:gd name="T112" fmla="*/ 130 w 599"/>
                  <a:gd name="T113" fmla="*/ 7 h 673"/>
                  <a:gd name="T114" fmla="*/ 111 w 599"/>
                  <a:gd name="T115" fmla="*/ 2 h 673"/>
                  <a:gd name="T116" fmla="*/ 90 w 599"/>
                  <a:gd name="T117" fmla="*/ 0 h 673"/>
                  <a:gd name="T118" fmla="*/ 63 w 599"/>
                  <a:gd name="T119" fmla="*/ 1 h 673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599" h="673">
                    <a:moveTo>
                      <a:pt x="150" y="7"/>
                    </a:moveTo>
                    <a:lnTo>
                      <a:pt x="149" y="23"/>
                    </a:lnTo>
                    <a:lnTo>
                      <a:pt x="150" y="37"/>
                    </a:lnTo>
                    <a:lnTo>
                      <a:pt x="152" y="50"/>
                    </a:lnTo>
                    <a:lnTo>
                      <a:pt x="155" y="62"/>
                    </a:lnTo>
                    <a:lnTo>
                      <a:pt x="162" y="85"/>
                    </a:lnTo>
                    <a:lnTo>
                      <a:pt x="169" y="110"/>
                    </a:lnTo>
                    <a:lnTo>
                      <a:pt x="143" y="122"/>
                    </a:lnTo>
                    <a:lnTo>
                      <a:pt x="121" y="132"/>
                    </a:lnTo>
                    <a:lnTo>
                      <a:pt x="115" y="133"/>
                    </a:lnTo>
                    <a:lnTo>
                      <a:pt x="109" y="136"/>
                    </a:lnTo>
                    <a:lnTo>
                      <a:pt x="103" y="136"/>
                    </a:lnTo>
                    <a:lnTo>
                      <a:pt x="96" y="136"/>
                    </a:lnTo>
                    <a:lnTo>
                      <a:pt x="90" y="136"/>
                    </a:lnTo>
                    <a:lnTo>
                      <a:pt x="82" y="135"/>
                    </a:lnTo>
                    <a:lnTo>
                      <a:pt x="74" y="132"/>
                    </a:lnTo>
                    <a:lnTo>
                      <a:pt x="65" y="129"/>
                    </a:lnTo>
                    <a:lnTo>
                      <a:pt x="64" y="141"/>
                    </a:lnTo>
                    <a:lnTo>
                      <a:pt x="62" y="152"/>
                    </a:lnTo>
                    <a:lnTo>
                      <a:pt x="59" y="163"/>
                    </a:lnTo>
                    <a:lnTo>
                      <a:pt x="55" y="172"/>
                    </a:lnTo>
                    <a:lnTo>
                      <a:pt x="46" y="190"/>
                    </a:lnTo>
                    <a:lnTo>
                      <a:pt x="35" y="206"/>
                    </a:lnTo>
                    <a:lnTo>
                      <a:pt x="24" y="222"/>
                    </a:lnTo>
                    <a:lnTo>
                      <a:pt x="14" y="239"/>
                    </a:lnTo>
                    <a:lnTo>
                      <a:pt x="9" y="248"/>
                    </a:lnTo>
                    <a:lnTo>
                      <a:pt x="5" y="258"/>
                    </a:lnTo>
                    <a:lnTo>
                      <a:pt x="2" y="267"/>
                    </a:lnTo>
                    <a:lnTo>
                      <a:pt x="0" y="279"/>
                    </a:lnTo>
                    <a:lnTo>
                      <a:pt x="5" y="298"/>
                    </a:lnTo>
                    <a:lnTo>
                      <a:pt x="10" y="318"/>
                    </a:lnTo>
                    <a:lnTo>
                      <a:pt x="12" y="338"/>
                    </a:lnTo>
                    <a:lnTo>
                      <a:pt x="13" y="358"/>
                    </a:lnTo>
                    <a:lnTo>
                      <a:pt x="14" y="397"/>
                    </a:lnTo>
                    <a:lnTo>
                      <a:pt x="15" y="436"/>
                    </a:lnTo>
                    <a:lnTo>
                      <a:pt x="16" y="454"/>
                    </a:lnTo>
                    <a:lnTo>
                      <a:pt x="18" y="471"/>
                    </a:lnTo>
                    <a:lnTo>
                      <a:pt x="21" y="488"/>
                    </a:lnTo>
                    <a:lnTo>
                      <a:pt x="28" y="505"/>
                    </a:lnTo>
                    <a:lnTo>
                      <a:pt x="31" y="513"/>
                    </a:lnTo>
                    <a:lnTo>
                      <a:pt x="35" y="520"/>
                    </a:lnTo>
                    <a:lnTo>
                      <a:pt x="40" y="527"/>
                    </a:lnTo>
                    <a:lnTo>
                      <a:pt x="45" y="535"/>
                    </a:lnTo>
                    <a:lnTo>
                      <a:pt x="52" y="541"/>
                    </a:lnTo>
                    <a:lnTo>
                      <a:pt x="58" y="547"/>
                    </a:lnTo>
                    <a:lnTo>
                      <a:pt x="65" y="554"/>
                    </a:lnTo>
                    <a:lnTo>
                      <a:pt x="75" y="560"/>
                    </a:lnTo>
                    <a:lnTo>
                      <a:pt x="91" y="560"/>
                    </a:lnTo>
                    <a:lnTo>
                      <a:pt x="108" y="560"/>
                    </a:lnTo>
                    <a:lnTo>
                      <a:pt x="123" y="560"/>
                    </a:lnTo>
                    <a:lnTo>
                      <a:pt x="140" y="560"/>
                    </a:lnTo>
                    <a:lnTo>
                      <a:pt x="155" y="579"/>
                    </a:lnTo>
                    <a:lnTo>
                      <a:pt x="170" y="598"/>
                    </a:lnTo>
                    <a:lnTo>
                      <a:pt x="185" y="616"/>
                    </a:lnTo>
                    <a:lnTo>
                      <a:pt x="202" y="633"/>
                    </a:lnTo>
                    <a:lnTo>
                      <a:pt x="212" y="641"/>
                    </a:lnTo>
                    <a:lnTo>
                      <a:pt x="221" y="648"/>
                    </a:lnTo>
                    <a:lnTo>
                      <a:pt x="232" y="655"/>
                    </a:lnTo>
                    <a:lnTo>
                      <a:pt x="243" y="660"/>
                    </a:lnTo>
                    <a:lnTo>
                      <a:pt x="256" y="664"/>
                    </a:lnTo>
                    <a:lnTo>
                      <a:pt x="270" y="668"/>
                    </a:lnTo>
                    <a:lnTo>
                      <a:pt x="283" y="670"/>
                    </a:lnTo>
                    <a:lnTo>
                      <a:pt x="299" y="672"/>
                    </a:lnTo>
                    <a:lnTo>
                      <a:pt x="303" y="670"/>
                    </a:lnTo>
                    <a:lnTo>
                      <a:pt x="308" y="668"/>
                    </a:lnTo>
                    <a:lnTo>
                      <a:pt x="311" y="666"/>
                    </a:lnTo>
                    <a:lnTo>
                      <a:pt x="314" y="663"/>
                    </a:lnTo>
                    <a:lnTo>
                      <a:pt x="319" y="657"/>
                    </a:lnTo>
                    <a:lnTo>
                      <a:pt x="324" y="650"/>
                    </a:lnTo>
                    <a:lnTo>
                      <a:pt x="330" y="644"/>
                    </a:lnTo>
                    <a:lnTo>
                      <a:pt x="336" y="639"/>
                    </a:lnTo>
                    <a:lnTo>
                      <a:pt x="340" y="637"/>
                    </a:lnTo>
                    <a:lnTo>
                      <a:pt x="344" y="636"/>
                    </a:lnTo>
                    <a:lnTo>
                      <a:pt x="350" y="635"/>
                    </a:lnTo>
                    <a:lnTo>
                      <a:pt x="355" y="635"/>
                    </a:lnTo>
                    <a:lnTo>
                      <a:pt x="360" y="635"/>
                    </a:lnTo>
                    <a:lnTo>
                      <a:pt x="364" y="635"/>
                    </a:lnTo>
                    <a:lnTo>
                      <a:pt x="367" y="637"/>
                    </a:lnTo>
                    <a:lnTo>
                      <a:pt x="369" y="640"/>
                    </a:lnTo>
                    <a:lnTo>
                      <a:pt x="372" y="646"/>
                    </a:lnTo>
                    <a:lnTo>
                      <a:pt x="373" y="655"/>
                    </a:lnTo>
                    <a:lnTo>
                      <a:pt x="374" y="663"/>
                    </a:lnTo>
                    <a:lnTo>
                      <a:pt x="377" y="669"/>
                    </a:lnTo>
                    <a:lnTo>
                      <a:pt x="379" y="672"/>
                    </a:lnTo>
                    <a:lnTo>
                      <a:pt x="382" y="673"/>
                    </a:lnTo>
                    <a:lnTo>
                      <a:pt x="388" y="673"/>
                    </a:lnTo>
                    <a:lnTo>
                      <a:pt x="393" y="672"/>
                    </a:lnTo>
                    <a:lnTo>
                      <a:pt x="407" y="662"/>
                    </a:lnTo>
                    <a:lnTo>
                      <a:pt x="420" y="653"/>
                    </a:lnTo>
                    <a:lnTo>
                      <a:pt x="433" y="641"/>
                    </a:lnTo>
                    <a:lnTo>
                      <a:pt x="445" y="629"/>
                    </a:lnTo>
                    <a:lnTo>
                      <a:pt x="455" y="617"/>
                    </a:lnTo>
                    <a:lnTo>
                      <a:pt x="463" y="602"/>
                    </a:lnTo>
                    <a:lnTo>
                      <a:pt x="468" y="595"/>
                    </a:lnTo>
                    <a:lnTo>
                      <a:pt x="472" y="586"/>
                    </a:lnTo>
                    <a:lnTo>
                      <a:pt x="475" y="578"/>
                    </a:lnTo>
                    <a:lnTo>
                      <a:pt x="477" y="569"/>
                    </a:lnTo>
                    <a:lnTo>
                      <a:pt x="469" y="565"/>
                    </a:lnTo>
                    <a:lnTo>
                      <a:pt x="460" y="561"/>
                    </a:lnTo>
                    <a:lnTo>
                      <a:pt x="453" y="557"/>
                    </a:lnTo>
                    <a:lnTo>
                      <a:pt x="446" y="550"/>
                    </a:lnTo>
                    <a:lnTo>
                      <a:pt x="439" y="545"/>
                    </a:lnTo>
                    <a:lnTo>
                      <a:pt x="434" y="539"/>
                    </a:lnTo>
                    <a:lnTo>
                      <a:pt x="429" y="532"/>
                    </a:lnTo>
                    <a:lnTo>
                      <a:pt x="425" y="523"/>
                    </a:lnTo>
                    <a:lnTo>
                      <a:pt x="420" y="515"/>
                    </a:lnTo>
                    <a:lnTo>
                      <a:pt x="417" y="506"/>
                    </a:lnTo>
                    <a:lnTo>
                      <a:pt x="415" y="496"/>
                    </a:lnTo>
                    <a:lnTo>
                      <a:pt x="413" y="486"/>
                    </a:lnTo>
                    <a:lnTo>
                      <a:pt x="412" y="475"/>
                    </a:lnTo>
                    <a:lnTo>
                      <a:pt x="411" y="463"/>
                    </a:lnTo>
                    <a:lnTo>
                      <a:pt x="411" y="450"/>
                    </a:lnTo>
                    <a:lnTo>
                      <a:pt x="412" y="438"/>
                    </a:lnTo>
                    <a:lnTo>
                      <a:pt x="441" y="427"/>
                    </a:lnTo>
                    <a:lnTo>
                      <a:pt x="469" y="416"/>
                    </a:lnTo>
                    <a:lnTo>
                      <a:pt x="482" y="408"/>
                    </a:lnTo>
                    <a:lnTo>
                      <a:pt x="495" y="402"/>
                    </a:lnTo>
                    <a:lnTo>
                      <a:pt x="508" y="395"/>
                    </a:lnTo>
                    <a:lnTo>
                      <a:pt x="519" y="386"/>
                    </a:lnTo>
                    <a:lnTo>
                      <a:pt x="531" y="378"/>
                    </a:lnTo>
                    <a:lnTo>
                      <a:pt x="542" y="369"/>
                    </a:lnTo>
                    <a:lnTo>
                      <a:pt x="553" y="360"/>
                    </a:lnTo>
                    <a:lnTo>
                      <a:pt x="564" y="350"/>
                    </a:lnTo>
                    <a:lnTo>
                      <a:pt x="573" y="340"/>
                    </a:lnTo>
                    <a:lnTo>
                      <a:pt x="582" y="329"/>
                    </a:lnTo>
                    <a:lnTo>
                      <a:pt x="591" y="319"/>
                    </a:lnTo>
                    <a:lnTo>
                      <a:pt x="599" y="307"/>
                    </a:lnTo>
                    <a:lnTo>
                      <a:pt x="586" y="307"/>
                    </a:lnTo>
                    <a:lnTo>
                      <a:pt x="574" y="306"/>
                    </a:lnTo>
                    <a:lnTo>
                      <a:pt x="570" y="305"/>
                    </a:lnTo>
                    <a:lnTo>
                      <a:pt x="566" y="304"/>
                    </a:lnTo>
                    <a:lnTo>
                      <a:pt x="561" y="302"/>
                    </a:lnTo>
                    <a:lnTo>
                      <a:pt x="559" y="300"/>
                    </a:lnTo>
                    <a:lnTo>
                      <a:pt x="554" y="295"/>
                    </a:lnTo>
                    <a:lnTo>
                      <a:pt x="551" y="288"/>
                    </a:lnTo>
                    <a:lnTo>
                      <a:pt x="549" y="281"/>
                    </a:lnTo>
                    <a:lnTo>
                      <a:pt x="548" y="274"/>
                    </a:lnTo>
                    <a:lnTo>
                      <a:pt x="548" y="256"/>
                    </a:lnTo>
                    <a:lnTo>
                      <a:pt x="548" y="238"/>
                    </a:lnTo>
                    <a:lnTo>
                      <a:pt x="548" y="228"/>
                    </a:lnTo>
                    <a:lnTo>
                      <a:pt x="547" y="220"/>
                    </a:lnTo>
                    <a:lnTo>
                      <a:pt x="546" y="211"/>
                    </a:lnTo>
                    <a:lnTo>
                      <a:pt x="542" y="204"/>
                    </a:lnTo>
                    <a:lnTo>
                      <a:pt x="521" y="200"/>
                    </a:lnTo>
                    <a:lnTo>
                      <a:pt x="503" y="197"/>
                    </a:lnTo>
                    <a:lnTo>
                      <a:pt x="496" y="192"/>
                    </a:lnTo>
                    <a:lnTo>
                      <a:pt x="490" y="187"/>
                    </a:lnTo>
                    <a:lnTo>
                      <a:pt x="483" y="179"/>
                    </a:lnTo>
                    <a:lnTo>
                      <a:pt x="477" y="166"/>
                    </a:lnTo>
                    <a:lnTo>
                      <a:pt x="474" y="170"/>
                    </a:lnTo>
                    <a:lnTo>
                      <a:pt x="468" y="173"/>
                    </a:lnTo>
                    <a:lnTo>
                      <a:pt x="459" y="177"/>
                    </a:lnTo>
                    <a:lnTo>
                      <a:pt x="451" y="180"/>
                    </a:lnTo>
                    <a:lnTo>
                      <a:pt x="442" y="181"/>
                    </a:lnTo>
                    <a:lnTo>
                      <a:pt x="435" y="181"/>
                    </a:lnTo>
                    <a:lnTo>
                      <a:pt x="433" y="180"/>
                    </a:lnTo>
                    <a:lnTo>
                      <a:pt x="431" y="179"/>
                    </a:lnTo>
                    <a:lnTo>
                      <a:pt x="430" y="178"/>
                    </a:lnTo>
                    <a:lnTo>
                      <a:pt x="431" y="176"/>
                    </a:lnTo>
                    <a:lnTo>
                      <a:pt x="429" y="170"/>
                    </a:lnTo>
                    <a:lnTo>
                      <a:pt x="428" y="165"/>
                    </a:lnTo>
                    <a:lnTo>
                      <a:pt x="428" y="159"/>
                    </a:lnTo>
                    <a:lnTo>
                      <a:pt x="429" y="152"/>
                    </a:lnTo>
                    <a:lnTo>
                      <a:pt x="432" y="139"/>
                    </a:lnTo>
                    <a:lnTo>
                      <a:pt x="437" y="123"/>
                    </a:lnTo>
                    <a:lnTo>
                      <a:pt x="449" y="92"/>
                    </a:lnTo>
                    <a:lnTo>
                      <a:pt x="458" y="63"/>
                    </a:lnTo>
                    <a:lnTo>
                      <a:pt x="442" y="50"/>
                    </a:lnTo>
                    <a:lnTo>
                      <a:pt x="426" y="40"/>
                    </a:lnTo>
                    <a:lnTo>
                      <a:pt x="408" y="30"/>
                    </a:lnTo>
                    <a:lnTo>
                      <a:pt x="390" y="22"/>
                    </a:lnTo>
                    <a:lnTo>
                      <a:pt x="371" y="16"/>
                    </a:lnTo>
                    <a:lnTo>
                      <a:pt x="352" y="10"/>
                    </a:lnTo>
                    <a:lnTo>
                      <a:pt x="332" y="6"/>
                    </a:lnTo>
                    <a:lnTo>
                      <a:pt x="312" y="3"/>
                    </a:lnTo>
                    <a:lnTo>
                      <a:pt x="291" y="1"/>
                    </a:lnTo>
                    <a:lnTo>
                      <a:pt x="271" y="0"/>
                    </a:lnTo>
                    <a:lnTo>
                      <a:pt x="250" y="0"/>
                    </a:lnTo>
                    <a:lnTo>
                      <a:pt x="230" y="0"/>
                    </a:lnTo>
                    <a:lnTo>
                      <a:pt x="189" y="3"/>
                    </a:lnTo>
                    <a:lnTo>
                      <a:pt x="150" y="7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46" name="Freeform 344"/>
            <p:cNvSpPr>
              <a:spLocks/>
            </p:cNvSpPr>
            <p:nvPr/>
          </p:nvSpPr>
          <p:spPr bwMode="auto">
            <a:xfrm>
              <a:off x="2492375" y="5316538"/>
              <a:ext cx="217488" cy="331788"/>
            </a:xfrm>
            <a:custGeom>
              <a:avLst/>
              <a:gdLst>
                <a:gd name="T0" fmla="*/ 65 w 411"/>
                <a:gd name="T1" fmla="*/ 165 h 626"/>
                <a:gd name="T2" fmla="*/ 64 w 411"/>
                <a:gd name="T3" fmla="*/ 182 h 626"/>
                <a:gd name="T4" fmla="*/ 68 w 411"/>
                <a:gd name="T5" fmla="*/ 195 h 626"/>
                <a:gd name="T6" fmla="*/ 77 w 411"/>
                <a:gd name="T7" fmla="*/ 199 h 626"/>
                <a:gd name="T8" fmla="*/ 91 w 411"/>
                <a:gd name="T9" fmla="*/ 207 h 626"/>
                <a:gd name="T10" fmla="*/ 100 w 411"/>
                <a:gd name="T11" fmla="*/ 209 h 626"/>
                <a:gd name="T12" fmla="*/ 104 w 411"/>
                <a:gd name="T13" fmla="*/ 202 h 626"/>
                <a:gd name="T14" fmla="*/ 108 w 411"/>
                <a:gd name="T15" fmla="*/ 190 h 626"/>
                <a:gd name="T16" fmla="*/ 114 w 411"/>
                <a:gd name="T17" fmla="*/ 181 h 626"/>
                <a:gd name="T18" fmla="*/ 121 w 411"/>
                <a:gd name="T19" fmla="*/ 174 h 626"/>
                <a:gd name="T20" fmla="*/ 129 w 411"/>
                <a:gd name="T21" fmla="*/ 169 h 626"/>
                <a:gd name="T22" fmla="*/ 134 w 411"/>
                <a:gd name="T23" fmla="*/ 164 h 626"/>
                <a:gd name="T24" fmla="*/ 133 w 411"/>
                <a:gd name="T25" fmla="*/ 151 h 626"/>
                <a:gd name="T26" fmla="*/ 125 w 411"/>
                <a:gd name="T27" fmla="*/ 121 h 626"/>
                <a:gd name="T28" fmla="*/ 115 w 411"/>
                <a:gd name="T29" fmla="*/ 93 h 626"/>
                <a:gd name="T30" fmla="*/ 120 w 411"/>
                <a:gd name="T31" fmla="*/ 93 h 626"/>
                <a:gd name="T32" fmla="*/ 125 w 411"/>
                <a:gd name="T33" fmla="*/ 89 h 626"/>
                <a:gd name="T34" fmla="*/ 131 w 411"/>
                <a:gd name="T35" fmla="*/ 87 h 626"/>
                <a:gd name="T36" fmla="*/ 137 w 411"/>
                <a:gd name="T37" fmla="*/ 87 h 626"/>
                <a:gd name="T38" fmla="*/ 131 w 411"/>
                <a:gd name="T39" fmla="*/ 68 h 626"/>
                <a:gd name="T40" fmla="*/ 124 w 411"/>
                <a:gd name="T41" fmla="*/ 49 h 626"/>
                <a:gd name="T42" fmla="*/ 116 w 411"/>
                <a:gd name="T43" fmla="*/ 33 h 626"/>
                <a:gd name="T44" fmla="*/ 105 w 411"/>
                <a:gd name="T45" fmla="*/ 18 h 626"/>
                <a:gd name="T46" fmla="*/ 94 w 411"/>
                <a:gd name="T47" fmla="*/ 4 h 626"/>
                <a:gd name="T48" fmla="*/ 90 w 411"/>
                <a:gd name="T49" fmla="*/ 2 h 626"/>
                <a:gd name="T50" fmla="*/ 88 w 411"/>
                <a:gd name="T51" fmla="*/ 5 h 626"/>
                <a:gd name="T52" fmla="*/ 81 w 411"/>
                <a:gd name="T53" fmla="*/ 7 h 626"/>
                <a:gd name="T54" fmla="*/ 69 w 411"/>
                <a:gd name="T55" fmla="*/ 5 h 626"/>
                <a:gd name="T56" fmla="*/ 59 w 411"/>
                <a:gd name="T57" fmla="*/ 6 h 626"/>
                <a:gd name="T58" fmla="*/ 56 w 411"/>
                <a:gd name="T59" fmla="*/ 8 h 626"/>
                <a:gd name="T60" fmla="*/ 60 w 411"/>
                <a:gd name="T61" fmla="*/ 15 h 626"/>
                <a:gd name="T62" fmla="*/ 62 w 411"/>
                <a:gd name="T63" fmla="*/ 23 h 626"/>
                <a:gd name="T64" fmla="*/ 59 w 411"/>
                <a:gd name="T65" fmla="*/ 31 h 626"/>
                <a:gd name="T66" fmla="*/ 52 w 411"/>
                <a:gd name="T67" fmla="*/ 37 h 626"/>
                <a:gd name="T68" fmla="*/ 44 w 411"/>
                <a:gd name="T69" fmla="*/ 42 h 626"/>
                <a:gd name="T70" fmla="*/ 43 w 411"/>
                <a:gd name="T71" fmla="*/ 44 h 626"/>
                <a:gd name="T72" fmla="*/ 55 w 411"/>
                <a:gd name="T73" fmla="*/ 47 h 626"/>
                <a:gd name="T74" fmla="*/ 58 w 411"/>
                <a:gd name="T75" fmla="*/ 52 h 626"/>
                <a:gd name="T76" fmla="*/ 56 w 411"/>
                <a:gd name="T77" fmla="*/ 60 h 626"/>
                <a:gd name="T78" fmla="*/ 48 w 411"/>
                <a:gd name="T79" fmla="*/ 72 h 626"/>
                <a:gd name="T80" fmla="*/ 37 w 411"/>
                <a:gd name="T81" fmla="*/ 81 h 626"/>
                <a:gd name="T82" fmla="*/ 39 w 411"/>
                <a:gd name="T83" fmla="*/ 88 h 626"/>
                <a:gd name="T84" fmla="*/ 43 w 411"/>
                <a:gd name="T85" fmla="*/ 94 h 626"/>
                <a:gd name="T86" fmla="*/ 41 w 411"/>
                <a:gd name="T87" fmla="*/ 100 h 626"/>
                <a:gd name="T88" fmla="*/ 34 w 411"/>
                <a:gd name="T89" fmla="*/ 101 h 626"/>
                <a:gd name="T90" fmla="*/ 30 w 411"/>
                <a:gd name="T91" fmla="*/ 105 h 626"/>
                <a:gd name="T92" fmla="*/ 28 w 411"/>
                <a:gd name="T93" fmla="*/ 112 h 626"/>
                <a:gd name="T94" fmla="*/ 28 w 411"/>
                <a:gd name="T95" fmla="*/ 122 h 626"/>
                <a:gd name="T96" fmla="*/ 23 w 411"/>
                <a:gd name="T97" fmla="*/ 129 h 626"/>
                <a:gd name="T98" fmla="*/ 15 w 411"/>
                <a:gd name="T99" fmla="*/ 133 h 626"/>
                <a:gd name="T100" fmla="*/ 6 w 411"/>
                <a:gd name="T101" fmla="*/ 140 h 626"/>
                <a:gd name="T102" fmla="*/ 1 w 411"/>
                <a:gd name="T103" fmla="*/ 141 h 626"/>
                <a:gd name="T104" fmla="*/ 14 w 411"/>
                <a:gd name="T105" fmla="*/ 148 h 626"/>
                <a:gd name="T106" fmla="*/ 32 w 411"/>
                <a:gd name="T107" fmla="*/ 157 h 626"/>
                <a:gd name="T108" fmla="*/ 44 w 411"/>
                <a:gd name="T109" fmla="*/ 158 h 626"/>
                <a:gd name="T110" fmla="*/ 57 w 411"/>
                <a:gd name="T111" fmla="*/ 155 h 62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411" h="626">
                  <a:moveTo>
                    <a:pt x="187" y="458"/>
                  </a:moveTo>
                  <a:lnTo>
                    <a:pt x="192" y="478"/>
                  </a:lnTo>
                  <a:lnTo>
                    <a:pt x="196" y="493"/>
                  </a:lnTo>
                  <a:lnTo>
                    <a:pt x="197" y="506"/>
                  </a:lnTo>
                  <a:lnTo>
                    <a:pt x="197" y="519"/>
                  </a:lnTo>
                  <a:lnTo>
                    <a:pt x="193" y="544"/>
                  </a:lnTo>
                  <a:lnTo>
                    <a:pt x="187" y="580"/>
                  </a:lnTo>
                  <a:lnTo>
                    <a:pt x="195" y="582"/>
                  </a:lnTo>
                  <a:lnTo>
                    <a:pt x="204" y="584"/>
                  </a:lnTo>
                  <a:lnTo>
                    <a:pt x="211" y="587"/>
                  </a:lnTo>
                  <a:lnTo>
                    <a:pt x="219" y="590"/>
                  </a:lnTo>
                  <a:lnTo>
                    <a:pt x="232" y="597"/>
                  </a:lnTo>
                  <a:lnTo>
                    <a:pt x="246" y="605"/>
                  </a:lnTo>
                  <a:lnTo>
                    <a:pt x="260" y="612"/>
                  </a:lnTo>
                  <a:lnTo>
                    <a:pt x="274" y="619"/>
                  </a:lnTo>
                  <a:lnTo>
                    <a:pt x="282" y="622"/>
                  </a:lnTo>
                  <a:lnTo>
                    <a:pt x="290" y="624"/>
                  </a:lnTo>
                  <a:lnTo>
                    <a:pt x="299" y="625"/>
                  </a:lnTo>
                  <a:lnTo>
                    <a:pt x="308" y="626"/>
                  </a:lnTo>
                  <a:lnTo>
                    <a:pt x="310" y="614"/>
                  </a:lnTo>
                  <a:lnTo>
                    <a:pt x="313" y="604"/>
                  </a:lnTo>
                  <a:lnTo>
                    <a:pt x="316" y="592"/>
                  </a:lnTo>
                  <a:lnTo>
                    <a:pt x="321" y="581"/>
                  </a:lnTo>
                  <a:lnTo>
                    <a:pt x="325" y="570"/>
                  </a:lnTo>
                  <a:lnTo>
                    <a:pt x="330" y="561"/>
                  </a:lnTo>
                  <a:lnTo>
                    <a:pt x="336" y="551"/>
                  </a:lnTo>
                  <a:lnTo>
                    <a:pt x="343" y="542"/>
                  </a:lnTo>
                  <a:lnTo>
                    <a:pt x="349" y="533"/>
                  </a:lnTo>
                  <a:lnTo>
                    <a:pt x="355" y="526"/>
                  </a:lnTo>
                  <a:lnTo>
                    <a:pt x="363" y="520"/>
                  </a:lnTo>
                  <a:lnTo>
                    <a:pt x="370" y="514"/>
                  </a:lnTo>
                  <a:lnTo>
                    <a:pt x="379" y="510"/>
                  </a:lnTo>
                  <a:lnTo>
                    <a:pt x="386" y="507"/>
                  </a:lnTo>
                  <a:lnTo>
                    <a:pt x="394" y="505"/>
                  </a:lnTo>
                  <a:lnTo>
                    <a:pt x="402" y="505"/>
                  </a:lnTo>
                  <a:lnTo>
                    <a:pt x="403" y="492"/>
                  </a:lnTo>
                  <a:lnTo>
                    <a:pt x="402" y="480"/>
                  </a:lnTo>
                  <a:lnTo>
                    <a:pt x="401" y="466"/>
                  </a:lnTo>
                  <a:lnTo>
                    <a:pt x="399" y="451"/>
                  </a:lnTo>
                  <a:lnTo>
                    <a:pt x="392" y="423"/>
                  </a:lnTo>
                  <a:lnTo>
                    <a:pt x="385" y="392"/>
                  </a:lnTo>
                  <a:lnTo>
                    <a:pt x="376" y="363"/>
                  </a:lnTo>
                  <a:lnTo>
                    <a:pt x="366" y="333"/>
                  </a:lnTo>
                  <a:lnTo>
                    <a:pt x="355" y="306"/>
                  </a:lnTo>
                  <a:lnTo>
                    <a:pt x="346" y="280"/>
                  </a:lnTo>
                  <a:lnTo>
                    <a:pt x="351" y="280"/>
                  </a:lnTo>
                  <a:lnTo>
                    <a:pt x="355" y="280"/>
                  </a:lnTo>
                  <a:lnTo>
                    <a:pt x="360" y="278"/>
                  </a:lnTo>
                  <a:lnTo>
                    <a:pt x="363" y="276"/>
                  </a:lnTo>
                  <a:lnTo>
                    <a:pt x="369" y="272"/>
                  </a:lnTo>
                  <a:lnTo>
                    <a:pt x="375" y="267"/>
                  </a:lnTo>
                  <a:lnTo>
                    <a:pt x="381" y="263"/>
                  </a:lnTo>
                  <a:lnTo>
                    <a:pt x="389" y="260"/>
                  </a:lnTo>
                  <a:lnTo>
                    <a:pt x="393" y="260"/>
                  </a:lnTo>
                  <a:lnTo>
                    <a:pt x="399" y="260"/>
                  </a:lnTo>
                  <a:lnTo>
                    <a:pt x="405" y="260"/>
                  </a:lnTo>
                  <a:lnTo>
                    <a:pt x="411" y="262"/>
                  </a:lnTo>
                  <a:lnTo>
                    <a:pt x="406" y="241"/>
                  </a:lnTo>
                  <a:lnTo>
                    <a:pt x="401" y="222"/>
                  </a:lnTo>
                  <a:lnTo>
                    <a:pt x="394" y="203"/>
                  </a:lnTo>
                  <a:lnTo>
                    <a:pt x="388" y="184"/>
                  </a:lnTo>
                  <a:lnTo>
                    <a:pt x="381" y="166"/>
                  </a:lnTo>
                  <a:lnTo>
                    <a:pt x="373" y="148"/>
                  </a:lnTo>
                  <a:lnTo>
                    <a:pt x="365" y="131"/>
                  </a:lnTo>
                  <a:lnTo>
                    <a:pt x="356" y="115"/>
                  </a:lnTo>
                  <a:lnTo>
                    <a:pt x="347" y="100"/>
                  </a:lnTo>
                  <a:lnTo>
                    <a:pt x="338" y="84"/>
                  </a:lnTo>
                  <a:lnTo>
                    <a:pt x="327" y="68"/>
                  </a:lnTo>
                  <a:lnTo>
                    <a:pt x="316" y="54"/>
                  </a:lnTo>
                  <a:lnTo>
                    <a:pt x="306" y="40"/>
                  </a:lnTo>
                  <a:lnTo>
                    <a:pt x="294" y="26"/>
                  </a:lnTo>
                  <a:lnTo>
                    <a:pt x="283" y="12"/>
                  </a:lnTo>
                  <a:lnTo>
                    <a:pt x="271" y="0"/>
                  </a:lnTo>
                  <a:lnTo>
                    <a:pt x="271" y="3"/>
                  </a:lnTo>
                  <a:lnTo>
                    <a:pt x="270" y="7"/>
                  </a:lnTo>
                  <a:lnTo>
                    <a:pt x="269" y="10"/>
                  </a:lnTo>
                  <a:lnTo>
                    <a:pt x="268" y="12"/>
                  </a:lnTo>
                  <a:lnTo>
                    <a:pt x="264" y="16"/>
                  </a:lnTo>
                  <a:lnTo>
                    <a:pt x="257" y="18"/>
                  </a:lnTo>
                  <a:lnTo>
                    <a:pt x="250" y="20"/>
                  </a:lnTo>
                  <a:lnTo>
                    <a:pt x="243" y="20"/>
                  </a:lnTo>
                  <a:lnTo>
                    <a:pt x="234" y="20"/>
                  </a:lnTo>
                  <a:lnTo>
                    <a:pt x="225" y="18"/>
                  </a:lnTo>
                  <a:lnTo>
                    <a:pt x="207" y="16"/>
                  </a:lnTo>
                  <a:lnTo>
                    <a:pt x="189" y="16"/>
                  </a:lnTo>
                  <a:lnTo>
                    <a:pt x="182" y="17"/>
                  </a:lnTo>
                  <a:lnTo>
                    <a:pt x="176" y="18"/>
                  </a:lnTo>
                  <a:lnTo>
                    <a:pt x="173" y="21"/>
                  </a:lnTo>
                  <a:lnTo>
                    <a:pt x="171" y="23"/>
                  </a:lnTo>
                  <a:lnTo>
                    <a:pt x="169" y="25"/>
                  </a:lnTo>
                  <a:lnTo>
                    <a:pt x="168" y="27"/>
                  </a:lnTo>
                  <a:lnTo>
                    <a:pt x="175" y="36"/>
                  </a:lnTo>
                  <a:lnTo>
                    <a:pt x="181" y="45"/>
                  </a:lnTo>
                  <a:lnTo>
                    <a:pt x="185" y="53"/>
                  </a:lnTo>
                  <a:lnTo>
                    <a:pt x="186" y="62"/>
                  </a:lnTo>
                  <a:lnTo>
                    <a:pt x="186" y="70"/>
                  </a:lnTo>
                  <a:lnTo>
                    <a:pt x="184" y="77"/>
                  </a:lnTo>
                  <a:lnTo>
                    <a:pt x="181" y="85"/>
                  </a:lnTo>
                  <a:lnTo>
                    <a:pt x="176" y="92"/>
                  </a:lnTo>
                  <a:lnTo>
                    <a:pt x="171" y="100"/>
                  </a:lnTo>
                  <a:lnTo>
                    <a:pt x="165" y="106"/>
                  </a:lnTo>
                  <a:lnTo>
                    <a:pt x="157" y="111"/>
                  </a:lnTo>
                  <a:lnTo>
                    <a:pt x="149" y="116"/>
                  </a:lnTo>
                  <a:lnTo>
                    <a:pt x="140" y="121"/>
                  </a:lnTo>
                  <a:lnTo>
                    <a:pt x="131" y="125"/>
                  </a:lnTo>
                  <a:lnTo>
                    <a:pt x="122" y="128"/>
                  </a:lnTo>
                  <a:lnTo>
                    <a:pt x="112" y="130"/>
                  </a:lnTo>
                  <a:lnTo>
                    <a:pt x="130" y="133"/>
                  </a:lnTo>
                  <a:lnTo>
                    <a:pt x="148" y="135"/>
                  </a:lnTo>
                  <a:lnTo>
                    <a:pt x="156" y="137"/>
                  </a:lnTo>
                  <a:lnTo>
                    <a:pt x="165" y="141"/>
                  </a:lnTo>
                  <a:lnTo>
                    <a:pt x="171" y="145"/>
                  </a:lnTo>
                  <a:lnTo>
                    <a:pt x="177" y="149"/>
                  </a:lnTo>
                  <a:lnTo>
                    <a:pt x="175" y="157"/>
                  </a:lnTo>
                  <a:lnTo>
                    <a:pt x="174" y="166"/>
                  </a:lnTo>
                  <a:lnTo>
                    <a:pt x="171" y="173"/>
                  </a:lnTo>
                  <a:lnTo>
                    <a:pt x="168" y="180"/>
                  </a:lnTo>
                  <a:lnTo>
                    <a:pt x="162" y="193"/>
                  </a:lnTo>
                  <a:lnTo>
                    <a:pt x="153" y="205"/>
                  </a:lnTo>
                  <a:lnTo>
                    <a:pt x="144" y="215"/>
                  </a:lnTo>
                  <a:lnTo>
                    <a:pt x="133" y="225"/>
                  </a:lnTo>
                  <a:lnTo>
                    <a:pt x="123" y="233"/>
                  </a:lnTo>
                  <a:lnTo>
                    <a:pt x="112" y="243"/>
                  </a:lnTo>
                  <a:lnTo>
                    <a:pt x="112" y="252"/>
                  </a:lnTo>
                  <a:lnTo>
                    <a:pt x="114" y="260"/>
                  </a:lnTo>
                  <a:lnTo>
                    <a:pt x="117" y="265"/>
                  </a:lnTo>
                  <a:lnTo>
                    <a:pt x="121" y="271"/>
                  </a:lnTo>
                  <a:lnTo>
                    <a:pt x="125" y="276"/>
                  </a:lnTo>
                  <a:lnTo>
                    <a:pt x="128" y="283"/>
                  </a:lnTo>
                  <a:lnTo>
                    <a:pt x="130" y="290"/>
                  </a:lnTo>
                  <a:lnTo>
                    <a:pt x="130" y="299"/>
                  </a:lnTo>
                  <a:lnTo>
                    <a:pt x="122" y="299"/>
                  </a:lnTo>
                  <a:lnTo>
                    <a:pt x="114" y="299"/>
                  </a:lnTo>
                  <a:lnTo>
                    <a:pt x="107" y="300"/>
                  </a:lnTo>
                  <a:lnTo>
                    <a:pt x="102" y="303"/>
                  </a:lnTo>
                  <a:lnTo>
                    <a:pt x="96" y="306"/>
                  </a:lnTo>
                  <a:lnTo>
                    <a:pt x="93" y="310"/>
                  </a:lnTo>
                  <a:lnTo>
                    <a:pt x="90" y="315"/>
                  </a:lnTo>
                  <a:lnTo>
                    <a:pt x="87" y="321"/>
                  </a:lnTo>
                  <a:lnTo>
                    <a:pt x="86" y="327"/>
                  </a:lnTo>
                  <a:lnTo>
                    <a:pt x="84" y="334"/>
                  </a:lnTo>
                  <a:lnTo>
                    <a:pt x="83" y="342"/>
                  </a:lnTo>
                  <a:lnTo>
                    <a:pt x="83" y="349"/>
                  </a:lnTo>
                  <a:lnTo>
                    <a:pt x="83" y="366"/>
                  </a:lnTo>
                  <a:lnTo>
                    <a:pt x="84" y="383"/>
                  </a:lnTo>
                  <a:lnTo>
                    <a:pt x="75" y="384"/>
                  </a:lnTo>
                  <a:lnTo>
                    <a:pt x="68" y="385"/>
                  </a:lnTo>
                  <a:lnTo>
                    <a:pt x="62" y="387"/>
                  </a:lnTo>
                  <a:lnTo>
                    <a:pt x="55" y="390"/>
                  </a:lnTo>
                  <a:lnTo>
                    <a:pt x="45" y="398"/>
                  </a:lnTo>
                  <a:lnTo>
                    <a:pt x="35" y="405"/>
                  </a:lnTo>
                  <a:lnTo>
                    <a:pt x="26" y="412"/>
                  </a:lnTo>
                  <a:lnTo>
                    <a:pt x="17" y="419"/>
                  </a:lnTo>
                  <a:lnTo>
                    <a:pt x="13" y="421"/>
                  </a:lnTo>
                  <a:lnTo>
                    <a:pt x="9" y="422"/>
                  </a:lnTo>
                  <a:lnTo>
                    <a:pt x="4" y="422"/>
                  </a:lnTo>
                  <a:lnTo>
                    <a:pt x="0" y="421"/>
                  </a:lnTo>
                  <a:lnTo>
                    <a:pt x="21" y="432"/>
                  </a:lnTo>
                  <a:lnTo>
                    <a:pt x="42" y="444"/>
                  </a:lnTo>
                  <a:lnTo>
                    <a:pt x="64" y="455"/>
                  </a:lnTo>
                  <a:lnTo>
                    <a:pt x="86" y="465"/>
                  </a:lnTo>
                  <a:lnTo>
                    <a:pt x="97" y="469"/>
                  </a:lnTo>
                  <a:lnTo>
                    <a:pt x="109" y="471"/>
                  </a:lnTo>
                  <a:lnTo>
                    <a:pt x="121" y="473"/>
                  </a:lnTo>
                  <a:lnTo>
                    <a:pt x="133" y="473"/>
                  </a:lnTo>
                  <a:lnTo>
                    <a:pt x="146" y="472"/>
                  </a:lnTo>
                  <a:lnTo>
                    <a:pt x="159" y="469"/>
                  </a:lnTo>
                  <a:lnTo>
                    <a:pt x="172" y="465"/>
                  </a:lnTo>
                  <a:lnTo>
                    <a:pt x="187" y="458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1" name="Haderslev"/>
            <p:cNvSpPr>
              <a:spLocks/>
            </p:cNvSpPr>
            <p:nvPr/>
          </p:nvSpPr>
          <p:spPr bwMode="auto">
            <a:xfrm>
              <a:off x="1133475" y="5365750"/>
              <a:ext cx="669925" cy="361950"/>
            </a:xfrm>
            <a:custGeom>
              <a:avLst/>
              <a:gdLst>
                <a:gd name="T0" fmla="*/ 162 w 1265"/>
                <a:gd name="T1" fmla="*/ 41 h 684"/>
                <a:gd name="T2" fmla="*/ 148 w 1265"/>
                <a:gd name="T3" fmla="*/ 55 h 684"/>
                <a:gd name="T4" fmla="*/ 150 w 1265"/>
                <a:gd name="T5" fmla="*/ 72 h 684"/>
                <a:gd name="T6" fmla="*/ 140 w 1265"/>
                <a:gd name="T7" fmla="*/ 83 h 684"/>
                <a:gd name="T8" fmla="*/ 116 w 1265"/>
                <a:gd name="T9" fmla="*/ 82 h 684"/>
                <a:gd name="T10" fmla="*/ 103 w 1265"/>
                <a:gd name="T11" fmla="*/ 70 h 684"/>
                <a:gd name="T12" fmla="*/ 105 w 1265"/>
                <a:gd name="T13" fmla="*/ 50 h 684"/>
                <a:gd name="T14" fmla="*/ 96 w 1265"/>
                <a:gd name="T15" fmla="*/ 51 h 684"/>
                <a:gd name="T16" fmla="*/ 73 w 1265"/>
                <a:gd name="T17" fmla="*/ 57 h 684"/>
                <a:gd name="T18" fmla="*/ 49 w 1265"/>
                <a:gd name="T19" fmla="*/ 42 h 684"/>
                <a:gd name="T20" fmla="*/ 34 w 1265"/>
                <a:gd name="T21" fmla="*/ 49 h 684"/>
                <a:gd name="T22" fmla="*/ 22 w 1265"/>
                <a:gd name="T23" fmla="*/ 61 h 684"/>
                <a:gd name="T24" fmla="*/ 5 w 1265"/>
                <a:gd name="T25" fmla="*/ 55 h 684"/>
                <a:gd name="T26" fmla="*/ 12 w 1265"/>
                <a:gd name="T27" fmla="*/ 76 h 684"/>
                <a:gd name="T28" fmla="*/ 12 w 1265"/>
                <a:gd name="T29" fmla="*/ 89 h 684"/>
                <a:gd name="T30" fmla="*/ 20 w 1265"/>
                <a:gd name="T31" fmla="*/ 107 h 684"/>
                <a:gd name="T32" fmla="*/ 16 w 1265"/>
                <a:gd name="T33" fmla="*/ 151 h 684"/>
                <a:gd name="T34" fmla="*/ 25 w 1265"/>
                <a:gd name="T35" fmla="*/ 165 h 684"/>
                <a:gd name="T36" fmla="*/ 37 w 1265"/>
                <a:gd name="T37" fmla="*/ 148 h 684"/>
                <a:gd name="T38" fmla="*/ 63 w 1265"/>
                <a:gd name="T39" fmla="*/ 130 h 684"/>
                <a:gd name="T40" fmla="*/ 84 w 1265"/>
                <a:gd name="T41" fmla="*/ 130 h 684"/>
                <a:gd name="T42" fmla="*/ 76 w 1265"/>
                <a:gd name="T43" fmla="*/ 134 h 684"/>
                <a:gd name="T44" fmla="*/ 93 w 1265"/>
                <a:gd name="T45" fmla="*/ 152 h 684"/>
                <a:gd name="T46" fmla="*/ 96 w 1265"/>
                <a:gd name="T47" fmla="*/ 184 h 684"/>
                <a:gd name="T48" fmla="*/ 101 w 1265"/>
                <a:gd name="T49" fmla="*/ 195 h 684"/>
                <a:gd name="T50" fmla="*/ 114 w 1265"/>
                <a:gd name="T51" fmla="*/ 196 h 684"/>
                <a:gd name="T52" fmla="*/ 125 w 1265"/>
                <a:gd name="T53" fmla="*/ 182 h 684"/>
                <a:gd name="T54" fmla="*/ 137 w 1265"/>
                <a:gd name="T55" fmla="*/ 181 h 684"/>
                <a:gd name="T56" fmla="*/ 159 w 1265"/>
                <a:gd name="T57" fmla="*/ 188 h 684"/>
                <a:gd name="T58" fmla="*/ 155 w 1265"/>
                <a:gd name="T59" fmla="*/ 210 h 684"/>
                <a:gd name="T60" fmla="*/ 189 w 1265"/>
                <a:gd name="T61" fmla="*/ 219 h 684"/>
                <a:gd name="T62" fmla="*/ 197 w 1265"/>
                <a:gd name="T63" fmla="*/ 206 h 684"/>
                <a:gd name="T64" fmla="*/ 218 w 1265"/>
                <a:gd name="T65" fmla="*/ 196 h 684"/>
                <a:gd name="T66" fmla="*/ 283 w 1265"/>
                <a:gd name="T67" fmla="*/ 212 h 684"/>
                <a:gd name="T68" fmla="*/ 317 w 1265"/>
                <a:gd name="T69" fmla="*/ 223 h 684"/>
                <a:gd name="T70" fmla="*/ 310 w 1265"/>
                <a:gd name="T71" fmla="*/ 209 h 684"/>
                <a:gd name="T72" fmla="*/ 353 w 1265"/>
                <a:gd name="T73" fmla="*/ 175 h 684"/>
                <a:gd name="T74" fmla="*/ 390 w 1265"/>
                <a:gd name="T75" fmla="*/ 177 h 684"/>
                <a:gd name="T76" fmla="*/ 407 w 1265"/>
                <a:gd name="T77" fmla="*/ 170 h 684"/>
                <a:gd name="T78" fmla="*/ 413 w 1265"/>
                <a:gd name="T79" fmla="*/ 159 h 684"/>
                <a:gd name="T80" fmla="*/ 396 w 1265"/>
                <a:gd name="T81" fmla="*/ 159 h 684"/>
                <a:gd name="T82" fmla="*/ 391 w 1265"/>
                <a:gd name="T83" fmla="*/ 150 h 684"/>
                <a:gd name="T84" fmla="*/ 403 w 1265"/>
                <a:gd name="T85" fmla="*/ 139 h 684"/>
                <a:gd name="T86" fmla="*/ 422 w 1265"/>
                <a:gd name="T87" fmla="*/ 129 h 684"/>
                <a:gd name="T88" fmla="*/ 395 w 1265"/>
                <a:gd name="T89" fmla="*/ 95 h 684"/>
                <a:gd name="T90" fmla="*/ 345 w 1265"/>
                <a:gd name="T91" fmla="*/ 124 h 684"/>
                <a:gd name="T92" fmla="*/ 316 w 1265"/>
                <a:gd name="T93" fmla="*/ 124 h 684"/>
                <a:gd name="T94" fmla="*/ 315 w 1265"/>
                <a:gd name="T95" fmla="*/ 115 h 684"/>
                <a:gd name="T96" fmla="*/ 349 w 1265"/>
                <a:gd name="T97" fmla="*/ 109 h 684"/>
                <a:gd name="T98" fmla="*/ 390 w 1265"/>
                <a:gd name="T99" fmla="*/ 71 h 684"/>
                <a:gd name="T100" fmla="*/ 375 w 1265"/>
                <a:gd name="T101" fmla="*/ 69 h 684"/>
                <a:gd name="T102" fmla="*/ 385 w 1265"/>
                <a:gd name="T103" fmla="*/ 52 h 684"/>
                <a:gd name="T104" fmla="*/ 388 w 1265"/>
                <a:gd name="T105" fmla="*/ 34 h 684"/>
                <a:gd name="T106" fmla="*/ 364 w 1265"/>
                <a:gd name="T107" fmla="*/ 31 h 684"/>
                <a:gd name="T108" fmla="*/ 341 w 1265"/>
                <a:gd name="T109" fmla="*/ 43 h 684"/>
                <a:gd name="T110" fmla="*/ 298 w 1265"/>
                <a:gd name="T111" fmla="*/ 68 h 684"/>
                <a:gd name="T112" fmla="*/ 283 w 1265"/>
                <a:gd name="T113" fmla="*/ 58 h 684"/>
                <a:gd name="T114" fmla="*/ 277 w 1265"/>
                <a:gd name="T115" fmla="*/ 37 h 684"/>
                <a:gd name="T116" fmla="*/ 260 w 1265"/>
                <a:gd name="T117" fmla="*/ 42 h 684"/>
                <a:gd name="T118" fmla="*/ 249 w 1265"/>
                <a:gd name="T119" fmla="*/ 64 h 684"/>
                <a:gd name="T120" fmla="*/ 231 w 1265"/>
                <a:gd name="T121" fmla="*/ 55 h 684"/>
                <a:gd name="T122" fmla="*/ 208 w 1265"/>
                <a:gd name="T123" fmla="*/ 24 h 684"/>
                <a:gd name="T124" fmla="*/ 190 w 1265"/>
                <a:gd name="T125" fmla="*/ 3 h 684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265" h="684">
                  <a:moveTo>
                    <a:pt x="515" y="28"/>
                  </a:moveTo>
                  <a:lnTo>
                    <a:pt x="508" y="66"/>
                  </a:lnTo>
                  <a:lnTo>
                    <a:pt x="501" y="100"/>
                  </a:lnTo>
                  <a:lnTo>
                    <a:pt x="497" y="108"/>
                  </a:lnTo>
                  <a:lnTo>
                    <a:pt x="494" y="114"/>
                  </a:lnTo>
                  <a:lnTo>
                    <a:pt x="490" y="119"/>
                  </a:lnTo>
                  <a:lnTo>
                    <a:pt x="485" y="123"/>
                  </a:lnTo>
                  <a:lnTo>
                    <a:pt x="478" y="126"/>
                  </a:lnTo>
                  <a:lnTo>
                    <a:pt x="470" y="126"/>
                  </a:lnTo>
                  <a:lnTo>
                    <a:pt x="461" y="125"/>
                  </a:lnTo>
                  <a:lnTo>
                    <a:pt x="450" y="121"/>
                  </a:lnTo>
                  <a:lnTo>
                    <a:pt x="447" y="135"/>
                  </a:lnTo>
                  <a:lnTo>
                    <a:pt x="445" y="150"/>
                  </a:lnTo>
                  <a:lnTo>
                    <a:pt x="443" y="165"/>
                  </a:lnTo>
                  <a:lnTo>
                    <a:pt x="442" y="178"/>
                  </a:lnTo>
                  <a:lnTo>
                    <a:pt x="442" y="186"/>
                  </a:lnTo>
                  <a:lnTo>
                    <a:pt x="442" y="192"/>
                  </a:lnTo>
                  <a:lnTo>
                    <a:pt x="443" y="198"/>
                  </a:lnTo>
                  <a:lnTo>
                    <a:pt x="445" y="205"/>
                  </a:lnTo>
                  <a:lnTo>
                    <a:pt x="447" y="211"/>
                  </a:lnTo>
                  <a:lnTo>
                    <a:pt x="450" y="216"/>
                  </a:lnTo>
                  <a:lnTo>
                    <a:pt x="454" y="220"/>
                  </a:lnTo>
                  <a:lnTo>
                    <a:pt x="459" y="225"/>
                  </a:lnTo>
                  <a:lnTo>
                    <a:pt x="453" y="231"/>
                  </a:lnTo>
                  <a:lnTo>
                    <a:pt x="447" y="237"/>
                  </a:lnTo>
                  <a:lnTo>
                    <a:pt x="438" y="241"/>
                  </a:lnTo>
                  <a:lnTo>
                    <a:pt x="430" y="246"/>
                  </a:lnTo>
                  <a:lnTo>
                    <a:pt x="420" y="248"/>
                  </a:lnTo>
                  <a:lnTo>
                    <a:pt x="411" y="250"/>
                  </a:lnTo>
                  <a:lnTo>
                    <a:pt x="400" y="251"/>
                  </a:lnTo>
                  <a:lnTo>
                    <a:pt x="390" y="251"/>
                  </a:lnTo>
                  <a:lnTo>
                    <a:pt x="379" y="251"/>
                  </a:lnTo>
                  <a:lnTo>
                    <a:pt x="369" y="250"/>
                  </a:lnTo>
                  <a:lnTo>
                    <a:pt x="357" y="249"/>
                  </a:lnTo>
                  <a:lnTo>
                    <a:pt x="347" y="247"/>
                  </a:lnTo>
                  <a:lnTo>
                    <a:pt x="337" y="245"/>
                  </a:lnTo>
                  <a:lnTo>
                    <a:pt x="327" y="241"/>
                  </a:lnTo>
                  <a:lnTo>
                    <a:pt x="318" y="237"/>
                  </a:lnTo>
                  <a:lnTo>
                    <a:pt x="310" y="234"/>
                  </a:lnTo>
                  <a:lnTo>
                    <a:pt x="309" y="226"/>
                  </a:lnTo>
                  <a:lnTo>
                    <a:pt x="309" y="218"/>
                  </a:lnTo>
                  <a:lnTo>
                    <a:pt x="310" y="211"/>
                  </a:lnTo>
                  <a:lnTo>
                    <a:pt x="311" y="202"/>
                  </a:lnTo>
                  <a:lnTo>
                    <a:pt x="314" y="188"/>
                  </a:lnTo>
                  <a:lnTo>
                    <a:pt x="316" y="174"/>
                  </a:lnTo>
                  <a:lnTo>
                    <a:pt x="317" y="168"/>
                  </a:lnTo>
                  <a:lnTo>
                    <a:pt x="317" y="161"/>
                  </a:lnTo>
                  <a:lnTo>
                    <a:pt x="317" y="156"/>
                  </a:lnTo>
                  <a:lnTo>
                    <a:pt x="316" y="150"/>
                  </a:lnTo>
                  <a:lnTo>
                    <a:pt x="314" y="145"/>
                  </a:lnTo>
                  <a:lnTo>
                    <a:pt x="311" y="139"/>
                  </a:lnTo>
                  <a:lnTo>
                    <a:pt x="307" y="135"/>
                  </a:lnTo>
                  <a:lnTo>
                    <a:pt x="300" y="131"/>
                  </a:lnTo>
                  <a:lnTo>
                    <a:pt x="296" y="139"/>
                  </a:lnTo>
                  <a:lnTo>
                    <a:pt x="292" y="147"/>
                  </a:lnTo>
                  <a:lnTo>
                    <a:pt x="287" y="153"/>
                  </a:lnTo>
                  <a:lnTo>
                    <a:pt x="283" y="159"/>
                  </a:lnTo>
                  <a:lnTo>
                    <a:pt x="272" y="173"/>
                  </a:lnTo>
                  <a:lnTo>
                    <a:pt x="263" y="187"/>
                  </a:lnTo>
                  <a:lnTo>
                    <a:pt x="249" y="185"/>
                  </a:lnTo>
                  <a:lnTo>
                    <a:pt x="237" y="181"/>
                  </a:lnTo>
                  <a:lnTo>
                    <a:pt x="227" y="177"/>
                  </a:lnTo>
                  <a:lnTo>
                    <a:pt x="218" y="172"/>
                  </a:lnTo>
                  <a:lnTo>
                    <a:pt x="204" y="161"/>
                  </a:lnTo>
                  <a:lnTo>
                    <a:pt x="190" y="150"/>
                  </a:lnTo>
                  <a:lnTo>
                    <a:pt x="183" y="145"/>
                  </a:lnTo>
                  <a:lnTo>
                    <a:pt x="175" y="139"/>
                  </a:lnTo>
                  <a:lnTo>
                    <a:pt x="168" y="134"/>
                  </a:lnTo>
                  <a:lnTo>
                    <a:pt x="158" y="130"/>
                  </a:lnTo>
                  <a:lnTo>
                    <a:pt x="148" y="127"/>
                  </a:lnTo>
                  <a:lnTo>
                    <a:pt x="135" y="123"/>
                  </a:lnTo>
                  <a:lnTo>
                    <a:pt x="120" y="122"/>
                  </a:lnTo>
                  <a:lnTo>
                    <a:pt x="104" y="121"/>
                  </a:lnTo>
                  <a:lnTo>
                    <a:pt x="104" y="129"/>
                  </a:lnTo>
                  <a:lnTo>
                    <a:pt x="104" y="135"/>
                  </a:lnTo>
                  <a:lnTo>
                    <a:pt x="102" y="141"/>
                  </a:lnTo>
                  <a:lnTo>
                    <a:pt x="101" y="147"/>
                  </a:lnTo>
                  <a:lnTo>
                    <a:pt x="99" y="152"/>
                  </a:lnTo>
                  <a:lnTo>
                    <a:pt x="97" y="157"/>
                  </a:lnTo>
                  <a:lnTo>
                    <a:pt x="94" y="161"/>
                  </a:lnTo>
                  <a:lnTo>
                    <a:pt x="91" y="166"/>
                  </a:lnTo>
                  <a:lnTo>
                    <a:pt x="85" y="172"/>
                  </a:lnTo>
                  <a:lnTo>
                    <a:pt x="76" y="178"/>
                  </a:lnTo>
                  <a:lnTo>
                    <a:pt x="67" y="183"/>
                  </a:lnTo>
                  <a:lnTo>
                    <a:pt x="57" y="187"/>
                  </a:lnTo>
                  <a:lnTo>
                    <a:pt x="48" y="186"/>
                  </a:lnTo>
                  <a:lnTo>
                    <a:pt x="39" y="183"/>
                  </a:lnTo>
                  <a:lnTo>
                    <a:pt x="33" y="179"/>
                  </a:lnTo>
                  <a:lnTo>
                    <a:pt x="28" y="174"/>
                  </a:lnTo>
                  <a:lnTo>
                    <a:pt x="21" y="170"/>
                  </a:lnTo>
                  <a:lnTo>
                    <a:pt x="16" y="165"/>
                  </a:lnTo>
                  <a:lnTo>
                    <a:pt x="9" y="161"/>
                  </a:lnTo>
                  <a:lnTo>
                    <a:pt x="0" y="159"/>
                  </a:lnTo>
                  <a:lnTo>
                    <a:pt x="16" y="183"/>
                  </a:lnTo>
                  <a:lnTo>
                    <a:pt x="32" y="209"/>
                  </a:lnTo>
                  <a:lnTo>
                    <a:pt x="34" y="215"/>
                  </a:lnTo>
                  <a:lnTo>
                    <a:pt x="36" y="221"/>
                  </a:lnTo>
                  <a:lnTo>
                    <a:pt x="36" y="228"/>
                  </a:lnTo>
                  <a:lnTo>
                    <a:pt x="36" y="234"/>
                  </a:lnTo>
                  <a:lnTo>
                    <a:pt x="34" y="240"/>
                  </a:lnTo>
                  <a:lnTo>
                    <a:pt x="31" y="248"/>
                  </a:lnTo>
                  <a:lnTo>
                    <a:pt x="26" y="255"/>
                  </a:lnTo>
                  <a:lnTo>
                    <a:pt x="19" y="262"/>
                  </a:lnTo>
                  <a:lnTo>
                    <a:pt x="28" y="265"/>
                  </a:lnTo>
                  <a:lnTo>
                    <a:pt x="35" y="268"/>
                  </a:lnTo>
                  <a:lnTo>
                    <a:pt x="41" y="272"/>
                  </a:lnTo>
                  <a:lnTo>
                    <a:pt x="47" y="277"/>
                  </a:lnTo>
                  <a:lnTo>
                    <a:pt x="51" y="282"/>
                  </a:lnTo>
                  <a:lnTo>
                    <a:pt x="54" y="290"/>
                  </a:lnTo>
                  <a:lnTo>
                    <a:pt x="56" y="296"/>
                  </a:lnTo>
                  <a:lnTo>
                    <a:pt x="58" y="305"/>
                  </a:lnTo>
                  <a:lnTo>
                    <a:pt x="59" y="321"/>
                  </a:lnTo>
                  <a:lnTo>
                    <a:pt x="58" y="340"/>
                  </a:lnTo>
                  <a:lnTo>
                    <a:pt x="56" y="359"/>
                  </a:lnTo>
                  <a:lnTo>
                    <a:pt x="53" y="379"/>
                  </a:lnTo>
                  <a:lnTo>
                    <a:pt x="50" y="399"/>
                  </a:lnTo>
                  <a:lnTo>
                    <a:pt x="48" y="419"/>
                  </a:lnTo>
                  <a:lnTo>
                    <a:pt x="47" y="437"/>
                  </a:lnTo>
                  <a:lnTo>
                    <a:pt x="48" y="454"/>
                  </a:lnTo>
                  <a:lnTo>
                    <a:pt x="49" y="461"/>
                  </a:lnTo>
                  <a:lnTo>
                    <a:pt x="51" y="469"/>
                  </a:lnTo>
                  <a:lnTo>
                    <a:pt x="54" y="475"/>
                  </a:lnTo>
                  <a:lnTo>
                    <a:pt x="58" y="481"/>
                  </a:lnTo>
                  <a:lnTo>
                    <a:pt x="64" y="487"/>
                  </a:lnTo>
                  <a:lnTo>
                    <a:pt x="69" y="491"/>
                  </a:lnTo>
                  <a:lnTo>
                    <a:pt x="76" y="494"/>
                  </a:lnTo>
                  <a:lnTo>
                    <a:pt x="85" y="496"/>
                  </a:lnTo>
                  <a:lnTo>
                    <a:pt x="85" y="485"/>
                  </a:lnTo>
                  <a:lnTo>
                    <a:pt x="85" y="473"/>
                  </a:lnTo>
                  <a:lnTo>
                    <a:pt x="85" y="461"/>
                  </a:lnTo>
                  <a:lnTo>
                    <a:pt x="85" y="449"/>
                  </a:lnTo>
                  <a:lnTo>
                    <a:pt x="98" y="448"/>
                  </a:lnTo>
                  <a:lnTo>
                    <a:pt x="110" y="445"/>
                  </a:lnTo>
                  <a:lnTo>
                    <a:pt x="120" y="440"/>
                  </a:lnTo>
                  <a:lnTo>
                    <a:pt x="130" y="435"/>
                  </a:lnTo>
                  <a:lnTo>
                    <a:pt x="147" y="424"/>
                  </a:lnTo>
                  <a:lnTo>
                    <a:pt x="163" y="410"/>
                  </a:lnTo>
                  <a:lnTo>
                    <a:pt x="170" y="403"/>
                  </a:lnTo>
                  <a:lnTo>
                    <a:pt x="178" y="397"/>
                  </a:lnTo>
                  <a:lnTo>
                    <a:pt x="188" y="391"/>
                  </a:lnTo>
                  <a:lnTo>
                    <a:pt x="198" y="387"/>
                  </a:lnTo>
                  <a:lnTo>
                    <a:pt x="209" y="384"/>
                  </a:lnTo>
                  <a:lnTo>
                    <a:pt x="223" y="381"/>
                  </a:lnTo>
                  <a:lnTo>
                    <a:pt x="237" y="381"/>
                  </a:lnTo>
                  <a:lnTo>
                    <a:pt x="253" y="384"/>
                  </a:lnTo>
                  <a:lnTo>
                    <a:pt x="253" y="387"/>
                  </a:lnTo>
                  <a:lnTo>
                    <a:pt x="252" y="389"/>
                  </a:lnTo>
                  <a:lnTo>
                    <a:pt x="250" y="391"/>
                  </a:lnTo>
                  <a:lnTo>
                    <a:pt x="248" y="393"/>
                  </a:lnTo>
                  <a:lnTo>
                    <a:pt x="244" y="395"/>
                  </a:lnTo>
                  <a:lnTo>
                    <a:pt x="238" y="396"/>
                  </a:lnTo>
                  <a:lnTo>
                    <a:pt x="233" y="398"/>
                  </a:lnTo>
                  <a:lnTo>
                    <a:pt x="228" y="400"/>
                  </a:lnTo>
                  <a:lnTo>
                    <a:pt x="227" y="403"/>
                  </a:lnTo>
                  <a:lnTo>
                    <a:pt x="226" y="406"/>
                  </a:lnTo>
                  <a:lnTo>
                    <a:pt x="225" y="408"/>
                  </a:lnTo>
                  <a:lnTo>
                    <a:pt x="226" y="412"/>
                  </a:lnTo>
                  <a:lnTo>
                    <a:pt x="239" y="423"/>
                  </a:lnTo>
                  <a:lnTo>
                    <a:pt x="253" y="433"/>
                  </a:lnTo>
                  <a:lnTo>
                    <a:pt x="267" y="445"/>
                  </a:lnTo>
                  <a:lnTo>
                    <a:pt x="279" y="456"/>
                  </a:lnTo>
                  <a:lnTo>
                    <a:pt x="293" y="468"/>
                  </a:lnTo>
                  <a:lnTo>
                    <a:pt x="307" y="478"/>
                  </a:lnTo>
                  <a:lnTo>
                    <a:pt x="322" y="488"/>
                  </a:lnTo>
                  <a:lnTo>
                    <a:pt x="337" y="496"/>
                  </a:lnTo>
                  <a:lnTo>
                    <a:pt x="320" y="514"/>
                  </a:lnTo>
                  <a:lnTo>
                    <a:pt x="304" y="532"/>
                  </a:lnTo>
                  <a:lnTo>
                    <a:pt x="288" y="552"/>
                  </a:lnTo>
                  <a:lnTo>
                    <a:pt x="272" y="571"/>
                  </a:lnTo>
                  <a:lnTo>
                    <a:pt x="277" y="571"/>
                  </a:lnTo>
                  <a:lnTo>
                    <a:pt x="281" y="572"/>
                  </a:lnTo>
                  <a:lnTo>
                    <a:pt x="286" y="573"/>
                  </a:lnTo>
                  <a:lnTo>
                    <a:pt x="289" y="575"/>
                  </a:lnTo>
                  <a:lnTo>
                    <a:pt x="295" y="579"/>
                  </a:lnTo>
                  <a:lnTo>
                    <a:pt x="302" y="584"/>
                  </a:lnTo>
                  <a:lnTo>
                    <a:pt x="308" y="588"/>
                  </a:lnTo>
                  <a:lnTo>
                    <a:pt x="315" y="591"/>
                  </a:lnTo>
                  <a:lnTo>
                    <a:pt x="319" y="592"/>
                  </a:lnTo>
                  <a:lnTo>
                    <a:pt x="325" y="592"/>
                  </a:lnTo>
                  <a:lnTo>
                    <a:pt x="331" y="591"/>
                  </a:lnTo>
                  <a:lnTo>
                    <a:pt x="337" y="590"/>
                  </a:lnTo>
                  <a:lnTo>
                    <a:pt x="343" y="587"/>
                  </a:lnTo>
                  <a:lnTo>
                    <a:pt x="346" y="585"/>
                  </a:lnTo>
                  <a:lnTo>
                    <a:pt x="350" y="580"/>
                  </a:lnTo>
                  <a:lnTo>
                    <a:pt x="353" y="577"/>
                  </a:lnTo>
                  <a:lnTo>
                    <a:pt x="358" y="569"/>
                  </a:lnTo>
                  <a:lnTo>
                    <a:pt x="365" y="560"/>
                  </a:lnTo>
                  <a:lnTo>
                    <a:pt x="370" y="552"/>
                  </a:lnTo>
                  <a:lnTo>
                    <a:pt x="376" y="545"/>
                  </a:lnTo>
                  <a:lnTo>
                    <a:pt x="380" y="540"/>
                  </a:lnTo>
                  <a:lnTo>
                    <a:pt x="384" y="538"/>
                  </a:lnTo>
                  <a:lnTo>
                    <a:pt x="389" y="535"/>
                  </a:lnTo>
                  <a:lnTo>
                    <a:pt x="394" y="533"/>
                  </a:lnTo>
                  <a:lnTo>
                    <a:pt x="398" y="537"/>
                  </a:lnTo>
                  <a:lnTo>
                    <a:pt x="404" y="540"/>
                  </a:lnTo>
                  <a:lnTo>
                    <a:pt x="410" y="543"/>
                  </a:lnTo>
                  <a:lnTo>
                    <a:pt x="415" y="545"/>
                  </a:lnTo>
                  <a:lnTo>
                    <a:pt x="429" y="548"/>
                  </a:lnTo>
                  <a:lnTo>
                    <a:pt x="442" y="551"/>
                  </a:lnTo>
                  <a:lnTo>
                    <a:pt x="455" y="554"/>
                  </a:lnTo>
                  <a:lnTo>
                    <a:pt x="468" y="558"/>
                  </a:lnTo>
                  <a:lnTo>
                    <a:pt x="473" y="560"/>
                  </a:lnTo>
                  <a:lnTo>
                    <a:pt x="478" y="564"/>
                  </a:lnTo>
                  <a:lnTo>
                    <a:pt x="484" y="567"/>
                  </a:lnTo>
                  <a:lnTo>
                    <a:pt x="488" y="571"/>
                  </a:lnTo>
                  <a:lnTo>
                    <a:pt x="478" y="591"/>
                  </a:lnTo>
                  <a:lnTo>
                    <a:pt x="468" y="608"/>
                  </a:lnTo>
                  <a:lnTo>
                    <a:pt x="465" y="616"/>
                  </a:lnTo>
                  <a:lnTo>
                    <a:pt x="464" y="625"/>
                  </a:lnTo>
                  <a:lnTo>
                    <a:pt x="464" y="630"/>
                  </a:lnTo>
                  <a:lnTo>
                    <a:pt x="465" y="635"/>
                  </a:lnTo>
                  <a:lnTo>
                    <a:pt x="466" y="640"/>
                  </a:lnTo>
                  <a:lnTo>
                    <a:pt x="469" y="646"/>
                  </a:lnTo>
                  <a:lnTo>
                    <a:pt x="501" y="651"/>
                  </a:lnTo>
                  <a:lnTo>
                    <a:pt x="535" y="656"/>
                  </a:lnTo>
                  <a:lnTo>
                    <a:pt x="552" y="658"/>
                  </a:lnTo>
                  <a:lnTo>
                    <a:pt x="568" y="658"/>
                  </a:lnTo>
                  <a:lnTo>
                    <a:pt x="574" y="658"/>
                  </a:lnTo>
                  <a:lnTo>
                    <a:pt x="581" y="658"/>
                  </a:lnTo>
                  <a:lnTo>
                    <a:pt x="586" y="657"/>
                  </a:lnTo>
                  <a:lnTo>
                    <a:pt x="590" y="655"/>
                  </a:lnTo>
                  <a:lnTo>
                    <a:pt x="590" y="643"/>
                  </a:lnTo>
                  <a:lnTo>
                    <a:pt x="591" y="630"/>
                  </a:lnTo>
                  <a:lnTo>
                    <a:pt x="592" y="618"/>
                  </a:lnTo>
                  <a:lnTo>
                    <a:pt x="594" y="608"/>
                  </a:lnTo>
                  <a:lnTo>
                    <a:pt x="596" y="597"/>
                  </a:lnTo>
                  <a:lnTo>
                    <a:pt x="599" y="588"/>
                  </a:lnTo>
                  <a:lnTo>
                    <a:pt x="604" y="578"/>
                  </a:lnTo>
                  <a:lnTo>
                    <a:pt x="609" y="571"/>
                  </a:lnTo>
                  <a:lnTo>
                    <a:pt x="630" y="580"/>
                  </a:lnTo>
                  <a:lnTo>
                    <a:pt x="652" y="588"/>
                  </a:lnTo>
                  <a:lnTo>
                    <a:pt x="673" y="594"/>
                  </a:lnTo>
                  <a:lnTo>
                    <a:pt x="695" y="600"/>
                  </a:lnTo>
                  <a:lnTo>
                    <a:pt x="740" y="610"/>
                  </a:lnTo>
                  <a:lnTo>
                    <a:pt x="783" y="619"/>
                  </a:lnTo>
                  <a:lnTo>
                    <a:pt x="805" y="625"/>
                  </a:lnTo>
                  <a:lnTo>
                    <a:pt x="826" y="630"/>
                  </a:lnTo>
                  <a:lnTo>
                    <a:pt x="847" y="635"/>
                  </a:lnTo>
                  <a:lnTo>
                    <a:pt x="868" y="643"/>
                  </a:lnTo>
                  <a:lnTo>
                    <a:pt x="889" y="650"/>
                  </a:lnTo>
                  <a:lnTo>
                    <a:pt x="908" y="659"/>
                  </a:lnTo>
                  <a:lnTo>
                    <a:pt x="928" y="671"/>
                  </a:lnTo>
                  <a:lnTo>
                    <a:pt x="946" y="684"/>
                  </a:lnTo>
                  <a:lnTo>
                    <a:pt x="948" y="676"/>
                  </a:lnTo>
                  <a:lnTo>
                    <a:pt x="949" y="670"/>
                  </a:lnTo>
                  <a:lnTo>
                    <a:pt x="949" y="665"/>
                  </a:lnTo>
                  <a:lnTo>
                    <a:pt x="949" y="660"/>
                  </a:lnTo>
                  <a:lnTo>
                    <a:pt x="946" y="652"/>
                  </a:lnTo>
                  <a:lnTo>
                    <a:pt x="943" y="645"/>
                  </a:lnTo>
                  <a:lnTo>
                    <a:pt x="939" y="639"/>
                  </a:lnTo>
                  <a:lnTo>
                    <a:pt x="933" y="633"/>
                  </a:lnTo>
                  <a:lnTo>
                    <a:pt x="930" y="626"/>
                  </a:lnTo>
                  <a:lnTo>
                    <a:pt x="928" y="618"/>
                  </a:lnTo>
                  <a:lnTo>
                    <a:pt x="949" y="603"/>
                  </a:lnTo>
                  <a:lnTo>
                    <a:pt x="971" y="587"/>
                  </a:lnTo>
                  <a:lnTo>
                    <a:pt x="993" y="571"/>
                  </a:lnTo>
                  <a:lnTo>
                    <a:pt x="1014" y="555"/>
                  </a:lnTo>
                  <a:lnTo>
                    <a:pt x="1036" y="539"/>
                  </a:lnTo>
                  <a:lnTo>
                    <a:pt x="1059" y="525"/>
                  </a:lnTo>
                  <a:lnTo>
                    <a:pt x="1082" y="510"/>
                  </a:lnTo>
                  <a:lnTo>
                    <a:pt x="1106" y="496"/>
                  </a:lnTo>
                  <a:lnTo>
                    <a:pt x="1124" y="506"/>
                  </a:lnTo>
                  <a:lnTo>
                    <a:pt x="1142" y="516"/>
                  </a:lnTo>
                  <a:lnTo>
                    <a:pt x="1151" y="521"/>
                  </a:lnTo>
                  <a:lnTo>
                    <a:pt x="1161" y="526"/>
                  </a:lnTo>
                  <a:lnTo>
                    <a:pt x="1170" y="530"/>
                  </a:lnTo>
                  <a:lnTo>
                    <a:pt x="1181" y="533"/>
                  </a:lnTo>
                  <a:lnTo>
                    <a:pt x="1184" y="530"/>
                  </a:lnTo>
                  <a:lnTo>
                    <a:pt x="1188" y="526"/>
                  </a:lnTo>
                  <a:lnTo>
                    <a:pt x="1193" y="524"/>
                  </a:lnTo>
                  <a:lnTo>
                    <a:pt x="1198" y="520"/>
                  </a:lnTo>
                  <a:lnTo>
                    <a:pt x="1208" y="516"/>
                  </a:lnTo>
                  <a:lnTo>
                    <a:pt x="1219" y="511"/>
                  </a:lnTo>
                  <a:lnTo>
                    <a:pt x="1224" y="509"/>
                  </a:lnTo>
                  <a:lnTo>
                    <a:pt x="1228" y="506"/>
                  </a:lnTo>
                  <a:lnTo>
                    <a:pt x="1232" y="501"/>
                  </a:lnTo>
                  <a:lnTo>
                    <a:pt x="1234" y="496"/>
                  </a:lnTo>
                  <a:lnTo>
                    <a:pt x="1237" y="491"/>
                  </a:lnTo>
                  <a:lnTo>
                    <a:pt x="1238" y="485"/>
                  </a:lnTo>
                  <a:lnTo>
                    <a:pt x="1238" y="477"/>
                  </a:lnTo>
                  <a:lnTo>
                    <a:pt x="1237" y="468"/>
                  </a:lnTo>
                  <a:lnTo>
                    <a:pt x="1226" y="469"/>
                  </a:lnTo>
                  <a:lnTo>
                    <a:pt x="1216" y="471"/>
                  </a:lnTo>
                  <a:lnTo>
                    <a:pt x="1206" y="473"/>
                  </a:lnTo>
                  <a:lnTo>
                    <a:pt x="1197" y="476"/>
                  </a:lnTo>
                  <a:lnTo>
                    <a:pt x="1192" y="476"/>
                  </a:lnTo>
                  <a:lnTo>
                    <a:pt x="1188" y="476"/>
                  </a:lnTo>
                  <a:lnTo>
                    <a:pt x="1184" y="476"/>
                  </a:lnTo>
                  <a:lnTo>
                    <a:pt x="1181" y="475"/>
                  </a:lnTo>
                  <a:lnTo>
                    <a:pt x="1178" y="473"/>
                  </a:lnTo>
                  <a:lnTo>
                    <a:pt x="1175" y="469"/>
                  </a:lnTo>
                  <a:lnTo>
                    <a:pt x="1173" y="465"/>
                  </a:lnTo>
                  <a:lnTo>
                    <a:pt x="1171" y="458"/>
                  </a:lnTo>
                  <a:lnTo>
                    <a:pt x="1173" y="449"/>
                  </a:lnTo>
                  <a:lnTo>
                    <a:pt x="1178" y="440"/>
                  </a:lnTo>
                  <a:lnTo>
                    <a:pt x="1182" y="434"/>
                  </a:lnTo>
                  <a:lnTo>
                    <a:pt x="1186" y="429"/>
                  </a:lnTo>
                  <a:lnTo>
                    <a:pt x="1191" y="425"/>
                  </a:lnTo>
                  <a:lnTo>
                    <a:pt x="1197" y="421"/>
                  </a:lnTo>
                  <a:lnTo>
                    <a:pt x="1203" y="419"/>
                  </a:lnTo>
                  <a:lnTo>
                    <a:pt x="1209" y="417"/>
                  </a:lnTo>
                  <a:lnTo>
                    <a:pt x="1223" y="414"/>
                  </a:lnTo>
                  <a:lnTo>
                    <a:pt x="1237" y="412"/>
                  </a:lnTo>
                  <a:lnTo>
                    <a:pt x="1244" y="410"/>
                  </a:lnTo>
                  <a:lnTo>
                    <a:pt x="1250" y="409"/>
                  </a:lnTo>
                  <a:lnTo>
                    <a:pt x="1258" y="406"/>
                  </a:lnTo>
                  <a:lnTo>
                    <a:pt x="1265" y="403"/>
                  </a:lnTo>
                  <a:lnTo>
                    <a:pt x="1265" y="386"/>
                  </a:lnTo>
                  <a:lnTo>
                    <a:pt x="1265" y="370"/>
                  </a:lnTo>
                  <a:lnTo>
                    <a:pt x="1265" y="353"/>
                  </a:lnTo>
                  <a:lnTo>
                    <a:pt x="1265" y="337"/>
                  </a:lnTo>
                  <a:lnTo>
                    <a:pt x="1238" y="319"/>
                  </a:lnTo>
                  <a:lnTo>
                    <a:pt x="1211" y="301"/>
                  </a:lnTo>
                  <a:lnTo>
                    <a:pt x="1198" y="292"/>
                  </a:lnTo>
                  <a:lnTo>
                    <a:pt x="1184" y="285"/>
                  </a:lnTo>
                  <a:lnTo>
                    <a:pt x="1168" y="277"/>
                  </a:lnTo>
                  <a:lnTo>
                    <a:pt x="1152" y="271"/>
                  </a:lnTo>
                  <a:lnTo>
                    <a:pt x="1127" y="297"/>
                  </a:lnTo>
                  <a:lnTo>
                    <a:pt x="1101" y="322"/>
                  </a:lnTo>
                  <a:lnTo>
                    <a:pt x="1074" y="349"/>
                  </a:lnTo>
                  <a:lnTo>
                    <a:pt x="1049" y="374"/>
                  </a:lnTo>
                  <a:lnTo>
                    <a:pt x="1033" y="373"/>
                  </a:lnTo>
                  <a:lnTo>
                    <a:pt x="1015" y="373"/>
                  </a:lnTo>
                  <a:lnTo>
                    <a:pt x="996" y="375"/>
                  </a:lnTo>
                  <a:lnTo>
                    <a:pt x="978" y="376"/>
                  </a:lnTo>
                  <a:lnTo>
                    <a:pt x="969" y="376"/>
                  </a:lnTo>
                  <a:lnTo>
                    <a:pt x="961" y="375"/>
                  </a:lnTo>
                  <a:lnTo>
                    <a:pt x="952" y="374"/>
                  </a:lnTo>
                  <a:lnTo>
                    <a:pt x="946" y="373"/>
                  </a:lnTo>
                  <a:lnTo>
                    <a:pt x="940" y="370"/>
                  </a:lnTo>
                  <a:lnTo>
                    <a:pt x="934" y="367"/>
                  </a:lnTo>
                  <a:lnTo>
                    <a:pt x="930" y="361"/>
                  </a:lnTo>
                  <a:lnTo>
                    <a:pt x="928" y="356"/>
                  </a:lnTo>
                  <a:lnTo>
                    <a:pt x="933" y="351"/>
                  </a:lnTo>
                  <a:lnTo>
                    <a:pt x="939" y="348"/>
                  </a:lnTo>
                  <a:lnTo>
                    <a:pt x="944" y="345"/>
                  </a:lnTo>
                  <a:lnTo>
                    <a:pt x="949" y="342"/>
                  </a:lnTo>
                  <a:lnTo>
                    <a:pt x="962" y="340"/>
                  </a:lnTo>
                  <a:lnTo>
                    <a:pt x="973" y="339"/>
                  </a:lnTo>
                  <a:lnTo>
                    <a:pt x="1001" y="342"/>
                  </a:lnTo>
                  <a:lnTo>
                    <a:pt x="1030" y="347"/>
                  </a:lnTo>
                  <a:lnTo>
                    <a:pt x="1038" y="336"/>
                  </a:lnTo>
                  <a:lnTo>
                    <a:pt x="1045" y="327"/>
                  </a:lnTo>
                  <a:lnTo>
                    <a:pt x="1052" y="317"/>
                  </a:lnTo>
                  <a:lnTo>
                    <a:pt x="1061" y="309"/>
                  </a:lnTo>
                  <a:lnTo>
                    <a:pt x="1078" y="292"/>
                  </a:lnTo>
                  <a:lnTo>
                    <a:pt x="1095" y="276"/>
                  </a:lnTo>
                  <a:lnTo>
                    <a:pt x="1133" y="246"/>
                  </a:lnTo>
                  <a:lnTo>
                    <a:pt x="1171" y="215"/>
                  </a:lnTo>
                  <a:lnTo>
                    <a:pt x="1169" y="212"/>
                  </a:lnTo>
                  <a:lnTo>
                    <a:pt x="1167" y="210"/>
                  </a:lnTo>
                  <a:lnTo>
                    <a:pt x="1164" y="209"/>
                  </a:lnTo>
                  <a:lnTo>
                    <a:pt x="1160" y="208"/>
                  </a:lnTo>
                  <a:lnTo>
                    <a:pt x="1151" y="207"/>
                  </a:lnTo>
                  <a:lnTo>
                    <a:pt x="1142" y="207"/>
                  </a:lnTo>
                  <a:lnTo>
                    <a:pt x="1132" y="207"/>
                  </a:lnTo>
                  <a:lnTo>
                    <a:pt x="1124" y="206"/>
                  </a:lnTo>
                  <a:lnTo>
                    <a:pt x="1121" y="205"/>
                  </a:lnTo>
                  <a:lnTo>
                    <a:pt x="1119" y="202"/>
                  </a:lnTo>
                  <a:lnTo>
                    <a:pt x="1117" y="200"/>
                  </a:lnTo>
                  <a:lnTo>
                    <a:pt x="1114" y="196"/>
                  </a:lnTo>
                  <a:lnTo>
                    <a:pt x="1132" y="179"/>
                  </a:lnTo>
                  <a:lnTo>
                    <a:pt x="1150" y="161"/>
                  </a:lnTo>
                  <a:lnTo>
                    <a:pt x="1154" y="156"/>
                  </a:lnTo>
                  <a:lnTo>
                    <a:pt x="1158" y="151"/>
                  </a:lnTo>
                  <a:lnTo>
                    <a:pt x="1160" y="145"/>
                  </a:lnTo>
                  <a:lnTo>
                    <a:pt x="1162" y="138"/>
                  </a:lnTo>
                  <a:lnTo>
                    <a:pt x="1163" y="131"/>
                  </a:lnTo>
                  <a:lnTo>
                    <a:pt x="1164" y="122"/>
                  </a:lnTo>
                  <a:lnTo>
                    <a:pt x="1163" y="113"/>
                  </a:lnTo>
                  <a:lnTo>
                    <a:pt x="1162" y="102"/>
                  </a:lnTo>
                  <a:lnTo>
                    <a:pt x="1150" y="98"/>
                  </a:lnTo>
                  <a:lnTo>
                    <a:pt x="1139" y="95"/>
                  </a:lnTo>
                  <a:lnTo>
                    <a:pt x="1128" y="93"/>
                  </a:lnTo>
                  <a:lnTo>
                    <a:pt x="1119" y="92"/>
                  </a:lnTo>
                  <a:lnTo>
                    <a:pt x="1109" y="92"/>
                  </a:lnTo>
                  <a:lnTo>
                    <a:pt x="1100" y="92"/>
                  </a:lnTo>
                  <a:lnTo>
                    <a:pt x="1091" y="93"/>
                  </a:lnTo>
                  <a:lnTo>
                    <a:pt x="1082" y="95"/>
                  </a:lnTo>
                  <a:lnTo>
                    <a:pt x="1074" y="98"/>
                  </a:lnTo>
                  <a:lnTo>
                    <a:pt x="1066" y="101"/>
                  </a:lnTo>
                  <a:lnTo>
                    <a:pt x="1059" y="105"/>
                  </a:lnTo>
                  <a:lnTo>
                    <a:pt x="1050" y="109"/>
                  </a:lnTo>
                  <a:lnTo>
                    <a:pt x="1035" y="119"/>
                  </a:lnTo>
                  <a:lnTo>
                    <a:pt x="1021" y="130"/>
                  </a:lnTo>
                  <a:lnTo>
                    <a:pt x="992" y="154"/>
                  </a:lnTo>
                  <a:lnTo>
                    <a:pt x="960" y="177"/>
                  </a:lnTo>
                  <a:lnTo>
                    <a:pt x="943" y="187"/>
                  </a:lnTo>
                  <a:lnTo>
                    <a:pt x="924" y="195"/>
                  </a:lnTo>
                  <a:lnTo>
                    <a:pt x="913" y="199"/>
                  </a:lnTo>
                  <a:lnTo>
                    <a:pt x="904" y="202"/>
                  </a:lnTo>
                  <a:lnTo>
                    <a:pt x="892" y="205"/>
                  </a:lnTo>
                  <a:lnTo>
                    <a:pt x="881" y="206"/>
                  </a:lnTo>
                  <a:lnTo>
                    <a:pt x="872" y="201"/>
                  </a:lnTo>
                  <a:lnTo>
                    <a:pt x="865" y="197"/>
                  </a:lnTo>
                  <a:lnTo>
                    <a:pt x="859" y="192"/>
                  </a:lnTo>
                  <a:lnTo>
                    <a:pt x="853" y="187"/>
                  </a:lnTo>
                  <a:lnTo>
                    <a:pt x="850" y="181"/>
                  </a:lnTo>
                  <a:lnTo>
                    <a:pt x="847" y="175"/>
                  </a:lnTo>
                  <a:lnTo>
                    <a:pt x="845" y="169"/>
                  </a:lnTo>
                  <a:lnTo>
                    <a:pt x="843" y="162"/>
                  </a:lnTo>
                  <a:lnTo>
                    <a:pt x="840" y="149"/>
                  </a:lnTo>
                  <a:lnTo>
                    <a:pt x="836" y="134"/>
                  </a:lnTo>
                  <a:lnTo>
                    <a:pt x="834" y="127"/>
                  </a:lnTo>
                  <a:lnTo>
                    <a:pt x="832" y="119"/>
                  </a:lnTo>
                  <a:lnTo>
                    <a:pt x="829" y="111"/>
                  </a:lnTo>
                  <a:lnTo>
                    <a:pt x="825" y="102"/>
                  </a:lnTo>
                  <a:lnTo>
                    <a:pt x="813" y="103"/>
                  </a:lnTo>
                  <a:lnTo>
                    <a:pt x="805" y="106"/>
                  </a:lnTo>
                  <a:lnTo>
                    <a:pt x="796" y="109"/>
                  </a:lnTo>
                  <a:lnTo>
                    <a:pt x="790" y="113"/>
                  </a:lnTo>
                  <a:lnTo>
                    <a:pt x="785" y="118"/>
                  </a:lnTo>
                  <a:lnTo>
                    <a:pt x="780" y="125"/>
                  </a:lnTo>
                  <a:lnTo>
                    <a:pt x="775" y="132"/>
                  </a:lnTo>
                  <a:lnTo>
                    <a:pt x="772" y="139"/>
                  </a:lnTo>
                  <a:lnTo>
                    <a:pt x="766" y="155"/>
                  </a:lnTo>
                  <a:lnTo>
                    <a:pt x="760" y="171"/>
                  </a:lnTo>
                  <a:lnTo>
                    <a:pt x="755" y="178"/>
                  </a:lnTo>
                  <a:lnTo>
                    <a:pt x="751" y="186"/>
                  </a:lnTo>
                  <a:lnTo>
                    <a:pt x="746" y="191"/>
                  </a:lnTo>
                  <a:lnTo>
                    <a:pt x="741" y="196"/>
                  </a:lnTo>
                  <a:lnTo>
                    <a:pt x="731" y="196"/>
                  </a:lnTo>
                  <a:lnTo>
                    <a:pt x="722" y="196"/>
                  </a:lnTo>
                  <a:lnTo>
                    <a:pt x="712" y="196"/>
                  </a:lnTo>
                  <a:lnTo>
                    <a:pt x="703" y="196"/>
                  </a:lnTo>
                  <a:lnTo>
                    <a:pt x="698" y="180"/>
                  </a:lnTo>
                  <a:lnTo>
                    <a:pt x="692" y="166"/>
                  </a:lnTo>
                  <a:lnTo>
                    <a:pt x="686" y="152"/>
                  </a:lnTo>
                  <a:lnTo>
                    <a:pt x="678" y="139"/>
                  </a:lnTo>
                  <a:lnTo>
                    <a:pt x="670" y="128"/>
                  </a:lnTo>
                  <a:lnTo>
                    <a:pt x="661" y="116"/>
                  </a:lnTo>
                  <a:lnTo>
                    <a:pt x="651" y="105"/>
                  </a:lnTo>
                  <a:lnTo>
                    <a:pt x="642" y="94"/>
                  </a:lnTo>
                  <a:lnTo>
                    <a:pt x="623" y="72"/>
                  </a:lnTo>
                  <a:lnTo>
                    <a:pt x="604" y="50"/>
                  </a:lnTo>
                  <a:lnTo>
                    <a:pt x="594" y="38"/>
                  </a:lnTo>
                  <a:lnTo>
                    <a:pt x="586" y="27"/>
                  </a:lnTo>
                  <a:lnTo>
                    <a:pt x="578" y="14"/>
                  </a:lnTo>
                  <a:lnTo>
                    <a:pt x="572" y="0"/>
                  </a:lnTo>
                  <a:lnTo>
                    <a:pt x="570" y="3"/>
                  </a:lnTo>
                  <a:lnTo>
                    <a:pt x="569" y="8"/>
                  </a:lnTo>
                  <a:lnTo>
                    <a:pt x="566" y="10"/>
                  </a:lnTo>
                  <a:lnTo>
                    <a:pt x="564" y="13"/>
                  </a:lnTo>
                  <a:lnTo>
                    <a:pt x="557" y="17"/>
                  </a:lnTo>
                  <a:lnTo>
                    <a:pt x="549" y="19"/>
                  </a:lnTo>
                  <a:lnTo>
                    <a:pt x="532" y="23"/>
                  </a:lnTo>
                  <a:lnTo>
                    <a:pt x="515" y="28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2" name="Haderslev kant"/>
            <p:cNvSpPr>
              <a:spLocks/>
            </p:cNvSpPr>
            <p:nvPr/>
          </p:nvSpPr>
          <p:spPr bwMode="auto">
            <a:xfrm>
              <a:off x="1133475" y="5365750"/>
              <a:ext cx="669925" cy="361950"/>
            </a:xfrm>
            <a:custGeom>
              <a:avLst/>
              <a:gdLst>
                <a:gd name="T0" fmla="*/ 162 w 1265"/>
                <a:gd name="T1" fmla="*/ 41 h 684"/>
                <a:gd name="T2" fmla="*/ 148 w 1265"/>
                <a:gd name="T3" fmla="*/ 55 h 684"/>
                <a:gd name="T4" fmla="*/ 150 w 1265"/>
                <a:gd name="T5" fmla="*/ 72 h 684"/>
                <a:gd name="T6" fmla="*/ 140 w 1265"/>
                <a:gd name="T7" fmla="*/ 83 h 684"/>
                <a:gd name="T8" fmla="*/ 116 w 1265"/>
                <a:gd name="T9" fmla="*/ 82 h 684"/>
                <a:gd name="T10" fmla="*/ 103 w 1265"/>
                <a:gd name="T11" fmla="*/ 70 h 684"/>
                <a:gd name="T12" fmla="*/ 105 w 1265"/>
                <a:gd name="T13" fmla="*/ 50 h 684"/>
                <a:gd name="T14" fmla="*/ 96 w 1265"/>
                <a:gd name="T15" fmla="*/ 51 h 684"/>
                <a:gd name="T16" fmla="*/ 73 w 1265"/>
                <a:gd name="T17" fmla="*/ 57 h 684"/>
                <a:gd name="T18" fmla="*/ 49 w 1265"/>
                <a:gd name="T19" fmla="*/ 42 h 684"/>
                <a:gd name="T20" fmla="*/ 34 w 1265"/>
                <a:gd name="T21" fmla="*/ 49 h 684"/>
                <a:gd name="T22" fmla="*/ 22 w 1265"/>
                <a:gd name="T23" fmla="*/ 61 h 684"/>
                <a:gd name="T24" fmla="*/ 5 w 1265"/>
                <a:gd name="T25" fmla="*/ 55 h 684"/>
                <a:gd name="T26" fmla="*/ 12 w 1265"/>
                <a:gd name="T27" fmla="*/ 76 h 684"/>
                <a:gd name="T28" fmla="*/ 12 w 1265"/>
                <a:gd name="T29" fmla="*/ 89 h 684"/>
                <a:gd name="T30" fmla="*/ 20 w 1265"/>
                <a:gd name="T31" fmla="*/ 107 h 684"/>
                <a:gd name="T32" fmla="*/ 16 w 1265"/>
                <a:gd name="T33" fmla="*/ 151 h 684"/>
                <a:gd name="T34" fmla="*/ 25 w 1265"/>
                <a:gd name="T35" fmla="*/ 165 h 684"/>
                <a:gd name="T36" fmla="*/ 37 w 1265"/>
                <a:gd name="T37" fmla="*/ 148 h 684"/>
                <a:gd name="T38" fmla="*/ 63 w 1265"/>
                <a:gd name="T39" fmla="*/ 130 h 684"/>
                <a:gd name="T40" fmla="*/ 84 w 1265"/>
                <a:gd name="T41" fmla="*/ 130 h 684"/>
                <a:gd name="T42" fmla="*/ 76 w 1265"/>
                <a:gd name="T43" fmla="*/ 134 h 684"/>
                <a:gd name="T44" fmla="*/ 93 w 1265"/>
                <a:gd name="T45" fmla="*/ 152 h 684"/>
                <a:gd name="T46" fmla="*/ 96 w 1265"/>
                <a:gd name="T47" fmla="*/ 184 h 684"/>
                <a:gd name="T48" fmla="*/ 101 w 1265"/>
                <a:gd name="T49" fmla="*/ 195 h 684"/>
                <a:gd name="T50" fmla="*/ 114 w 1265"/>
                <a:gd name="T51" fmla="*/ 196 h 684"/>
                <a:gd name="T52" fmla="*/ 125 w 1265"/>
                <a:gd name="T53" fmla="*/ 182 h 684"/>
                <a:gd name="T54" fmla="*/ 137 w 1265"/>
                <a:gd name="T55" fmla="*/ 181 h 684"/>
                <a:gd name="T56" fmla="*/ 159 w 1265"/>
                <a:gd name="T57" fmla="*/ 188 h 684"/>
                <a:gd name="T58" fmla="*/ 155 w 1265"/>
                <a:gd name="T59" fmla="*/ 210 h 684"/>
                <a:gd name="T60" fmla="*/ 189 w 1265"/>
                <a:gd name="T61" fmla="*/ 219 h 684"/>
                <a:gd name="T62" fmla="*/ 197 w 1265"/>
                <a:gd name="T63" fmla="*/ 206 h 684"/>
                <a:gd name="T64" fmla="*/ 218 w 1265"/>
                <a:gd name="T65" fmla="*/ 196 h 684"/>
                <a:gd name="T66" fmla="*/ 283 w 1265"/>
                <a:gd name="T67" fmla="*/ 212 h 684"/>
                <a:gd name="T68" fmla="*/ 317 w 1265"/>
                <a:gd name="T69" fmla="*/ 223 h 684"/>
                <a:gd name="T70" fmla="*/ 310 w 1265"/>
                <a:gd name="T71" fmla="*/ 209 h 684"/>
                <a:gd name="T72" fmla="*/ 353 w 1265"/>
                <a:gd name="T73" fmla="*/ 175 h 684"/>
                <a:gd name="T74" fmla="*/ 390 w 1265"/>
                <a:gd name="T75" fmla="*/ 177 h 684"/>
                <a:gd name="T76" fmla="*/ 407 w 1265"/>
                <a:gd name="T77" fmla="*/ 170 h 684"/>
                <a:gd name="T78" fmla="*/ 413 w 1265"/>
                <a:gd name="T79" fmla="*/ 159 h 684"/>
                <a:gd name="T80" fmla="*/ 396 w 1265"/>
                <a:gd name="T81" fmla="*/ 159 h 684"/>
                <a:gd name="T82" fmla="*/ 391 w 1265"/>
                <a:gd name="T83" fmla="*/ 150 h 684"/>
                <a:gd name="T84" fmla="*/ 403 w 1265"/>
                <a:gd name="T85" fmla="*/ 139 h 684"/>
                <a:gd name="T86" fmla="*/ 422 w 1265"/>
                <a:gd name="T87" fmla="*/ 129 h 684"/>
                <a:gd name="T88" fmla="*/ 395 w 1265"/>
                <a:gd name="T89" fmla="*/ 95 h 684"/>
                <a:gd name="T90" fmla="*/ 345 w 1265"/>
                <a:gd name="T91" fmla="*/ 124 h 684"/>
                <a:gd name="T92" fmla="*/ 316 w 1265"/>
                <a:gd name="T93" fmla="*/ 124 h 684"/>
                <a:gd name="T94" fmla="*/ 315 w 1265"/>
                <a:gd name="T95" fmla="*/ 115 h 684"/>
                <a:gd name="T96" fmla="*/ 349 w 1265"/>
                <a:gd name="T97" fmla="*/ 109 h 684"/>
                <a:gd name="T98" fmla="*/ 390 w 1265"/>
                <a:gd name="T99" fmla="*/ 71 h 684"/>
                <a:gd name="T100" fmla="*/ 375 w 1265"/>
                <a:gd name="T101" fmla="*/ 69 h 684"/>
                <a:gd name="T102" fmla="*/ 385 w 1265"/>
                <a:gd name="T103" fmla="*/ 52 h 684"/>
                <a:gd name="T104" fmla="*/ 388 w 1265"/>
                <a:gd name="T105" fmla="*/ 34 h 684"/>
                <a:gd name="T106" fmla="*/ 364 w 1265"/>
                <a:gd name="T107" fmla="*/ 31 h 684"/>
                <a:gd name="T108" fmla="*/ 341 w 1265"/>
                <a:gd name="T109" fmla="*/ 43 h 684"/>
                <a:gd name="T110" fmla="*/ 298 w 1265"/>
                <a:gd name="T111" fmla="*/ 68 h 684"/>
                <a:gd name="T112" fmla="*/ 283 w 1265"/>
                <a:gd name="T113" fmla="*/ 58 h 684"/>
                <a:gd name="T114" fmla="*/ 277 w 1265"/>
                <a:gd name="T115" fmla="*/ 37 h 684"/>
                <a:gd name="T116" fmla="*/ 260 w 1265"/>
                <a:gd name="T117" fmla="*/ 42 h 684"/>
                <a:gd name="T118" fmla="*/ 249 w 1265"/>
                <a:gd name="T119" fmla="*/ 64 h 684"/>
                <a:gd name="T120" fmla="*/ 231 w 1265"/>
                <a:gd name="T121" fmla="*/ 55 h 684"/>
                <a:gd name="T122" fmla="*/ 208 w 1265"/>
                <a:gd name="T123" fmla="*/ 24 h 684"/>
                <a:gd name="T124" fmla="*/ 190 w 1265"/>
                <a:gd name="T125" fmla="*/ 3 h 684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265" h="684">
                  <a:moveTo>
                    <a:pt x="515" y="28"/>
                  </a:moveTo>
                  <a:lnTo>
                    <a:pt x="508" y="66"/>
                  </a:lnTo>
                  <a:lnTo>
                    <a:pt x="501" y="100"/>
                  </a:lnTo>
                  <a:lnTo>
                    <a:pt x="497" y="108"/>
                  </a:lnTo>
                  <a:lnTo>
                    <a:pt x="494" y="114"/>
                  </a:lnTo>
                  <a:lnTo>
                    <a:pt x="490" y="119"/>
                  </a:lnTo>
                  <a:lnTo>
                    <a:pt x="485" y="123"/>
                  </a:lnTo>
                  <a:lnTo>
                    <a:pt x="478" y="126"/>
                  </a:lnTo>
                  <a:lnTo>
                    <a:pt x="470" y="126"/>
                  </a:lnTo>
                  <a:lnTo>
                    <a:pt x="461" y="125"/>
                  </a:lnTo>
                  <a:lnTo>
                    <a:pt x="450" y="121"/>
                  </a:lnTo>
                  <a:lnTo>
                    <a:pt x="447" y="135"/>
                  </a:lnTo>
                  <a:lnTo>
                    <a:pt x="445" y="150"/>
                  </a:lnTo>
                  <a:lnTo>
                    <a:pt x="443" y="165"/>
                  </a:lnTo>
                  <a:lnTo>
                    <a:pt x="442" y="178"/>
                  </a:lnTo>
                  <a:lnTo>
                    <a:pt x="442" y="186"/>
                  </a:lnTo>
                  <a:lnTo>
                    <a:pt x="442" y="192"/>
                  </a:lnTo>
                  <a:lnTo>
                    <a:pt x="443" y="198"/>
                  </a:lnTo>
                  <a:lnTo>
                    <a:pt x="445" y="205"/>
                  </a:lnTo>
                  <a:lnTo>
                    <a:pt x="447" y="211"/>
                  </a:lnTo>
                  <a:lnTo>
                    <a:pt x="450" y="216"/>
                  </a:lnTo>
                  <a:lnTo>
                    <a:pt x="454" y="220"/>
                  </a:lnTo>
                  <a:lnTo>
                    <a:pt x="459" y="225"/>
                  </a:lnTo>
                  <a:lnTo>
                    <a:pt x="453" y="231"/>
                  </a:lnTo>
                  <a:lnTo>
                    <a:pt x="447" y="237"/>
                  </a:lnTo>
                  <a:lnTo>
                    <a:pt x="438" y="241"/>
                  </a:lnTo>
                  <a:lnTo>
                    <a:pt x="430" y="246"/>
                  </a:lnTo>
                  <a:lnTo>
                    <a:pt x="420" y="248"/>
                  </a:lnTo>
                  <a:lnTo>
                    <a:pt x="411" y="250"/>
                  </a:lnTo>
                  <a:lnTo>
                    <a:pt x="400" y="251"/>
                  </a:lnTo>
                  <a:lnTo>
                    <a:pt x="390" y="251"/>
                  </a:lnTo>
                  <a:lnTo>
                    <a:pt x="379" y="251"/>
                  </a:lnTo>
                  <a:lnTo>
                    <a:pt x="369" y="250"/>
                  </a:lnTo>
                  <a:lnTo>
                    <a:pt x="357" y="249"/>
                  </a:lnTo>
                  <a:lnTo>
                    <a:pt x="347" y="247"/>
                  </a:lnTo>
                  <a:lnTo>
                    <a:pt x="337" y="245"/>
                  </a:lnTo>
                  <a:lnTo>
                    <a:pt x="327" y="241"/>
                  </a:lnTo>
                  <a:lnTo>
                    <a:pt x="318" y="237"/>
                  </a:lnTo>
                  <a:lnTo>
                    <a:pt x="310" y="234"/>
                  </a:lnTo>
                  <a:lnTo>
                    <a:pt x="309" y="226"/>
                  </a:lnTo>
                  <a:lnTo>
                    <a:pt x="309" y="218"/>
                  </a:lnTo>
                  <a:lnTo>
                    <a:pt x="310" y="211"/>
                  </a:lnTo>
                  <a:lnTo>
                    <a:pt x="311" y="202"/>
                  </a:lnTo>
                  <a:lnTo>
                    <a:pt x="314" y="188"/>
                  </a:lnTo>
                  <a:lnTo>
                    <a:pt x="316" y="174"/>
                  </a:lnTo>
                  <a:lnTo>
                    <a:pt x="317" y="168"/>
                  </a:lnTo>
                  <a:lnTo>
                    <a:pt x="317" y="161"/>
                  </a:lnTo>
                  <a:lnTo>
                    <a:pt x="317" y="156"/>
                  </a:lnTo>
                  <a:lnTo>
                    <a:pt x="316" y="150"/>
                  </a:lnTo>
                  <a:lnTo>
                    <a:pt x="314" y="145"/>
                  </a:lnTo>
                  <a:lnTo>
                    <a:pt x="311" y="139"/>
                  </a:lnTo>
                  <a:lnTo>
                    <a:pt x="307" y="135"/>
                  </a:lnTo>
                  <a:lnTo>
                    <a:pt x="300" y="131"/>
                  </a:lnTo>
                  <a:lnTo>
                    <a:pt x="296" y="139"/>
                  </a:lnTo>
                  <a:lnTo>
                    <a:pt x="292" y="147"/>
                  </a:lnTo>
                  <a:lnTo>
                    <a:pt x="287" y="153"/>
                  </a:lnTo>
                  <a:lnTo>
                    <a:pt x="283" y="159"/>
                  </a:lnTo>
                  <a:lnTo>
                    <a:pt x="272" y="173"/>
                  </a:lnTo>
                  <a:lnTo>
                    <a:pt x="263" y="187"/>
                  </a:lnTo>
                  <a:lnTo>
                    <a:pt x="249" y="185"/>
                  </a:lnTo>
                  <a:lnTo>
                    <a:pt x="237" y="181"/>
                  </a:lnTo>
                  <a:lnTo>
                    <a:pt x="227" y="177"/>
                  </a:lnTo>
                  <a:lnTo>
                    <a:pt x="218" y="172"/>
                  </a:lnTo>
                  <a:lnTo>
                    <a:pt x="204" y="161"/>
                  </a:lnTo>
                  <a:lnTo>
                    <a:pt x="190" y="150"/>
                  </a:lnTo>
                  <a:lnTo>
                    <a:pt x="183" y="145"/>
                  </a:lnTo>
                  <a:lnTo>
                    <a:pt x="175" y="139"/>
                  </a:lnTo>
                  <a:lnTo>
                    <a:pt x="168" y="134"/>
                  </a:lnTo>
                  <a:lnTo>
                    <a:pt x="158" y="130"/>
                  </a:lnTo>
                  <a:lnTo>
                    <a:pt x="148" y="127"/>
                  </a:lnTo>
                  <a:lnTo>
                    <a:pt x="135" y="123"/>
                  </a:lnTo>
                  <a:lnTo>
                    <a:pt x="120" y="122"/>
                  </a:lnTo>
                  <a:lnTo>
                    <a:pt x="104" y="121"/>
                  </a:lnTo>
                  <a:lnTo>
                    <a:pt x="104" y="129"/>
                  </a:lnTo>
                  <a:lnTo>
                    <a:pt x="104" y="135"/>
                  </a:lnTo>
                  <a:lnTo>
                    <a:pt x="102" y="141"/>
                  </a:lnTo>
                  <a:lnTo>
                    <a:pt x="101" y="147"/>
                  </a:lnTo>
                  <a:lnTo>
                    <a:pt x="99" y="152"/>
                  </a:lnTo>
                  <a:lnTo>
                    <a:pt x="97" y="157"/>
                  </a:lnTo>
                  <a:lnTo>
                    <a:pt x="94" y="161"/>
                  </a:lnTo>
                  <a:lnTo>
                    <a:pt x="91" y="166"/>
                  </a:lnTo>
                  <a:lnTo>
                    <a:pt x="85" y="172"/>
                  </a:lnTo>
                  <a:lnTo>
                    <a:pt x="76" y="178"/>
                  </a:lnTo>
                  <a:lnTo>
                    <a:pt x="67" y="183"/>
                  </a:lnTo>
                  <a:lnTo>
                    <a:pt x="57" y="187"/>
                  </a:lnTo>
                  <a:lnTo>
                    <a:pt x="48" y="186"/>
                  </a:lnTo>
                  <a:lnTo>
                    <a:pt x="39" y="183"/>
                  </a:lnTo>
                  <a:lnTo>
                    <a:pt x="33" y="179"/>
                  </a:lnTo>
                  <a:lnTo>
                    <a:pt x="28" y="174"/>
                  </a:lnTo>
                  <a:lnTo>
                    <a:pt x="21" y="170"/>
                  </a:lnTo>
                  <a:lnTo>
                    <a:pt x="16" y="165"/>
                  </a:lnTo>
                  <a:lnTo>
                    <a:pt x="9" y="161"/>
                  </a:lnTo>
                  <a:lnTo>
                    <a:pt x="0" y="159"/>
                  </a:lnTo>
                  <a:lnTo>
                    <a:pt x="16" y="183"/>
                  </a:lnTo>
                  <a:lnTo>
                    <a:pt x="32" y="209"/>
                  </a:lnTo>
                  <a:lnTo>
                    <a:pt x="34" y="215"/>
                  </a:lnTo>
                  <a:lnTo>
                    <a:pt x="36" y="221"/>
                  </a:lnTo>
                  <a:lnTo>
                    <a:pt x="36" y="228"/>
                  </a:lnTo>
                  <a:lnTo>
                    <a:pt x="36" y="234"/>
                  </a:lnTo>
                  <a:lnTo>
                    <a:pt x="34" y="240"/>
                  </a:lnTo>
                  <a:lnTo>
                    <a:pt x="31" y="248"/>
                  </a:lnTo>
                  <a:lnTo>
                    <a:pt x="26" y="255"/>
                  </a:lnTo>
                  <a:lnTo>
                    <a:pt x="19" y="262"/>
                  </a:lnTo>
                  <a:lnTo>
                    <a:pt x="28" y="265"/>
                  </a:lnTo>
                  <a:lnTo>
                    <a:pt x="35" y="268"/>
                  </a:lnTo>
                  <a:lnTo>
                    <a:pt x="41" y="272"/>
                  </a:lnTo>
                  <a:lnTo>
                    <a:pt x="47" y="277"/>
                  </a:lnTo>
                  <a:lnTo>
                    <a:pt x="51" y="282"/>
                  </a:lnTo>
                  <a:lnTo>
                    <a:pt x="54" y="290"/>
                  </a:lnTo>
                  <a:lnTo>
                    <a:pt x="56" y="296"/>
                  </a:lnTo>
                  <a:lnTo>
                    <a:pt x="58" y="305"/>
                  </a:lnTo>
                  <a:lnTo>
                    <a:pt x="59" y="321"/>
                  </a:lnTo>
                  <a:lnTo>
                    <a:pt x="58" y="340"/>
                  </a:lnTo>
                  <a:lnTo>
                    <a:pt x="56" y="359"/>
                  </a:lnTo>
                  <a:lnTo>
                    <a:pt x="53" y="379"/>
                  </a:lnTo>
                  <a:lnTo>
                    <a:pt x="50" y="399"/>
                  </a:lnTo>
                  <a:lnTo>
                    <a:pt x="48" y="419"/>
                  </a:lnTo>
                  <a:lnTo>
                    <a:pt x="47" y="437"/>
                  </a:lnTo>
                  <a:lnTo>
                    <a:pt x="48" y="454"/>
                  </a:lnTo>
                  <a:lnTo>
                    <a:pt x="49" y="461"/>
                  </a:lnTo>
                  <a:lnTo>
                    <a:pt x="51" y="469"/>
                  </a:lnTo>
                  <a:lnTo>
                    <a:pt x="54" y="475"/>
                  </a:lnTo>
                  <a:lnTo>
                    <a:pt x="58" y="481"/>
                  </a:lnTo>
                  <a:lnTo>
                    <a:pt x="64" y="487"/>
                  </a:lnTo>
                  <a:lnTo>
                    <a:pt x="69" y="491"/>
                  </a:lnTo>
                  <a:lnTo>
                    <a:pt x="76" y="494"/>
                  </a:lnTo>
                  <a:lnTo>
                    <a:pt x="85" y="496"/>
                  </a:lnTo>
                  <a:lnTo>
                    <a:pt x="85" y="485"/>
                  </a:lnTo>
                  <a:lnTo>
                    <a:pt x="85" y="473"/>
                  </a:lnTo>
                  <a:lnTo>
                    <a:pt x="85" y="461"/>
                  </a:lnTo>
                  <a:lnTo>
                    <a:pt x="85" y="449"/>
                  </a:lnTo>
                  <a:lnTo>
                    <a:pt x="98" y="448"/>
                  </a:lnTo>
                  <a:lnTo>
                    <a:pt x="110" y="445"/>
                  </a:lnTo>
                  <a:lnTo>
                    <a:pt x="120" y="440"/>
                  </a:lnTo>
                  <a:lnTo>
                    <a:pt x="130" y="435"/>
                  </a:lnTo>
                  <a:lnTo>
                    <a:pt x="147" y="424"/>
                  </a:lnTo>
                  <a:lnTo>
                    <a:pt x="163" y="410"/>
                  </a:lnTo>
                  <a:lnTo>
                    <a:pt x="170" y="403"/>
                  </a:lnTo>
                  <a:lnTo>
                    <a:pt x="178" y="397"/>
                  </a:lnTo>
                  <a:lnTo>
                    <a:pt x="188" y="391"/>
                  </a:lnTo>
                  <a:lnTo>
                    <a:pt x="198" y="387"/>
                  </a:lnTo>
                  <a:lnTo>
                    <a:pt x="209" y="384"/>
                  </a:lnTo>
                  <a:lnTo>
                    <a:pt x="223" y="381"/>
                  </a:lnTo>
                  <a:lnTo>
                    <a:pt x="237" y="381"/>
                  </a:lnTo>
                  <a:lnTo>
                    <a:pt x="253" y="384"/>
                  </a:lnTo>
                  <a:lnTo>
                    <a:pt x="253" y="387"/>
                  </a:lnTo>
                  <a:lnTo>
                    <a:pt x="252" y="389"/>
                  </a:lnTo>
                  <a:lnTo>
                    <a:pt x="250" y="391"/>
                  </a:lnTo>
                  <a:lnTo>
                    <a:pt x="248" y="393"/>
                  </a:lnTo>
                  <a:lnTo>
                    <a:pt x="244" y="395"/>
                  </a:lnTo>
                  <a:lnTo>
                    <a:pt x="238" y="396"/>
                  </a:lnTo>
                  <a:lnTo>
                    <a:pt x="233" y="398"/>
                  </a:lnTo>
                  <a:lnTo>
                    <a:pt x="228" y="400"/>
                  </a:lnTo>
                  <a:lnTo>
                    <a:pt x="227" y="403"/>
                  </a:lnTo>
                  <a:lnTo>
                    <a:pt x="226" y="406"/>
                  </a:lnTo>
                  <a:lnTo>
                    <a:pt x="225" y="408"/>
                  </a:lnTo>
                  <a:lnTo>
                    <a:pt x="226" y="412"/>
                  </a:lnTo>
                  <a:lnTo>
                    <a:pt x="239" y="423"/>
                  </a:lnTo>
                  <a:lnTo>
                    <a:pt x="253" y="433"/>
                  </a:lnTo>
                  <a:lnTo>
                    <a:pt x="267" y="445"/>
                  </a:lnTo>
                  <a:lnTo>
                    <a:pt x="279" y="456"/>
                  </a:lnTo>
                  <a:lnTo>
                    <a:pt x="293" y="468"/>
                  </a:lnTo>
                  <a:lnTo>
                    <a:pt x="307" y="478"/>
                  </a:lnTo>
                  <a:lnTo>
                    <a:pt x="322" y="488"/>
                  </a:lnTo>
                  <a:lnTo>
                    <a:pt x="337" y="496"/>
                  </a:lnTo>
                  <a:lnTo>
                    <a:pt x="320" y="514"/>
                  </a:lnTo>
                  <a:lnTo>
                    <a:pt x="304" y="532"/>
                  </a:lnTo>
                  <a:lnTo>
                    <a:pt x="288" y="552"/>
                  </a:lnTo>
                  <a:lnTo>
                    <a:pt x="272" y="571"/>
                  </a:lnTo>
                  <a:lnTo>
                    <a:pt x="277" y="571"/>
                  </a:lnTo>
                  <a:lnTo>
                    <a:pt x="281" y="572"/>
                  </a:lnTo>
                  <a:lnTo>
                    <a:pt x="286" y="573"/>
                  </a:lnTo>
                  <a:lnTo>
                    <a:pt x="289" y="575"/>
                  </a:lnTo>
                  <a:lnTo>
                    <a:pt x="295" y="579"/>
                  </a:lnTo>
                  <a:lnTo>
                    <a:pt x="302" y="584"/>
                  </a:lnTo>
                  <a:lnTo>
                    <a:pt x="308" y="588"/>
                  </a:lnTo>
                  <a:lnTo>
                    <a:pt x="315" y="591"/>
                  </a:lnTo>
                  <a:lnTo>
                    <a:pt x="319" y="592"/>
                  </a:lnTo>
                  <a:lnTo>
                    <a:pt x="325" y="592"/>
                  </a:lnTo>
                  <a:lnTo>
                    <a:pt x="331" y="591"/>
                  </a:lnTo>
                  <a:lnTo>
                    <a:pt x="337" y="590"/>
                  </a:lnTo>
                  <a:lnTo>
                    <a:pt x="343" y="587"/>
                  </a:lnTo>
                  <a:lnTo>
                    <a:pt x="346" y="585"/>
                  </a:lnTo>
                  <a:lnTo>
                    <a:pt x="350" y="580"/>
                  </a:lnTo>
                  <a:lnTo>
                    <a:pt x="353" y="577"/>
                  </a:lnTo>
                  <a:lnTo>
                    <a:pt x="358" y="569"/>
                  </a:lnTo>
                  <a:lnTo>
                    <a:pt x="365" y="560"/>
                  </a:lnTo>
                  <a:lnTo>
                    <a:pt x="370" y="552"/>
                  </a:lnTo>
                  <a:lnTo>
                    <a:pt x="376" y="545"/>
                  </a:lnTo>
                  <a:lnTo>
                    <a:pt x="380" y="540"/>
                  </a:lnTo>
                  <a:lnTo>
                    <a:pt x="384" y="538"/>
                  </a:lnTo>
                  <a:lnTo>
                    <a:pt x="389" y="535"/>
                  </a:lnTo>
                  <a:lnTo>
                    <a:pt x="394" y="533"/>
                  </a:lnTo>
                  <a:lnTo>
                    <a:pt x="398" y="537"/>
                  </a:lnTo>
                  <a:lnTo>
                    <a:pt x="404" y="540"/>
                  </a:lnTo>
                  <a:lnTo>
                    <a:pt x="410" y="543"/>
                  </a:lnTo>
                  <a:lnTo>
                    <a:pt x="415" y="545"/>
                  </a:lnTo>
                  <a:lnTo>
                    <a:pt x="429" y="548"/>
                  </a:lnTo>
                  <a:lnTo>
                    <a:pt x="442" y="551"/>
                  </a:lnTo>
                  <a:lnTo>
                    <a:pt x="455" y="554"/>
                  </a:lnTo>
                  <a:lnTo>
                    <a:pt x="468" y="558"/>
                  </a:lnTo>
                  <a:lnTo>
                    <a:pt x="473" y="560"/>
                  </a:lnTo>
                  <a:lnTo>
                    <a:pt x="478" y="564"/>
                  </a:lnTo>
                  <a:lnTo>
                    <a:pt x="484" y="567"/>
                  </a:lnTo>
                  <a:lnTo>
                    <a:pt x="488" y="571"/>
                  </a:lnTo>
                  <a:lnTo>
                    <a:pt x="478" y="591"/>
                  </a:lnTo>
                  <a:lnTo>
                    <a:pt x="468" y="608"/>
                  </a:lnTo>
                  <a:lnTo>
                    <a:pt x="465" y="616"/>
                  </a:lnTo>
                  <a:lnTo>
                    <a:pt x="464" y="625"/>
                  </a:lnTo>
                  <a:lnTo>
                    <a:pt x="464" y="630"/>
                  </a:lnTo>
                  <a:lnTo>
                    <a:pt x="465" y="635"/>
                  </a:lnTo>
                  <a:lnTo>
                    <a:pt x="466" y="640"/>
                  </a:lnTo>
                  <a:lnTo>
                    <a:pt x="469" y="646"/>
                  </a:lnTo>
                  <a:lnTo>
                    <a:pt x="501" y="651"/>
                  </a:lnTo>
                  <a:lnTo>
                    <a:pt x="535" y="656"/>
                  </a:lnTo>
                  <a:lnTo>
                    <a:pt x="552" y="658"/>
                  </a:lnTo>
                  <a:lnTo>
                    <a:pt x="568" y="658"/>
                  </a:lnTo>
                  <a:lnTo>
                    <a:pt x="574" y="658"/>
                  </a:lnTo>
                  <a:lnTo>
                    <a:pt x="581" y="658"/>
                  </a:lnTo>
                  <a:lnTo>
                    <a:pt x="586" y="657"/>
                  </a:lnTo>
                  <a:lnTo>
                    <a:pt x="590" y="655"/>
                  </a:lnTo>
                  <a:lnTo>
                    <a:pt x="590" y="643"/>
                  </a:lnTo>
                  <a:lnTo>
                    <a:pt x="591" y="630"/>
                  </a:lnTo>
                  <a:lnTo>
                    <a:pt x="592" y="618"/>
                  </a:lnTo>
                  <a:lnTo>
                    <a:pt x="594" y="608"/>
                  </a:lnTo>
                  <a:lnTo>
                    <a:pt x="596" y="597"/>
                  </a:lnTo>
                  <a:lnTo>
                    <a:pt x="599" y="588"/>
                  </a:lnTo>
                  <a:lnTo>
                    <a:pt x="604" y="578"/>
                  </a:lnTo>
                  <a:lnTo>
                    <a:pt x="609" y="571"/>
                  </a:lnTo>
                  <a:lnTo>
                    <a:pt x="630" y="580"/>
                  </a:lnTo>
                  <a:lnTo>
                    <a:pt x="652" y="588"/>
                  </a:lnTo>
                  <a:lnTo>
                    <a:pt x="673" y="594"/>
                  </a:lnTo>
                  <a:lnTo>
                    <a:pt x="695" y="600"/>
                  </a:lnTo>
                  <a:lnTo>
                    <a:pt x="740" y="610"/>
                  </a:lnTo>
                  <a:lnTo>
                    <a:pt x="783" y="619"/>
                  </a:lnTo>
                  <a:lnTo>
                    <a:pt x="805" y="625"/>
                  </a:lnTo>
                  <a:lnTo>
                    <a:pt x="826" y="630"/>
                  </a:lnTo>
                  <a:lnTo>
                    <a:pt x="847" y="635"/>
                  </a:lnTo>
                  <a:lnTo>
                    <a:pt x="868" y="643"/>
                  </a:lnTo>
                  <a:lnTo>
                    <a:pt x="889" y="650"/>
                  </a:lnTo>
                  <a:lnTo>
                    <a:pt x="908" y="659"/>
                  </a:lnTo>
                  <a:lnTo>
                    <a:pt x="928" y="671"/>
                  </a:lnTo>
                  <a:lnTo>
                    <a:pt x="946" y="684"/>
                  </a:lnTo>
                  <a:lnTo>
                    <a:pt x="948" y="676"/>
                  </a:lnTo>
                  <a:lnTo>
                    <a:pt x="949" y="670"/>
                  </a:lnTo>
                  <a:lnTo>
                    <a:pt x="949" y="665"/>
                  </a:lnTo>
                  <a:lnTo>
                    <a:pt x="949" y="660"/>
                  </a:lnTo>
                  <a:lnTo>
                    <a:pt x="946" y="652"/>
                  </a:lnTo>
                  <a:lnTo>
                    <a:pt x="943" y="645"/>
                  </a:lnTo>
                  <a:lnTo>
                    <a:pt x="939" y="639"/>
                  </a:lnTo>
                  <a:lnTo>
                    <a:pt x="933" y="633"/>
                  </a:lnTo>
                  <a:lnTo>
                    <a:pt x="930" y="626"/>
                  </a:lnTo>
                  <a:lnTo>
                    <a:pt x="928" y="618"/>
                  </a:lnTo>
                  <a:lnTo>
                    <a:pt x="949" y="603"/>
                  </a:lnTo>
                  <a:lnTo>
                    <a:pt x="971" y="587"/>
                  </a:lnTo>
                  <a:lnTo>
                    <a:pt x="993" y="571"/>
                  </a:lnTo>
                  <a:lnTo>
                    <a:pt x="1014" y="555"/>
                  </a:lnTo>
                  <a:lnTo>
                    <a:pt x="1036" y="539"/>
                  </a:lnTo>
                  <a:lnTo>
                    <a:pt x="1059" y="525"/>
                  </a:lnTo>
                  <a:lnTo>
                    <a:pt x="1082" y="510"/>
                  </a:lnTo>
                  <a:lnTo>
                    <a:pt x="1106" y="496"/>
                  </a:lnTo>
                  <a:lnTo>
                    <a:pt x="1124" y="506"/>
                  </a:lnTo>
                  <a:lnTo>
                    <a:pt x="1142" y="516"/>
                  </a:lnTo>
                  <a:lnTo>
                    <a:pt x="1151" y="521"/>
                  </a:lnTo>
                  <a:lnTo>
                    <a:pt x="1161" y="526"/>
                  </a:lnTo>
                  <a:lnTo>
                    <a:pt x="1170" y="530"/>
                  </a:lnTo>
                  <a:lnTo>
                    <a:pt x="1181" y="533"/>
                  </a:lnTo>
                  <a:lnTo>
                    <a:pt x="1184" y="530"/>
                  </a:lnTo>
                  <a:lnTo>
                    <a:pt x="1188" y="526"/>
                  </a:lnTo>
                  <a:lnTo>
                    <a:pt x="1193" y="524"/>
                  </a:lnTo>
                  <a:lnTo>
                    <a:pt x="1198" y="520"/>
                  </a:lnTo>
                  <a:lnTo>
                    <a:pt x="1208" y="516"/>
                  </a:lnTo>
                  <a:lnTo>
                    <a:pt x="1219" y="511"/>
                  </a:lnTo>
                  <a:lnTo>
                    <a:pt x="1224" y="509"/>
                  </a:lnTo>
                  <a:lnTo>
                    <a:pt x="1228" y="506"/>
                  </a:lnTo>
                  <a:lnTo>
                    <a:pt x="1232" y="501"/>
                  </a:lnTo>
                  <a:lnTo>
                    <a:pt x="1234" y="496"/>
                  </a:lnTo>
                  <a:lnTo>
                    <a:pt x="1237" y="491"/>
                  </a:lnTo>
                  <a:lnTo>
                    <a:pt x="1238" y="485"/>
                  </a:lnTo>
                  <a:lnTo>
                    <a:pt x="1238" y="477"/>
                  </a:lnTo>
                  <a:lnTo>
                    <a:pt x="1237" y="468"/>
                  </a:lnTo>
                  <a:lnTo>
                    <a:pt x="1226" y="469"/>
                  </a:lnTo>
                  <a:lnTo>
                    <a:pt x="1216" y="471"/>
                  </a:lnTo>
                  <a:lnTo>
                    <a:pt x="1206" y="473"/>
                  </a:lnTo>
                  <a:lnTo>
                    <a:pt x="1197" y="476"/>
                  </a:lnTo>
                  <a:lnTo>
                    <a:pt x="1192" y="476"/>
                  </a:lnTo>
                  <a:lnTo>
                    <a:pt x="1188" y="476"/>
                  </a:lnTo>
                  <a:lnTo>
                    <a:pt x="1184" y="476"/>
                  </a:lnTo>
                  <a:lnTo>
                    <a:pt x="1181" y="475"/>
                  </a:lnTo>
                  <a:lnTo>
                    <a:pt x="1178" y="473"/>
                  </a:lnTo>
                  <a:lnTo>
                    <a:pt x="1175" y="469"/>
                  </a:lnTo>
                  <a:lnTo>
                    <a:pt x="1173" y="465"/>
                  </a:lnTo>
                  <a:lnTo>
                    <a:pt x="1171" y="458"/>
                  </a:lnTo>
                  <a:lnTo>
                    <a:pt x="1173" y="449"/>
                  </a:lnTo>
                  <a:lnTo>
                    <a:pt x="1178" y="440"/>
                  </a:lnTo>
                  <a:lnTo>
                    <a:pt x="1182" y="434"/>
                  </a:lnTo>
                  <a:lnTo>
                    <a:pt x="1186" y="429"/>
                  </a:lnTo>
                  <a:lnTo>
                    <a:pt x="1191" y="425"/>
                  </a:lnTo>
                  <a:lnTo>
                    <a:pt x="1197" y="421"/>
                  </a:lnTo>
                  <a:lnTo>
                    <a:pt x="1203" y="419"/>
                  </a:lnTo>
                  <a:lnTo>
                    <a:pt x="1209" y="417"/>
                  </a:lnTo>
                  <a:lnTo>
                    <a:pt x="1223" y="414"/>
                  </a:lnTo>
                  <a:lnTo>
                    <a:pt x="1237" y="412"/>
                  </a:lnTo>
                  <a:lnTo>
                    <a:pt x="1244" y="410"/>
                  </a:lnTo>
                  <a:lnTo>
                    <a:pt x="1250" y="409"/>
                  </a:lnTo>
                  <a:lnTo>
                    <a:pt x="1258" y="406"/>
                  </a:lnTo>
                  <a:lnTo>
                    <a:pt x="1265" y="403"/>
                  </a:lnTo>
                  <a:lnTo>
                    <a:pt x="1265" y="386"/>
                  </a:lnTo>
                  <a:lnTo>
                    <a:pt x="1265" y="370"/>
                  </a:lnTo>
                  <a:lnTo>
                    <a:pt x="1265" y="353"/>
                  </a:lnTo>
                  <a:lnTo>
                    <a:pt x="1265" y="337"/>
                  </a:lnTo>
                  <a:lnTo>
                    <a:pt x="1238" y="319"/>
                  </a:lnTo>
                  <a:lnTo>
                    <a:pt x="1211" y="301"/>
                  </a:lnTo>
                  <a:lnTo>
                    <a:pt x="1198" y="292"/>
                  </a:lnTo>
                  <a:lnTo>
                    <a:pt x="1184" y="285"/>
                  </a:lnTo>
                  <a:lnTo>
                    <a:pt x="1168" y="277"/>
                  </a:lnTo>
                  <a:lnTo>
                    <a:pt x="1152" y="271"/>
                  </a:lnTo>
                  <a:lnTo>
                    <a:pt x="1127" y="297"/>
                  </a:lnTo>
                  <a:lnTo>
                    <a:pt x="1101" y="322"/>
                  </a:lnTo>
                  <a:lnTo>
                    <a:pt x="1074" y="349"/>
                  </a:lnTo>
                  <a:lnTo>
                    <a:pt x="1049" y="374"/>
                  </a:lnTo>
                  <a:lnTo>
                    <a:pt x="1033" y="373"/>
                  </a:lnTo>
                  <a:lnTo>
                    <a:pt x="1015" y="373"/>
                  </a:lnTo>
                  <a:lnTo>
                    <a:pt x="996" y="375"/>
                  </a:lnTo>
                  <a:lnTo>
                    <a:pt x="978" y="376"/>
                  </a:lnTo>
                  <a:lnTo>
                    <a:pt x="969" y="376"/>
                  </a:lnTo>
                  <a:lnTo>
                    <a:pt x="961" y="375"/>
                  </a:lnTo>
                  <a:lnTo>
                    <a:pt x="952" y="374"/>
                  </a:lnTo>
                  <a:lnTo>
                    <a:pt x="946" y="373"/>
                  </a:lnTo>
                  <a:lnTo>
                    <a:pt x="940" y="370"/>
                  </a:lnTo>
                  <a:lnTo>
                    <a:pt x="934" y="367"/>
                  </a:lnTo>
                  <a:lnTo>
                    <a:pt x="930" y="361"/>
                  </a:lnTo>
                  <a:lnTo>
                    <a:pt x="928" y="356"/>
                  </a:lnTo>
                  <a:lnTo>
                    <a:pt x="933" y="351"/>
                  </a:lnTo>
                  <a:lnTo>
                    <a:pt x="939" y="348"/>
                  </a:lnTo>
                  <a:lnTo>
                    <a:pt x="944" y="345"/>
                  </a:lnTo>
                  <a:lnTo>
                    <a:pt x="949" y="342"/>
                  </a:lnTo>
                  <a:lnTo>
                    <a:pt x="962" y="340"/>
                  </a:lnTo>
                  <a:lnTo>
                    <a:pt x="973" y="339"/>
                  </a:lnTo>
                  <a:lnTo>
                    <a:pt x="1001" y="342"/>
                  </a:lnTo>
                  <a:lnTo>
                    <a:pt x="1030" y="347"/>
                  </a:lnTo>
                  <a:lnTo>
                    <a:pt x="1038" y="336"/>
                  </a:lnTo>
                  <a:lnTo>
                    <a:pt x="1045" y="327"/>
                  </a:lnTo>
                  <a:lnTo>
                    <a:pt x="1052" y="317"/>
                  </a:lnTo>
                  <a:lnTo>
                    <a:pt x="1061" y="309"/>
                  </a:lnTo>
                  <a:lnTo>
                    <a:pt x="1078" y="292"/>
                  </a:lnTo>
                  <a:lnTo>
                    <a:pt x="1095" y="276"/>
                  </a:lnTo>
                  <a:lnTo>
                    <a:pt x="1133" y="246"/>
                  </a:lnTo>
                  <a:lnTo>
                    <a:pt x="1171" y="215"/>
                  </a:lnTo>
                  <a:lnTo>
                    <a:pt x="1169" y="212"/>
                  </a:lnTo>
                  <a:lnTo>
                    <a:pt x="1167" y="210"/>
                  </a:lnTo>
                  <a:lnTo>
                    <a:pt x="1164" y="209"/>
                  </a:lnTo>
                  <a:lnTo>
                    <a:pt x="1160" y="208"/>
                  </a:lnTo>
                  <a:lnTo>
                    <a:pt x="1151" y="207"/>
                  </a:lnTo>
                  <a:lnTo>
                    <a:pt x="1142" y="207"/>
                  </a:lnTo>
                  <a:lnTo>
                    <a:pt x="1132" y="207"/>
                  </a:lnTo>
                  <a:lnTo>
                    <a:pt x="1124" y="206"/>
                  </a:lnTo>
                  <a:lnTo>
                    <a:pt x="1121" y="205"/>
                  </a:lnTo>
                  <a:lnTo>
                    <a:pt x="1119" y="202"/>
                  </a:lnTo>
                  <a:lnTo>
                    <a:pt x="1117" y="200"/>
                  </a:lnTo>
                  <a:lnTo>
                    <a:pt x="1114" y="196"/>
                  </a:lnTo>
                  <a:lnTo>
                    <a:pt x="1132" y="179"/>
                  </a:lnTo>
                  <a:lnTo>
                    <a:pt x="1150" y="161"/>
                  </a:lnTo>
                  <a:lnTo>
                    <a:pt x="1154" y="156"/>
                  </a:lnTo>
                  <a:lnTo>
                    <a:pt x="1158" y="151"/>
                  </a:lnTo>
                  <a:lnTo>
                    <a:pt x="1160" y="145"/>
                  </a:lnTo>
                  <a:lnTo>
                    <a:pt x="1162" y="138"/>
                  </a:lnTo>
                  <a:lnTo>
                    <a:pt x="1163" y="131"/>
                  </a:lnTo>
                  <a:lnTo>
                    <a:pt x="1164" y="122"/>
                  </a:lnTo>
                  <a:lnTo>
                    <a:pt x="1163" y="113"/>
                  </a:lnTo>
                  <a:lnTo>
                    <a:pt x="1162" y="102"/>
                  </a:lnTo>
                  <a:lnTo>
                    <a:pt x="1150" y="98"/>
                  </a:lnTo>
                  <a:lnTo>
                    <a:pt x="1139" y="95"/>
                  </a:lnTo>
                  <a:lnTo>
                    <a:pt x="1128" y="93"/>
                  </a:lnTo>
                  <a:lnTo>
                    <a:pt x="1119" y="92"/>
                  </a:lnTo>
                  <a:lnTo>
                    <a:pt x="1109" y="92"/>
                  </a:lnTo>
                  <a:lnTo>
                    <a:pt x="1100" y="92"/>
                  </a:lnTo>
                  <a:lnTo>
                    <a:pt x="1091" y="93"/>
                  </a:lnTo>
                  <a:lnTo>
                    <a:pt x="1082" y="95"/>
                  </a:lnTo>
                  <a:lnTo>
                    <a:pt x="1074" y="98"/>
                  </a:lnTo>
                  <a:lnTo>
                    <a:pt x="1066" y="101"/>
                  </a:lnTo>
                  <a:lnTo>
                    <a:pt x="1059" y="105"/>
                  </a:lnTo>
                  <a:lnTo>
                    <a:pt x="1050" y="109"/>
                  </a:lnTo>
                  <a:lnTo>
                    <a:pt x="1035" y="119"/>
                  </a:lnTo>
                  <a:lnTo>
                    <a:pt x="1021" y="130"/>
                  </a:lnTo>
                  <a:lnTo>
                    <a:pt x="992" y="154"/>
                  </a:lnTo>
                  <a:lnTo>
                    <a:pt x="960" y="177"/>
                  </a:lnTo>
                  <a:lnTo>
                    <a:pt x="943" y="187"/>
                  </a:lnTo>
                  <a:lnTo>
                    <a:pt x="924" y="195"/>
                  </a:lnTo>
                  <a:lnTo>
                    <a:pt x="913" y="199"/>
                  </a:lnTo>
                  <a:lnTo>
                    <a:pt x="904" y="202"/>
                  </a:lnTo>
                  <a:lnTo>
                    <a:pt x="892" y="205"/>
                  </a:lnTo>
                  <a:lnTo>
                    <a:pt x="881" y="206"/>
                  </a:lnTo>
                  <a:lnTo>
                    <a:pt x="872" y="201"/>
                  </a:lnTo>
                  <a:lnTo>
                    <a:pt x="865" y="197"/>
                  </a:lnTo>
                  <a:lnTo>
                    <a:pt x="859" y="192"/>
                  </a:lnTo>
                  <a:lnTo>
                    <a:pt x="853" y="187"/>
                  </a:lnTo>
                  <a:lnTo>
                    <a:pt x="850" y="181"/>
                  </a:lnTo>
                  <a:lnTo>
                    <a:pt x="847" y="175"/>
                  </a:lnTo>
                  <a:lnTo>
                    <a:pt x="845" y="169"/>
                  </a:lnTo>
                  <a:lnTo>
                    <a:pt x="843" y="162"/>
                  </a:lnTo>
                  <a:lnTo>
                    <a:pt x="840" y="149"/>
                  </a:lnTo>
                  <a:lnTo>
                    <a:pt x="836" y="134"/>
                  </a:lnTo>
                  <a:lnTo>
                    <a:pt x="834" y="127"/>
                  </a:lnTo>
                  <a:lnTo>
                    <a:pt x="832" y="119"/>
                  </a:lnTo>
                  <a:lnTo>
                    <a:pt x="829" y="111"/>
                  </a:lnTo>
                  <a:lnTo>
                    <a:pt x="825" y="102"/>
                  </a:lnTo>
                  <a:lnTo>
                    <a:pt x="813" y="103"/>
                  </a:lnTo>
                  <a:lnTo>
                    <a:pt x="805" y="106"/>
                  </a:lnTo>
                  <a:lnTo>
                    <a:pt x="796" y="109"/>
                  </a:lnTo>
                  <a:lnTo>
                    <a:pt x="790" y="113"/>
                  </a:lnTo>
                  <a:lnTo>
                    <a:pt x="785" y="118"/>
                  </a:lnTo>
                  <a:lnTo>
                    <a:pt x="780" y="125"/>
                  </a:lnTo>
                  <a:lnTo>
                    <a:pt x="775" y="132"/>
                  </a:lnTo>
                  <a:lnTo>
                    <a:pt x="772" y="139"/>
                  </a:lnTo>
                  <a:lnTo>
                    <a:pt x="766" y="155"/>
                  </a:lnTo>
                  <a:lnTo>
                    <a:pt x="760" y="171"/>
                  </a:lnTo>
                  <a:lnTo>
                    <a:pt x="755" y="178"/>
                  </a:lnTo>
                  <a:lnTo>
                    <a:pt x="751" y="186"/>
                  </a:lnTo>
                  <a:lnTo>
                    <a:pt x="746" y="191"/>
                  </a:lnTo>
                  <a:lnTo>
                    <a:pt x="741" y="196"/>
                  </a:lnTo>
                  <a:lnTo>
                    <a:pt x="731" y="196"/>
                  </a:lnTo>
                  <a:lnTo>
                    <a:pt x="722" y="196"/>
                  </a:lnTo>
                  <a:lnTo>
                    <a:pt x="712" y="196"/>
                  </a:lnTo>
                  <a:lnTo>
                    <a:pt x="703" y="196"/>
                  </a:lnTo>
                  <a:lnTo>
                    <a:pt x="698" y="180"/>
                  </a:lnTo>
                  <a:lnTo>
                    <a:pt x="692" y="166"/>
                  </a:lnTo>
                  <a:lnTo>
                    <a:pt x="686" y="152"/>
                  </a:lnTo>
                  <a:lnTo>
                    <a:pt x="678" y="139"/>
                  </a:lnTo>
                  <a:lnTo>
                    <a:pt x="670" y="128"/>
                  </a:lnTo>
                  <a:lnTo>
                    <a:pt x="661" y="116"/>
                  </a:lnTo>
                  <a:lnTo>
                    <a:pt x="651" y="105"/>
                  </a:lnTo>
                  <a:lnTo>
                    <a:pt x="642" y="94"/>
                  </a:lnTo>
                  <a:lnTo>
                    <a:pt x="623" y="72"/>
                  </a:lnTo>
                  <a:lnTo>
                    <a:pt x="604" y="50"/>
                  </a:lnTo>
                  <a:lnTo>
                    <a:pt x="594" y="38"/>
                  </a:lnTo>
                  <a:lnTo>
                    <a:pt x="586" y="27"/>
                  </a:lnTo>
                  <a:lnTo>
                    <a:pt x="578" y="14"/>
                  </a:lnTo>
                  <a:lnTo>
                    <a:pt x="572" y="0"/>
                  </a:lnTo>
                  <a:lnTo>
                    <a:pt x="570" y="3"/>
                  </a:lnTo>
                  <a:lnTo>
                    <a:pt x="569" y="8"/>
                  </a:lnTo>
                  <a:lnTo>
                    <a:pt x="566" y="10"/>
                  </a:lnTo>
                  <a:lnTo>
                    <a:pt x="564" y="13"/>
                  </a:lnTo>
                  <a:lnTo>
                    <a:pt x="557" y="17"/>
                  </a:lnTo>
                  <a:lnTo>
                    <a:pt x="549" y="19"/>
                  </a:lnTo>
                  <a:lnTo>
                    <a:pt x="532" y="23"/>
                  </a:lnTo>
                  <a:lnTo>
                    <a:pt x="515" y="28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53" name="Tønder"/>
            <p:cNvGrpSpPr/>
            <p:nvPr/>
          </p:nvGrpSpPr>
          <p:grpSpPr>
            <a:xfrm>
              <a:off x="793750" y="5559425"/>
              <a:ext cx="612775" cy="509588"/>
              <a:chOff x="793750" y="5559425"/>
              <a:chExt cx="612775" cy="509588"/>
            </a:xfrm>
            <a:grpFill/>
          </p:grpSpPr>
          <p:sp>
            <p:nvSpPr>
              <p:cNvPr id="92" name="Tønder"/>
              <p:cNvSpPr>
                <a:spLocks/>
              </p:cNvSpPr>
              <p:nvPr/>
            </p:nvSpPr>
            <p:spPr bwMode="auto">
              <a:xfrm>
                <a:off x="793750" y="5618163"/>
                <a:ext cx="87313" cy="204788"/>
              </a:xfrm>
              <a:custGeom>
                <a:avLst/>
                <a:gdLst>
                  <a:gd name="T0" fmla="*/ 23 w 166"/>
                  <a:gd name="T1" fmla="*/ 2 h 385"/>
                  <a:gd name="T2" fmla="*/ 26 w 166"/>
                  <a:gd name="T3" fmla="*/ 5 h 385"/>
                  <a:gd name="T4" fmla="*/ 32 w 166"/>
                  <a:gd name="T5" fmla="*/ 8 h 385"/>
                  <a:gd name="T6" fmla="*/ 40 w 166"/>
                  <a:gd name="T7" fmla="*/ 9 h 385"/>
                  <a:gd name="T8" fmla="*/ 47 w 166"/>
                  <a:gd name="T9" fmla="*/ 10 h 385"/>
                  <a:gd name="T10" fmla="*/ 52 w 166"/>
                  <a:gd name="T11" fmla="*/ 12 h 385"/>
                  <a:gd name="T12" fmla="*/ 52 w 166"/>
                  <a:gd name="T13" fmla="*/ 18 h 385"/>
                  <a:gd name="T14" fmla="*/ 46 w 166"/>
                  <a:gd name="T15" fmla="*/ 30 h 385"/>
                  <a:gd name="T16" fmla="*/ 41 w 166"/>
                  <a:gd name="T17" fmla="*/ 42 h 385"/>
                  <a:gd name="T18" fmla="*/ 38 w 166"/>
                  <a:gd name="T19" fmla="*/ 54 h 385"/>
                  <a:gd name="T20" fmla="*/ 35 w 166"/>
                  <a:gd name="T21" fmla="*/ 67 h 385"/>
                  <a:gd name="T22" fmla="*/ 34 w 166"/>
                  <a:gd name="T23" fmla="*/ 80 h 385"/>
                  <a:gd name="T24" fmla="*/ 35 w 166"/>
                  <a:gd name="T25" fmla="*/ 93 h 385"/>
                  <a:gd name="T26" fmla="*/ 37 w 166"/>
                  <a:gd name="T27" fmla="*/ 107 h 385"/>
                  <a:gd name="T28" fmla="*/ 37 w 166"/>
                  <a:gd name="T29" fmla="*/ 114 h 385"/>
                  <a:gd name="T30" fmla="*/ 33 w 166"/>
                  <a:gd name="T31" fmla="*/ 115 h 385"/>
                  <a:gd name="T32" fmla="*/ 29 w 166"/>
                  <a:gd name="T33" fmla="*/ 117 h 385"/>
                  <a:gd name="T34" fmla="*/ 28 w 166"/>
                  <a:gd name="T35" fmla="*/ 119 h 385"/>
                  <a:gd name="T36" fmla="*/ 26 w 166"/>
                  <a:gd name="T37" fmla="*/ 122 h 385"/>
                  <a:gd name="T38" fmla="*/ 23 w 166"/>
                  <a:gd name="T39" fmla="*/ 127 h 385"/>
                  <a:gd name="T40" fmla="*/ 18 w 166"/>
                  <a:gd name="T41" fmla="*/ 127 h 385"/>
                  <a:gd name="T42" fmla="*/ 12 w 166"/>
                  <a:gd name="T43" fmla="*/ 124 h 385"/>
                  <a:gd name="T44" fmla="*/ 7 w 166"/>
                  <a:gd name="T45" fmla="*/ 119 h 385"/>
                  <a:gd name="T46" fmla="*/ 4 w 166"/>
                  <a:gd name="T47" fmla="*/ 114 h 385"/>
                  <a:gd name="T48" fmla="*/ 2 w 166"/>
                  <a:gd name="T49" fmla="*/ 108 h 385"/>
                  <a:gd name="T50" fmla="*/ 0 w 166"/>
                  <a:gd name="T51" fmla="*/ 101 h 385"/>
                  <a:gd name="T52" fmla="*/ 0 w 166"/>
                  <a:gd name="T53" fmla="*/ 90 h 385"/>
                  <a:gd name="T54" fmla="*/ 2 w 166"/>
                  <a:gd name="T55" fmla="*/ 67 h 385"/>
                  <a:gd name="T56" fmla="*/ 6 w 166"/>
                  <a:gd name="T57" fmla="*/ 41 h 385"/>
                  <a:gd name="T58" fmla="*/ 6 w 166"/>
                  <a:gd name="T59" fmla="*/ 24 h 385"/>
                  <a:gd name="T60" fmla="*/ 8 w 166"/>
                  <a:gd name="T61" fmla="*/ 15 h 385"/>
                  <a:gd name="T62" fmla="*/ 13 w 166"/>
                  <a:gd name="T63" fmla="*/ 12 h 385"/>
                  <a:gd name="T64" fmla="*/ 17 w 166"/>
                  <a:gd name="T65" fmla="*/ 8 h 385"/>
                  <a:gd name="T66" fmla="*/ 20 w 166"/>
                  <a:gd name="T67" fmla="*/ 3 h 385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166" h="385">
                    <a:moveTo>
                      <a:pt x="63" y="0"/>
                    </a:moveTo>
                    <a:lnTo>
                      <a:pt x="68" y="7"/>
                    </a:lnTo>
                    <a:lnTo>
                      <a:pt x="74" y="12"/>
                    </a:lnTo>
                    <a:lnTo>
                      <a:pt x="79" y="16"/>
                    </a:lnTo>
                    <a:lnTo>
                      <a:pt x="84" y="19"/>
                    </a:lnTo>
                    <a:lnTo>
                      <a:pt x="96" y="23"/>
                    </a:lnTo>
                    <a:lnTo>
                      <a:pt x="108" y="26"/>
                    </a:lnTo>
                    <a:lnTo>
                      <a:pt x="121" y="27"/>
                    </a:lnTo>
                    <a:lnTo>
                      <a:pt x="135" y="29"/>
                    </a:lnTo>
                    <a:lnTo>
                      <a:pt x="142" y="30"/>
                    </a:lnTo>
                    <a:lnTo>
                      <a:pt x="149" y="32"/>
                    </a:lnTo>
                    <a:lnTo>
                      <a:pt x="158" y="35"/>
                    </a:lnTo>
                    <a:lnTo>
                      <a:pt x="166" y="38"/>
                    </a:lnTo>
                    <a:lnTo>
                      <a:pt x="157" y="54"/>
                    </a:lnTo>
                    <a:lnTo>
                      <a:pt x="148" y="71"/>
                    </a:lnTo>
                    <a:lnTo>
                      <a:pt x="140" y="89"/>
                    </a:lnTo>
                    <a:lnTo>
                      <a:pt x="133" y="107"/>
                    </a:lnTo>
                    <a:lnTo>
                      <a:pt x="125" y="125"/>
                    </a:lnTo>
                    <a:lnTo>
                      <a:pt x="120" y="142"/>
                    </a:lnTo>
                    <a:lnTo>
                      <a:pt x="115" y="161"/>
                    </a:lnTo>
                    <a:lnTo>
                      <a:pt x="111" y="180"/>
                    </a:lnTo>
                    <a:lnTo>
                      <a:pt x="106" y="200"/>
                    </a:lnTo>
                    <a:lnTo>
                      <a:pt x="104" y="219"/>
                    </a:lnTo>
                    <a:lnTo>
                      <a:pt x="103" y="239"/>
                    </a:lnTo>
                    <a:lnTo>
                      <a:pt x="104" y="258"/>
                    </a:lnTo>
                    <a:lnTo>
                      <a:pt x="105" y="278"/>
                    </a:lnTo>
                    <a:lnTo>
                      <a:pt x="108" y="298"/>
                    </a:lnTo>
                    <a:lnTo>
                      <a:pt x="113" y="318"/>
                    </a:lnTo>
                    <a:lnTo>
                      <a:pt x="119" y="337"/>
                    </a:lnTo>
                    <a:lnTo>
                      <a:pt x="112" y="339"/>
                    </a:lnTo>
                    <a:lnTo>
                      <a:pt x="104" y="340"/>
                    </a:lnTo>
                    <a:lnTo>
                      <a:pt x="99" y="342"/>
                    </a:lnTo>
                    <a:lnTo>
                      <a:pt x="94" y="346"/>
                    </a:lnTo>
                    <a:lnTo>
                      <a:pt x="89" y="348"/>
                    </a:lnTo>
                    <a:lnTo>
                      <a:pt x="86" y="351"/>
                    </a:lnTo>
                    <a:lnTo>
                      <a:pt x="84" y="354"/>
                    </a:lnTo>
                    <a:lnTo>
                      <a:pt x="82" y="357"/>
                    </a:lnTo>
                    <a:lnTo>
                      <a:pt x="78" y="364"/>
                    </a:lnTo>
                    <a:lnTo>
                      <a:pt x="75" y="371"/>
                    </a:lnTo>
                    <a:lnTo>
                      <a:pt x="69" y="378"/>
                    </a:lnTo>
                    <a:lnTo>
                      <a:pt x="63" y="385"/>
                    </a:lnTo>
                    <a:lnTo>
                      <a:pt x="53" y="379"/>
                    </a:lnTo>
                    <a:lnTo>
                      <a:pt x="43" y="374"/>
                    </a:lnTo>
                    <a:lnTo>
                      <a:pt x="35" y="369"/>
                    </a:lnTo>
                    <a:lnTo>
                      <a:pt x="27" y="361"/>
                    </a:lnTo>
                    <a:lnTo>
                      <a:pt x="21" y="355"/>
                    </a:lnTo>
                    <a:lnTo>
                      <a:pt x="16" y="347"/>
                    </a:lnTo>
                    <a:lnTo>
                      <a:pt x="12" y="339"/>
                    </a:lnTo>
                    <a:lnTo>
                      <a:pt x="7" y="331"/>
                    </a:lnTo>
                    <a:lnTo>
                      <a:pt x="5" y="321"/>
                    </a:lnTo>
                    <a:lnTo>
                      <a:pt x="3" y="312"/>
                    </a:lnTo>
                    <a:lnTo>
                      <a:pt x="1" y="302"/>
                    </a:lnTo>
                    <a:lnTo>
                      <a:pt x="0" y="292"/>
                    </a:lnTo>
                    <a:lnTo>
                      <a:pt x="0" y="270"/>
                    </a:lnTo>
                    <a:lnTo>
                      <a:pt x="1" y="248"/>
                    </a:lnTo>
                    <a:lnTo>
                      <a:pt x="7" y="199"/>
                    </a:lnTo>
                    <a:lnTo>
                      <a:pt x="14" y="149"/>
                    </a:lnTo>
                    <a:lnTo>
                      <a:pt x="17" y="122"/>
                    </a:lnTo>
                    <a:lnTo>
                      <a:pt x="18" y="97"/>
                    </a:lnTo>
                    <a:lnTo>
                      <a:pt x="18" y="72"/>
                    </a:lnTo>
                    <a:lnTo>
                      <a:pt x="16" y="48"/>
                    </a:lnTo>
                    <a:lnTo>
                      <a:pt x="25" y="44"/>
                    </a:lnTo>
                    <a:lnTo>
                      <a:pt x="33" y="40"/>
                    </a:lnTo>
                    <a:lnTo>
                      <a:pt x="40" y="36"/>
                    </a:lnTo>
                    <a:lnTo>
                      <a:pt x="46" y="30"/>
                    </a:lnTo>
                    <a:lnTo>
                      <a:pt x="52" y="23"/>
                    </a:lnTo>
                    <a:lnTo>
                      <a:pt x="56" y="17"/>
                    </a:lnTo>
                    <a:lnTo>
                      <a:pt x="60" y="9"/>
                    </a:lnTo>
                    <a:lnTo>
                      <a:pt x="63" y="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93" name="Tønder kant"/>
              <p:cNvSpPr>
                <a:spLocks/>
              </p:cNvSpPr>
              <p:nvPr/>
            </p:nvSpPr>
            <p:spPr bwMode="auto">
              <a:xfrm>
                <a:off x="793750" y="5618163"/>
                <a:ext cx="87313" cy="204788"/>
              </a:xfrm>
              <a:custGeom>
                <a:avLst/>
                <a:gdLst>
                  <a:gd name="T0" fmla="*/ 23 w 166"/>
                  <a:gd name="T1" fmla="*/ 2 h 385"/>
                  <a:gd name="T2" fmla="*/ 26 w 166"/>
                  <a:gd name="T3" fmla="*/ 5 h 385"/>
                  <a:gd name="T4" fmla="*/ 32 w 166"/>
                  <a:gd name="T5" fmla="*/ 8 h 385"/>
                  <a:gd name="T6" fmla="*/ 40 w 166"/>
                  <a:gd name="T7" fmla="*/ 9 h 385"/>
                  <a:gd name="T8" fmla="*/ 47 w 166"/>
                  <a:gd name="T9" fmla="*/ 10 h 385"/>
                  <a:gd name="T10" fmla="*/ 52 w 166"/>
                  <a:gd name="T11" fmla="*/ 12 h 385"/>
                  <a:gd name="T12" fmla="*/ 52 w 166"/>
                  <a:gd name="T13" fmla="*/ 18 h 385"/>
                  <a:gd name="T14" fmla="*/ 46 w 166"/>
                  <a:gd name="T15" fmla="*/ 30 h 385"/>
                  <a:gd name="T16" fmla="*/ 41 w 166"/>
                  <a:gd name="T17" fmla="*/ 42 h 385"/>
                  <a:gd name="T18" fmla="*/ 38 w 166"/>
                  <a:gd name="T19" fmla="*/ 54 h 385"/>
                  <a:gd name="T20" fmla="*/ 35 w 166"/>
                  <a:gd name="T21" fmla="*/ 67 h 385"/>
                  <a:gd name="T22" fmla="*/ 34 w 166"/>
                  <a:gd name="T23" fmla="*/ 80 h 385"/>
                  <a:gd name="T24" fmla="*/ 35 w 166"/>
                  <a:gd name="T25" fmla="*/ 93 h 385"/>
                  <a:gd name="T26" fmla="*/ 37 w 166"/>
                  <a:gd name="T27" fmla="*/ 107 h 385"/>
                  <a:gd name="T28" fmla="*/ 37 w 166"/>
                  <a:gd name="T29" fmla="*/ 114 h 385"/>
                  <a:gd name="T30" fmla="*/ 33 w 166"/>
                  <a:gd name="T31" fmla="*/ 115 h 385"/>
                  <a:gd name="T32" fmla="*/ 29 w 166"/>
                  <a:gd name="T33" fmla="*/ 117 h 385"/>
                  <a:gd name="T34" fmla="*/ 28 w 166"/>
                  <a:gd name="T35" fmla="*/ 119 h 385"/>
                  <a:gd name="T36" fmla="*/ 26 w 166"/>
                  <a:gd name="T37" fmla="*/ 122 h 385"/>
                  <a:gd name="T38" fmla="*/ 23 w 166"/>
                  <a:gd name="T39" fmla="*/ 127 h 385"/>
                  <a:gd name="T40" fmla="*/ 18 w 166"/>
                  <a:gd name="T41" fmla="*/ 127 h 385"/>
                  <a:gd name="T42" fmla="*/ 12 w 166"/>
                  <a:gd name="T43" fmla="*/ 124 h 385"/>
                  <a:gd name="T44" fmla="*/ 7 w 166"/>
                  <a:gd name="T45" fmla="*/ 119 h 385"/>
                  <a:gd name="T46" fmla="*/ 4 w 166"/>
                  <a:gd name="T47" fmla="*/ 114 h 385"/>
                  <a:gd name="T48" fmla="*/ 2 w 166"/>
                  <a:gd name="T49" fmla="*/ 108 h 385"/>
                  <a:gd name="T50" fmla="*/ 0 w 166"/>
                  <a:gd name="T51" fmla="*/ 101 h 385"/>
                  <a:gd name="T52" fmla="*/ 0 w 166"/>
                  <a:gd name="T53" fmla="*/ 90 h 385"/>
                  <a:gd name="T54" fmla="*/ 2 w 166"/>
                  <a:gd name="T55" fmla="*/ 67 h 385"/>
                  <a:gd name="T56" fmla="*/ 6 w 166"/>
                  <a:gd name="T57" fmla="*/ 41 h 385"/>
                  <a:gd name="T58" fmla="*/ 6 w 166"/>
                  <a:gd name="T59" fmla="*/ 24 h 385"/>
                  <a:gd name="T60" fmla="*/ 8 w 166"/>
                  <a:gd name="T61" fmla="*/ 15 h 385"/>
                  <a:gd name="T62" fmla="*/ 13 w 166"/>
                  <a:gd name="T63" fmla="*/ 12 h 385"/>
                  <a:gd name="T64" fmla="*/ 17 w 166"/>
                  <a:gd name="T65" fmla="*/ 8 h 385"/>
                  <a:gd name="T66" fmla="*/ 20 w 166"/>
                  <a:gd name="T67" fmla="*/ 3 h 385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166" h="385">
                    <a:moveTo>
                      <a:pt x="63" y="0"/>
                    </a:moveTo>
                    <a:lnTo>
                      <a:pt x="68" y="7"/>
                    </a:lnTo>
                    <a:lnTo>
                      <a:pt x="74" y="12"/>
                    </a:lnTo>
                    <a:lnTo>
                      <a:pt x="79" y="16"/>
                    </a:lnTo>
                    <a:lnTo>
                      <a:pt x="84" y="19"/>
                    </a:lnTo>
                    <a:lnTo>
                      <a:pt x="96" y="23"/>
                    </a:lnTo>
                    <a:lnTo>
                      <a:pt x="108" y="26"/>
                    </a:lnTo>
                    <a:lnTo>
                      <a:pt x="121" y="27"/>
                    </a:lnTo>
                    <a:lnTo>
                      <a:pt x="135" y="29"/>
                    </a:lnTo>
                    <a:lnTo>
                      <a:pt x="142" y="30"/>
                    </a:lnTo>
                    <a:lnTo>
                      <a:pt x="149" y="32"/>
                    </a:lnTo>
                    <a:lnTo>
                      <a:pt x="158" y="35"/>
                    </a:lnTo>
                    <a:lnTo>
                      <a:pt x="166" y="38"/>
                    </a:lnTo>
                    <a:lnTo>
                      <a:pt x="157" y="54"/>
                    </a:lnTo>
                    <a:lnTo>
                      <a:pt x="148" y="71"/>
                    </a:lnTo>
                    <a:lnTo>
                      <a:pt x="140" y="89"/>
                    </a:lnTo>
                    <a:lnTo>
                      <a:pt x="133" y="107"/>
                    </a:lnTo>
                    <a:lnTo>
                      <a:pt x="125" y="125"/>
                    </a:lnTo>
                    <a:lnTo>
                      <a:pt x="120" y="142"/>
                    </a:lnTo>
                    <a:lnTo>
                      <a:pt x="115" y="161"/>
                    </a:lnTo>
                    <a:lnTo>
                      <a:pt x="111" y="180"/>
                    </a:lnTo>
                    <a:lnTo>
                      <a:pt x="106" y="200"/>
                    </a:lnTo>
                    <a:lnTo>
                      <a:pt x="104" y="219"/>
                    </a:lnTo>
                    <a:lnTo>
                      <a:pt x="103" y="239"/>
                    </a:lnTo>
                    <a:lnTo>
                      <a:pt x="104" y="258"/>
                    </a:lnTo>
                    <a:lnTo>
                      <a:pt x="105" y="278"/>
                    </a:lnTo>
                    <a:lnTo>
                      <a:pt x="108" y="298"/>
                    </a:lnTo>
                    <a:lnTo>
                      <a:pt x="113" y="318"/>
                    </a:lnTo>
                    <a:lnTo>
                      <a:pt x="119" y="337"/>
                    </a:lnTo>
                    <a:lnTo>
                      <a:pt x="112" y="339"/>
                    </a:lnTo>
                    <a:lnTo>
                      <a:pt x="104" y="340"/>
                    </a:lnTo>
                    <a:lnTo>
                      <a:pt x="99" y="342"/>
                    </a:lnTo>
                    <a:lnTo>
                      <a:pt x="94" y="346"/>
                    </a:lnTo>
                    <a:lnTo>
                      <a:pt x="89" y="348"/>
                    </a:lnTo>
                    <a:lnTo>
                      <a:pt x="86" y="351"/>
                    </a:lnTo>
                    <a:lnTo>
                      <a:pt x="84" y="354"/>
                    </a:lnTo>
                    <a:lnTo>
                      <a:pt x="82" y="357"/>
                    </a:lnTo>
                    <a:lnTo>
                      <a:pt x="78" y="364"/>
                    </a:lnTo>
                    <a:lnTo>
                      <a:pt x="75" y="371"/>
                    </a:lnTo>
                    <a:lnTo>
                      <a:pt x="69" y="378"/>
                    </a:lnTo>
                    <a:lnTo>
                      <a:pt x="63" y="385"/>
                    </a:lnTo>
                    <a:lnTo>
                      <a:pt x="53" y="379"/>
                    </a:lnTo>
                    <a:lnTo>
                      <a:pt x="43" y="374"/>
                    </a:lnTo>
                    <a:lnTo>
                      <a:pt x="35" y="369"/>
                    </a:lnTo>
                    <a:lnTo>
                      <a:pt x="27" y="361"/>
                    </a:lnTo>
                    <a:lnTo>
                      <a:pt x="21" y="355"/>
                    </a:lnTo>
                    <a:lnTo>
                      <a:pt x="16" y="347"/>
                    </a:lnTo>
                    <a:lnTo>
                      <a:pt x="12" y="339"/>
                    </a:lnTo>
                    <a:lnTo>
                      <a:pt x="7" y="331"/>
                    </a:lnTo>
                    <a:lnTo>
                      <a:pt x="5" y="321"/>
                    </a:lnTo>
                    <a:lnTo>
                      <a:pt x="3" y="312"/>
                    </a:lnTo>
                    <a:lnTo>
                      <a:pt x="1" y="302"/>
                    </a:lnTo>
                    <a:lnTo>
                      <a:pt x="0" y="292"/>
                    </a:lnTo>
                    <a:lnTo>
                      <a:pt x="0" y="270"/>
                    </a:lnTo>
                    <a:lnTo>
                      <a:pt x="1" y="248"/>
                    </a:lnTo>
                    <a:lnTo>
                      <a:pt x="7" y="199"/>
                    </a:lnTo>
                    <a:lnTo>
                      <a:pt x="14" y="149"/>
                    </a:lnTo>
                    <a:lnTo>
                      <a:pt x="17" y="122"/>
                    </a:lnTo>
                    <a:lnTo>
                      <a:pt x="18" y="97"/>
                    </a:lnTo>
                    <a:lnTo>
                      <a:pt x="18" y="72"/>
                    </a:lnTo>
                    <a:lnTo>
                      <a:pt x="16" y="48"/>
                    </a:lnTo>
                    <a:lnTo>
                      <a:pt x="25" y="44"/>
                    </a:lnTo>
                    <a:lnTo>
                      <a:pt x="33" y="40"/>
                    </a:lnTo>
                    <a:lnTo>
                      <a:pt x="40" y="36"/>
                    </a:lnTo>
                    <a:lnTo>
                      <a:pt x="46" y="30"/>
                    </a:lnTo>
                    <a:lnTo>
                      <a:pt x="52" y="23"/>
                    </a:lnTo>
                    <a:lnTo>
                      <a:pt x="56" y="17"/>
                    </a:lnTo>
                    <a:lnTo>
                      <a:pt x="60" y="9"/>
                    </a:lnTo>
                    <a:lnTo>
                      <a:pt x="63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94" name="Tønder"/>
              <p:cNvSpPr>
                <a:spLocks/>
              </p:cNvSpPr>
              <p:nvPr/>
            </p:nvSpPr>
            <p:spPr bwMode="auto">
              <a:xfrm>
                <a:off x="930275" y="5559425"/>
                <a:ext cx="476250" cy="509588"/>
              </a:xfrm>
              <a:custGeom>
                <a:avLst/>
                <a:gdLst>
                  <a:gd name="T0" fmla="*/ 11 w 898"/>
                  <a:gd name="T1" fmla="*/ 119 h 964"/>
                  <a:gd name="T2" fmla="*/ 4 w 898"/>
                  <a:gd name="T3" fmla="*/ 150 h 964"/>
                  <a:gd name="T4" fmla="*/ 3 w 898"/>
                  <a:gd name="T5" fmla="*/ 196 h 964"/>
                  <a:gd name="T6" fmla="*/ 7 w 898"/>
                  <a:gd name="T7" fmla="*/ 258 h 964"/>
                  <a:gd name="T8" fmla="*/ 3 w 898"/>
                  <a:gd name="T9" fmla="*/ 292 h 964"/>
                  <a:gd name="T10" fmla="*/ 26 w 898"/>
                  <a:gd name="T11" fmla="*/ 315 h 964"/>
                  <a:gd name="T12" fmla="*/ 53 w 898"/>
                  <a:gd name="T13" fmla="*/ 320 h 964"/>
                  <a:gd name="T14" fmla="*/ 77 w 898"/>
                  <a:gd name="T15" fmla="*/ 314 h 964"/>
                  <a:gd name="T16" fmla="*/ 95 w 898"/>
                  <a:gd name="T17" fmla="*/ 312 h 964"/>
                  <a:gd name="T18" fmla="*/ 141 w 898"/>
                  <a:gd name="T19" fmla="*/ 313 h 964"/>
                  <a:gd name="T20" fmla="*/ 173 w 898"/>
                  <a:gd name="T21" fmla="*/ 316 h 964"/>
                  <a:gd name="T22" fmla="*/ 184 w 898"/>
                  <a:gd name="T23" fmla="*/ 317 h 964"/>
                  <a:gd name="T24" fmla="*/ 187 w 898"/>
                  <a:gd name="T25" fmla="*/ 303 h 964"/>
                  <a:gd name="T26" fmla="*/ 184 w 898"/>
                  <a:gd name="T27" fmla="*/ 299 h 964"/>
                  <a:gd name="T28" fmla="*/ 178 w 898"/>
                  <a:gd name="T29" fmla="*/ 293 h 964"/>
                  <a:gd name="T30" fmla="*/ 178 w 898"/>
                  <a:gd name="T31" fmla="*/ 278 h 964"/>
                  <a:gd name="T32" fmla="*/ 185 w 898"/>
                  <a:gd name="T33" fmla="*/ 273 h 964"/>
                  <a:gd name="T34" fmla="*/ 186 w 898"/>
                  <a:gd name="T35" fmla="*/ 261 h 964"/>
                  <a:gd name="T36" fmla="*/ 198 w 898"/>
                  <a:gd name="T37" fmla="*/ 250 h 964"/>
                  <a:gd name="T38" fmla="*/ 214 w 898"/>
                  <a:gd name="T39" fmla="*/ 247 h 964"/>
                  <a:gd name="T40" fmla="*/ 217 w 898"/>
                  <a:gd name="T41" fmla="*/ 234 h 964"/>
                  <a:gd name="T42" fmla="*/ 211 w 898"/>
                  <a:gd name="T43" fmla="*/ 202 h 964"/>
                  <a:gd name="T44" fmla="*/ 224 w 898"/>
                  <a:gd name="T45" fmla="*/ 183 h 964"/>
                  <a:gd name="T46" fmla="*/ 242 w 898"/>
                  <a:gd name="T47" fmla="*/ 166 h 964"/>
                  <a:gd name="T48" fmla="*/ 243 w 898"/>
                  <a:gd name="T49" fmla="*/ 154 h 964"/>
                  <a:gd name="T50" fmla="*/ 230 w 898"/>
                  <a:gd name="T51" fmla="*/ 146 h 964"/>
                  <a:gd name="T52" fmla="*/ 246 w 898"/>
                  <a:gd name="T53" fmla="*/ 134 h 964"/>
                  <a:gd name="T54" fmla="*/ 261 w 898"/>
                  <a:gd name="T55" fmla="*/ 134 h 964"/>
                  <a:gd name="T56" fmla="*/ 275 w 898"/>
                  <a:gd name="T57" fmla="*/ 132 h 964"/>
                  <a:gd name="T58" fmla="*/ 291 w 898"/>
                  <a:gd name="T59" fmla="*/ 121 h 964"/>
                  <a:gd name="T60" fmla="*/ 300 w 898"/>
                  <a:gd name="T61" fmla="*/ 110 h 964"/>
                  <a:gd name="T62" fmla="*/ 296 w 898"/>
                  <a:gd name="T63" fmla="*/ 101 h 964"/>
                  <a:gd name="T64" fmla="*/ 282 w 898"/>
                  <a:gd name="T65" fmla="*/ 98 h 964"/>
                  <a:gd name="T66" fmla="*/ 278 w 898"/>
                  <a:gd name="T67" fmla="*/ 90 h 964"/>
                  <a:gd name="T68" fmla="*/ 281 w 898"/>
                  <a:gd name="T69" fmla="*/ 75 h 964"/>
                  <a:gd name="T70" fmla="*/ 262 w 898"/>
                  <a:gd name="T71" fmla="*/ 64 h 964"/>
                  <a:gd name="T72" fmla="*/ 252 w 898"/>
                  <a:gd name="T73" fmla="*/ 74 h 964"/>
                  <a:gd name="T74" fmla="*/ 241 w 898"/>
                  <a:gd name="T75" fmla="*/ 82 h 964"/>
                  <a:gd name="T76" fmla="*/ 224 w 898"/>
                  <a:gd name="T77" fmla="*/ 79 h 964"/>
                  <a:gd name="T78" fmla="*/ 217 w 898"/>
                  <a:gd name="T79" fmla="*/ 61 h 964"/>
                  <a:gd name="T80" fmla="*/ 224 w 898"/>
                  <a:gd name="T81" fmla="*/ 42 h 964"/>
                  <a:gd name="T82" fmla="*/ 213 w 898"/>
                  <a:gd name="T83" fmla="*/ 32 h 964"/>
                  <a:gd name="T84" fmla="*/ 197 w 898"/>
                  <a:gd name="T85" fmla="*/ 17 h 964"/>
                  <a:gd name="T86" fmla="*/ 184 w 898"/>
                  <a:gd name="T87" fmla="*/ 22 h 964"/>
                  <a:gd name="T88" fmla="*/ 166 w 898"/>
                  <a:gd name="T89" fmla="*/ 34 h 964"/>
                  <a:gd name="T90" fmla="*/ 157 w 898"/>
                  <a:gd name="T91" fmla="*/ 46 h 964"/>
                  <a:gd name="T92" fmla="*/ 147 w 898"/>
                  <a:gd name="T93" fmla="*/ 47 h 964"/>
                  <a:gd name="T94" fmla="*/ 139 w 898"/>
                  <a:gd name="T95" fmla="*/ 42 h 964"/>
                  <a:gd name="T96" fmla="*/ 140 w 898"/>
                  <a:gd name="T97" fmla="*/ 27 h 964"/>
                  <a:gd name="T98" fmla="*/ 111 w 898"/>
                  <a:gd name="T99" fmla="*/ 21 h 964"/>
                  <a:gd name="T100" fmla="*/ 74 w 898"/>
                  <a:gd name="T101" fmla="*/ 11 h 964"/>
                  <a:gd name="T102" fmla="*/ 38 w 898"/>
                  <a:gd name="T103" fmla="*/ 2 h 964"/>
                  <a:gd name="T104" fmla="*/ 13 w 898"/>
                  <a:gd name="T105" fmla="*/ 12 h 964"/>
                  <a:gd name="T106" fmla="*/ 20 w 898"/>
                  <a:gd name="T107" fmla="*/ 65 h 964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898" h="964">
                    <a:moveTo>
                      <a:pt x="75" y="290"/>
                    </a:moveTo>
                    <a:lnTo>
                      <a:pt x="62" y="306"/>
                    </a:lnTo>
                    <a:lnTo>
                      <a:pt x="52" y="323"/>
                    </a:lnTo>
                    <a:lnTo>
                      <a:pt x="42" y="340"/>
                    </a:lnTo>
                    <a:lnTo>
                      <a:pt x="34" y="358"/>
                    </a:lnTo>
                    <a:lnTo>
                      <a:pt x="26" y="376"/>
                    </a:lnTo>
                    <a:lnTo>
                      <a:pt x="21" y="393"/>
                    </a:lnTo>
                    <a:lnTo>
                      <a:pt x="17" y="411"/>
                    </a:lnTo>
                    <a:lnTo>
                      <a:pt x="13" y="430"/>
                    </a:lnTo>
                    <a:lnTo>
                      <a:pt x="11" y="449"/>
                    </a:lnTo>
                    <a:lnTo>
                      <a:pt x="8" y="468"/>
                    </a:lnTo>
                    <a:lnTo>
                      <a:pt x="7" y="488"/>
                    </a:lnTo>
                    <a:lnTo>
                      <a:pt x="6" y="507"/>
                    </a:lnTo>
                    <a:lnTo>
                      <a:pt x="7" y="547"/>
                    </a:lnTo>
                    <a:lnTo>
                      <a:pt x="10" y="588"/>
                    </a:lnTo>
                    <a:lnTo>
                      <a:pt x="13" y="629"/>
                    </a:lnTo>
                    <a:lnTo>
                      <a:pt x="16" y="670"/>
                    </a:lnTo>
                    <a:lnTo>
                      <a:pt x="18" y="712"/>
                    </a:lnTo>
                    <a:lnTo>
                      <a:pt x="20" y="754"/>
                    </a:lnTo>
                    <a:lnTo>
                      <a:pt x="20" y="775"/>
                    </a:lnTo>
                    <a:lnTo>
                      <a:pt x="19" y="796"/>
                    </a:lnTo>
                    <a:lnTo>
                      <a:pt x="18" y="816"/>
                    </a:lnTo>
                    <a:lnTo>
                      <a:pt x="16" y="837"/>
                    </a:lnTo>
                    <a:lnTo>
                      <a:pt x="14" y="857"/>
                    </a:lnTo>
                    <a:lnTo>
                      <a:pt x="10" y="878"/>
                    </a:lnTo>
                    <a:lnTo>
                      <a:pt x="5" y="898"/>
                    </a:lnTo>
                    <a:lnTo>
                      <a:pt x="0" y="918"/>
                    </a:lnTo>
                    <a:lnTo>
                      <a:pt x="31" y="929"/>
                    </a:lnTo>
                    <a:lnTo>
                      <a:pt x="62" y="941"/>
                    </a:lnTo>
                    <a:lnTo>
                      <a:pt x="79" y="946"/>
                    </a:lnTo>
                    <a:lnTo>
                      <a:pt x="95" y="952"/>
                    </a:lnTo>
                    <a:lnTo>
                      <a:pt x="111" y="955"/>
                    </a:lnTo>
                    <a:lnTo>
                      <a:pt x="127" y="958"/>
                    </a:lnTo>
                    <a:lnTo>
                      <a:pt x="143" y="960"/>
                    </a:lnTo>
                    <a:lnTo>
                      <a:pt x="159" y="961"/>
                    </a:lnTo>
                    <a:lnTo>
                      <a:pt x="175" y="960"/>
                    </a:lnTo>
                    <a:lnTo>
                      <a:pt x="191" y="958"/>
                    </a:lnTo>
                    <a:lnTo>
                      <a:pt x="206" y="954"/>
                    </a:lnTo>
                    <a:lnTo>
                      <a:pt x="222" y="946"/>
                    </a:lnTo>
                    <a:lnTo>
                      <a:pt x="230" y="943"/>
                    </a:lnTo>
                    <a:lnTo>
                      <a:pt x="237" y="938"/>
                    </a:lnTo>
                    <a:lnTo>
                      <a:pt x="245" y="933"/>
                    </a:lnTo>
                    <a:lnTo>
                      <a:pt x="253" y="927"/>
                    </a:lnTo>
                    <a:lnTo>
                      <a:pt x="269" y="933"/>
                    </a:lnTo>
                    <a:lnTo>
                      <a:pt x="285" y="936"/>
                    </a:lnTo>
                    <a:lnTo>
                      <a:pt x="304" y="938"/>
                    </a:lnTo>
                    <a:lnTo>
                      <a:pt x="322" y="940"/>
                    </a:lnTo>
                    <a:lnTo>
                      <a:pt x="362" y="940"/>
                    </a:lnTo>
                    <a:lnTo>
                      <a:pt x="402" y="940"/>
                    </a:lnTo>
                    <a:lnTo>
                      <a:pt x="423" y="940"/>
                    </a:lnTo>
                    <a:lnTo>
                      <a:pt x="443" y="940"/>
                    </a:lnTo>
                    <a:lnTo>
                      <a:pt x="463" y="941"/>
                    </a:lnTo>
                    <a:lnTo>
                      <a:pt x="482" y="943"/>
                    </a:lnTo>
                    <a:lnTo>
                      <a:pt x="501" y="946"/>
                    </a:lnTo>
                    <a:lnTo>
                      <a:pt x="519" y="950"/>
                    </a:lnTo>
                    <a:lnTo>
                      <a:pt x="528" y="954"/>
                    </a:lnTo>
                    <a:lnTo>
                      <a:pt x="536" y="957"/>
                    </a:lnTo>
                    <a:lnTo>
                      <a:pt x="544" y="960"/>
                    </a:lnTo>
                    <a:lnTo>
                      <a:pt x="552" y="964"/>
                    </a:lnTo>
                    <a:lnTo>
                      <a:pt x="551" y="953"/>
                    </a:lnTo>
                    <a:lnTo>
                      <a:pt x="551" y="942"/>
                    </a:lnTo>
                    <a:lnTo>
                      <a:pt x="552" y="933"/>
                    </a:lnTo>
                    <a:lnTo>
                      <a:pt x="555" y="925"/>
                    </a:lnTo>
                    <a:lnTo>
                      <a:pt x="558" y="918"/>
                    </a:lnTo>
                    <a:lnTo>
                      <a:pt x="561" y="911"/>
                    </a:lnTo>
                    <a:lnTo>
                      <a:pt x="567" y="905"/>
                    </a:lnTo>
                    <a:lnTo>
                      <a:pt x="571" y="899"/>
                    </a:lnTo>
                    <a:lnTo>
                      <a:pt x="563" y="900"/>
                    </a:lnTo>
                    <a:lnTo>
                      <a:pt x="556" y="900"/>
                    </a:lnTo>
                    <a:lnTo>
                      <a:pt x="551" y="898"/>
                    </a:lnTo>
                    <a:lnTo>
                      <a:pt x="546" y="896"/>
                    </a:lnTo>
                    <a:lnTo>
                      <a:pt x="541" y="894"/>
                    </a:lnTo>
                    <a:lnTo>
                      <a:pt x="538" y="889"/>
                    </a:lnTo>
                    <a:lnTo>
                      <a:pt x="535" y="885"/>
                    </a:lnTo>
                    <a:lnTo>
                      <a:pt x="533" y="881"/>
                    </a:lnTo>
                    <a:lnTo>
                      <a:pt x="530" y="870"/>
                    </a:lnTo>
                    <a:lnTo>
                      <a:pt x="528" y="858"/>
                    </a:lnTo>
                    <a:lnTo>
                      <a:pt x="525" y="845"/>
                    </a:lnTo>
                    <a:lnTo>
                      <a:pt x="524" y="834"/>
                    </a:lnTo>
                    <a:lnTo>
                      <a:pt x="533" y="834"/>
                    </a:lnTo>
                    <a:lnTo>
                      <a:pt x="540" y="831"/>
                    </a:lnTo>
                    <a:lnTo>
                      <a:pt x="547" y="830"/>
                    </a:lnTo>
                    <a:lnTo>
                      <a:pt x="551" y="827"/>
                    </a:lnTo>
                    <a:lnTo>
                      <a:pt x="554" y="824"/>
                    </a:lnTo>
                    <a:lnTo>
                      <a:pt x="555" y="821"/>
                    </a:lnTo>
                    <a:lnTo>
                      <a:pt x="556" y="817"/>
                    </a:lnTo>
                    <a:lnTo>
                      <a:pt x="557" y="811"/>
                    </a:lnTo>
                    <a:lnTo>
                      <a:pt x="556" y="802"/>
                    </a:lnTo>
                    <a:lnTo>
                      <a:pt x="556" y="790"/>
                    </a:lnTo>
                    <a:lnTo>
                      <a:pt x="556" y="785"/>
                    </a:lnTo>
                    <a:lnTo>
                      <a:pt x="557" y="779"/>
                    </a:lnTo>
                    <a:lnTo>
                      <a:pt x="558" y="774"/>
                    </a:lnTo>
                    <a:lnTo>
                      <a:pt x="561" y="768"/>
                    </a:lnTo>
                    <a:lnTo>
                      <a:pt x="577" y="760"/>
                    </a:lnTo>
                    <a:lnTo>
                      <a:pt x="593" y="752"/>
                    </a:lnTo>
                    <a:lnTo>
                      <a:pt x="602" y="750"/>
                    </a:lnTo>
                    <a:lnTo>
                      <a:pt x="612" y="748"/>
                    </a:lnTo>
                    <a:lnTo>
                      <a:pt x="623" y="748"/>
                    </a:lnTo>
                    <a:lnTo>
                      <a:pt x="636" y="749"/>
                    </a:lnTo>
                    <a:lnTo>
                      <a:pt x="641" y="741"/>
                    </a:lnTo>
                    <a:lnTo>
                      <a:pt x="644" y="734"/>
                    </a:lnTo>
                    <a:lnTo>
                      <a:pt x="647" y="725"/>
                    </a:lnTo>
                    <a:lnTo>
                      <a:pt x="649" y="718"/>
                    </a:lnTo>
                    <a:lnTo>
                      <a:pt x="649" y="709"/>
                    </a:lnTo>
                    <a:lnTo>
                      <a:pt x="649" y="702"/>
                    </a:lnTo>
                    <a:lnTo>
                      <a:pt x="648" y="695"/>
                    </a:lnTo>
                    <a:lnTo>
                      <a:pt x="647" y="686"/>
                    </a:lnTo>
                    <a:lnTo>
                      <a:pt x="637" y="654"/>
                    </a:lnTo>
                    <a:lnTo>
                      <a:pt x="627" y="618"/>
                    </a:lnTo>
                    <a:lnTo>
                      <a:pt x="631" y="607"/>
                    </a:lnTo>
                    <a:lnTo>
                      <a:pt x="635" y="598"/>
                    </a:lnTo>
                    <a:lnTo>
                      <a:pt x="640" y="588"/>
                    </a:lnTo>
                    <a:lnTo>
                      <a:pt x="646" y="580"/>
                    </a:lnTo>
                    <a:lnTo>
                      <a:pt x="657" y="565"/>
                    </a:lnTo>
                    <a:lnTo>
                      <a:pt x="672" y="551"/>
                    </a:lnTo>
                    <a:lnTo>
                      <a:pt x="686" y="538"/>
                    </a:lnTo>
                    <a:lnTo>
                      <a:pt x="701" y="524"/>
                    </a:lnTo>
                    <a:lnTo>
                      <a:pt x="709" y="516"/>
                    </a:lnTo>
                    <a:lnTo>
                      <a:pt x="716" y="507"/>
                    </a:lnTo>
                    <a:lnTo>
                      <a:pt x="723" y="498"/>
                    </a:lnTo>
                    <a:lnTo>
                      <a:pt x="730" y="487"/>
                    </a:lnTo>
                    <a:lnTo>
                      <a:pt x="731" y="479"/>
                    </a:lnTo>
                    <a:lnTo>
                      <a:pt x="730" y="472"/>
                    </a:lnTo>
                    <a:lnTo>
                      <a:pt x="728" y="466"/>
                    </a:lnTo>
                    <a:lnTo>
                      <a:pt x="726" y="461"/>
                    </a:lnTo>
                    <a:lnTo>
                      <a:pt x="722" y="457"/>
                    </a:lnTo>
                    <a:lnTo>
                      <a:pt x="718" y="452"/>
                    </a:lnTo>
                    <a:lnTo>
                      <a:pt x="714" y="449"/>
                    </a:lnTo>
                    <a:lnTo>
                      <a:pt x="709" y="447"/>
                    </a:lnTo>
                    <a:lnTo>
                      <a:pt x="687" y="439"/>
                    </a:lnTo>
                    <a:lnTo>
                      <a:pt x="664" y="430"/>
                    </a:lnTo>
                    <a:lnTo>
                      <a:pt x="683" y="423"/>
                    </a:lnTo>
                    <a:lnTo>
                      <a:pt x="702" y="414"/>
                    </a:lnTo>
                    <a:lnTo>
                      <a:pt x="719" y="407"/>
                    </a:lnTo>
                    <a:lnTo>
                      <a:pt x="736" y="402"/>
                    </a:lnTo>
                    <a:lnTo>
                      <a:pt x="746" y="400"/>
                    </a:lnTo>
                    <a:lnTo>
                      <a:pt x="754" y="399"/>
                    </a:lnTo>
                    <a:lnTo>
                      <a:pt x="763" y="399"/>
                    </a:lnTo>
                    <a:lnTo>
                      <a:pt x="773" y="399"/>
                    </a:lnTo>
                    <a:lnTo>
                      <a:pt x="782" y="401"/>
                    </a:lnTo>
                    <a:lnTo>
                      <a:pt x="793" y="403"/>
                    </a:lnTo>
                    <a:lnTo>
                      <a:pt x="803" y="407"/>
                    </a:lnTo>
                    <a:lnTo>
                      <a:pt x="814" y="412"/>
                    </a:lnTo>
                    <a:lnTo>
                      <a:pt x="818" y="404"/>
                    </a:lnTo>
                    <a:lnTo>
                      <a:pt x="822" y="397"/>
                    </a:lnTo>
                    <a:lnTo>
                      <a:pt x="828" y="390"/>
                    </a:lnTo>
                    <a:lnTo>
                      <a:pt x="834" y="385"/>
                    </a:lnTo>
                    <a:lnTo>
                      <a:pt x="849" y="377"/>
                    </a:lnTo>
                    <a:lnTo>
                      <a:pt x="864" y="368"/>
                    </a:lnTo>
                    <a:lnTo>
                      <a:pt x="871" y="364"/>
                    </a:lnTo>
                    <a:lnTo>
                      <a:pt x="878" y="359"/>
                    </a:lnTo>
                    <a:lnTo>
                      <a:pt x="885" y="353"/>
                    </a:lnTo>
                    <a:lnTo>
                      <a:pt x="890" y="347"/>
                    </a:lnTo>
                    <a:lnTo>
                      <a:pt x="894" y="340"/>
                    </a:lnTo>
                    <a:lnTo>
                      <a:pt x="897" y="331"/>
                    </a:lnTo>
                    <a:lnTo>
                      <a:pt x="898" y="321"/>
                    </a:lnTo>
                    <a:lnTo>
                      <a:pt x="898" y="309"/>
                    </a:lnTo>
                    <a:lnTo>
                      <a:pt x="895" y="306"/>
                    </a:lnTo>
                    <a:lnTo>
                      <a:pt x="891" y="305"/>
                    </a:lnTo>
                    <a:lnTo>
                      <a:pt x="887" y="303"/>
                    </a:lnTo>
                    <a:lnTo>
                      <a:pt x="882" y="302"/>
                    </a:lnTo>
                    <a:lnTo>
                      <a:pt x="873" y="300"/>
                    </a:lnTo>
                    <a:lnTo>
                      <a:pt x="862" y="299"/>
                    </a:lnTo>
                    <a:lnTo>
                      <a:pt x="853" y="297"/>
                    </a:lnTo>
                    <a:lnTo>
                      <a:pt x="845" y="293"/>
                    </a:lnTo>
                    <a:lnTo>
                      <a:pt x="840" y="291"/>
                    </a:lnTo>
                    <a:lnTo>
                      <a:pt x="837" y="288"/>
                    </a:lnTo>
                    <a:lnTo>
                      <a:pt x="835" y="285"/>
                    </a:lnTo>
                    <a:lnTo>
                      <a:pt x="833" y="281"/>
                    </a:lnTo>
                    <a:lnTo>
                      <a:pt x="832" y="269"/>
                    </a:lnTo>
                    <a:lnTo>
                      <a:pt x="832" y="259"/>
                    </a:lnTo>
                    <a:lnTo>
                      <a:pt x="833" y="250"/>
                    </a:lnTo>
                    <a:lnTo>
                      <a:pt x="836" y="242"/>
                    </a:lnTo>
                    <a:lnTo>
                      <a:pt x="838" y="233"/>
                    </a:lnTo>
                    <a:lnTo>
                      <a:pt x="840" y="226"/>
                    </a:lnTo>
                    <a:lnTo>
                      <a:pt x="842" y="217"/>
                    </a:lnTo>
                    <a:lnTo>
                      <a:pt x="842" y="206"/>
                    </a:lnTo>
                    <a:lnTo>
                      <a:pt x="821" y="204"/>
                    </a:lnTo>
                    <a:lnTo>
                      <a:pt x="802" y="200"/>
                    </a:lnTo>
                    <a:lnTo>
                      <a:pt x="785" y="193"/>
                    </a:lnTo>
                    <a:lnTo>
                      <a:pt x="768" y="187"/>
                    </a:lnTo>
                    <a:lnTo>
                      <a:pt x="765" y="197"/>
                    </a:lnTo>
                    <a:lnTo>
                      <a:pt x="761" y="205"/>
                    </a:lnTo>
                    <a:lnTo>
                      <a:pt x="758" y="213"/>
                    </a:lnTo>
                    <a:lnTo>
                      <a:pt x="754" y="221"/>
                    </a:lnTo>
                    <a:lnTo>
                      <a:pt x="749" y="227"/>
                    </a:lnTo>
                    <a:lnTo>
                      <a:pt x="743" y="233"/>
                    </a:lnTo>
                    <a:lnTo>
                      <a:pt x="737" y="239"/>
                    </a:lnTo>
                    <a:lnTo>
                      <a:pt x="730" y="244"/>
                    </a:lnTo>
                    <a:lnTo>
                      <a:pt x="720" y="245"/>
                    </a:lnTo>
                    <a:lnTo>
                      <a:pt x="712" y="245"/>
                    </a:lnTo>
                    <a:lnTo>
                      <a:pt x="703" y="245"/>
                    </a:lnTo>
                    <a:lnTo>
                      <a:pt x="696" y="245"/>
                    </a:lnTo>
                    <a:lnTo>
                      <a:pt x="682" y="242"/>
                    </a:lnTo>
                    <a:lnTo>
                      <a:pt x="670" y="238"/>
                    </a:lnTo>
                    <a:lnTo>
                      <a:pt x="649" y="227"/>
                    </a:lnTo>
                    <a:lnTo>
                      <a:pt x="627" y="215"/>
                    </a:lnTo>
                    <a:lnTo>
                      <a:pt x="634" y="203"/>
                    </a:lnTo>
                    <a:lnTo>
                      <a:pt x="641" y="192"/>
                    </a:lnTo>
                    <a:lnTo>
                      <a:pt x="650" y="182"/>
                    </a:lnTo>
                    <a:lnTo>
                      <a:pt x="658" y="171"/>
                    </a:lnTo>
                    <a:lnTo>
                      <a:pt x="676" y="152"/>
                    </a:lnTo>
                    <a:lnTo>
                      <a:pt x="693" y="131"/>
                    </a:lnTo>
                    <a:lnTo>
                      <a:pt x="681" y="129"/>
                    </a:lnTo>
                    <a:lnTo>
                      <a:pt x="672" y="126"/>
                    </a:lnTo>
                    <a:lnTo>
                      <a:pt x="663" y="122"/>
                    </a:lnTo>
                    <a:lnTo>
                      <a:pt x="656" y="116"/>
                    </a:lnTo>
                    <a:lnTo>
                      <a:pt x="649" y="110"/>
                    </a:lnTo>
                    <a:lnTo>
                      <a:pt x="642" y="104"/>
                    </a:lnTo>
                    <a:lnTo>
                      <a:pt x="637" y="96"/>
                    </a:lnTo>
                    <a:lnTo>
                      <a:pt x="631" y="90"/>
                    </a:lnTo>
                    <a:lnTo>
                      <a:pt x="619" y="75"/>
                    </a:lnTo>
                    <a:lnTo>
                      <a:pt x="607" y="63"/>
                    </a:lnTo>
                    <a:lnTo>
                      <a:pt x="599" y="58"/>
                    </a:lnTo>
                    <a:lnTo>
                      <a:pt x="591" y="52"/>
                    </a:lnTo>
                    <a:lnTo>
                      <a:pt x="581" y="49"/>
                    </a:lnTo>
                    <a:lnTo>
                      <a:pt x="571" y="47"/>
                    </a:lnTo>
                    <a:lnTo>
                      <a:pt x="564" y="54"/>
                    </a:lnTo>
                    <a:lnTo>
                      <a:pt x="558" y="61"/>
                    </a:lnTo>
                    <a:lnTo>
                      <a:pt x="551" y="66"/>
                    </a:lnTo>
                    <a:lnTo>
                      <a:pt x="543" y="71"/>
                    </a:lnTo>
                    <a:lnTo>
                      <a:pt x="528" y="81"/>
                    </a:lnTo>
                    <a:lnTo>
                      <a:pt x="511" y="90"/>
                    </a:lnTo>
                    <a:lnTo>
                      <a:pt x="503" y="95"/>
                    </a:lnTo>
                    <a:lnTo>
                      <a:pt x="496" y="101"/>
                    </a:lnTo>
                    <a:lnTo>
                      <a:pt x="489" y="107"/>
                    </a:lnTo>
                    <a:lnTo>
                      <a:pt x="483" y="113"/>
                    </a:lnTo>
                    <a:lnTo>
                      <a:pt x="477" y="121"/>
                    </a:lnTo>
                    <a:lnTo>
                      <a:pt x="473" y="129"/>
                    </a:lnTo>
                    <a:lnTo>
                      <a:pt x="470" y="139"/>
                    </a:lnTo>
                    <a:lnTo>
                      <a:pt x="468" y="150"/>
                    </a:lnTo>
                    <a:lnTo>
                      <a:pt x="462" y="146"/>
                    </a:lnTo>
                    <a:lnTo>
                      <a:pt x="456" y="143"/>
                    </a:lnTo>
                    <a:lnTo>
                      <a:pt x="448" y="142"/>
                    </a:lnTo>
                    <a:lnTo>
                      <a:pt x="440" y="141"/>
                    </a:lnTo>
                    <a:lnTo>
                      <a:pt x="432" y="140"/>
                    </a:lnTo>
                    <a:lnTo>
                      <a:pt x="423" y="138"/>
                    </a:lnTo>
                    <a:lnTo>
                      <a:pt x="417" y="135"/>
                    </a:lnTo>
                    <a:lnTo>
                      <a:pt x="412" y="131"/>
                    </a:lnTo>
                    <a:lnTo>
                      <a:pt x="416" y="125"/>
                    </a:lnTo>
                    <a:lnTo>
                      <a:pt x="419" y="118"/>
                    </a:lnTo>
                    <a:lnTo>
                      <a:pt x="421" y="108"/>
                    </a:lnTo>
                    <a:lnTo>
                      <a:pt x="421" y="99"/>
                    </a:lnTo>
                    <a:lnTo>
                      <a:pt x="421" y="88"/>
                    </a:lnTo>
                    <a:lnTo>
                      <a:pt x="419" y="80"/>
                    </a:lnTo>
                    <a:lnTo>
                      <a:pt x="416" y="71"/>
                    </a:lnTo>
                    <a:lnTo>
                      <a:pt x="412" y="66"/>
                    </a:lnTo>
                    <a:lnTo>
                      <a:pt x="383" y="66"/>
                    </a:lnTo>
                    <a:lnTo>
                      <a:pt x="358" y="65"/>
                    </a:lnTo>
                    <a:lnTo>
                      <a:pt x="333" y="62"/>
                    </a:lnTo>
                    <a:lnTo>
                      <a:pt x="310" y="58"/>
                    </a:lnTo>
                    <a:lnTo>
                      <a:pt x="288" y="52"/>
                    </a:lnTo>
                    <a:lnTo>
                      <a:pt x="265" y="47"/>
                    </a:lnTo>
                    <a:lnTo>
                      <a:pt x="244" y="41"/>
                    </a:lnTo>
                    <a:lnTo>
                      <a:pt x="223" y="33"/>
                    </a:lnTo>
                    <a:lnTo>
                      <a:pt x="202" y="27"/>
                    </a:lnTo>
                    <a:lnTo>
                      <a:pt x="181" y="21"/>
                    </a:lnTo>
                    <a:lnTo>
                      <a:pt x="160" y="14"/>
                    </a:lnTo>
                    <a:lnTo>
                      <a:pt x="138" y="9"/>
                    </a:lnTo>
                    <a:lnTo>
                      <a:pt x="115" y="5"/>
                    </a:lnTo>
                    <a:lnTo>
                      <a:pt x="91" y="2"/>
                    </a:lnTo>
                    <a:lnTo>
                      <a:pt x="64" y="1"/>
                    </a:lnTo>
                    <a:lnTo>
                      <a:pt x="37" y="0"/>
                    </a:lnTo>
                    <a:lnTo>
                      <a:pt x="38" y="17"/>
                    </a:lnTo>
                    <a:lnTo>
                      <a:pt x="39" y="36"/>
                    </a:lnTo>
                    <a:lnTo>
                      <a:pt x="40" y="55"/>
                    </a:lnTo>
                    <a:lnTo>
                      <a:pt x="42" y="74"/>
                    </a:lnTo>
                    <a:lnTo>
                      <a:pt x="48" y="115"/>
                    </a:lnTo>
                    <a:lnTo>
                      <a:pt x="55" y="155"/>
                    </a:lnTo>
                    <a:lnTo>
                      <a:pt x="61" y="194"/>
                    </a:lnTo>
                    <a:lnTo>
                      <a:pt x="67" y="231"/>
                    </a:lnTo>
                    <a:lnTo>
                      <a:pt x="72" y="263"/>
                    </a:lnTo>
                    <a:lnTo>
                      <a:pt x="75" y="29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95" name="Tønder kant"/>
              <p:cNvSpPr>
                <a:spLocks/>
              </p:cNvSpPr>
              <p:nvPr/>
            </p:nvSpPr>
            <p:spPr bwMode="auto">
              <a:xfrm>
                <a:off x="930275" y="5559425"/>
                <a:ext cx="476250" cy="509588"/>
              </a:xfrm>
              <a:custGeom>
                <a:avLst/>
                <a:gdLst>
                  <a:gd name="T0" fmla="*/ 11 w 898"/>
                  <a:gd name="T1" fmla="*/ 119 h 964"/>
                  <a:gd name="T2" fmla="*/ 4 w 898"/>
                  <a:gd name="T3" fmla="*/ 150 h 964"/>
                  <a:gd name="T4" fmla="*/ 3 w 898"/>
                  <a:gd name="T5" fmla="*/ 196 h 964"/>
                  <a:gd name="T6" fmla="*/ 7 w 898"/>
                  <a:gd name="T7" fmla="*/ 258 h 964"/>
                  <a:gd name="T8" fmla="*/ 3 w 898"/>
                  <a:gd name="T9" fmla="*/ 292 h 964"/>
                  <a:gd name="T10" fmla="*/ 26 w 898"/>
                  <a:gd name="T11" fmla="*/ 315 h 964"/>
                  <a:gd name="T12" fmla="*/ 53 w 898"/>
                  <a:gd name="T13" fmla="*/ 320 h 964"/>
                  <a:gd name="T14" fmla="*/ 77 w 898"/>
                  <a:gd name="T15" fmla="*/ 314 h 964"/>
                  <a:gd name="T16" fmla="*/ 95 w 898"/>
                  <a:gd name="T17" fmla="*/ 312 h 964"/>
                  <a:gd name="T18" fmla="*/ 141 w 898"/>
                  <a:gd name="T19" fmla="*/ 313 h 964"/>
                  <a:gd name="T20" fmla="*/ 173 w 898"/>
                  <a:gd name="T21" fmla="*/ 316 h 964"/>
                  <a:gd name="T22" fmla="*/ 184 w 898"/>
                  <a:gd name="T23" fmla="*/ 317 h 964"/>
                  <a:gd name="T24" fmla="*/ 187 w 898"/>
                  <a:gd name="T25" fmla="*/ 303 h 964"/>
                  <a:gd name="T26" fmla="*/ 184 w 898"/>
                  <a:gd name="T27" fmla="*/ 299 h 964"/>
                  <a:gd name="T28" fmla="*/ 178 w 898"/>
                  <a:gd name="T29" fmla="*/ 293 h 964"/>
                  <a:gd name="T30" fmla="*/ 178 w 898"/>
                  <a:gd name="T31" fmla="*/ 278 h 964"/>
                  <a:gd name="T32" fmla="*/ 185 w 898"/>
                  <a:gd name="T33" fmla="*/ 273 h 964"/>
                  <a:gd name="T34" fmla="*/ 186 w 898"/>
                  <a:gd name="T35" fmla="*/ 261 h 964"/>
                  <a:gd name="T36" fmla="*/ 198 w 898"/>
                  <a:gd name="T37" fmla="*/ 250 h 964"/>
                  <a:gd name="T38" fmla="*/ 214 w 898"/>
                  <a:gd name="T39" fmla="*/ 247 h 964"/>
                  <a:gd name="T40" fmla="*/ 217 w 898"/>
                  <a:gd name="T41" fmla="*/ 234 h 964"/>
                  <a:gd name="T42" fmla="*/ 211 w 898"/>
                  <a:gd name="T43" fmla="*/ 202 h 964"/>
                  <a:gd name="T44" fmla="*/ 224 w 898"/>
                  <a:gd name="T45" fmla="*/ 183 h 964"/>
                  <a:gd name="T46" fmla="*/ 242 w 898"/>
                  <a:gd name="T47" fmla="*/ 166 h 964"/>
                  <a:gd name="T48" fmla="*/ 243 w 898"/>
                  <a:gd name="T49" fmla="*/ 154 h 964"/>
                  <a:gd name="T50" fmla="*/ 230 w 898"/>
                  <a:gd name="T51" fmla="*/ 146 h 964"/>
                  <a:gd name="T52" fmla="*/ 246 w 898"/>
                  <a:gd name="T53" fmla="*/ 134 h 964"/>
                  <a:gd name="T54" fmla="*/ 261 w 898"/>
                  <a:gd name="T55" fmla="*/ 134 h 964"/>
                  <a:gd name="T56" fmla="*/ 275 w 898"/>
                  <a:gd name="T57" fmla="*/ 132 h 964"/>
                  <a:gd name="T58" fmla="*/ 291 w 898"/>
                  <a:gd name="T59" fmla="*/ 121 h 964"/>
                  <a:gd name="T60" fmla="*/ 300 w 898"/>
                  <a:gd name="T61" fmla="*/ 110 h 964"/>
                  <a:gd name="T62" fmla="*/ 296 w 898"/>
                  <a:gd name="T63" fmla="*/ 101 h 964"/>
                  <a:gd name="T64" fmla="*/ 282 w 898"/>
                  <a:gd name="T65" fmla="*/ 98 h 964"/>
                  <a:gd name="T66" fmla="*/ 278 w 898"/>
                  <a:gd name="T67" fmla="*/ 90 h 964"/>
                  <a:gd name="T68" fmla="*/ 281 w 898"/>
                  <a:gd name="T69" fmla="*/ 75 h 964"/>
                  <a:gd name="T70" fmla="*/ 262 w 898"/>
                  <a:gd name="T71" fmla="*/ 64 h 964"/>
                  <a:gd name="T72" fmla="*/ 252 w 898"/>
                  <a:gd name="T73" fmla="*/ 74 h 964"/>
                  <a:gd name="T74" fmla="*/ 241 w 898"/>
                  <a:gd name="T75" fmla="*/ 82 h 964"/>
                  <a:gd name="T76" fmla="*/ 224 w 898"/>
                  <a:gd name="T77" fmla="*/ 79 h 964"/>
                  <a:gd name="T78" fmla="*/ 217 w 898"/>
                  <a:gd name="T79" fmla="*/ 61 h 964"/>
                  <a:gd name="T80" fmla="*/ 224 w 898"/>
                  <a:gd name="T81" fmla="*/ 42 h 964"/>
                  <a:gd name="T82" fmla="*/ 213 w 898"/>
                  <a:gd name="T83" fmla="*/ 32 h 964"/>
                  <a:gd name="T84" fmla="*/ 197 w 898"/>
                  <a:gd name="T85" fmla="*/ 17 h 964"/>
                  <a:gd name="T86" fmla="*/ 184 w 898"/>
                  <a:gd name="T87" fmla="*/ 22 h 964"/>
                  <a:gd name="T88" fmla="*/ 166 w 898"/>
                  <a:gd name="T89" fmla="*/ 34 h 964"/>
                  <a:gd name="T90" fmla="*/ 157 w 898"/>
                  <a:gd name="T91" fmla="*/ 46 h 964"/>
                  <a:gd name="T92" fmla="*/ 147 w 898"/>
                  <a:gd name="T93" fmla="*/ 47 h 964"/>
                  <a:gd name="T94" fmla="*/ 139 w 898"/>
                  <a:gd name="T95" fmla="*/ 42 h 964"/>
                  <a:gd name="T96" fmla="*/ 140 w 898"/>
                  <a:gd name="T97" fmla="*/ 27 h 964"/>
                  <a:gd name="T98" fmla="*/ 111 w 898"/>
                  <a:gd name="T99" fmla="*/ 21 h 964"/>
                  <a:gd name="T100" fmla="*/ 74 w 898"/>
                  <a:gd name="T101" fmla="*/ 11 h 964"/>
                  <a:gd name="T102" fmla="*/ 38 w 898"/>
                  <a:gd name="T103" fmla="*/ 2 h 964"/>
                  <a:gd name="T104" fmla="*/ 13 w 898"/>
                  <a:gd name="T105" fmla="*/ 12 h 964"/>
                  <a:gd name="T106" fmla="*/ 20 w 898"/>
                  <a:gd name="T107" fmla="*/ 65 h 964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898" h="964">
                    <a:moveTo>
                      <a:pt x="75" y="290"/>
                    </a:moveTo>
                    <a:lnTo>
                      <a:pt x="62" y="306"/>
                    </a:lnTo>
                    <a:lnTo>
                      <a:pt x="52" y="323"/>
                    </a:lnTo>
                    <a:lnTo>
                      <a:pt x="42" y="340"/>
                    </a:lnTo>
                    <a:lnTo>
                      <a:pt x="34" y="358"/>
                    </a:lnTo>
                    <a:lnTo>
                      <a:pt x="26" y="376"/>
                    </a:lnTo>
                    <a:lnTo>
                      <a:pt x="21" y="393"/>
                    </a:lnTo>
                    <a:lnTo>
                      <a:pt x="17" y="411"/>
                    </a:lnTo>
                    <a:lnTo>
                      <a:pt x="13" y="430"/>
                    </a:lnTo>
                    <a:lnTo>
                      <a:pt x="11" y="449"/>
                    </a:lnTo>
                    <a:lnTo>
                      <a:pt x="8" y="468"/>
                    </a:lnTo>
                    <a:lnTo>
                      <a:pt x="7" y="488"/>
                    </a:lnTo>
                    <a:lnTo>
                      <a:pt x="6" y="507"/>
                    </a:lnTo>
                    <a:lnTo>
                      <a:pt x="7" y="547"/>
                    </a:lnTo>
                    <a:lnTo>
                      <a:pt x="10" y="588"/>
                    </a:lnTo>
                    <a:lnTo>
                      <a:pt x="13" y="629"/>
                    </a:lnTo>
                    <a:lnTo>
                      <a:pt x="16" y="670"/>
                    </a:lnTo>
                    <a:lnTo>
                      <a:pt x="18" y="712"/>
                    </a:lnTo>
                    <a:lnTo>
                      <a:pt x="20" y="754"/>
                    </a:lnTo>
                    <a:lnTo>
                      <a:pt x="20" y="775"/>
                    </a:lnTo>
                    <a:lnTo>
                      <a:pt x="19" y="796"/>
                    </a:lnTo>
                    <a:lnTo>
                      <a:pt x="18" y="816"/>
                    </a:lnTo>
                    <a:lnTo>
                      <a:pt x="16" y="837"/>
                    </a:lnTo>
                    <a:lnTo>
                      <a:pt x="14" y="857"/>
                    </a:lnTo>
                    <a:lnTo>
                      <a:pt x="10" y="878"/>
                    </a:lnTo>
                    <a:lnTo>
                      <a:pt x="5" y="898"/>
                    </a:lnTo>
                    <a:lnTo>
                      <a:pt x="0" y="918"/>
                    </a:lnTo>
                    <a:lnTo>
                      <a:pt x="31" y="929"/>
                    </a:lnTo>
                    <a:lnTo>
                      <a:pt x="62" y="941"/>
                    </a:lnTo>
                    <a:lnTo>
                      <a:pt x="79" y="946"/>
                    </a:lnTo>
                    <a:lnTo>
                      <a:pt x="95" y="952"/>
                    </a:lnTo>
                    <a:lnTo>
                      <a:pt x="111" y="955"/>
                    </a:lnTo>
                    <a:lnTo>
                      <a:pt x="127" y="958"/>
                    </a:lnTo>
                    <a:lnTo>
                      <a:pt x="143" y="960"/>
                    </a:lnTo>
                    <a:lnTo>
                      <a:pt x="159" y="961"/>
                    </a:lnTo>
                    <a:lnTo>
                      <a:pt x="175" y="960"/>
                    </a:lnTo>
                    <a:lnTo>
                      <a:pt x="191" y="958"/>
                    </a:lnTo>
                    <a:lnTo>
                      <a:pt x="206" y="954"/>
                    </a:lnTo>
                    <a:lnTo>
                      <a:pt x="222" y="946"/>
                    </a:lnTo>
                    <a:lnTo>
                      <a:pt x="230" y="943"/>
                    </a:lnTo>
                    <a:lnTo>
                      <a:pt x="237" y="938"/>
                    </a:lnTo>
                    <a:lnTo>
                      <a:pt x="245" y="933"/>
                    </a:lnTo>
                    <a:lnTo>
                      <a:pt x="253" y="927"/>
                    </a:lnTo>
                    <a:lnTo>
                      <a:pt x="269" y="933"/>
                    </a:lnTo>
                    <a:lnTo>
                      <a:pt x="285" y="936"/>
                    </a:lnTo>
                    <a:lnTo>
                      <a:pt x="304" y="938"/>
                    </a:lnTo>
                    <a:lnTo>
                      <a:pt x="322" y="940"/>
                    </a:lnTo>
                    <a:lnTo>
                      <a:pt x="362" y="940"/>
                    </a:lnTo>
                    <a:lnTo>
                      <a:pt x="402" y="940"/>
                    </a:lnTo>
                    <a:lnTo>
                      <a:pt x="423" y="940"/>
                    </a:lnTo>
                    <a:lnTo>
                      <a:pt x="443" y="940"/>
                    </a:lnTo>
                    <a:lnTo>
                      <a:pt x="463" y="941"/>
                    </a:lnTo>
                    <a:lnTo>
                      <a:pt x="482" y="943"/>
                    </a:lnTo>
                    <a:lnTo>
                      <a:pt x="501" y="946"/>
                    </a:lnTo>
                    <a:lnTo>
                      <a:pt x="519" y="950"/>
                    </a:lnTo>
                    <a:lnTo>
                      <a:pt x="528" y="954"/>
                    </a:lnTo>
                    <a:lnTo>
                      <a:pt x="536" y="957"/>
                    </a:lnTo>
                    <a:lnTo>
                      <a:pt x="544" y="960"/>
                    </a:lnTo>
                    <a:lnTo>
                      <a:pt x="552" y="964"/>
                    </a:lnTo>
                    <a:lnTo>
                      <a:pt x="551" y="953"/>
                    </a:lnTo>
                    <a:lnTo>
                      <a:pt x="551" y="942"/>
                    </a:lnTo>
                    <a:lnTo>
                      <a:pt x="552" y="933"/>
                    </a:lnTo>
                    <a:lnTo>
                      <a:pt x="555" y="925"/>
                    </a:lnTo>
                    <a:lnTo>
                      <a:pt x="558" y="918"/>
                    </a:lnTo>
                    <a:lnTo>
                      <a:pt x="561" y="911"/>
                    </a:lnTo>
                    <a:lnTo>
                      <a:pt x="567" y="905"/>
                    </a:lnTo>
                    <a:lnTo>
                      <a:pt x="571" y="899"/>
                    </a:lnTo>
                    <a:lnTo>
                      <a:pt x="563" y="900"/>
                    </a:lnTo>
                    <a:lnTo>
                      <a:pt x="556" y="900"/>
                    </a:lnTo>
                    <a:lnTo>
                      <a:pt x="551" y="898"/>
                    </a:lnTo>
                    <a:lnTo>
                      <a:pt x="546" y="896"/>
                    </a:lnTo>
                    <a:lnTo>
                      <a:pt x="541" y="894"/>
                    </a:lnTo>
                    <a:lnTo>
                      <a:pt x="538" y="889"/>
                    </a:lnTo>
                    <a:lnTo>
                      <a:pt x="535" y="885"/>
                    </a:lnTo>
                    <a:lnTo>
                      <a:pt x="533" y="881"/>
                    </a:lnTo>
                    <a:lnTo>
                      <a:pt x="530" y="870"/>
                    </a:lnTo>
                    <a:lnTo>
                      <a:pt x="528" y="858"/>
                    </a:lnTo>
                    <a:lnTo>
                      <a:pt x="525" y="845"/>
                    </a:lnTo>
                    <a:lnTo>
                      <a:pt x="524" y="834"/>
                    </a:lnTo>
                    <a:lnTo>
                      <a:pt x="533" y="834"/>
                    </a:lnTo>
                    <a:lnTo>
                      <a:pt x="540" y="831"/>
                    </a:lnTo>
                    <a:lnTo>
                      <a:pt x="547" y="830"/>
                    </a:lnTo>
                    <a:lnTo>
                      <a:pt x="551" y="827"/>
                    </a:lnTo>
                    <a:lnTo>
                      <a:pt x="554" y="824"/>
                    </a:lnTo>
                    <a:lnTo>
                      <a:pt x="555" y="821"/>
                    </a:lnTo>
                    <a:lnTo>
                      <a:pt x="556" y="817"/>
                    </a:lnTo>
                    <a:lnTo>
                      <a:pt x="557" y="811"/>
                    </a:lnTo>
                    <a:lnTo>
                      <a:pt x="556" y="802"/>
                    </a:lnTo>
                    <a:lnTo>
                      <a:pt x="556" y="790"/>
                    </a:lnTo>
                    <a:lnTo>
                      <a:pt x="556" y="785"/>
                    </a:lnTo>
                    <a:lnTo>
                      <a:pt x="557" y="779"/>
                    </a:lnTo>
                    <a:lnTo>
                      <a:pt x="558" y="774"/>
                    </a:lnTo>
                    <a:lnTo>
                      <a:pt x="561" y="768"/>
                    </a:lnTo>
                    <a:lnTo>
                      <a:pt x="577" y="760"/>
                    </a:lnTo>
                    <a:lnTo>
                      <a:pt x="593" y="752"/>
                    </a:lnTo>
                    <a:lnTo>
                      <a:pt x="602" y="750"/>
                    </a:lnTo>
                    <a:lnTo>
                      <a:pt x="612" y="748"/>
                    </a:lnTo>
                    <a:lnTo>
                      <a:pt x="623" y="748"/>
                    </a:lnTo>
                    <a:lnTo>
                      <a:pt x="636" y="749"/>
                    </a:lnTo>
                    <a:lnTo>
                      <a:pt x="641" y="741"/>
                    </a:lnTo>
                    <a:lnTo>
                      <a:pt x="644" y="734"/>
                    </a:lnTo>
                    <a:lnTo>
                      <a:pt x="647" y="725"/>
                    </a:lnTo>
                    <a:lnTo>
                      <a:pt x="649" y="718"/>
                    </a:lnTo>
                    <a:lnTo>
                      <a:pt x="649" y="709"/>
                    </a:lnTo>
                    <a:lnTo>
                      <a:pt x="649" y="702"/>
                    </a:lnTo>
                    <a:lnTo>
                      <a:pt x="648" y="695"/>
                    </a:lnTo>
                    <a:lnTo>
                      <a:pt x="647" y="686"/>
                    </a:lnTo>
                    <a:lnTo>
                      <a:pt x="637" y="654"/>
                    </a:lnTo>
                    <a:lnTo>
                      <a:pt x="627" y="618"/>
                    </a:lnTo>
                    <a:lnTo>
                      <a:pt x="631" y="607"/>
                    </a:lnTo>
                    <a:lnTo>
                      <a:pt x="635" y="598"/>
                    </a:lnTo>
                    <a:lnTo>
                      <a:pt x="640" y="588"/>
                    </a:lnTo>
                    <a:lnTo>
                      <a:pt x="646" y="580"/>
                    </a:lnTo>
                    <a:lnTo>
                      <a:pt x="657" y="565"/>
                    </a:lnTo>
                    <a:lnTo>
                      <a:pt x="672" y="551"/>
                    </a:lnTo>
                    <a:lnTo>
                      <a:pt x="686" y="538"/>
                    </a:lnTo>
                    <a:lnTo>
                      <a:pt x="701" y="524"/>
                    </a:lnTo>
                    <a:lnTo>
                      <a:pt x="709" y="516"/>
                    </a:lnTo>
                    <a:lnTo>
                      <a:pt x="716" y="507"/>
                    </a:lnTo>
                    <a:lnTo>
                      <a:pt x="723" y="498"/>
                    </a:lnTo>
                    <a:lnTo>
                      <a:pt x="730" y="487"/>
                    </a:lnTo>
                    <a:lnTo>
                      <a:pt x="731" y="479"/>
                    </a:lnTo>
                    <a:lnTo>
                      <a:pt x="730" y="472"/>
                    </a:lnTo>
                    <a:lnTo>
                      <a:pt x="728" y="466"/>
                    </a:lnTo>
                    <a:lnTo>
                      <a:pt x="726" y="461"/>
                    </a:lnTo>
                    <a:lnTo>
                      <a:pt x="722" y="457"/>
                    </a:lnTo>
                    <a:lnTo>
                      <a:pt x="718" y="452"/>
                    </a:lnTo>
                    <a:lnTo>
                      <a:pt x="714" y="449"/>
                    </a:lnTo>
                    <a:lnTo>
                      <a:pt x="709" y="447"/>
                    </a:lnTo>
                    <a:lnTo>
                      <a:pt x="687" y="439"/>
                    </a:lnTo>
                    <a:lnTo>
                      <a:pt x="664" y="430"/>
                    </a:lnTo>
                    <a:lnTo>
                      <a:pt x="683" y="423"/>
                    </a:lnTo>
                    <a:lnTo>
                      <a:pt x="702" y="414"/>
                    </a:lnTo>
                    <a:lnTo>
                      <a:pt x="719" y="407"/>
                    </a:lnTo>
                    <a:lnTo>
                      <a:pt x="736" y="402"/>
                    </a:lnTo>
                    <a:lnTo>
                      <a:pt x="746" y="400"/>
                    </a:lnTo>
                    <a:lnTo>
                      <a:pt x="754" y="399"/>
                    </a:lnTo>
                    <a:lnTo>
                      <a:pt x="763" y="399"/>
                    </a:lnTo>
                    <a:lnTo>
                      <a:pt x="773" y="399"/>
                    </a:lnTo>
                    <a:lnTo>
                      <a:pt x="782" y="401"/>
                    </a:lnTo>
                    <a:lnTo>
                      <a:pt x="793" y="403"/>
                    </a:lnTo>
                    <a:lnTo>
                      <a:pt x="803" y="407"/>
                    </a:lnTo>
                    <a:lnTo>
                      <a:pt x="814" y="412"/>
                    </a:lnTo>
                    <a:lnTo>
                      <a:pt x="818" y="404"/>
                    </a:lnTo>
                    <a:lnTo>
                      <a:pt x="822" y="397"/>
                    </a:lnTo>
                    <a:lnTo>
                      <a:pt x="828" y="390"/>
                    </a:lnTo>
                    <a:lnTo>
                      <a:pt x="834" y="385"/>
                    </a:lnTo>
                    <a:lnTo>
                      <a:pt x="849" y="377"/>
                    </a:lnTo>
                    <a:lnTo>
                      <a:pt x="864" y="368"/>
                    </a:lnTo>
                    <a:lnTo>
                      <a:pt x="871" y="364"/>
                    </a:lnTo>
                    <a:lnTo>
                      <a:pt x="878" y="359"/>
                    </a:lnTo>
                    <a:lnTo>
                      <a:pt x="885" y="353"/>
                    </a:lnTo>
                    <a:lnTo>
                      <a:pt x="890" y="347"/>
                    </a:lnTo>
                    <a:lnTo>
                      <a:pt x="894" y="340"/>
                    </a:lnTo>
                    <a:lnTo>
                      <a:pt x="897" y="331"/>
                    </a:lnTo>
                    <a:lnTo>
                      <a:pt x="898" y="321"/>
                    </a:lnTo>
                    <a:lnTo>
                      <a:pt x="898" y="309"/>
                    </a:lnTo>
                    <a:lnTo>
                      <a:pt x="895" y="306"/>
                    </a:lnTo>
                    <a:lnTo>
                      <a:pt x="891" y="305"/>
                    </a:lnTo>
                    <a:lnTo>
                      <a:pt x="887" y="303"/>
                    </a:lnTo>
                    <a:lnTo>
                      <a:pt x="882" y="302"/>
                    </a:lnTo>
                    <a:lnTo>
                      <a:pt x="873" y="300"/>
                    </a:lnTo>
                    <a:lnTo>
                      <a:pt x="862" y="299"/>
                    </a:lnTo>
                    <a:lnTo>
                      <a:pt x="853" y="297"/>
                    </a:lnTo>
                    <a:lnTo>
                      <a:pt x="845" y="293"/>
                    </a:lnTo>
                    <a:lnTo>
                      <a:pt x="840" y="291"/>
                    </a:lnTo>
                    <a:lnTo>
                      <a:pt x="837" y="288"/>
                    </a:lnTo>
                    <a:lnTo>
                      <a:pt x="835" y="285"/>
                    </a:lnTo>
                    <a:lnTo>
                      <a:pt x="833" y="281"/>
                    </a:lnTo>
                    <a:lnTo>
                      <a:pt x="832" y="269"/>
                    </a:lnTo>
                    <a:lnTo>
                      <a:pt x="832" y="259"/>
                    </a:lnTo>
                    <a:lnTo>
                      <a:pt x="833" y="250"/>
                    </a:lnTo>
                    <a:lnTo>
                      <a:pt x="836" y="242"/>
                    </a:lnTo>
                    <a:lnTo>
                      <a:pt x="838" y="233"/>
                    </a:lnTo>
                    <a:lnTo>
                      <a:pt x="840" y="226"/>
                    </a:lnTo>
                    <a:lnTo>
                      <a:pt x="842" y="217"/>
                    </a:lnTo>
                    <a:lnTo>
                      <a:pt x="842" y="206"/>
                    </a:lnTo>
                    <a:lnTo>
                      <a:pt x="821" y="204"/>
                    </a:lnTo>
                    <a:lnTo>
                      <a:pt x="802" y="200"/>
                    </a:lnTo>
                    <a:lnTo>
                      <a:pt x="785" y="193"/>
                    </a:lnTo>
                    <a:lnTo>
                      <a:pt x="768" y="187"/>
                    </a:lnTo>
                    <a:lnTo>
                      <a:pt x="765" y="197"/>
                    </a:lnTo>
                    <a:lnTo>
                      <a:pt x="761" y="205"/>
                    </a:lnTo>
                    <a:lnTo>
                      <a:pt x="758" y="213"/>
                    </a:lnTo>
                    <a:lnTo>
                      <a:pt x="754" y="221"/>
                    </a:lnTo>
                    <a:lnTo>
                      <a:pt x="749" y="227"/>
                    </a:lnTo>
                    <a:lnTo>
                      <a:pt x="743" y="233"/>
                    </a:lnTo>
                    <a:lnTo>
                      <a:pt x="737" y="239"/>
                    </a:lnTo>
                    <a:lnTo>
                      <a:pt x="730" y="244"/>
                    </a:lnTo>
                    <a:lnTo>
                      <a:pt x="720" y="245"/>
                    </a:lnTo>
                    <a:lnTo>
                      <a:pt x="712" y="245"/>
                    </a:lnTo>
                    <a:lnTo>
                      <a:pt x="703" y="245"/>
                    </a:lnTo>
                    <a:lnTo>
                      <a:pt x="696" y="245"/>
                    </a:lnTo>
                    <a:lnTo>
                      <a:pt x="682" y="242"/>
                    </a:lnTo>
                    <a:lnTo>
                      <a:pt x="670" y="238"/>
                    </a:lnTo>
                    <a:lnTo>
                      <a:pt x="649" y="227"/>
                    </a:lnTo>
                    <a:lnTo>
                      <a:pt x="627" y="215"/>
                    </a:lnTo>
                    <a:lnTo>
                      <a:pt x="634" y="203"/>
                    </a:lnTo>
                    <a:lnTo>
                      <a:pt x="641" y="192"/>
                    </a:lnTo>
                    <a:lnTo>
                      <a:pt x="650" y="182"/>
                    </a:lnTo>
                    <a:lnTo>
                      <a:pt x="658" y="171"/>
                    </a:lnTo>
                    <a:lnTo>
                      <a:pt x="676" y="152"/>
                    </a:lnTo>
                    <a:lnTo>
                      <a:pt x="693" y="131"/>
                    </a:lnTo>
                    <a:lnTo>
                      <a:pt x="681" y="129"/>
                    </a:lnTo>
                    <a:lnTo>
                      <a:pt x="672" y="126"/>
                    </a:lnTo>
                    <a:lnTo>
                      <a:pt x="663" y="122"/>
                    </a:lnTo>
                    <a:lnTo>
                      <a:pt x="656" y="116"/>
                    </a:lnTo>
                    <a:lnTo>
                      <a:pt x="649" y="110"/>
                    </a:lnTo>
                    <a:lnTo>
                      <a:pt x="642" y="104"/>
                    </a:lnTo>
                    <a:lnTo>
                      <a:pt x="637" y="96"/>
                    </a:lnTo>
                    <a:lnTo>
                      <a:pt x="631" y="90"/>
                    </a:lnTo>
                    <a:lnTo>
                      <a:pt x="619" y="75"/>
                    </a:lnTo>
                    <a:lnTo>
                      <a:pt x="607" y="63"/>
                    </a:lnTo>
                    <a:lnTo>
                      <a:pt x="599" y="58"/>
                    </a:lnTo>
                    <a:lnTo>
                      <a:pt x="591" y="52"/>
                    </a:lnTo>
                    <a:lnTo>
                      <a:pt x="581" y="49"/>
                    </a:lnTo>
                    <a:lnTo>
                      <a:pt x="571" y="47"/>
                    </a:lnTo>
                    <a:lnTo>
                      <a:pt x="564" y="54"/>
                    </a:lnTo>
                    <a:lnTo>
                      <a:pt x="558" y="61"/>
                    </a:lnTo>
                    <a:lnTo>
                      <a:pt x="551" y="66"/>
                    </a:lnTo>
                    <a:lnTo>
                      <a:pt x="543" y="71"/>
                    </a:lnTo>
                    <a:lnTo>
                      <a:pt x="528" y="81"/>
                    </a:lnTo>
                    <a:lnTo>
                      <a:pt x="511" y="90"/>
                    </a:lnTo>
                    <a:lnTo>
                      <a:pt x="503" y="95"/>
                    </a:lnTo>
                    <a:lnTo>
                      <a:pt x="496" y="101"/>
                    </a:lnTo>
                    <a:lnTo>
                      <a:pt x="489" y="107"/>
                    </a:lnTo>
                    <a:lnTo>
                      <a:pt x="483" y="113"/>
                    </a:lnTo>
                    <a:lnTo>
                      <a:pt x="477" y="121"/>
                    </a:lnTo>
                    <a:lnTo>
                      <a:pt x="473" y="129"/>
                    </a:lnTo>
                    <a:lnTo>
                      <a:pt x="470" y="139"/>
                    </a:lnTo>
                    <a:lnTo>
                      <a:pt x="468" y="150"/>
                    </a:lnTo>
                    <a:lnTo>
                      <a:pt x="462" y="146"/>
                    </a:lnTo>
                    <a:lnTo>
                      <a:pt x="456" y="143"/>
                    </a:lnTo>
                    <a:lnTo>
                      <a:pt x="448" y="142"/>
                    </a:lnTo>
                    <a:lnTo>
                      <a:pt x="440" y="141"/>
                    </a:lnTo>
                    <a:lnTo>
                      <a:pt x="432" y="140"/>
                    </a:lnTo>
                    <a:lnTo>
                      <a:pt x="423" y="138"/>
                    </a:lnTo>
                    <a:lnTo>
                      <a:pt x="417" y="135"/>
                    </a:lnTo>
                    <a:lnTo>
                      <a:pt x="412" y="131"/>
                    </a:lnTo>
                    <a:lnTo>
                      <a:pt x="416" y="125"/>
                    </a:lnTo>
                    <a:lnTo>
                      <a:pt x="419" y="118"/>
                    </a:lnTo>
                    <a:lnTo>
                      <a:pt x="421" y="108"/>
                    </a:lnTo>
                    <a:lnTo>
                      <a:pt x="421" y="99"/>
                    </a:lnTo>
                    <a:lnTo>
                      <a:pt x="421" y="88"/>
                    </a:lnTo>
                    <a:lnTo>
                      <a:pt x="419" y="80"/>
                    </a:lnTo>
                    <a:lnTo>
                      <a:pt x="416" y="71"/>
                    </a:lnTo>
                    <a:lnTo>
                      <a:pt x="412" y="66"/>
                    </a:lnTo>
                    <a:lnTo>
                      <a:pt x="383" y="66"/>
                    </a:lnTo>
                    <a:lnTo>
                      <a:pt x="358" y="65"/>
                    </a:lnTo>
                    <a:lnTo>
                      <a:pt x="333" y="62"/>
                    </a:lnTo>
                    <a:lnTo>
                      <a:pt x="310" y="58"/>
                    </a:lnTo>
                    <a:lnTo>
                      <a:pt x="288" y="52"/>
                    </a:lnTo>
                    <a:lnTo>
                      <a:pt x="265" y="47"/>
                    </a:lnTo>
                    <a:lnTo>
                      <a:pt x="244" y="41"/>
                    </a:lnTo>
                    <a:lnTo>
                      <a:pt x="223" y="33"/>
                    </a:lnTo>
                    <a:lnTo>
                      <a:pt x="202" y="27"/>
                    </a:lnTo>
                    <a:lnTo>
                      <a:pt x="181" y="21"/>
                    </a:lnTo>
                    <a:lnTo>
                      <a:pt x="160" y="14"/>
                    </a:lnTo>
                    <a:lnTo>
                      <a:pt x="138" y="9"/>
                    </a:lnTo>
                    <a:lnTo>
                      <a:pt x="115" y="5"/>
                    </a:lnTo>
                    <a:lnTo>
                      <a:pt x="91" y="2"/>
                    </a:lnTo>
                    <a:lnTo>
                      <a:pt x="64" y="1"/>
                    </a:lnTo>
                    <a:lnTo>
                      <a:pt x="37" y="0"/>
                    </a:lnTo>
                    <a:lnTo>
                      <a:pt x="38" y="17"/>
                    </a:lnTo>
                    <a:lnTo>
                      <a:pt x="39" y="36"/>
                    </a:lnTo>
                    <a:lnTo>
                      <a:pt x="40" y="55"/>
                    </a:lnTo>
                    <a:lnTo>
                      <a:pt x="42" y="74"/>
                    </a:lnTo>
                    <a:lnTo>
                      <a:pt x="48" y="115"/>
                    </a:lnTo>
                    <a:lnTo>
                      <a:pt x="55" y="155"/>
                    </a:lnTo>
                    <a:lnTo>
                      <a:pt x="61" y="194"/>
                    </a:lnTo>
                    <a:lnTo>
                      <a:pt x="67" y="231"/>
                    </a:lnTo>
                    <a:lnTo>
                      <a:pt x="72" y="263"/>
                    </a:lnTo>
                    <a:lnTo>
                      <a:pt x="75" y="29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54" name="Svendborg"/>
            <p:cNvGrpSpPr/>
            <p:nvPr/>
          </p:nvGrpSpPr>
          <p:grpSpPr>
            <a:xfrm>
              <a:off x="2368550" y="5589588"/>
              <a:ext cx="341313" cy="381000"/>
              <a:chOff x="2368550" y="5589588"/>
              <a:chExt cx="341313" cy="381000"/>
            </a:xfrm>
            <a:grpFill/>
          </p:grpSpPr>
          <p:sp>
            <p:nvSpPr>
              <p:cNvPr id="88" name="Svendborg"/>
              <p:cNvSpPr>
                <a:spLocks/>
              </p:cNvSpPr>
              <p:nvPr/>
            </p:nvSpPr>
            <p:spPr bwMode="auto">
              <a:xfrm>
                <a:off x="2481263" y="5832475"/>
                <a:ext cx="109538" cy="138113"/>
              </a:xfrm>
              <a:custGeom>
                <a:avLst/>
                <a:gdLst>
                  <a:gd name="T0" fmla="*/ 55 w 206"/>
                  <a:gd name="T1" fmla="*/ 0 h 263"/>
                  <a:gd name="T2" fmla="*/ 57 w 206"/>
                  <a:gd name="T3" fmla="*/ 1 h 263"/>
                  <a:gd name="T4" fmla="*/ 59 w 206"/>
                  <a:gd name="T5" fmla="*/ 5 h 263"/>
                  <a:gd name="T6" fmla="*/ 59 w 206"/>
                  <a:gd name="T7" fmla="*/ 11 h 263"/>
                  <a:gd name="T8" fmla="*/ 61 w 206"/>
                  <a:gd name="T9" fmla="*/ 15 h 263"/>
                  <a:gd name="T10" fmla="*/ 64 w 206"/>
                  <a:gd name="T11" fmla="*/ 16 h 263"/>
                  <a:gd name="T12" fmla="*/ 65 w 206"/>
                  <a:gd name="T13" fmla="*/ 18 h 263"/>
                  <a:gd name="T14" fmla="*/ 63 w 206"/>
                  <a:gd name="T15" fmla="*/ 25 h 263"/>
                  <a:gd name="T16" fmla="*/ 58 w 206"/>
                  <a:gd name="T17" fmla="*/ 36 h 263"/>
                  <a:gd name="T18" fmla="*/ 54 w 206"/>
                  <a:gd name="T19" fmla="*/ 48 h 263"/>
                  <a:gd name="T20" fmla="*/ 54 w 206"/>
                  <a:gd name="T21" fmla="*/ 53 h 263"/>
                  <a:gd name="T22" fmla="*/ 55 w 206"/>
                  <a:gd name="T23" fmla="*/ 55 h 263"/>
                  <a:gd name="T24" fmla="*/ 56 w 206"/>
                  <a:gd name="T25" fmla="*/ 58 h 263"/>
                  <a:gd name="T26" fmla="*/ 58 w 206"/>
                  <a:gd name="T27" fmla="*/ 60 h 263"/>
                  <a:gd name="T28" fmla="*/ 62 w 206"/>
                  <a:gd name="T29" fmla="*/ 61 h 263"/>
                  <a:gd name="T30" fmla="*/ 66 w 206"/>
                  <a:gd name="T31" fmla="*/ 62 h 263"/>
                  <a:gd name="T32" fmla="*/ 67 w 206"/>
                  <a:gd name="T33" fmla="*/ 65 h 263"/>
                  <a:gd name="T34" fmla="*/ 63 w 206"/>
                  <a:gd name="T35" fmla="*/ 70 h 263"/>
                  <a:gd name="T36" fmla="*/ 58 w 206"/>
                  <a:gd name="T37" fmla="*/ 75 h 263"/>
                  <a:gd name="T38" fmla="*/ 55 w 206"/>
                  <a:gd name="T39" fmla="*/ 80 h 263"/>
                  <a:gd name="T40" fmla="*/ 51 w 206"/>
                  <a:gd name="T41" fmla="*/ 83 h 263"/>
                  <a:gd name="T42" fmla="*/ 47 w 206"/>
                  <a:gd name="T43" fmla="*/ 81 h 263"/>
                  <a:gd name="T44" fmla="*/ 41 w 206"/>
                  <a:gd name="T45" fmla="*/ 81 h 263"/>
                  <a:gd name="T46" fmla="*/ 32 w 206"/>
                  <a:gd name="T47" fmla="*/ 82 h 263"/>
                  <a:gd name="T48" fmla="*/ 25 w 206"/>
                  <a:gd name="T49" fmla="*/ 85 h 263"/>
                  <a:gd name="T50" fmla="*/ 18 w 206"/>
                  <a:gd name="T51" fmla="*/ 82 h 263"/>
                  <a:gd name="T52" fmla="*/ 13 w 206"/>
                  <a:gd name="T53" fmla="*/ 71 h 263"/>
                  <a:gd name="T54" fmla="*/ 8 w 206"/>
                  <a:gd name="T55" fmla="*/ 60 h 263"/>
                  <a:gd name="T56" fmla="*/ 3 w 206"/>
                  <a:gd name="T57" fmla="*/ 49 h 263"/>
                  <a:gd name="T58" fmla="*/ 4 w 206"/>
                  <a:gd name="T59" fmla="*/ 41 h 263"/>
                  <a:gd name="T60" fmla="*/ 11 w 206"/>
                  <a:gd name="T61" fmla="*/ 37 h 263"/>
                  <a:gd name="T62" fmla="*/ 21 w 206"/>
                  <a:gd name="T63" fmla="*/ 29 h 263"/>
                  <a:gd name="T64" fmla="*/ 35 w 206"/>
                  <a:gd name="T65" fmla="*/ 17 h 263"/>
                  <a:gd name="T66" fmla="*/ 47 w 206"/>
                  <a:gd name="T67" fmla="*/ 6 h 263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206" h="263">
                    <a:moveTo>
                      <a:pt x="159" y="1"/>
                    </a:moveTo>
                    <a:lnTo>
                      <a:pt x="164" y="0"/>
                    </a:lnTo>
                    <a:lnTo>
                      <a:pt x="168" y="1"/>
                    </a:lnTo>
                    <a:lnTo>
                      <a:pt x="171" y="3"/>
                    </a:lnTo>
                    <a:lnTo>
                      <a:pt x="173" y="6"/>
                    </a:lnTo>
                    <a:lnTo>
                      <a:pt x="175" y="15"/>
                    </a:lnTo>
                    <a:lnTo>
                      <a:pt x="176" y="25"/>
                    </a:lnTo>
                    <a:lnTo>
                      <a:pt x="176" y="34"/>
                    </a:lnTo>
                    <a:lnTo>
                      <a:pt x="180" y="43"/>
                    </a:lnTo>
                    <a:lnTo>
                      <a:pt x="182" y="46"/>
                    </a:lnTo>
                    <a:lnTo>
                      <a:pt x="185" y="47"/>
                    </a:lnTo>
                    <a:lnTo>
                      <a:pt x="190" y="48"/>
                    </a:lnTo>
                    <a:lnTo>
                      <a:pt x="196" y="47"/>
                    </a:lnTo>
                    <a:lnTo>
                      <a:pt x="194" y="55"/>
                    </a:lnTo>
                    <a:lnTo>
                      <a:pt x="191" y="65"/>
                    </a:lnTo>
                    <a:lnTo>
                      <a:pt x="187" y="75"/>
                    </a:lnTo>
                    <a:lnTo>
                      <a:pt x="183" y="87"/>
                    </a:lnTo>
                    <a:lnTo>
                      <a:pt x="172" y="110"/>
                    </a:lnTo>
                    <a:lnTo>
                      <a:pt x="165" y="132"/>
                    </a:lnTo>
                    <a:lnTo>
                      <a:pt x="162" y="144"/>
                    </a:lnTo>
                    <a:lnTo>
                      <a:pt x="161" y="153"/>
                    </a:lnTo>
                    <a:lnTo>
                      <a:pt x="161" y="159"/>
                    </a:lnTo>
                    <a:lnTo>
                      <a:pt x="162" y="163"/>
                    </a:lnTo>
                    <a:lnTo>
                      <a:pt x="163" y="167"/>
                    </a:lnTo>
                    <a:lnTo>
                      <a:pt x="165" y="171"/>
                    </a:lnTo>
                    <a:lnTo>
                      <a:pt x="167" y="174"/>
                    </a:lnTo>
                    <a:lnTo>
                      <a:pt x="170" y="177"/>
                    </a:lnTo>
                    <a:lnTo>
                      <a:pt x="173" y="181"/>
                    </a:lnTo>
                    <a:lnTo>
                      <a:pt x="179" y="183"/>
                    </a:lnTo>
                    <a:lnTo>
                      <a:pt x="184" y="185"/>
                    </a:lnTo>
                    <a:lnTo>
                      <a:pt x="190" y="186"/>
                    </a:lnTo>
                    <a:lnTo>
                      <a:pt x="198" y="187"/>
                    </a:lnTo>
                    <a:lnTo>
                      <a:pt x="206" y="187"/>
                    </a:lnTo>
                    <a:lnTo>
                      <a:pt x="201" y="196"/>
                    </a:lnTo>
                    <a:lnTo>
                      <a:pt x="195" y="205"/>
                    </a:lnTo>
                    <a:lnTo>
                      <a:pt x="188" y="212"/>
                    </a:lnTo>
                    <a:lnTo>
                      <a:pt x="182" y="220"/>
                    </a:lnTo>
                    <a:lnTo>
                      <a:pt x="174" y="227"/>
                    </a:lnTo>
                    <a:lnTo>
                      <a:pt x="168" y="234"/>
                    </a:lnTo>
                    <a:lnTo>
                      <a:pt x="163" y="243"/>
                    </a:lnTo>
                    <a:lnTo>
                      <a:pt x="159" y="253"/>
                    </a:lnTo>
                    <a:lnTo>
                      <a:pt x="152" y="250"/>
                    </a:lnTo>
                    <a:lnTo>
                      <a:pt x="146" y="247"/>
                    </a:lnTo>
                    <a:lnTo>
                      <a:pt x="140" y="246"/>
                    </a:lnTo>
                    <a:lnTo>
                      <a:pt x="133" y="245"/>
                    </a:lnTo>
                    <a:lnTo>
                      <a:pt x="122" y="244"/>
                    </a:lnTo>
                    <a:lnTo>
                      <a:pt x="109" y="246"/>
                    </a:lnTo>
                    <a:lnTo>
                      <a:pt x="97" y="248"/>
                    </a:lnTo>
                    <a:lnTo>
                      <a:pt x="87" y="252"/>
                    </a:lnTo>
                    <a:lnTo>
                      <a:pt x="75" y="257"/>
                    </a:lnTo>
                    <a:lnTo>
                      <a:pt x="65" y="263"/>
                    </a:lnTo>
                    <a:lnTo>
                      <a:pt x="55" y="247"/>
                    </a:lnTo>
                    <a:lnTo>
                      <a:pt x="47" y="231"/>
                    </a:lnTo>
                    <a:lnTo>
                      <a:pt x="40" y="214"/>
                    </a:lnTo>
                    <a:lnTo>
                      <a:pt x="32" y="197"/>
                    </a:lnTo>
                    <a:lnTo>
                      <a:pt x="25" y="181"/>
                    </a:lnTo>
                    <a:lnTo>
                      <a:pt x="16" y="164"/>
                    </a:lnTo>
                    <a:lnTo>
                      <a:pt x="8" y="147"/>
                    </a:lnTo>
                    <a:lnTo>
                      <a:pt x="0" y="131"/>
                    </a:lnTo>
                    <a:lnTo>
                      <a:pt x="11" y="125"/>
                    </a:lnTo>
                    <a:lnTo>
                      <a:pt x="23" y="117"/>
                    </a:lnTo>
                    <a:lnTo>
                      <a:pt x="33" y="111"/>
                    </a:lnTo>
                    <a:lnTo>
                      <a:pt x="44" y="103"/>
                    </a:lnTo>
                    <a:lnTo>
                      <a:pt x="64" y="87"/>
                    </a:lnTo>
                    <a:lnTo>
                      <a:pt x="84" y="70"/>
                    </a:lnTo>
                    <a:lnTo>
                      <a:pt x="103" y="52"/>
                    </a:lnTo>
                    <a:lnTo>
                      <a:pt x="121" y="35"/>
                    </a:lnTo>
                    <a:lnTo>
                      <a:pt x="140" y="17"/>
                    </a:lnTo>
                    <a:lnTo>
                      <a:pt x="159" y="1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89" name="Svendborg kant"/>
              <p:cNvSpPr>
                <a:spLocks/>
              </p:cNvSpPr>
              <p:nvPr/>
            </p:nvSpPr>
            <p:spPr bwMode="auto">
              <a:xfrm>
                <a:off x="2481263" y="5832475"/>
                <a:ext cx="109538" cy="138113"/>
              </a:xfrm>
              <a:custGeom>
                <a:avLst/>
                <a:gdLst>
                  <a:gd name="T0" fmla="*/ 55 w 206"/>
                  <a:gd name="T1" fmla="*/ 0 h 263"/>
                  <a:gd name="T2" fmla="*/ 57 w 206"/>
                  <a:gd name="T3" fmla="*/ 1 h 263"/>
                  <a:gd name="T4" fmla="*/ 59 w 206"/>
                  <a:gd name="T5" fmla="*/ 5 h 263"/>
                  <a:gd name="T6" fmla="*/ 59 w 206"/>
                  <a:gd name="T7" fmla="*/ 11 h 263"/>
                  <a:gd name="T8" fmla="*/ 61 w 206"/>
                  <a:gd name="T9" fmla="*/ 15 h 263"/>
                  <a:gd name="T10" fmla="*/ 64 w 206"/>
                  <a:gd name="T11" fmla="*/ 16 h 263"/>
                  <a:gd name="T12" fmla="*/ 65 w 206"/>
                  <a:gd name="T13" fmla="*/ 18 h 263"/>
                  <a:gd name="T14" fmla="*/ 63 w 206"/>
                  <a:gd name="T15" fmla="*/ 25 h 263"/>
                  <a:gd name="T16" fmla="*/ 58 w 206"/>
                  <a:gd name="T17" fmla="*/ 36 h 263"/>
                  <a:gd name="T18" fmla="*/ 54 w 206"/>
                  <a:gd name="T19" fmla="*/ 48 h 263"/>
                  <a:gd name="T20" fmla="*/ 54 w 206"/>
                  <a:gd name="T21" fmla="*/ 53 h 263"/>
                  <a:gd name="T22" fmla="*/ 55 w 206"/>
                  <a:gd name="T23" fmla="*/ 55 h 263"/>
                  <a:gd name="T24" fmla="*/ 56 w 206"/>
                  <a:gd name="T25" fmla="*/ 58 h 263"/>
                  <a:gd name="T26" fmla="*/ 58 w 206"/>
                  <a:gd name="T27" fmla="*/ 60 h 263"/>
                  <a:gd name="T28" fmla="*/ 62 w 206"/>
                  <a:gd name="T29" fmla="*/ 61 h 263"/>
                  <a:gd name="T30" fmla="*/ 66 w 206"/>
                  <a:gd name="T31" fmla="*/ 62 h 263"/>
                  <a:gd name="T32" fmla="*/ 67 w 206"/>
                  <a:gd name="T33" fmla="*/ 65 h 263"/>
                  <a:gd name="T34" fmla="*/ 63 w 206"/>
                  <a:gd name="T35" fmla="*/ 70 h 263"/>
                  <a:gd name="T36" fmla="*/ 58 w 206"/>
                  <a:gd name="T37" fmla="*/ 75 h 263"/>
                  <a:gd name="T38" fmla="*/ 55 w 206"/>
                  <a:gd name="T39" fmla="*/ 80 h 263"/>
                  <a:gd name="T40" fmla="*/ 51 w 206"/>
                  <a:gd name="T41" fmla="*/ 83 h 263"/>
                  <a:gd name="T42" fmla="*/ 47 w 206"/>
                  <a:gd name="T43" fmla="*/ 81 h 263"/>
                  <a:gd name="T44" fmla="*/ 41 w 206"/>
                  <a:gd name="T45" fmla="*/ 81 h 263"/>
                  <a:gd name="T46" fmla="*/ 32 w 206"/>
                  <a:gd name="T47" fmla="*/ 82 h 263"/>
                  <a:gd name="T48" fmla="*/ 25 w 206"/>
                  <a:gd name="T49" fmla="*/ 85 h 263"/>
                  <a:gd name="T50" fmla="*/ 18 w 206"/>
                  <a:gd name="T51" fmla="*/ 82 h 263"/>
                  <a:gd name="T52" fmla="*/ 13 w 206"/>
                  <a:gd name="T53" fmla="*/ 71 h 263"/>
                  <a:gd name="T54" fmla="*/ 8 w 206"/>
                  <a:gd name="T55" fmla="*/ 60 h 263"/>
                  <a:gd name="T56" fmla="*/ 3 w 206"/>
                  <a:gd name="T57" fmla="*/ 49 h 263"/>
                  <a:gd name="T58" fmla="*/ 4 w 206"/>
                  <a:gd name="T59" fmla="*/ 41 h 263"/>
                  <a:gd name="T60" fmla="*/ 11 w 206"/>
                  <a:gd name="T61" fmla="*/ 37 h 263"/>
                  <a:gd name="T62" fmla="*/ 21 w 206"/>
                  <a:gd name="T63" fmla="*/ 29 h 263"/>
                  <a:gd name="T64" fmla="*/ 35 w 206"/>
                  <a:gd name="T65" fmla="*/ 17 h 263"/>
                  <a:gd name="T66" fmla="*/ 47 w 206"/>
                  <a:gd name="T67" fmla="*/ 6 h 263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206" h="263">
                    <a:moveTo>
                      <a:pt x="159" y="1"/>
                    </a:moveTo>
                    <a:lnTo>
                      <a:pt x="164" y="0"/>
                    </a:lnTo>
                    <a:lnTo>
                      <a:pt x="168" y="1"/>
                    </a:lnTo>
                    <a:lnTo>
                      <a:pt x="171" y="3"/>
                    </a:lnTo>
                    <a:lnTo>
                      <a:pt x="173" y="6"/>
                    </a:lnTo>
                    <a:lnTo>
                      <a:pt x="175" y="15"/>
                    </a:lnTo>
                    <a:lnTo>
                      <a:pt x="176" y="25"/>
                    </a:lnTo>
                    <a:lnTo>
                      <a:pt x="176" y="34"/>
                    </a:lnTo>
                    <a:lnTo>
                      <a:pt x="180" y="43"/>
                    </a:lnTo>
                    <a:lnTo>
                      <a:pt x="182" y="46"/>
                    </a:lnTo>
                    <a:lnTo>
                      <a:pt x="185" y="47"/>
                    </a:lnTo>
                    <a:lnTo>
                      <a:pt x="190" y="48"/>
                    </a:lnTo>
                    <a:lnTo>
                      <a:pt x="196" y="47"/>
                    </a:lnTo>
                    <a:lnTo>
                      <a:pt x="194" y="55"/>
                    </a:lnTo>
                    <a:lnTo>
                      <a:pt x="191" y="65"/>
                    </a:lnTo>
                    <a:lnTo>
                      <a:pt x="187" y="75"/>
                    </a:lnTo>
                    <a:lnTo>
                      <a:pt x="183" y="87"/>
                    </a:lnTo>
                    <a:lnTo>
                      <a:pt x="172" y="110"/>
                    </a:lnTo>
                    <a:lnTo>
                      <a:pt x="165" y="132"/>
                    </a:lnTo>
                    <a:lnTo>
                      <a:pt x="162" y="144"/>
                    </a:lnTo>
                    <a:lnTo>
                      <a:pt x="161" y="153"/>
                    </a:lnTo>
                    <a:lnTo>
                      <a:pt x="161" y="159"/>
                    </a:lnTo>
                    <a:lnTo>
                      <a:pt x="162" y="163"/>
                    </a:lnTo>
                    <a:lnTo>
                      <a:pt x="163" y="167"/>
                    </a:lnTo>
                    <a:lnTo>
                      <a:pt x="165" y="171"/>
                    </a:lnTo>
                    <a:lnTo>
                      <a:pt x="167" y="174"/>
                    </a:lnTo>
                    <a:lnTo>
                      <a:pt x="170" y="177"/>
                    </a:lnTo>
                    <a:lnTo>
                      <a:pt x="173" y="181"/>
                    </a:lnTo>
                    <a:lnTo>
                      <a:pt x="179" y="183"/>
                    </a:lnTo>
                    <a:lnTo>
                      <a:pt x="184" y="185"/>
                    </a:lnTo>
                    <a:lnTo>
                      <a:pt x="190" y="186"/>
                    </a:lnTo>
                    <a:lnTo>
                      <a:pt x="198" y="187"/>
                    </a:lnTo>
                    <a:lnTo>
                      <a:pt x="206" y="187"/>
                    </a:lnTo>
                    <a:lnTo>
                      <a:pt x="201" y="196"/>
                    </a:lnTo>
                    <a:lnTo>
                      <a:pt x="195" y="205"/>
                    </a:lnTo>
                    <a:lnTo>
                      <a:pt x="188" y="212"/>
                    </a:lnTo>
                    <a:lnTo>
                      <a:pt x="182" y="220"/>
                    </a:lnTo>
                    <a:lnTo>
                      <a:pt x="174" y="227"/>
                    </a:lnTo>
                    <a:lnTo>
                      <a:pt x="168" y="234"/>
                    </a:lnTo>
                    <a:lnTo>
                      <a:pt x="163" y="243"/>
                    </a:lnTo>
                    <a:lnTo>
                      <a:pt x="159" y="253"/>
                    </a:lnTo>
                    <a:lnTo>
                      <a:pt x="152" y="250"/>
                    </a:lnTo>
                    <a:lnTo>
                      <a:pt x="146" y="247"/>
                    </a:lnTo>
                    <a:lnTo>
                      <a:pt x="140" y="246"/>
                    </a:lnTo>
                    <a:lnTo>
                      <a:pt x="133" y="245"/>
                    </a:lnTo>
                    <a:lnTo>
                      <a:pt x="122" y="244"/>
                    </a:lnTo>
                    <a:lnTo>
                      <a:pt x="109" y="246"/>
                    </a:lnTo>
                    <a:lnTo>
                      <a:pt x="97" y="248"/>
                    </a:lnTo>
                    <a:lnTo>
                      <a:pt x="87" y="252"/>
                    </a:lnTo>
                    <a:lnTo>
                      <a:pt x="75" y="257"/>
                    </a:lnTo>
                    <a:lnTo>
                      <a:pt x="65" y="263"/>
                    </a:lnTo>
                    <a:lnTo>
                      <a:pt x="55" y="247"/>
                    </a:lnTo>
                    <a:lnTo>
                      <a:pt x="47" y="231"/>
                    </a:lnTo>
                    <a:lnTo>
                      <a:pt x="40" y="214"/>
                    </a:lnTo>
                    <a:lnTo>
                      <a:pt x="32" y="197"/>
                    </a:lnTo>
                    <a:lnTo>
                      <a:pt x="25" y="181"/>
                    </a:lnTo>
                    <a:lnTo>
                      <a:pt x="16" y="164"/>
                    </a:lnTo>
                    <a:lnTo>
                      <a:pt x="8" y="147"/>
                    </a:lnTo>
                    <a:lnTo>
                      <a:pt x="0" y="131"/>
                    </a:lnTo>
                    <a:lnTo>
                      <a:pt x="11" y="125"/>
                    </a:lnTo>
                    <a:lnTo>
                      <a:pt x="23" y="117"/>
                    </a:lnTo>
                    <a:lnTo>
                      <a:pt x="33" y="111"/>
                    </a:lnTo>
                    <a:lnTo>
                      <a:pt x="44" y="103"/>
                    </a:lnTo>
                    <a:lnTo>
                      <a:pt x="64" y="87"/>
                    </a:lnTo>
                    <a:lnTo>
                      <a:pt x="84" y="70"/>
                    </a:lnTo>
                    <a:lnTo>
                      <a:pt x="103" y="52"/>
                    </a:lnTo>
                    <a:lnTo>
                      <a:pt x="121" y="35"/>
                    </a:lnTo>
                    <a:lnTo>
                      <a:pt x="140" y="17"/>
                    </a:lnTo>
                    <a:lnTo>
                      <a:pt x="159" y="1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90" name="Svendborg"/>
              <p:cNvSpPr>
                <a:spLocks/>
              </p:cNvSpPr>
              <p:nvPr/>
            </p:nvSpPr>
            <p:spPr bwMode="auto">
              <a:xfrm>
                <a:off x="2368550" y="5589588"/>
                <a:ext cx="341313" cy="266700"/>
              </a:xfrm>
              <a:custGeom>
                <a:avLst/>
                <a:gdLst>
                  <a:gd name="T0" fmla="*/ 175 w 645"/>
                  <a:gd name="T1" fmla="*/ 43 h 506"/>
                  <a:gd name="T2" fmla="*/ 160 w 645"/>
                  <a:gd name="T3" fmla="*/ 39 h 506"/>
                  <a:gd name="T4" fmla="*/ 146 w 645"/>
                  <a:gd name="T5" fmla="*/ 32 h 506"/>
                  <a:gd name="T6" fmla="*/ 136 w 645"/>
                  <a:gd name="T7" fmla="*/ 29 h 506"/>
                  <a:gd name="T8" fmla="*/ 125 w 645"/>
                  <a:gd name="T9" fmla="*/ 31 h 506"/>
                  <a:gd name="T10" fmla="*/ 128 w 645"/>
                  <a:gd name="T11" fmla="*/ 36 h 506"/>
                  <a:gd name="T12" fmla="*/ 127 w 645"/>
                  <a:gd name="T13" fmla="*/ 40 h 506"/>
                  <a:gd name="T14" fmla="*/ 124 w 645"/>
                  <a:gd name="T15" fmla="*/ 42 h 506"/>
                  <a:gd name="T16" fmla="*/ 119 w 645"/>
                  <a:gd name="T17" fmla="*/ 43 h 506"/>
                  <a:gd name="T18" fmla="*/ 114 w 645"/>
                  <a:gd name="T19" fmla="*/ 42 h 506"/>
                  <a:gd name="T20" fmla="*/ 112 w 645"/>
                  <a:gd name="T21" fmla="*/ 51 h 506"/>
                  <a:gd name="T22" fmla="*/ 110 w 645"/>
                  <a:gd name="T23" fmla="*/ 57 h 506"/>
                  <a:gd name="T24" fmla="*/ 97 w 645"/>
                  <a:gd name="T25" fmla="*/ 56 h 506"/>
                  <a:gd name="T26" fmla="*/ 75 w 645"/>
                  <a:gd name="T27" fmla="*/ 55 h 506"/>
                  <a:gd name="T28" fmla="*/ 53 w 645"/>
                  <a:gd name="T29" fmla="*/ 60 h 506"/>
                  <a:gd name="T30" fmla="*/ 42 w 645"/>
                  <a:gd name="T31" fmla="*/ 64 h 506"/>
                  <a:gd name="T32" fmla="*/ 32 w 645"/>
                  <a:gd name="T33" fmla="*/ 70 h 506"/>
                  <a:gd name="T34" fmla="*/ 23 w 645"/>
                  <a:gd name="T35" fmla="*/ 78 h 506"/>
                  <a:gd name="T36" fmla="*/ 16 w 645"/>
                  <a:gd name="T37" fmla="*/ 89 h 506"/>
                  <a:gd name="T38" fmla="*/ 10 w 645"/>
                  <a:gd name="T39" fmla="*/ 101 h 506"/>
                  <a:gd name="T40" fmla="*/ 12 w 645"/>
                  <a:gd name="T41" fmla="*/ 110 h 506"/>
                  <a:gd name="T42" fmla="*/ 14 w 645"/>
                  <a:gd name="T43" fmla="*/ 117 h 506"/>
                  <a:gd name="T44" fmla="*/ 11 w 645"/>
                  <a:gd name="T45" fmla="*/ 124 h 506"/>
                  <a:gd name="T46" fmla="*/ 2 w 645"/>
                  <a:gd name="T47" fmla="*/ 139 h 506"/>
                  <a:gd name="T48" fmla="*/ 4 w 645"/>
                  <a:gd name="T49" fmla="*/ 146 h 506"/>
                  <a:gd name="T50" fmla="*/ 9 w 645"/>
                  <a:gd name="T51" fmla="*/ 155 h 506"/>
                  <a:gd name="T52" fmla="*/ 30 w 645"/>
                  <a:gd name="T53" fmla="*/ 157 h 506"/>
                  <a:gd name="T54" fmla="*/ 47 w 645"/>
                  <a:gd name="T55" fmla="*/ 158 h 506"/>
                  <a:gd name="T56" fmla="*/ 55 w 645"/>
                  <a:gd name="T57" fmla="*/ 161 h 506"/>
                  <a:gd name="T58" fmla="*/ 63 w 645"/>
                  <a:gd name="T59" fmla="*/ 166 h 506"/>
                  <a:gd name="T60" fmla="*/ 82 w 645"/>
                  <a:gd name="T61" fmla="*/ 161 h 506"/>
                  <a:gd name="T62" fmla="*/ 106 w 645"/>
                  <a:gd name="T63" fmla="*/ 150 h 506"/>
                  <a:gd name="T64" fmla="*/ 128 w 645"/>
                  <a:gd name="T65" fmla="*/ 137 h 506"/>
                  <a:gd name="T66" fmla="*/ 146 w 645"/>
                  <a:gd name="T67" fmla="*/ 141 h 506"/>
                  <a:gd name="T68" fmla="*/ 160 w 645"/>
                  <a:gd name="T69" fmla="*/ 138 h 506"/>
                  <a:gd name="T70" fmla="*/ 173 w 645"/>
                  <a:gd name="T71" fmla="*/ 132 h 506"/>
                  <a:gd name="T72" fmla="*/ 182 w 645"/>
                  <a:gd name="T73" fmla="*/ 121 h 506"/>
                  <a:gd name="T74" fmla="*/ 190 w 645"/>
                  <a:gd name="T75" fmla="*/ 107 h 506"/>
                  <a:gd name="T76" fmla="*/ 196 w 645"/>
                  <a:gd name="T77" fmla="*/ 90 h 506"/>
                  <a:gd name="T78" fmla="*/ 203 w 645"/>
                  <a:gd name="T79" fmla="*/ 65 h 506"/>
                  <a:gd name="T80" fmla="*/ 215 w 645"/>
                  <a:gd name="T81" fmla="*/ 3 h 506"/>
                  <a:gd name="T82" fmla="*/ 208 w 645"/>
                  <a:gd name="T83" fmla="*/ 1 h 506"/>
                  <a:gd name="T84" fmla="*/ 204 w 645"/>
                  <a:gd name="T85" fmla="*/ 6 h 506"/>
                  <a:gd name="T86" fmla="*/ 197 w 645"/>
                  <a:gd name="T87" fmla="*/ 16 h 506"/>
                  <a:gd name="T88" fmla="*/ 190 w 645"/>
                  <a:gd name="T89" fmla="*/ 25 h 506"/>
                  <a:gd name="T90" fmla="*/ 186 w 645"/>
                  <a:gd name="T91" fmla="*/ 33 h 506"/>
                  <a:gd name="T92" fmla="*/ 184 w 645"/>
                  <a:gd name="T93" fmla="*/ 43 h 50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</a:gdLst>
                <a:ahLst/>
                <a:cxnLst>
                  <a:cxn ang="T94">
                    <a:pos x="T0" y="T1"/>
                  </a:cxn>
                  <a:cxn ang="T95">
                    <a:pos x="T2" y="T3"/>
                  </a:cxn>
                  <a:cxn ang="T96">
                    <a:pos x="T4" y="T5"/>
                  </a:cxn>
                  <a:cxn ang="T97">
                    <a:pos x="T6" y="T7"/>
                  </a:cxn>
                  <a:cxn ang="T98">
                    <a:pos x="T8" y="T9"/>
                  </a:cxn>
                  <a:cxn ang="T99">
                    <a:pos x="T10" y="T11"/>
                  </a:cxn>
                  <a:cxn ang="T100">
                    <a:pos x="T12" y="T13"/>
                  </a:cxn>
                  <a:cxn ang="T101">
                    <a:pos x="T14" y="T15"/>
                  </a:cxn>
                  <a:cxn ang="T102">
                    <a:pos x="T16" y="T17"/>
                  </a:cxn>
                  <a:cxn ang="T103">
                    <a:pos x="T18" y="T19"/>
                  </a:cxn>
                  <a:cxn ang="T104">
                    <a:pos x="T20" y="T21"/>
                  </a:cxn>
                  <a:cxn ang="T105">
                    <a:pos x="T22" y="T23"/>
                  </a:cxn>
                  <a:cxn ang="T106">
                    <a:pos x="T24" y="T25"/>
                  </a:cxn>
                  <a:cxn ang="T107">
                    <a:pos x="T26" y="T27"/>
                  </a:cxn>
                  <a:cxn ang="T108">
                    <a:pos x="T28" y="T29"/>
                  </a:cxn>
                  <a:cxn ang="T109">
                    <a:pos x="T30" y="T31"/>
                  </a:cxn>
                  <a:cxn ang="T110">
                    <a:pos x="T32" y="T33"/>
                  </a:cxn>
                  <a:cxn ang="T111">
                    <a:pos x="T34" y="T35"/>
                  </a:cxn>
                  <a:cxn ang="T112">
                    <a:pos x="T36" y="T37"/>
                  </a:cxn>
                  <a:cxn ang="T113">
                    <a:pos x="T38" y="T39"/>
                  </a:cxn>
                  <a:cxn ang="T114">
                    <a:pos x="T40" y="T41"/>
                  </a:cxn>
                  <a:cxn ang="T115">
                    <a:pos x="T42" y="T43"/>
                  </a:cxn>
                  <a:cxn ang="T116">
                    <a:pos x="T44" y="T45"/>
                  </a:cxn>
                  <a:cxn ang="T117">
                    <a:pos x="T46" y="T47"/>
                  </a:cxn>
                  <a:cxn ang="T118">
                    <a:pos x="T48" y="T49"/>
                  </a:cxn>
                  <a:cxn ang="T119">
                    <a:pos x="T50" y="T51"/>
                  </a:cxn>
                  <a:cxn ang="T120">
                    <a:pos x="T52" y="T53"/>
                  </a:cxn>
                  <a:cxn ang="T121">
                    <a:pos x="T54" y="T55"/>
                  </a:cxn>
                  <a:cxn ang="T122">
                    <a:pos x="T56" y="T57"/>
                  </a:cxn>
                  <a:cxn ang="T123">
                    <a:pos x="T58" y="T59"/>
                  </a:cxn>
                  <a:cxn ang="T124">
                    <a:pos x="T60" y="T61"/>
                  </a:cxn>
                  <a:cxn ang="T125">
                    <a:pos x="T62" y="T63"/>
                  </a:cxn>
                  <a:cxn ang="T126">
                    <a:pos x="T64" y="T65"/>
                  </a:cxn>
                  <a:cxn ang="T127">
                    <a:pos x="T66" y="T67"/>
                  </a:cxn>
                  <a:cxn ang="T128">
                    <a:pos x="T68" y="T69"/>
                  </a:cxn>
                  <a:cxn ang="T129">
                    <a:pos x="T70" y="T71"/>
                  </a:cxn>
                  <a:cxn ang="T130">
                    <a:pos x="T72" y="T73"/>
                  </a:cxn>
                  <a:cxn ang="T131">
                    <a:pos x="T74" y="T75"/>
                  </a:cxn>
                  <a:cxn ang="T132">
                    <a:pos x="T76" y="T77"/>
                  </a:cxn>
                  <a:cxn ang="T133">
                    <a:pos x="T78" y="T79"/>
                  </a:cxn>
                  <a:cxn ang="T134">
                    <a:pos x="T80" y="T81"/>
                  </a:cxn>
                  <a:cxn ang="T135">
                    <a:pos x="T82" y="T83"/>
                  </a:cxn>
                  <a:cxn ang="T136">
                    <a:pos x="T84" y="T85"/>
                  </a:cxn>
                  <a:cxn ang="T137">
                    <a:pos x="T86" y="T87"/>
                  </a:cxn>
                  <a:cxn ang="T138">
                    <a:pos x="T88" y="T89"/>
                  </a:cxn>
                  <a:cxn ang="T139">
                    <a:pos x="T90" y="T91"/>
                  </a:cxn>
                  <a:cxn ang="T140">
                    <a:pos x="T92" y="T93"/>
                  </a:cxn>
                </a:cxnLst>
                <a:rect l="0" t="0" r="r" b="b"/>
                <a:pathLst>
                  <a:path w="645" h="506">
                    <a:moveTo>
                      <a:pt x="552" y="131"/>
                    </a:moveTo>
                    <a:lnTo>
                      <a:pt x="538" y="132"/>
                    </a:lnTo>
                    <a:lnTo>
                      <a:pt x="525" y="131"/>
                    </a:lnTo>
                    <a:lnTo>
                      <a:pt x="513" y="129"/>
                    </a:lnTo>
                    <a:lnTo>
                      <a:pt x="501" y="126"/>
                    </a:lnTo>
                    <a:lnTo>
                      <a:pt x="479" y="116"/>
                    </a:lnTo>
                    <a:lnTo>
                      <a:pt x="459" y="105"/>
                    </a:lnTo>
                    <a:lnTo>
                      <a:pt x="448" y="99"/>
                    </a:lnTo>
                    <a:lnTo>
                      <a:pt x="439" y="95"/>
                    </a:lnTo>
                    <a:lnTo>
                      <a:pt x="428" y="91"/>
                    </a:lnTo>
                    <a:lnTo>
                      <a:pt x="419" y="88"/>
                    </a:lnTo>
                    <a:lnTo>
                      <a:pt x="408" y="87"/>
                    </a:lnTo>
                    <a:lnTo>
                      <a:pt x="397" y="87"/>
                    </a:lnTo>
                    <a:lnTo>
                      <a:pt x="386" y="89"/>
                    </a:lnTo>
                    <a:lnTo>
                      <a:pt x="374" y="94"/>
                    </a:lnTo>
                    <a:lnTo>
                      <a:pt x="379" y="98"/>
                    </a:lnTo>
                    <a:lnTo>
                      <a:pt x="382" y="103"/>
                    </a:lnTo>
                    <a:lnTo>
                      <a:pt x="383" y="107"/>
                    </a:lnTo>
                    <a:lnTo>
                      <a:pt x="383" y="111"/>
                    </a:lnTo>
                    <a:lnTo>
                      <a:pt x="383" y="115"/>
                    </a:lnTo>
                    <a:lnTo>
                      <a:pt x="381" y="119"/>
                    </a:lnTo>
                    <a:lnTo>
                      <a:pt x="379" y="123"/>
                    </a:lnTo>
                    <a:lnTo>
                      <a:pt x="375" y="125"/>
                    </a:lnTo>
                    <a:lnTo>
                      <a:pt x="371" y="127"/>
                    </a:lnTo>
                    <a:lnTo>
                      <a:pt x="366" y="129"/>
                    </a:lnTo>
                    <a:lnTo>
                      <a:pt x="362" y="130"/>
                    </a:lnTo>
                    <a:lnTo>
                      <a:pt x="357" y="130"/>
                    </a:lnTo>
                    <a:lnTo>
                      <a:pt x="351" y="129"/>
                    </a:lnTo>
                    <a:lnTo>
                      <a:pt x="346" y="128"/>
                    </a:lnTo>
                    <a:lnTo>
                      <a:pt x="341" y="126"/>
                    </a:lnTo>
                    <a:lnTo>
                      <a:pt x="337" y="122"/>
                    </a:lnTo>
                    <a:lnTo>
                      <a:pt x="337" y="138"/>
                    </a:lnTo>
                    <a:lnTo>
                      <a:pt x="336" y="154"/>
                    </a:lnTo>
                    <a:lnTo>
                      <a:pt x="335" y="162"/>
                    </a:lnTo>
                    <a:lnTo>
                      <a:pt x="334" y="168"/>
                    </a:lnTo>
                    <a:lnTo>
                      <a:pt x="330" y="173"/>
                    </a:lnTo>
                    <a:lnTo>
                      <a:pt x="327" y="178"/>
                    </a:lnTo>
                    <a:lnTo>
                      <a:pt x="309" y="173"/>
                    </a:lnTo>
                    <a:lnTo>
                      <a:pt x="290" y="170"/>
                    </a:lnTo>
                    <a:lnTo>
                      <a:pt x="270" y="168"/>
                    </a:lnTo>
                    <a:lnTo>
                      <a:pt x="249" y="167"/>
                    </a:lnTo>
                    <a:lnTo>
                      <a:pt x="226" y="167"/>
                    </a:lnTo>
                    <a:lnTo>
                      <a:pt x="204" y="170"/>
                    </a:lnTo>
                    <a:lnTo>
                      <a:pt x="181" y="174"/>
                    </a:lnTo>
                    <a:lnTo>
                      <a:pt x="159" y="181"/>
                    </a:lnTo>
                    <a:lnTo>
                      <a:pt x="147" y="184"/>
                    </a:lnTo>
                    <a:lnTo>
                      <a:pt x="137" y="189"/>
                    </a:lnTo>
                    <a:lnTo>
                      <a:pt x="126" y="194"/>
                    </a:lnTo>
                    <a:lnTo>
                      <a:pt x="116" y="199"/>
                    </a:lnTo>
                    <a:lnTo>
                      <a:pt x="105" y="206"/>
                    </a:lnTo>
                    <a:lnTo>
                      <a:pt x="96" y="212"/>
                    </a:lnTo>
                    <a:lnTo>
                      <a:pt x="86" y="219"/>
                    </a:lnTo>
                    <a:lnTo>
                      <a:pt x="78" y="228"/>
                    </a:lnTo>
                    <a:lnTo>
                      <a:pt x="69" y="236"/>
                    </a:lnTo>
                    <a:lnTo>
                      <a:pt x="61" y="246"/>
                    </a:lnTo>
                    <a:lnTo>
                      <a:pt x="53" y="256"/>
                    </a:lnTo>
                    <a:lnTo>
                      <a:pt x="47" y="268"/>
                    </a:lnTo>
                    <a:lnTo>
                      <a:pt x="41" y="279"/>
                    </a:lnTo>
                    <a:lnTo>
                      <a:pt x="36" y="291"/>
                    </a:lnTo>
                    <a:lnTo>
                      <a:pt x="31" y="305"/>
                    </a:lnTo>
                    <a:lnTo>
                      <a:pt x="27" y="318"/>
                    </a:lnTo>
                    <a:lnTo>
                      <a:pt x="33" y="325"/>
                    </a:lnTo>
                    <a:lnTo>
                      <a:pt x="37" y="330"/>
                    </a:lnTo>
                    <a:lnTo>
                      <a:pt x="40" y="337"/>
                    </a:lnTo>
                    <a:lnTo>
                      <a:pt x="41" y="344"/>
                    </a:lnTo>
                    <a:lnTo>
                      <a:pt x="41" y="351"/>
                    </a:lnTo>
                    <a:lnTo>
                      <a:pt x="39" y="358"/>
                    </a:lnTo>
                    <a:lnTo>
                      <a:pt x="37" y="367"/>
                    </a:lnTo>
                    <a:lnTo>
                      <a:pt x="33" y="374"/>
                    </a:lnTo>
                    <a:lnTo>
                      <a:pt x="26" y="390"/>
                    </a:lnTo>
                    <a:lnTo>
                      <a:pt x="17" y="405"/>
                    </a:lnTo>
                    <a:lnTo>
                      <a:pt x="7" y="418"/>
                    </a:lnTo>
                    <a:lnTo>
                      <a:pt x="0" y="431"/>
                    </a:lnTo>
                    <a:lnTo>
                      <a:pt x="6" y="434"/>
                    </a:lnTo>
                    <a:lnTo>
                      <a:pt x="11" y="440"/>
                    </a:lnTo>
                    <a:lnTo>
                      <a:pt x="17" y="445"/>
                    </a:lnTo>
                    <a:lnTo>
                      <a:pt x="21" y="452"/>
                    </a:lnTo>
                    <a:lnTo>
                      <a:pt x="28" y="466"/>
                    </a:lnTo>
                    <a:lnTo>
                      <a:pt x="37" y="477"/>
                    </a:lnTo>
                    <a:lnTo>
                      <a:pt x="65" y="476"/>
                    </a:lnTo>
                    <a:lnTo>
                      <a:pt x="90" y="474"/>
                    </a:lnTo>
                    <a:lnTo>
                      <a:pt x="111" y="474"/>
                    </a:lnTo>
                    <a:lnTo>
                      <a:pt x="130" y="475"/>
                    </a:lnTo>
                    <a:lnTo>
                      <a:pt x="140" y="476"/>
                    </a:lnTo>
                    <a:lnTo>
                      <a:pt x="148" y="479"/>
                    </a:lnTo>
                    <a:lnTo>
                      <a:pt x="156" y="481"/>
                    </a:lnTo>
                    <a:lnTo>
                      <a:pt x="164" y="484"/>
                    </a:lnTo>
                    <a:lnTo>
                      <a:pt x="171" y="488"/>
                    </a:lnTo>
                    <a:lnTo>
                      <a:pt x="180" y="493"/>
                    </a:lnTo>
                    <a:lnTo>
                      <a:pt x="188" y="499"/>
                    </a:lnTo>
                    <a:lnTo>
                      <a:pt x="196" y="506"/>
                    </a:lnTo>
                    <a:lnTo>
                      <a:pt x="222" y="496"/>
                    </a:lnTo>
                    <a:lnTo>
                      <a:pt x="246" y="486"/>
                    </a:lnTo>
                    <a:lnTo>
                      <a:pt x="271" y="475"/>
                    </a:lnTo>
                    <a:lnTo>
                      <a:pt x="295" y="464"/>
                    </a:lnTo>
                    <a:lnTo>
                      <a:pt x="318" y="452"/>
                    </a:lnTo>
                    <a:lnTo>
                      <a:pt x="340" y="440"/>
                    </a:lnTo>
                    <a:lnTo>
                      <a:pt x="362" y="426"/>
                    </a:lnTo>
                    <a:lnTo>
                      <a:pt x="383" y="412"/>
                    </a:lnTo>
                    <a:lnTo>
                      <a:pt x="402" y="418"/>
                    </a:lnTo>
                    <a:lnTo>
                      <a:pt x="420" y="422"/>
                    </a:lnTo>
                    <a:lnTo>
                      <a:pt x="437" y="424"/>
                    </a:lnTo>
                    <a:lnTo>
                      <a:pt x="453" y="424"/>
                    </a:lnTo>
                    <a:lnTo>
                      <a:pt x="467" y="422"/>
                    </a:lnTo>
                    <a:lnTo>
                      <a:pt x="481" y="417"/>
                    </a:lnTo>
                    <a:lnTo>
                      <a:pt x="494" y="412"/>
                    </a:lnTo>
                    <a:lnTo>
                      <a:pt x="506" y="406"/>
                    </a:lnTo>
                    <a:lnTo>
                      <a:pt x="518" y="397"/>
                    </a:lnTo>
                    <a:lnTo>
                      <a:pt x="528" y="388"/>
                    </a:lnTo>
                    <a:lnTo>
                      <a:pt x="538" y="376"/>
                    </a:lnTo>
                    <a:lnTo>
                      <a:pt x="547" y="365"/>
                    </a:lnTo>
                    <a:lnTo>
                      <a:pt x="556" y="351"/>
                    </a:lnTo>
                    <a:lnTo>
                      <a:pt x="563" y="337"/>
                    </a:lnTo>
                    <a:lnTo>
                      <a:pt x="570" y="323"/>
                    </a:lnTo>
                    <a:lnTo>
                      <a:pt x="578" y="306"/>
                    </a:lnTo>
                    <a:lnTo>
                      <a:pt x="584" y="289"/>
                    </a:lnTo>
                    <a:lnTo>
                      <a:pt x="589" y="272"/>
                    </a:lnTo>
                    <a:lnTo>
                      <a:pt x="595" y="254"/>
                    </a:lnTo>
                    <a:lnTo>
                      <a:pt x="600" y="235"/>
                    </a:lnTo>
                    <a:lnTo>
                      <a:pt x="609" y="197"/>
                    </a:lnTo>
                    <a:lnTo>
                      <a:pt x="617" y="159"/>
                    </a:lnTo>
                    <a:lnTo>
                      <a:pt x="632" y="82"/>
                    </a:lnTo>
                    <a:lnTo>
                      <a:pt x="645" y="10"/>
                    </a:lnTo>
                    <a:lnTo>
                      <a:pt x="637" y="9"/>
                    </a:lnTo>
                    <a:lnTo>
                      <a:pt x="629" y="7"/>
                    </a:lnTo>
                    <a:lnTo>
                      <a:pt x="623" y="4"/>
                    </a:lnTo>
                    <a:lnTo>
                      <a:pt x="617" y="0"/>
                    </a:lnTo>
                    <a:lnTo>
                      <a:pt x="615" y="10"/>
                    </a:lnTo>
                    <a:lnTo>
                      <a:pt x="612" y="18"/>
                    </a:lnTo>
                    <a:lnTo>
                      <a:pt x="607" y="27"/>
                    </a:lnTo>
                    <a:lnTo>
                      <a:pt x="602" y="34"/>
                    </a:lnTo>
                    <a:lnTo>
                      <a:pt x="592" y="48"/>
                    </a:lnTo>
                    <a:lnTo>
                      <a:pt x="580" y="62"/>
                    </a:lnTo>
                    <a:lnTo>
                      <a:pt x="575" y="68"/>
                    </a:lnTo>
                    <a:lnTo>
                      <a:pt x="569" y="75"/>
                    </a:lnTo>
                    <a:lnTo>
                      <a:pt x="564" y="83"/>
                    </a:lnTo>
                    <a:lnTo>
                      <a:pt x="560" y="90"/>
                    </a:lnTo>
                    <a:lnTo>
                      <a:pt x="557" y="99"/>
                    </a:lnTo>
                    <a:lnTo>
                      <a:pt x="554" y="109"/>
                    </a:lnTo>
                    <a:lnTo>
                      <a:pt x="553" y="119"/>
                    </a:lnTo>
                    <a:lnTo>
                      <a:pt x="552" y="131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91" name="Svendborg kant"/>
              <p:cNvSpPr>
                <a:spLocks/>
              </p:cNvSpPr>
              <p:nvPr/>
            </p:nvSpPr>
            <p:spPr bwMode="auto">
              <a:xfrm>
                <a:off x="2368550" y="5589588"/>
                <a:ext cx="341313" cy="266700"/>
              </a:xfrm>
              <a:custGeom>
                <a:avLst/>
                <a:gdLst>
                  <a:gd name="T0" fmla="*/ 175 w 645"/>
                  <a:gd name="T1" fmla="*/ 43 h 506"/>
                  <a:gd name="T2" fmla="*/ 160 w 645"/>
                  <a:gd name="T3" fmla="*/ 39 h 506"/>
                  <a:gd name="T4" fmla="*/ 146 w 645"/>
                  <a:gd name="T5" fmla="*/ 32 h 506"/>
                  <a:gd name="T6" fmla="*/ 136 w 645"/>
                  <a:gd name="T7" fmla="*/ 29 h 506"/>
                  <a:gd name="T8" fmla="*/ 125 w 645"/>
                  <a:gd name="T9" fmla="*/ 31 h 506"/>
                  <a:gd name="T10" fmla="*/ 128 w 645"/>
                  <a:gd name="T11" fmla="*/ 36 h 506"/>
                  <a:gd name="T12" fmla="*/ 127 w 645"/>
                  <a:gd name="T13" fmla="*/ 40 h 506"/>
                  <a:gd name="T14" fmla="*/ 124 w 645"/>
                  <a:gd name="T15" fmla="*/ 42 h 506"/>
                  <a:gd name="T16" fmla="*/ 119 w 645"/>
                  <a:gd name="T17" fmla="*/ 43 h 506"/>
                  <a:gd name="T18" fmla="*/ 114 w 645"/>
                  <a:gd name="T19" fmla="*/ 42 h 506"/>
                  <a:gd name="T20" fmla="*/ 112 w 645"/>
                  <a:gd name="T21" fmla="*/ 51 h 506"/>
                  <a:gd name="T22" fmla="*/ 110 w 645"/>
                  <a:gd name="T23" fmla="*/ 57 h 506"/>
                  <a:gd name="T24" fmla="*/ 97 w 645"/>
                  <a:gd name="T25" fmla="*/ 56 h 506"/>
                  <a:gd name="T26" fmla="*/ 75 w 645"/>
                  <a:gd name="T27" fmla="*/ 55 h 506"/>
                  <a:gd name="T28" fmla="*/ 53 w 645"/>
                  <a:gd name="T29" fmla="*/ 60 h 506"/>
                  <a:gd name="T30" fmla="*/ 42 w 645"/>
                  <a:gd name="T31" fmla="*/ 64 h 506"/>
                  <a:gd name="T32" fmla="*/ 32 w 645"/>
                  <a:gd name="T33" fmla="*/ 70 h 506"/>
                  <a:gd name="T34" fmla="*/ 23 w 645"/>
                  <a:gd name="T35" fmla="*/ 78 h 506"/>
                  <a:gd name="T36" fmla="*/ 16 w 645"/>
                  <a:gd name="T37" fmla="*/ 89 h 506"/>
                  <a:gd name="T38" fmla="*/ 10 w 645"/>
                  <a:gd name="T39" fmla="*/ 101 h 506"/>
                  <a:gd name="T40" fmla="*/ 12 w 645"/>
                  <a:gd name="T41" fmla="*/ 110 h 506"/>
                  <a:gd name="T42" fmla="*/ 14 w 645"/>
                  <a:gd name="T43" fmla="*/ 117 h 506"/>
                  <a:gd name="T44" fmla="*/ 11 w 645"/>
                  <a:gd name="T45" fmla="*/ 124 h 506"/>
                  <a:gd name="T46" fmla="*/ 2 w 645"/>
                  <a:gd name="T47" fmla="*/ 139 h 506"/>
                  <a:gd name="T48" fmla="*/ 4 w 645"/>
                  <a:gd name="T49" fmla="*/ 146 h 506"/>
                  <a:gd name="T50" fmla="*/ 9 w 645"/>
                  <a:gd name="T51" fmla="*/ 155 h 506"/>
                  <a:gd name="T52" fmla="*/ 30 w 645"/>
                  <a:gd name="T53" fmla="*/ 157 h 506"/>
                  <a:gd name="T54" fmla="*/ 47 w 645"/>
                  <a:gd name="T55" fmla="*/ 158 h 506"/>
                  <a:gd name="T56" fmla="*/ 55 w 645"/>
                  <a:gd name="T57" fmla="*/ 161 h 506"/>
                  <a:gd name="T58" fmla="*/ 63 w 645"/>
                  <a:gd name="T59" fmla="*/ 166 h 506"/>
                  <a:gd name="T60" fmla="*/ 82 w 645"/>
                  <a:gd name="T61" fmla="*/ 161 h 506"/>
                  <a:gd name="T62" fmla="*/ 106 w 645"/>
                  <a:gd name="T63" fmla="*/ 150 h 506"/>
                  <a:gd name="T64" fmla="*/ 128 w 645"/>
                  <a:gd name="T65" fmla="*/ 137 h 506"/>
                  <a:gd name="T66" fmla="*/ 146 w 645"/>
                  <a:gd name="T67" fmla="*/ 141 h 506"/>
                  <a:gd name="T68" fmla="*/ 160 w 645"/>
                  <a:gd name="T69" fmla="*/ 138 h 506"/>
                  <a:gd name="T70" fmla="*/ 173 w 645"/>
                  <a:gd name="T71" fmla="*/ 132 h 506"/>
                  <a:gd name="T72" fmla="*/ 182 w 645"/>
                  <a:gd name="T73" fmla="*/ 121 h 506"/>
                  <a:gd name="T74" fmla="*/ 190 w 645"/>
                  <a:gd name="T75" fmla="*/ 107 h 506"/>
                  <a:gd name="T76" fmla="*/ 196 w 645"/>
                  <a:gd name="T77" fmla="*/ 90 h 506"/>
                  <a:gd name="T78" fmla="*/ 203 w 645"/>
                  <a:gd name="T79" fmla="*/ 65 h 506"/>
                  <a:gd name="T80" fmla="*/ 215 w 645"/>
                  <a:gd name="T81" fmla="*/ 3 h 506"/>
                  <a:gd name="T82" fmla="*/ 208 w 645"/>
                  <a:gd name="T83" fmla="*/ 1 h 506"/>
                  <a:gd name="T84" fmla="*/ 204 w 645"/>
                  <a:gd name="T85" fmla="*/ 6 h 506"/>
                  <a:gd name="T86" fmla="*/ 197 w 645"/>
                  <a:gd name="T87" fmla="*/ 16 h 506"/>
                  <a:gd name="T88" fmla="*/ 190 w 645"/>
                  <a:gd name="T89" fmla="*/ 25 h 506"/>
                  <a:gd name="T90" fmla="*/ 186 w 645"/>
                  <a:gd name="T91" fmla="*/ 33 h 506"/>
                  <a:gd name="T92" fmla="*/ 184 w 645"/>
                  <a:gd name="T93" fmla="*/ 43 h 50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</a:gdLst>
                <a:ahLst/>
                <a:cxnLst>
                  <a:cxn ang="T94">
                    <a:pos x="T0" y="T1"/>
                  </a:cxn>
                  <a:cxn ang="T95">
                    <a:pos x="T2" y="T3"/>
                  </a:cxn>
                  <a:cxn ang="T96">
                    <a:pos x="T4" y="T5"/>
                  </a:cxn>
                  <a:cxn ang="T97">
                    <a:pos x="T6" y="T7"/>
                  </a:cxn>
                  <a:cxn ang="T98">
                    <a:pos x="T8" y="T9"/>
                  </a:cxn>
                  <a:cxn ang="T99">
                    <a:pos x="T10" y="T11"/>
                  </a:cxn>
                  <a:cxn ang="T100">
                    <a:pos x="T12" y="T13"/>
                  </a:cxn>
                  <a:cxn ang="T101">
                    <a:pos x="T14" y="T15"/>
                  </a:cxn>
                  <a:cxn ang="T102">
                    <a:pos x="T16" y="T17"/>
                  </a:cxn>
                  <a:cxn ang="T103">
                    <a:pos x="T18" y="T19"/>
                  </a:cxn>
                  <a:cxn ang="T104">
                    <a:pos x="T20" y="T21"/>
                  </a:cxn>
                  <a:cxn ang="T105">
                    <a:pos x="T22" y="T23"/>
                  </a:cxn>
                  <a:cxn ang="T106">
                    <a:pos x="T24" y="T25"/>
                  </a:cxn>
                  <a:cxn ang="T107">
                    <a:pos x="T26" y="T27"/>
                  </a:cxn>
                  <a:cxn ang="T108">
                    <a:pos x="T28" y="T29"/>
                  </a:cxn>
                  <a:cxn ang="T109">
                    <a:pos x="T30" y="T31"/>
                  </a:cxn>
                  <a:cxn ang="T110">
                    <a:pos x="T32" y="T33"/>
                  </a:cxn>
                  <a:cxn ang="T111">
                    <a:pos x="T34" y="T35"/>
                  </a:cxn>
                  <a:cxn ang="T112">
                    <a:pos x="T36" y="T37"/>
                  </a:cxn>
                  <a:cxn ang="T113">
                    <a:pos x="T38" y="T39"/>
                  </a:cxn>
                  <a:cxn ang="T114">
                    <a:pos x="T40" y="T41"/>
                  </a:cxn>
                  <a:cxn ang="T115">
                    <a:pos x="T42" y="T43"/>
                  </a:cxn>
                  <a:cxn ang="T116">
                    <a:pos x="T44" y="T45"/>
                  </a:cxn>
                  <a:cxn ang="T117">
                    <a:pos x="T46" y="T47"/>
                  </a:cxn>
                  <a:cxn ang="T118">
                    <a:pos x="T48" y="T49"/>
                  </a:cxn>
                  <a:cxn ang="T119">
                    <a:pos x="T50" y="T51"/>
                  </a:cxn>
                  <a:cxn ang="T120">
                    <a:pos x="T52" y="T53"/>
                  </a:cxn>
                  <a:cxn ang="T121">
                    <a:pos x="T54" y="T55"/>
                  </a:cxn>
                  <a:cxn ang="T122">
                    <a:pos x="T56" y="T57"/>
                  </a:cxn>
                  <a:cxn ang="T123">
                    <a:pos x="T58" y="T59"/>
                  </a:cxn>
                  <a:cxn ang="T124">
                    <a:pos x="T60" y="T61"/>
                  </a:cxn>
                  <a:cxn ang="T125">
                    <a:pos x="T62" y="T63"/>
                  </a:cxn>
                  <a:cxn ang="T126">
                    <a:pos x="T64" y="T65"/>
                  </a:cxn>
                  <a:cxn ang="T127">
                    <a:pos x="T66" y="T67"/>
                  </a:cxn>
                  <a:cxn ang="T128">
                    <a:pos x="T68" y="T69"/>
                  </a:cxn>
                  <a:cxn ang="T129">
                    <a:pos x="T70" y="T71"/>
                  </a:cxn>
                  <a:cxn ang="T130">
                    <a:pos x="T72" y="T73"/>
                  </a:cxn>
                  <a:cxn ang="T131">
                    <a:pos x="T74" y="T75"/>
                  </a:cxn>
                  <a:cxn ang="T132">
                    <a:pos x="T76" y="T77"/>
                  </a:cxn>
                  <a:cxn ang="T133">
                    <a:pos x="T78" y="T79"/>
                  </a:cxn>
                  <a:cxn ang="T134">
                    <a:pos x="T80" y="T81"/>
                  </a:cxn>
                  <a:cxn ang="T135">
                    <a:pos x="T82" y="T83"/>
                  </a:cxn>
                  <a:cxn ang="T136">
                    <a:pos x="T84" y="T85"/>
                  </a:cxn>
                  <a:cxn ang="T137">
                    <a:pos x="T86" y="T87"/>
                  </a:cxn>
                  <a:cxn ang="T138">
                    <a:pos x="T88" y="T89"/>
                  </a:cxn>
                  <a:cxn ang="T139">
                    <a:pos x="T90" y="T91"/>
                  </a:cxn>
                  <a:cxn ang="T140">
                    <a:pos x="T92" y="T93"/>
                  </a:cxn>
                </a:cxnLst>
                <a:rect l="0" t="0" r="r" b="b"/>
                <a:pathLst>
                  <a:path w="645" h="506">
                    <a:moveTo>
                      <a:pt x="552" y="131"/>
                    </a:moveTo>
                    <a:lnTo>
                      <a:pt x="538" y="132"/>
                    </a:lnTo>
                    <a:lnTo>
                      <a:pt x="525" y="131"/>
                    </a:lnTo>
                    <a:lnTo>
                      <a:pt x="513" y="129"/>
                    </a:lnTo>
                    <a:lnTo>
                      <a:pt x="501" y="126"/>
                    </a:lnTo>
                    <a:lnTo>
                      <a:pt x="479" y="116"/>
                    </a:lnTo>
                    <a:lnTo>
                      <a:pt x="459" y="105"/>
                    </a:lnTo>
                    <a:lnTo>
                      <a:pt x="448" y="99"/>
                    </a:lnTo>
                    <a:lnTo>
                      <a:pt x="439" y="95"/>
                    </a:lnTo>
                    <a:lnTo>
                      <a:pt x="428" y="91"/>
                    </a:lnTo>
                    <a:lnTo>
                      <a:pt x="419" y="88"/>
                    </a:lnTo>
                    <a:lnTo>
                      <a:pt x="408" y="87"/>
                    </a:lnTo>
                    <a:lnTo>
                      <a:pt x="397" y="87"/>
                    </a:lnTo>
                    <a:lnTo>
                      <a:pt x="386" y="89"/>
                    </a:lnTo>
                    <a:lnTo>
                      <a:pt x="374" y="94"/>
                    </a:lnTo>
                    <a:lnTo>
                      <a:pt x="379" y="98"/>
                    </a:lnTo>
                    <a:lnTo>
                      <a:pt x="382" y="103"/>
                    </a:lnTo>
                    <a:lnTo>
                      <a:pt x="383" y="107"/>
                    </a:lnTo>
                    <a:lnTo>
                      <a:pt x="383" y="111"/>
                    </a:lnTo>
                    <a:lnTo>
                      <a:pt x="383" y="115"/>
                    </a:lnTo>
                    <a:lnTo>
                      <a:pt x="381" y="119"/>
                    </a:lnTo>
                    <a:lnTo>
                      <a:pt x="379" y="123"/>
                    </a:lnTo>
                    <a:lnTo>
                      <a:pt x="375" y="125"/>
                    </a:lnTo>
                    <a:lnTo>
                      <a:pt x="371" y="127"/>
                    </a:lnTo>
                    <a:lnTo>
                      <a:pt x="366" y="129"/>
                    </a:lnTo>
                    <a:lnTo>
                      <a:pt x="362" y="130"/>
                    </a:lnTo>
                    <a:lnTo>
                      <a:pt x="357" y="130"/>
                    </a:lnTo>
                    <a:lnTo>
                      <a:pt x="351" y="129"/>
                    </a:lnTo>
                    <a:lnTo>
                      <a:pt x="346" y="128"/>
                    </a:lnTo>
                    <a:lnTo>
                      <a:pt x="341" y="126"/>
                    </a:lnTo>
                    <a:lnTo>
                      <a:pt x="337" y="122"/>
                    </a:lnTo>
                    <a:lnTo>
                      <a:pt x="337" y="138"/>
                    </a:lnTo>
                    <a:lnTo>
                      <a:pt x="336" y="154"/>
                    </a:lnTo>
                    <a:lnTo>
                      <a:pt x="335" y="162"/>
                    </a:lnTo>
                    <a:lnTo>
                      <a:pt x="334" y="168"/>
                    </a:lnTo>
                    <a:lnTo>
                      <a:pt x="330" y="173"/>
                    </a:lnTo>
                    <a:lnTo>
                      <a:pt x="327" y="178"/>
                    </a:lnTo>
                    <a:lnTo>
                      <a:pt x="309" y="173"/>
                    </a:lnTo>
                    <a:lnTo>
                      <a:pt x="290" y="170"/>
                    </a:lnTo>
                    <a:lnTo>
                      <a:pt x="270" y="168"/>
                    </a:lnTo>
                    <a:lnTo>
                      <a:pt x="249" y="167"/>
                    </a:lnTo>
                    <a:lnTo>
                      <a:pt x="226" y="167"/>
                    </a:lnTo>
                    <a:lnTo>
                      <a:pt x="204" y="170"/>
                    </a:lnTo>
                    <a:lnTo>
                      <a:pt x="181" y="174"/>
                    </a:lnTo>
                    <a:lnTo>
                      <a:pt x="159" y="181"/>
                    </a:lnTo>
                    <a:lnTo>
                      <a:pt x="147" y="184"/>
                    </a:lnTo>
                    <a:lnTo>
                      <a:pt x="137" y="189"/>
                    </a:lnTo>
                    <a:lnTo>
                      <a:pt x="126" y="194"/>
                    </a:lnTo>
                    <a:lnTo>
                      <a:pt x="116" y="199"/>
                    </a:lnTo>
                    <a:lnTo>
                      <a:pt x="105" y="206"/>
                    </a:lnTo>
                    <a:lnTo>
                      <a:pt x="96" y="212"/>
                    </a:lnTo>
                    <a:lnTo>
                      <a:pt x="86" y="219"/>
                    </a:lnTo>
                    <a:lnTo>
                      <a:pt x="78" y="228"/>
                    </a:lnTo>
                    <a:lnTo>
                      <a:pt x="69" y="236"/>
                    </a:lnTo>
                    <a:lnTo>
                      <a:pt x="61" y="246"/>
                    </a:lnTo>
                    <a:lnTo>
                      <a:pt x="53" y="256"/>
                    </a:lnTo>
                    <a:lnTo>
                      <a:pt x="47" y="268"/>
                    </a:lnTo>
                    <a:lnTo>
                      <a:pt x="41" y="279"/>
                    </a:lnTo>
                    <a:lnTo>
                      <a:pt x="36" y="291"/>
                    </a:lnTo>
                    <a:lnTo>
                      <a:pt x="31" y="305"/>
                    </a:lnTo>
                    <a:lnTo>
                      <a:pt x="27" y="318"/>
                    </a:lnTo>
                    <a:lnTo>
                      <a:pt x="33" y="325"/>
                    </a:lnTo>
                    <a:lnTo>
                      <a:pt x="37" y="330"/>
                    </a:lnTo>
                    <a:lnTo>
                      <a:pt x="40" y="337"/>
                    </a:lnTo>
                    <a:lnTo>
                      <a:pt x="41" y="344"/>
                    </a:lnTo>
                    <a:lnTo>
                      <a:pt x="41" y="351"/>
                    </a:lnTo>
                    <a:lnTo>
                      <a:pt x="39" y="358"/>
                    </a:lnTo>
                    <a:lnTo>
                      <a:pt x="37" y="367"/>
                    </a:lnTo>
                    <a:lnTo>
                      <a:pt x="33" y="374"/>
                    </a:lnTo>
                    <a:lnTo>
                      <a:pt x="26" y="390"/>
                    </a:lnTo>
                    <a:lnTo>
                      <a:pt x="17" y="405"/>
                    </a:lnTo>
                    <a:lnTo>
                      <a:pt x="7" y="418"/>
                    </a:lnTo>
                    <a:lnTo>
                      <a:pt x="0" y="431"/>
                    </a:lnTo>
                    <a:lnTo>
                      <a:pt x="6" y="434"/>
                    </a:lnTo>
                    <a:lnTo>
                      <a:pt x="11" y="440"/>
                    </a:lnTo>
                    <a:lnTo>
                      <a:pt x="17" y="445"/>
                    </a:lnTo>
                    <a:lnTo>
                      <a:pt x="21" y="452"/>
                    </a:lnTo>
                    <a:lnTo>
                      <a:pt x="28" y="466"/>
                    </a:lnTo>
                    <a:lnTo>
                      <a:pt x="37" y="477"/>
                    </a:lnTo>
                    <a:lnTo>
                      <a:pt x="65" y="476"/>
                    </a:lnTo>
                    <a:lnTo>
                      <a:pt x="90" y="474"/>
                    </a:lnTo>
                    <a:lnTo>
                      <a:pt x="111" y="474"/>
                    </a:lnTo>
                    <a:lnTo>
                      <a:pt x="130" y="475"/>
                    </a:lnTo>
                    <a:lnTo>
                      <a:pt x="140" y="476"/>
                    </a:lnTo>
                    <a:lnTo>
                      <a:pt x="148" y="479"/>
                    </a:lnTo>
                    <a:lnTo>
                      <a:pt x="156" y="481"/>
                    </a:lnTo>
                    <a:lnTo>
                      <a:pt x="164" y="484"/>
                    </a:lnTo>
                    <a:lnTo>
                      <a:pt x="171" y="488"/>
                    </a:lnTo>
                    <a:lnTo>
                      <a:pt x="180" y="493"/>
                    </a:lnTo>
                    <a:lnTo>
                      <a:pt x="188" y="499"/>
                    </a:lnTo>
                    <a:lnTo>
                      <a:pt x="196" y="506"/>
                    </a:lnTo>
                    <a:lnTo>
                      <a:pt x="222" y="496"/>
                    </a:lnTo>
                    <a:lnTo>
                      <a:pt x="246" y="486"/>
                    </a:lnTo>
                    <a:lnTo>
                      <a:pt x="271" y="475"/>
                    </a:lnTo>
                    <a:lnTo>
                      <a:pt x="295" y="464"/>
                    </a:lnTo>
                    <a:lnTo>
                      <a:pt x="318" y="452"/>
                    </a:lnTo>
                    <a:lnTo>
                      <a:pt x="340" y="440"/>
                    </a:lnTo>
                    <a:lnTo>
                      <a:pt x="362" y="426"/>
                    </a:lnTo>
                    <a:lnTo>
                      <a:pt x="383" y="412"/>
                    </a:lnTo>
                    <a:lnTo>
                      <a:pt x="402" y="418"/>
                    </a:lnTo>
                    <a:lnTo>
                      <a:pt x="420" y="422"/>
                    </a:lnTo>
                    <a:lnTo>
                      <a:pt x="437" y="424"/>
                    </a:lnTo>
                    <a:lnTo>
                      <a:pt x="453" y="424"/>
                    </a:lnTo>
                    <a:lnTo>
                      <a:pt x="467" y="422"/>
                    </a:lnTo>
                    <a:lnTo>
                      <a:pt x="481" y="417"/>
                    </a:lnTo>
                    <a:lnTo>
                      <a:pt x="494" y="412"/>
                    </a:lnTo>
                    <a:lnTo>
                      <a:pt x="506" y="406"/>
                    </a:lnTo>
                    <a:lnTo>
                      <a:pt x="518" y="397"/>
                    </a:lnTo>
                    <a:lnTo>
                      <a:pt x="528" y="388"/>
                    </a:lnTo>
                    <a:lnTo>
                      <a:pt x="538" y="376"/>
                    </a:lnTo>
                    <a:lnTo>
                      <a:pt x="547" y="365"/>
                    </a:lnTo>
                    <a:lnTo>
                      <a:pt x="556" y="351"/>
                    </a:lnTo>
                    <a:lnTo>
                      <a:pt x="563" y="337"/>
                    </a:lnTo>
                    <a:lnTo>
                      <a:pt x="570" y="323"/>
                    </a:lnTo>
                    <a:lnTo>
                      <a:pt x="578" y="306"/>
                    </a:lnTo>
                    <a:lnTo>
                      <a:pt x="584" y="289"/>
                    </a:lnTo>
                    <a:lnTo>
                      <a:pt x="589" y="272"/>
                    </a:lnTo>
                    <a:lnTo>
                      <a:pt x="595" y="254"/>
                    </a:lnTo>
                    <a:lnTo>
                      <a:pt x="600" y="235"/>
                    </a:lnTo>
                    <a:lnTo>
                      <a:pt x="609" y="197"/>
                    </a:lnTo>
                    <a:lnTo>
                      <a:pt x="617" y="159"/>
                    </a:lnTo>
                    <a:lnTo>
                      <a:pt x="632" y="82"/>
                    </a:lnTo>
                    <a:lnTo>
                      <a:pt x="645" y="10"/>
                    </a:lnTo>
                    <a:lnTo>
                      <a:pt x="637" y="9"/>
                    </a:lnTo>
                    <a:lnTo>
                      <a:pt x="629" y="7"/>
                    </a:lnTo>
                    <a:lnTo>
                      <a:pt x="623" y="4"/>
                    </a:lnTo>
                    <a:lnTo>
                      <a:pt x="617" y="0"/>
                    </a:lnTo>
                    <a:lnTo>
                      <a:pt x="615" y="10"/>
                    </a:lnTo>
                    <a:lnTo>
                      <a:pt x="612" y="18"/>
                    </a:lnTo>
                    <a:lnTo>
                      <a:pt x="607" y="27"/>
                    </a:lnTo>
                    <a:lnTo>
                      <a:pt x="602" y="34"/>
                    </a:lnTo>
                    <a:lnTo>
                      <a:pt x="592" y="48"/>
                    </a:lnTo>
                    <a:lnTo>
                      <a:pt x="580" y="62"/>
                    </a:lnTo>
                    <a:lnTo>
                      <a:pt x="575" y="68"/>
                    </a:lnTo>
                    <a:lnTo>
                      <a:pt x="569" y="75"/>
                    </a:lnTo>
                    <a:lnTo>
                      <a:pt x="564" y="83"/>
                    </a:lnTo>
                    <a:lnTo>
                      <a:pt x="560" y="90"/>
                    </a:lnTo>
                    <a:lnTo>
                      <a:pt x="557" y="99"/>
                    </a:lnTo>
                    <a:lnTo>
                      <a:pt x="554" y="109"/>
                    </a:lnTo>
                    <a:lnTo>
                      <a:pt x="553" y="119"/>
                    </a:lnTo>
                    <a:lnTo>
                      <a:pt x="552" y="131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55" name="Langeland"/>
            <p:cNvSpPr>
              <a:spLocks/>
            </p:cNvSpPr>
            <p:nvPr/>
          </p:nvSpPr>
          <p:spPr bwMode="auto">
            <a:xfrm>
              <a:off x="2581275" y="5668963"/>
              <a:ext cx="247650" cy="623888"/>
            </a:xfrm>
            <a:custGeom>
              <a:avLst/>
              <a:gdLst>
                <a:gd name="T0" fmla="*/ 37 w 469"/>
                <a:gd name="T1" fmla="*/ 389 h 1180"/>
                <a:gd name="T2" fmla="*/ 44 w 469"/>
                <a:gd name="T3" fmla="*/ 383 h 1180"/>
                <a:gd name="T4" fmla="*/ 49 w 469"/>
                <a:gd name="T5" fmla="*/ 375 h 1180"/>
                <a:gd name="T6" fmla="*/ 57 w 469"/>
                <a:gd name="T7" fmla="*/ 356 h 1180"/>
                <a:gd name="T8" fmla="*/ 65 w 469"/>
                <a:gd name="T9" fmla="*/ 319 h 1180"/>
                <a:gd name="T10" fmla="*/ 70 w 469"/>
                <a:gd name="T11" fmla="*/ 297 h 1180"/>
                <a:gd name="T12" fmla="*/ 82 w 469"/>
                <a:gd name="T13" fmla="*/ 253 h 1180"/>
                <a:gd name="T14" fmla="*/ 97 w 469"/>
                <a:gd name="T15" fmla="*/ 206 h 1180"/>
                <a:gd name="T16" fmla="*/ 108 w 469"/>
                <a:gd name="T17" fmla="*/ 180 h 1180"/>
                <a:gd name="T18" fmla="*/ 122 w 469"/>
                <a:gd name="T19" fmla="*/ 157 h 1180"/>
                <a:gd name="T20" fmla="*/ 135 w 469"/>
                <a:gd name="T21" fmla="*/ 113 h 1180"/>
                <a:gd name="T22" fmla="*/ 147 w 469"/>
                <a:gd name="T23" fmla="*/ 59 h 1180"/>
                <a:gd name="T24" fmla="*/ 154 w 469"/>
                <a:gd name="T25" fmla="*/ 20 h 1180"/>
                <a:gd name="T26" fmla="*/ 152 w 469"/>
                <a:gd name="T27" fmla="*/ 4 h 1180"/>
                <a:gd name="T28" fmla="*/ 141 w 469"/>
                <a:gd name="T29" fmla="*/ 16 h 1180"/>
                <a:gd name="T30" fmla="*/ 133 w 469"/>
                <a:gd name="T31" fmla="*/ 31 h 1180"/>
                <a:gd name="T32" fmla="*/ 123 w 469"/>
                <a:gd name="T33" fmla="*/ 59 h 1180"/>
                <a:gd name="T34" fmla="*/ 113 w 469"/>
                <a:gd name="T35" fmla="*/ 94 h 1180"/>
                <a:gd name="T36" fmla="*/ 102 w 469"/>
                <a:gd name="T37" fmla="*/ 129 h 1180"/>
                <a:gd name="T38" fmla="*/ 95 w 469"/>
                <a:gd name="T39" fmla="*/ 144 h 1180"/>
                <a:gd name="T40" fmla="*/ 85 w 469"/>
                <a:gd name="T41" fmla="*/ 158 h 1180"/>
                <a:gd name="T42" fmla="*/ 75 w 469"/>
                <a:gd name="T43" fmla="*/ 165 h 1180"/>
                <a:gd name="T44" fmla="*/ 69 w 469"/>
                <a:gd name="T45" fmla="*/ 166 h 1180"/>
                <a:gd name="T46" fmla="*/ 64 w 469"/>
                <a:gd name="T47" fmla="*/ 168 h 1180"/>
                <a:gd name="T48" fmla="*/ 58 w 469"/>
                <a:gd name="T49" fmla="*/ 176 h 1180"/>
                <a:gd name="T50" fmla="*/ 46 w 469"/>
                <a:gd name="T51" fmla="*/ 193 h 1180"/>
                <a:gd name="T52" fmla="*/ 33 w 469"/>
                <a:gd name="T53" fmla="*/ 210 h 1180"/>
                <a:gd name="T54" fmla="*/ 28 w 469"/>
                <a:gd name="T55" fmla="*/ 221 h 1180"/>
                <a:gd name="T56" fmla="*/ 27 w 469"/>
                <a:gd name="T57" fmla="*/ 228 h 1180"/>
                <a:gd name="T58" fmla="*/ 28 w 469"/>
                <a:gd name="T59" fmla="*/ 232 h 1180"/>
                <a:gd name="T60" fmla="*/ 30 w 469"/>
                <a:gd name="T61" fmla="*/ 233 h 1180"/>
                <a:gd name="T62" fmla="*/ 33 w 469"/>
                <a:gd name="T63" fmla="*/ 228 h 1180"/>
                <a:gd name="T64" fmla="*/ 37 w 469"/>
                <a:gd name="T65" fmla="*/ 226 h 1180"/>
                <a:gd name="T66" fmla="*/ 44 w 469"/>
                <a:gd name="T67" fmla="*/ 236 h 1180"/>
                <a:gd name="T68" fmla="*/ 50 w 469"/>
                <a:gd name="T69" fmla="*/ 259 h 1180"/>
                <a:gd name="T70" fmla="*/ 33 w 469"/>
                <a:gd name="T71" fmla="*/ 264 h 1180"/>
                <a:gd name="T72" fmla="*/ 26 w 469"/>
                <a:gd name="T73" fmla="*/ 264 h 1180"/>
                <a:gd name="T74" fmla="*/ 22 w 469"/>
                <a:gd name="T75" fmla="*/ 266 h 1180"/>
                <a:gd name="T76" fmla="*/ 21 w 469"/>
                <a:gd name="T77" fmla="*/ 277 h 1180"/>
                <a:gd name="T78" fmla="*/ 18 w 469"/>
                <a:gd name="T79" fmla="*/ 287 h 1180"/>
                <a:gd name="T80" fmla="*/ 13 w 469"/>
                <a:gd name="T81" fmla="*/ 296 h 1180"/>
                <a:gd name="T82" fmla="*/ 7 w 469"/>
                <a:gd name="T83" fmla="*/ 303 h 1180"/>
                <a:gd name="T84" fmla="*/ 0 w 469"/>
                <a:gd name="T85" fmla="*/ 306 h 1180"/>
                <a:gd name="T86" fmla="*/ 7 w 469"/>
                <a:gd name="T87" fmla="*/ 311 h 1180"/>
                <a:gd name="T88" fmla="*/ 12 w 469"/>
                <a:gd name="T89" fmla="*/ 318 h 1180"/>
                <a:gd name="T90" fmla="*/ 16 w 469"/>
                <a:gd name="T91" fmla="*/ 328 h 1180"/>
                <a:gd name="T92" fmla="*/ 21 w 469"/>
                <a:gd name="T93" fmla="*/ 346 h 1180"/>
                <a:gd name="T94" fmla="*/ 27 w 469"/>
                <a:gd name="T95" fmla="*/ 378 h 1180"/>
                <a:gd name="T96" fmla="*/ 31 w 469"/>
                <a:gd name="T97" fmla="*/ 393 h 1180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469" h="1180">
                  <a:moveTo>
                    <a:pt x="94" y="1180"/>
                  </a:moveTo>
                  <a:lnTo>
                    <a:pt x="102" y="1175"/>
                  </a:lnTo>
                  <a:lnTo>
                    <a:pt x="111" y="1169"/>
                  </a:lnTo>
                  <a:lnTo>
                    <a:pt x="118" y="1164"/>
                  </a:lnTo>
                  <a:lnTo>
                    <a:pt x="124" y="1156"/>
                  </a:lnTo>
                  <a:lnTo>
                    <a:pt x="131" y="1150"/>
                  </a:lnTo>
                  <a:lnTo>
                    <a:pt x="137" y="1141"/>
                  </a:lnTo>
                  <a:lnTo>
                    <a:pt x="142" y="1134"/>
                  </a:lnTo>
                  <a:lnTo>
                    <a:pt x="147" y="1126"/>
                  </a:lnTo>
                  <a:lnTo>
                    <a:pt x="157" y="1108"/>
                  </a:lnTo>
                  <a:lnTo>
                    <a:pt x="164" y="1089"/>
                  </a:lnTo>
                  <a:lnTo>
                    <a:pt x="171" y="1069"/>
                  </a:lnTo>
                  <a:lnTo>
                    <a:pt x="177" y="1048"/>
                  </a:lnTo>
                  <a:lnTo>
                    <a:pt x="186" y="1005"/>
                  </a:lnTo>
                  <a:lnTo>
                    <a:pt x="195" y="959"/>
                  </a:lnTo>
                  <a:lnTo>
                    <a:pt x="199" y="936"/>
                  </a:lnTo>
                  <a:lnTo>
                    <a:pt x="204" y="914"/>
                  </a:lnTo>
                  <a:lnTo>
                    <a:pt x="210" y="892"/>
                  </a:lnTo>
                  <a:lnTo>
                    <a:pt x="215" y="871"/>
                  </a:lnTo>
                  <a:lnTo>
                    <a:pt x="232" y="818"/>
                  </a:lnTo>
                  <a:lnTo>
                    <a:pt x="247" y="761"/>
                  </a:lnTo>
                  <a:lnTo>
                    <a:pt x="263" y="704"/>
                  </a:lnTo>
                  <a:lnTo>
                    <a:pt x="281" y="648"/>
                  </a:lnTo>
                  <a:lnTo>
                    <a:pt x="291" y="619"/>
                  </a:lnTo>
                  <a:lnTo>
                    <a:pt x="301" y="592"/>
                  </a:lnTo>
                  <a:lnTo>
                    <a:pt x="313" y="565"/>
                  </a:lnTo>
                  <a:lnTo>
                    <a:pt x="324" y="540"/>
                  </a:lnTo>
                  <a:lnTo>
                    <a:pt x="338" y="515"/>
                  </a:lnTo>
                  <a:lnTo>
                    <a:pt x="352" y="492"/>
                  </a:lnTo>
                  <a:lnTo>
                    <a:pt x="367" y="470"/>
                  </a:lnTo>
                  <a:lnTo>
                    <a:pt x="384" y="450"/>
                  </a:lnTo>
                  <a:lnTo>
                    <a:pt x="394" y="394"/>
                  </a:lnTo>
                  <a:lnTo>
                    <a:pt x="406" y="338"/>
                  </a:lnTo>
                  <a:lnTo>
                    <a:pt x="419" y="284"/>
                  </a:lnTo>
                  <a:lnTo>
                    <a:pt x="432" y="231"/>
                  </a:lnTo>
                  <a:lnTo>
                    <a:pt x="443" y="176"/>
                  </a:lnTo>
                  <a:lnTo>
                    <a:pt x="454" y="119"/>
                  </a:lnTo>
                  <a:lnTo>
                    <a:pt x="458" y="91"/>
                  </a:lnTo>
                  <a:lnTo>
                    <a:pt x="462" y="61"/>
                  </a:lnTo>
                  <a:lnTo>
                    <a:pt x="465" y="31"/>
                  </a:lnTo>
                  <a:lnTo>
                    <a:pt x="469" y="0"/>
                  </a:lnTo>
                  <a:lnTo>
                    <a:pt x="456" y="11"/>
                  </a:lnTo>
                  <a:lnTo>
                    <a:pt x="444" y="22"/>
                  </a:lnTo>
                  <a:lnTo>
                    <a:pt x="435" y="35"/>
                  </a:lnTo>
                  <a:lnTo>
                    <a:pt x="424" y="48"/>
                  </a:lnTo>
                  <a:lnTo>
                    <a:pt x="416" y="62"/>
                  </a:lnTo>
                  <a:lnTo>
                    <a:pt x="407" y="77"/>
                  </a:lnTo>
                  <a:lnTo>
                    <a:pt x="400" y="92"/>
                  </a:lnTo>
                  <a:lnTo>
                    <a:pt x="394" y="107"/>
                  </a:lnTo>
                  <a:lnTo>
                    <a:pt x="381" y="141"/>
                  </a:lnTo>
                  <a:lnTo>
                    <a:pt x="370" y="176"/>
                  </a:lnTo>
                  <a:lnTo>
                    <a:pt x="359" y="211"/>
                  </a:lnTo>
                  <a:lnTo>
                    <a:pt x="350" y="247"/>
                  </a:lnTo>
                  <a:lnTo>
                    <a:pt x="340" y="283"/>
                  </a:lnTo>
                  <a:lnTo>
                    <a:pt x="331" y="319"/>
                  </a:lnTo>
                  <a:lnTo>
                    <a:pt x="319" y="354"/>
                  </a:lnTo>
                  <a:lnTo>
                    <a:pt x="307" y="386"/>
                  </a:lnTo>
                  <a:lnTo>
                    <a:pt x="300" y="403"/>
                  </a:lnTo>
                  <a:lnTo>
                    <a:pt x="293" y="418"/>
                  </a:lnTo>
                  <a:lnTo>
                    <a:pt x="285" y="433"/>
                  </a:lnTo>
                  <a:lnTo>
                    <a:pt x="276" y="448"/>
                  </a:lnTo>
                  <a:lnTo>
                    <a:pt x="266" y="461"/>
                  </a:lnTo>
                  <a:lnTo>
                    <a:pt x="257" y="474"/>
                  </a:lnTo>
                  <a:lnTo>
                    <a:pt x="245" y="485"/>
                  </a:lnTo>
                  <a:lnTo>
                    <a:pt x="234" y="496"/>
                  </a:lnTo>
                  <a:lnTo>
                    <a:pt x="226" y="496"/>
                  </a:lnTo>
                  <a:lnTo>
                    <a:pt x="219" y="496"/>
                  </a:lnTo>
                  <a:lnTo>
                    <a:pt x="213" y="496"/>
                  </a:lnTo>
                  <a:lnTo>
                    <a:pt x="206" y="497"/>
                  </a:lnTo>
                  <a:lnTo>
                    <a:pt x="201" y="498"/>
                  </a:lnTo>
                  <a:lnTo>
                    <a:pt x="196" y="500"/>
                  </a:lnTo>
                  <a:lnTo>
                    <a:pt x="192" y="503"/>
                  </a:lnTo>
                  <a:lnTo>
                    <a:pt x="187" y="505"/>
                  </a:lnTo>
                  <a:lnTo>
                    <a:pt x="181" y="517"/>
                  </a:lnTo>
                  <a:lnTo>
                    <a:pt x="175" y="529"/>
                  </a:lnTo>
                  <a:lnTo>
                    <a:pt x="166" y="541"/>
                  </a:lnTo>
                  <a:lnTo>
                    <a:pt x="157" y="554"/>
                  </a:lnTo>
                  <a:lnTo>
                    <a:pt x="137" y="579"/>
                  </a:lnTo>
                  <a:lnTo>
                    <a:pt x="118" y="604"/>
                  </a:lnTo>
                  <a:lnTo>
                    <a:pt x="108" y="617"/>
                  </a:lnTo>
                  <a:lnTo>
                    <a:pt x="100" y="630"/>
                  </a:lnTo>
                  <a:lnTo>
                    <a:pt x="93" y="641"/>
                  </a:lnTo>
                  <a:lnTo>
                    <a:pt x="87" y="653"/>
                  </a:lnTo>
                  <a:lnTo>
                    <a:pt x="83" y="663"/>
                  </a:lnTo>
                  <a:lnTo>
                    <a:pt x="81" y="674"/>
                  </a:lnTo>
                  <a:lnTo>
                    <a:pt x="81" y="679"/>
                  </a:lnTo>
                  <a:lnTo>
                    <a:pt x="81" y="684"/>
                  </a:lnTo>
                  <a:lnTo>
                    <a:pt x="82" y="689"/>
                  </a:lnTo>
                  <a:lnTo>
                    <a:pt x="84" y="693"/>
                  </a:lnTo>
                  <a:lnTo>
                    <a:pt x="85" y="697"/>
                  </a:lnTo>
                  <a:lnTo>
                    <a:pt x="87" y="700"/>
                  </a:lnTo>
                  <a:lnTo>
                    <a:pt x="88" y="701"/>
                  </a:lnTo>
                  <a:lnTo>
                    <a:pt x="89" y="700"/>
                  </a:lnTo>
                  <a:lnTo>
                    <a:pt x="92" y="697"/>
                  </a:lnTo>
                  <a:lnTo>
                    <a:pt x="95" y="692"/>
                  </a:lnTo>
                  <a:lnTo>
                    <a:pt x="99" y="685"/>
                  </a:lnTo>
                  <a:lnTo>
                    <a:pt x="104" y="681"/>
                  </a:lnTo>
                  <a:lnTo>
                    <a:pt x="107" y="680"/>
                  </a:lnTo>
                  <a:lnTo>
                    <a:pt x="112" y="680"/>
                  </a:lnTo>
                  <a:lnTo>
                    <a:pt x="116" y="681"/>
                  </a:lnTo>
                  <a:lnTo>
                    <a:pt x="122" y="683"/>
                  </a:lnTo>
                  <a:lnTo>
                    <a:pt x="132" y="710"/>
                  </a:lnTo>
                  <a:lnTo>
                    <a:pt x="138" y="729"/>
                  </a:lnTo>
                  <a:lnTo>
                    <a:pt x="143" y="749"/>
                  </a:lnTo>
                  <a:lnTo>
                    <a:pt x="150" y="777"/>
                  </a:lnTo>
                  <a:lnTo>
                    <a:pt x="127" y="784"/>
                  </a:lnTo>
                  <a:lnTo>
                    <a:pt x="108" y="792"/>
                  </a:lnTo>
                  <a:lnTo>
                    <a:pt x="99" y="794"/>
                  </a:lnTo>
                  <a:lnTo>
                    <a:pt x="88" y="794"/>
                  </a:lnTo>
                  <a:lnTo>
                    <a:pt x="83" y="794"/>
                  </a:lnTo>
                  <a:lnTo>
                    <a:pt x="78" y="792"/>
                  </a:lnTo>
                  <a:lnTo>
                    <a:pt x="72" y="790"/>
                  </a:lnTo>
                  <a:lnTo>
                    <a:pt x="65" y="787"/>
                  </a:lnTo>
                  <a:lnTo>
                    <a:pt x="65" y="798"/>
                  </a:lnTo>
                  <a:lnTo>
                    <a:pt x="64" y="810"/>
                  </a:lnTo>
                  <a:lnTo>
                    <a:pt x="63" y="821"/>
                  </a:lnTo>
                  <a:lnTo>
                    <a:pt x="62" y="833"/>
                  </a:lnTo>
                  <a:lnTo>
                    <a:pt x="59" y="843"/>
                  </a:lnTo>
                  <a:lnTo>
                    <a:pt x="57" y="854"/>
                  </a:lnTo>
                  <a:lnTo>
                    <a:pt x="53" y="863"/>
                  </a:lnTo>
                  <a:lnTo>
                    <a:pt x="49" y="873"/>
                  </a:lnTo>
                  <a:lnTo>
                    <a:pt x="44" y="881"/>
                  </a:lnTo>
                  <a:lnTo>
                    <a:pt x="40" y="890"/>
                  </a:lnTo>
                  <a:lnTo>
                    <a:pt x="35" y="897"/>
                  </a:lnTo>
                  <a:lnTo>
                    <a:pt x="28" y="903"/>
                  </a:lnTo>
                  <a:lnTo>
                    <a:pt x="22" y="909"/>
                  </a:lnTo>
                  <a:lnTo>
                    <a:pt x="15" y="913"/>
                  </a:lnTo>
                  <a:lnTo>
                    <a:pt x="7" y="916"/>
                  </a:lnTo>
                  <a:lnTo>
                    <a:pt x="0" y="918"/>
                  </a:lnTo>
                  <a:lnTo>
                    <a:pt x="7" y="922"/>
                  </a:lnTo>
                  <a:lnTo>
                    <a:pt x="14" y="928"/>
                  </a:lnTo>
                  <a:lnTo>
                    <a:pt x="20" y="934"/>
                  </a:lnTo>
                  <a:lnTo>
                    <a:pt x="25" y="940"/>
                  </a:lnTo>
                  <a:lnTo>
                    <a:pt x="31" y="947"/>
                  </a:lnTo>
                  <a:lnTo>
                    <a:pt x="35" y="954"/>
                  </a:lnTo>
                  <a:lnTo>
                    <a:pt x="39" y="961"/>
                  </a:lnTo>
                  <a:lnTo>
                    <a:pt x="43" y="969"/>
                  </a:lnTo>
                  <a:lnTo>
                    <a:pt x="49" y="986"/>
                  </a:lnTo>
                  <a:lnTo>
                    <a:pt x="56" y="1003"/>
                  </a:lnTo>
                  <a:lnTo>
                    <a:pt x="60" y="1021"/>
                  </a:lnTo>
                  <a:lnTo>
                    <a:pt x="64" y="1040"/>
                  </a:lnTo>
                  <a:lnTo>
                    <a:pt x="71" y="1078"/>
                  </a:lnTo>
                  <a:lnTo>
                    <a:pt x="76" y="1116"/>
                  </a:lnTo>
                  <a:lnTo>
                    <a:pt x="80" y="1134"/>
                  </a:lnTo>
                  <a:lnTo>
                    <a:pt x="83" y="1150"/>
                  </a:lnTo>
                  <a:lnTo>
                    <a:pt x="88" y="1166"/>
                  </a:lnTo>
                  <a:lnTo>
                    <a:pt x="94" y="1180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6" name="Langeland kant"/>
            <p:cNvSpPr>
              <a:spLocks/>
            </p:cNvSpPr>
            <p:nvPr/>
          </p:nvSpPr>
          <p:spPr bwMode="auto">
            <a:xfrm>
              <a:off x="2581275" y="5668963"/>
              <a:ext cx="247650" cy="623888"/>
            </a:xfrm>
            <a:custGeom>
              <a:avLst/>
              <a:gdLst>
                <a:gd name="T0" fmla="*/ 37 w 469"/>
                <a:gd name="T1" fmla="*/ 389 h 1180"/>
                <a:gd name="T2" fmla="*/ 44 w 469"/>
                <a:gd name="T3" fmla="*/ 383 h 1180"/>
                <a:gd name="T4" fmla="*/ 49 w 469"/>
                <a:gd name="T5" fmla="*/ 375 h 1180"/>
                <a:gd name="T6" fmla="*/ 57 w 469"/>
                <a:gd name="T7" fmla="*/ 356 h 1180"/>
                <a:gd name="T8" fmla="*/ 65 w 469"/>
                <a:gd name="T9" fmla="*/ 319 h 1180"/>
                <a:gd name="T10" fmla="*/ 70 w 469"/>
                <a:gd name="T11" fmla="*/ 297 h 1180"/>
                <a:gd name="T12" fmla="*/ 82 w 469"/>
                <a:gd name="T13" fmla="*/ 253 h 1180"/>
                <a:gd name="T14" fmla="*/ 97 w 469"/>
                <a:gd name="T15" fmla="*/ 206 h 1180"/>
                <a:gd name="T16" fmla="*/ 108 w 469"/>
                <a:gd name="T17" fmla="*/ 180 h 1180"/>
                <a:gd name="T18" fmla="*/ 122 w 469"/>
                <a:gd name="T19" fmla="*/ 157 h 1180"/>
                <a:gd name="T20" fmla="*/ 135 w 469"/>
                <a:gd name="T21" fmla="*/ 113 h 1180"/>
                <a:gd name="T22" fmla="*/ 147 w 469"/>
                <a:gd name="T23" fmla="*/ 59 h 1180"/>
                <a:gd name="T24" fmla="*/ 154 w 469"/>
                <a:gd name="T25" fmla="*/ 20 h 1180"/>
                <a:gd name="T26" fmla="*/ 152 w 469"/>
                <a:gd name="T27" fmla="*/ 4 h 1180"/>
                <a:gd name="T28" fmla="*/ 141 w 469"/>
                <a:gd name="T29" fmla="*/ 16 h 1180"/>
                <a:gd name="T30" fmla="*/ 133 w 469"/>
                <a:gd name="T31" fmla="*/ 31 h 1180"/>
                <a:gd name="T32" fmla="*/ 123 w 469"/>
                <a:gd name="T33" fmla="*/ 59 h 1180"/>
                <a:gd name="T34" fmla="*/ 113 w 469"/>
                <a:gd name="T35" fmla="*/ 94 h 1180"/>
                <a:gd name="T36" fmla="*/ 102 w 469"/>
                <a:gd name="T37" fmla="*/ 129 h 1180"/>
                <a:gd name="T38" fmla="*/ 95 w 469"/>
                <a:gd name="T39" fmla="*/ 144 h 1180"/>
                <a:gd name="T40" fmla="*/ 85 w 469"/>
                <a:gd name="T41" fmla="*/ 158 h 1180"/>
                <a:gd name="T42" fmla="*/ 75 w 469"/>
                <a:gd name="T43" fmla="*/ 165 h 1180"/>
                <a:gd name="T44" fmla="*/ 69 w 469"/>
                <a:gd name="T45" fmla="*/ 166 h 1180"/>
                <a:gd name="T46" fmla="*/ 64 w 469"/>
                <a:gd name="T47" fmla="*/ 168 h 1180"/>
                <a:gd name="T48" fmla="*/ 58 w 469"/>
                <a:gd name="T49" fmla="*/ 176 h 1180"/>
                <a:gd name="T50" fmla="*/ 46 w 469"/>
                <a:gd name="T51" fmla="*/ 193 h 1180"/>
                <a:gd name="T52" fmla="*/ 33 w 469"/>
                <a:gd name="T53" fmla="*/ 210 h 1180"/>
                <a:gd name="T54" fmla="*/ 28 w 469"/>
                <a:gd name="T55" fmla="*/ 221 h 1180"/>
                <a:gd name="T56" fmla="*/ 27 w 469"/>
                <a:gd name="T57" fmla="*/ 228 h 1180"/>
                <a:gd name="T58" fmla="*/ 28 w 469"/>
                <a:gd name="T59" fmla="*/ 232 h 1180"/>
                <a:gd name="T60" fmla="*/ 30 w 469"/>
                <a:gd name="T61" fmla="*/ 233 h 1180"/>
                <a:gd name="T62" fmla="*/ 33 w 469"/>
                <a:gd name="T63" fmla="*/ 228 h 1180"/>
                <a:gd name="T64" fmla="*/ 37 w 469"/>
                <a:gd name="T65" fmla="*/ 226 h 1180"/>
                <a:gd name="T66" fmla="*/ 44 w 469"/>
                <a:gd name="T67" fmla="*/ 236 h 1180"/>
                <a:gd name="T68" fmla="*/ 50 w 469"/>
                <a:gd name="T69" fmla="*/ 259 h 1180"/>
                <a:gd name="T70" fmla="*/ 33 w 469"/>
                <a:gd name="T71" fmla="*/ 264 h 1180"/>
                <a:gd name="T72" fmla="*/ 26 w 469"/>
                <a:gd name="T73" fmla="*/ 264 h 1180"/>
                <a:gd name="T74" fmla="*/ 22 w 469"/>
                <a:gd name="T75" fmla="*/ 266 h 1180"/>
                <a:gd name="T76" fmla="*/ 21 w 469"/>
                <a:gd name="T77" fmla="*/ 277 h 1180"/>
                <a:gd name="T78" fmla="*/ 18 w 469"/>
                <a:gd name="T79" fmla="*/ 287 h 1180"/>
                <a:gd name="T80" fmla="*/ 13 w 469"/>
                <a:gd name="T81" fmla="*/ 296 h 1180"/>
                <a:gd name="T82" fmla="*/ 7 w 469"/>
                <a:gd name="T83" fmla="*/ 303 h 1180"/>
                <a:gd name="T84" fmla="*/ 0 w 469"/>
                <a:gd name="T85" fmla="*/ 306 h 1180"/>
                <a:gd name="T86" fmla="*/ 7 w 469"/>
                <a:gd name="T87" fmla="*/ 311 h 1180"/>
                <a:gd name="T88" fmla="*/ 12 w 469"/>
                <a:gd name="T89" fmla="*/ 318 h 1180"/>
                <a:gd name="T90" fmla="*/ 16 w 469"/>
                <a:gd name="T91" fmla="*/ 328 h 1180"/>
                <a:gd name="T92" fmla="*/ 21 w 469"/>
                <a:gd name="T93" fmla="*/ 346 h 1180"/>
                <a:gd name="T94" fmla="*/ 27 w 469"/>
                <a:gd name="T95" fmla="*/ 378 h 1180"/>
                <a:gd name="T96" fmla="*/ 31 w 469"/>
                <a:gd name="T97" fmla="*/ 393 h 1180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469" h="1180">
                  <a:moveTo>
                    <a:pt x="94" y="1180"/>
                  </a:moveTo>
                  <a:lnTo>
                    <a:pt x="102" y="1175"/>
                  </a:lnTo>
                  <a:lnTo>
                    <a:pt x="111" y="1169"/>
                  </a:lnTo>
                  <a:lnTo>
                    <a:pt x="118" y="1164"/>
                  </a:lnTo>
                  <a:lnTo>
                    <a:pt x="124" y="1156"/>
                  </a:lnTo>
                  <a:lnTo>
                    <a:pt x="131" y="1150"/>
                  </a:lnTo>
                  <a:lnTo>
                    <a:pt x="137" y="1141"/>
                  </a:lnTo>
                  <a:lnTo>
                    <a:pt x="142" y="1134"/>
                  </a:lnTo>
                  <a:lnTo>
                    <a:pt x="147" y="1126"/>
                  </a:lnTo>
                  <a:lnTo>
                    <a:pt x="157" y="1108"/>
                  </a:lnTo>
                  <a:lnTo>
                    <a:pt x="164" y="1089"/>
                  </a:lnTo>
                  <a:lnTo>
                    <a:pt x="171" y="1069"/>
                  </a:lnTo>
                  <a:lnTo>
                    <a:pt x="177" y="1048"/>
                  </a:lnTo>
                  <a:lnTo>
                    <a:pt x="186" y="1005"/>
                  </a:lnTo>
                  <a:lnTo>
                    <a:pt x="195" y="959"/>
                  </a:lnTo>
                  <a:lnTo>
                    <a:pt x="199" y="936"/>
                  </a:lnTo>
                  <a:lnTo>
                    <a:pt x="204" y="914"/>
                  </a:lnTo>
                  <a:lnTo>
                    <a:pt x="210" y="892"/>
                  </a:lnTo>
                  <a:lnTo>
                    <a:pt x="215" y="871"/>
                  </a:lnTo>
                  <a:lnTo>
                    <a:pt x="232" y="818"/>
                  </a:lnTo>
                  <a:lnTo>
                    <a:pt x="247" y="761"/>
                  </a:lnTo>
                  <a:lnTo>
                    <a:pt x="263" y="704"/>
                  </a:lnTo>
                  <a:lnTo>
                    <a:pt x="281" y="648"/>
                  </a:lnTo>
                  <a:lnTo>
                    <a:pt x="291" y="619"/>
                  </a:lnTo>
                  <a:lnTo>
                    <a:pt x="301" y="592"/>
                  </a:lnTo>
                  <a:lnTo>
                    <a:pt x="313" y="565"/>
                  </a:lnTo>
                  <a:lnTo>
                    <a:pt x="324" y="540"/>
                  </a:lnTo>
                  <a:lnTo>
                    <a:pt x="338" y="515"/>
                  </a:lnTo>
                  <a:lnTo>
                    <a:pt x="352" y="492"/>
                  </a:lnTo>
                  <a:lnTo>
                    <a:pt x="367" y="470"/>
                  </a:lnTo>
                  <a:lnTo>
                    <a:pt x="384" y="450"/>
                  </a:lnTo>
                  <a:lnTo>
                    <a:pt x="394" y="394"/>
                  </a:lnTo>
                  <a:lnTo>
                    <a:pt x="406" y="338"/>
                  </a:lnTo>
                  <a:lnTo>
                    <a:pt x="419" y="284"/>
                  </a:lnTo>
                  <a:lnTo>
                    <a:pt x="432" y="231"/>
                  </a:lnTo>
                  <a:lnTo>
                    <a:pt x="443" y="176"/>
                  </a:lnTo>
                  <a:lnTo>
                    <a:pt x="454" y="119"/>
                  </a:lnTo>
                  <a:lnTo>
                    <a:pt x="458" y="91"/>
                  </a:lnTo>
                  <a:lnTo>
                    <a:pt x="462" y="61"/>
                  </a:lnTo>
                  <a:lnTo>
                    <a:pt x="465" y="31"/>
                  </a:lnTo>
                  <a:lnTo>
                    <a:pt x="469" y="0"/>
                  </a:lnTo>
                  <a:lnTo>
                    <a:pt x="456" y="11"/>
                  </a:lnTo>
                  <a:lnTo>
                    <a:pt x="444" y="22"/>
                  </a:lnTo>
                  <a:lnTo>
                    <a:pt x="435" y="35"/>
                  </a:lnTo>
                  <a:lnTo>
                    <a:pt x="424" y="48"/>
                  </a:lnTo>
                  <a:lnTo>
                    <a:pt x="416" y="62"/>
                  </a:lnTo>
                  <a:lnTo>
                    <a:pt x="407" y="77"/>
                  </a:lnTo>
                  <a:lnTo>
                    <a:pt x="400" y="92"/>
                  </a:lnTo>
                  <a:lnTo>
                    <a:pt x="394" y="107"/>
                  </a:lnTo>
                  <a:lnTo>
                    <a:pt x="381" y="141"/>
                  </a:lnTo>
                  <a:lnTo>
                    <a:pt x="370" y="176"/>
                  </a:lnTo>
                  <a:lnTo>
                    <a:pt x="359" y="211"/>
                  </a:lnTo>
                  <a:lnTo>
                    <a:pt x="350" y="247"/>
                  </a:lnTo>
                  <a:lnTo>
                    <a:pt x="340" y="283"/>
                  </a:lnTo>
                  <a:lnTo>
                    <a:pt x="331" y="319"/>
                  </a:lnTo>
                  <a:lnTo>
                    <a:pt x="319" y="354"/>
                  </a:lnTo>
                  <a:lnTo>
                    <a:pt x="307" y="386"/>
                  </a:lnTo>
                  <a:lnTo>
                    <a:pt x="300" y="403"/>
                  </a:lnTo>
                  <a:lnTo>
                    <a:pt x="293" y="418"/>
                  </a:lnTo>
                  <a:lnTo>
                    <a:pt x="285" y="433"/>
                  </a:lnTo>
                  <a:lnTo>
                    <a:pt x="276" y="448"/>
                  </a:lnTo>
                  <a:lnTo>
                    <a:pt x="266" y="461"/>
                  </a:lnTo>
                  <a:lnTo>
                    <a:pt x="257" y="474"/>
                  </a:lnTo>
                  <a:lnTo>
                    <a:pt x="245" y="485"/>
                  </a:lnTo>
                  <a:lnTo>
                    <a:pt x="234" y="496"/>
                  </a:lnTo>
                  <a:lnTo>
                    <a:pt x="226" y="496"/>
                  </a:lnTo>
                  <a:lnTo>
                    <a:pt x="219" y="496"/>
                  </a:lnTo>
                  <a:lnTo>
                    <a:pt x="213" y="496"/>
                  </a:lnTo>
                  <a:lnTo>
                    <a:pt x="206" y="497"/>
                  </a:lnTo>
                  <a:lnTo>
                    <a:pt x="201" y="498"/>
                  </a:lnTo>
                  <a:lnTo>
                    <a:pt x="196" y="500"/>
                  </a:lnTo>
                  <a:lnTo>
                    <a:pt x="192" y="503"/>
                  </a:lnTo>
                  <a:lnTo>
                    <a:pt x="187" y="505"/>
                  </a:lnTo>
                  <a:lnTo>
                    <a:pt x="181" y="517"/>
                  </a:lnTo>
                  <a:lnTo>
                    <a:pt x="175" y="529"/>
                  </a:lnTo>
                  <a:lnTo>
                    <a:pt x="166" y="541"/>
                  </a:lnTo>
                  <a:lnTo>
                    <a:pt x="157" y="554"/>
                  </a:lnTo>
                  <a:lnTo>
                    <a:pt x="137" y="579"/>
                  </a:lnTo>
                  <a:lnTo>
                    <a:pt x="118" y="604"/>
                  </a:lnTo>
                  <a:lnTo>
                    <a:pt x="108" y="617"/>
                  </a:lnTo>
                  <a:lnTo>
                    <a:pt x="100" y="630"/>
                  </a:lnTo>
                  <a:lnTo>
                    <a:pt x="93" y="641"/>
                  </a:lnTo>
                  <a:lnTo>
                    <a:pt x="87" y="653"/>
                  </a:lnTo>
                  <a:lnTo>
                    <a:pt x="83" y="663"/>
                  </a:lnTo>
                  <a:lnTo>
                    <a:pt x="81" y="674"/>
                  </a:lnTo>
                  <a:lnTo>
                    <a:pt x="81" y="679"/>
                  </a:lnTo>
                  <a:lnTo>
                    <a:pt x="81" y="684"/>
                  </a:lnTo>
                  <a:lnTo>
                    <a:pt x="82" y="689"/>
                  </a:lnTo>
                  <a:lnTo>
                    <a:pt x="84" y="693"/>
                  </a:lnTo>
                  <a:lnTo>
                    <a:pt x="85" y="697"/>
                  </a:lnTo>
                  <a:lnTo>
                    <a:pt x="87" y="700"/>
                  </a:lnTo>
                  <a:lnTo>
                    <a:pt x="88" y="701"/>
                  </a:lnTo>
                  <a:lnTo>
                    <a:pt x="89" y="700"/>
                  </a:lnTo>
                  <a:lnTo>
                    <a:pt x="92" y="697"/>
                  </a:lnTo>
                  <a:lnTo>
                    <a:pt x="95" y="692"/>
                  </a:lnTo>
                  <a:lnTo>
                    <a:pt x="99" y="685"/>
                  </a:lnTo>
                  <a:lnTo>
                    <a:pt x="104" y="681"/>
                  </a:lnTo>
                  <a:lnTo>
                    <a:pt x="107" y="680"/>
                  </a:lnTo>
                  <a:lnTo>
                    <a:pt x="112" y="680"/>
                  </a:lnTo>
                  <a:lnTo>
                    <a:pt x="116" y="681"/>
                  </a:lnTo>
                  <a:lnTo>
                    <a:pt x="122" y="683"/>
                  </a:lnTo>
                  <a:lnTo>
                    <a:pt x="132" y="710"/>
                  </a:lnTo>
                  <a:lnTo>
                    <a:pt x="138" y="729"/>
                  </a:lnTo>
                  <a:lnTo>
                    <a:pt x="143" y="749"/>
                  </a:lnTo>
                  <a:lnTo>
                    <a:pt x="150" y="777"/>
                  </a:lnTo>
                  <a:lnTo>
                    <a:pt x="127" y="784"/>
                  </a:lnTo>
                  <a:lnTo>
                    <a:pt x="108" y="792"/>
                  </a:lnTo>
                  <a:lnTo>
                    <a:pt x="99" y="794"/>
                  </a:lnTo>
                  <a:lnTo>
                    <a:pt x="88" y="794"/>
                  </a:lnTo>
                  <a:lnTo>
                    <a:pt x="83" y="794"/>
                  </a:lnTo>
                  <a:lnTo>
                    <a:pt x="78" y="792"/>
                  </a:lnTo>
                  <a:lnTo>
                    <a:pt x="72" y="790"/>
                  </a:lnTo>
                  <a:lnTo>
                    <a:pt x="65" y="787"/>
                  </a:lnTo>
                  <a:lnTo>
                    <a:pt x="65" y="798"/>
                  </a:lnTo>
                  <a:lnTo>
                    <a:pt x="64" y="810"/>
                  </a:lnTo>
                  <a:lnTo>
                    <a:pt x="63" y="821"/>
                  </a:lnTo>
                  <a:lnTo>
                    <a:pt x="62" y="833"/>
                  </a:lnTo>
                  <a:lnTo>
                    <a:pt x="59" y="843"/>
                  </a:lnTo>
                  <a:lnTo>
                    <a:pt x="57" y="854"/>
                  </a:lnTo>
                  <a:lnTo>
                    <a:pt x="53" y="863"/>
                  </a:lnTo>
                  <a:lnTo>
                    <a:pt x="49" y="873"/>
                  </a:lnTo>
                  <a:lnTo>
                    <a:pt x="44" y="881"/>
                  </a:lnTo>
                  <a:lnTo>
                    <a:pt x="40" y="890"/>
                  </a:lnTo>
                  <a:lnTo>
                    <a:pt x="35" y="897"/>
                  </a:lnTo>
                  <a:lnTo>
                    <a:pt x="28" y="903"/>
                  </a:lnTo>
                  <a:lnTo>
                    <a:pt x="22" y="909"/>
                  </a:lnTo>
                  <a:lnTo>
                    <a:pt x="15" y="913"/>
                  </a:lnTo>
                  <a:lnTo>
                    <a:pt x="7" y="916"/>
                  </a:lnTo>
                  <a:lnTo>
                    <a:pt x="0" y="918"/>
                  </a:lnTo>
                  <a:lnTo>
                    <a:pt x="7" y="922"/>
                  </a:lnTo>
                  <a:lnTo>
                    <a:pt x="14" y="928"/>
                  </a:lnTo>
                  <a:lnTo>
                    <a:pt x="20" y="934"/>
                  </a:lnTo>
                  <a:lnTo>
                    <a:pt x="25" y="940"/>
                  </a:lnTo>
                  <a:lnTo>
                    <a:pt x="31" y="947"/>
                  </a:lnTo>
                  <a:lnTo>
                    <a:pt x="35" y="954"/>
                  </a:lnTo>
                  <a:lnTo>
                    <a:pt x="39" y="961"/>
                  </a:lnTo>
                  <a:lnTo>
                    <a:pt x="43" y="969"/>
                  </a:lnTo>
                  <a:lnTo>
                    <a:pt x="49" y="986"/>
                  </a:lnTo>
                  <a:lnTo>
                    <a:pt x="56" y="1003"/>
                  </a:lnTo>
                  <a:lnTo>
                    <a:pt x="60" y="1021"/>
                  </a:lnTo>
                  <a:lnTo>
                    <a:pt x="64" y="1040"/>
                  </a:lnTo>
                  <a:lnTo>
                    <a:pt x="71" y="1078"/>
                  </a:lnTo>
                  <a:lnTo>
                    <a:pt x="76" y="1116"/>
                  </a:lnTo>
                  <a:lnTo>
                    <a:pt x="80" y="1134"/>
                  </a:lnTo>
                  <a:lnTo>
                    <a:pt x="83" y="1150"/>
                  </a:lnTo>
                  <a:lnTo>
                    <a:pt x="88" y="1166"/>
                  </a:lnTo>
                  <a:lnTo>
                    <a:pt x="94" y="1180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7" name="Aabenraa"/>
            <p:cNvSpPr>
              <a:spLocks/>
            </p:cNvSpPr>
            <p:nvPr/>
          </p:nvSpPr>
          <p:spPr bwMode="auto">
            <a:xfrm>
              <a:off x="1222375" y="5678488"/>
              <a:ext cx="508000" cy="520700"/>
            </a:xfrm>
            <a:custGeom>
              <a:avLst/>
              <a:gdLst>
                <a:gd name="T0" fmla="*/ 125 w 958"/>
                <a:gd name="T1" fmla="*/ 28 h 983"/>
                <a:gd name="T2" fmla="*/ 112 w 958"/>
                <a:gd name="T3" fmla="*/ 49 h 983"/>
                <a:gd name="T4" fmla="*/ 93 w 958"/>
                <a:gd name="T5" fmla="*/ 64 h 983"/>
                <a:gd name="T6" fmla="*/ 76 w 958"/>
                <a:gd name="T7" fmla="*/ 66 h 983"/>
                <a:gd name="T8" fmla="*/ 62 w 958"/>
                <a:gd name="T9" fmla="*/ 62 h 983"/>
                <a:gd name="T10" fmla="*/ 61 w 958"/>
                <a:gd name="T11" fmla="*/ 74 h 983"/>
                <a:gd name="T12" fmla="*/ 66 w 958"/>
                <a:gd name="T13" fmla="*/ 92 h 983"/>
                <a:gd name="T14" fmla="*/ 56 w 958"/>
                <a:gd name="T15" fmla="*/ 101 h 983"/>
                <a:gd name="T16" fmla="*/ 45 w 958"/>
                <a:gd name="T17" fmla="*/ 112 h 983"/>
                <a:gd name="T18" fmla="*/ 37 w 958"/>
                <a:gd name="T19" fmla="*/ 150 h 983"/>
                <a:gd name="T20" fmla="*/ 39 w 958"/>
                <a:gd name="T21" fmla="*/ 165 h 983"/>
                <a:gd name="T22" fmla="*/ 33 w 958"/>
                <a:gd name="T23" fmla="*/ 179 h 983"/>
                <a:gd name="T24" fmla="*/ 13 w 958"/>
                <a:gd name="T25" fmla="*/ 181 h 983"/>
                <a:gd name="T26" fmla="*/ 2 w 958"/>
                <a:gd name="T27" fmla="*/ 206 h 983"/>
                <a:gd name="T28" fmla="*/ 2 w 958"/>
                <a:gd name="T29" fmla="*/ 219 h 983"/>
                <a:gd name="T30" fmla="*/ 11 w 958"/>
                <a:gd name="T31" fmla="*/ 222 h 983"/>
                <a:gd name="T32" fmla="*/ 8 w 958"/>
                <a:gd name="T33" fmla="*/ 233 h 983"/>
                <a:gd name="T34" fmla="*/ 6 w 958"/>
                <a:gd name="T35" fmla="*/ 255 h 983"/>
                <a:gd name="T36" fmla="*/ 24 w 958"/>
                <a:gd name="T37" fmla="*/ 263 h 983"/>
                <a:gd name="T38" fmla="*/ 57 w 958"/>
                <a:gd name="T39" fmla="*/ 268 h 983"/>
                <a:gd name="T40" fmla="*/ 100 w 958"/>
                <a:gd name="T41" fmla="*/ 273 h 983"/>
                <a:gd name="T42" fmla="*/ 119 w 958"/>
                <a:gd name="T43" fmla="*/ 280 h 983"/>
                <a:gd name="T44" fmla="*/ 130 w 958"/>
                <a:gd name="T45" fmla="*/ 291 h 983"/>
                <a:gd name="T46" fmla="*/ 132 w 958"/>
                <a:gd name="T47" fmla="*/ 309 h 983"/>
                <a:gd name="T48" fmla="*/ 135 w 958"/>
                <a:gd name="T49" fmla="*/ 322 h 983"/>
                <a:gd name="T50" fmla="*/ 172 w 958"/>
                <a:gd name="T51" fmla="*/ 326 h 983"/>
                <a:gd name="T52" fmla="*/ 202 w 958"/>
                <a:gd name="T53" fmla="*/ 301 h 983"/>
                <a:gd name="T54" fmla="*/ 223 w 958"/>
                <a:gd name="T55" fmla="*/ 296 h 983"/>
                <a:gd name="T56" fmla="*/ 242 w 958"/>
                <a:gd name="T57" fmla="*/ 292 h 983"/>
                <a:gd name="T58" fmla="*/ 256 w 958"/>
                <a:gd name="T59" fmla="*/ 281 h 983"/>
                <a:gd name="T60" fmla="*/ 260 w 958"/>
                <a:gd name="T61" fmla="*/ 264 h 983"/>
                <a:gd name="T62" fmla="*/ 257 w 958"/>
                <a:gd name="T63" fmla="*/ 246 h 983"/>
                <a:gd name="T64" fmla="*/ 263 w 958"/>
                <a:gd name="T65" fmla="*/ 238 h 983"/>
                <a:gd name="T66" fmla="*/ 253 w 958"/>
                <a:gd name="T67" fmla="*/ 235 h 983"/>
                <a:gd name="T68" fmla="*/ 237 w 958"/>
                <a:gd name="T69" fmla="*/ 233 h 983"/>
                <a:gd name="T70" fmla="*/ 235 w 958"/>
                <a:gd name="T71" fmla="*/ 219 h 983"/>
                <a:gd name="T72" fmla="*/ 251 w 958"/>
                <a:gd name="T73" fmla="*/ 181 h 983"/>
                <a:gd name="T74" fmla="*/ 262 w 958"/>
                <a:gd name="T75" fmla="*/ 180 h 983"/>
                <a:gd name="T76" fmla="*/ 271 w 958"/>
                <a:gd name="T77" fmla="*/ 193 h 983"/>
                <a:gd name="T78" fmla="*/ 280 w 958"/>
                <a:gd name="T79" fmla="*/ 197 h 983"/>
                <a:gd name="T80" fmla="*/ 293 w 958"/>
                <a:gd name="T81" fmla="*/ 186 h 983"/>
                <a:gd name="T82" fmla="*/ 314 w 958"/>
                <a:gd name="T83" fmla="*/ 153 h 983"/>
                <a:gd name="T84" fmla="*/ 320 w 958"/>
                <a:gd name="T85" fmla="*/ 133 h 983"/>
                <a:gd name="T86" fmla="*/ 317 w 958"/>
                <a:gd name="T87" fmla="*/ 120 h 983"/>
                <a:gd name="T88" fmla="*/ 286 w 958"/>
                <a:gd name="T89" fmla="*/ 127 h 983"/>
                <a:gd name="T90" fmla="*/ 254 w 958"/>
                <a:gd name="T91" fmla="*/ 138 h 983"/>
                <a:gd name="T92" fmla="*/ 237 w 958"/>
                <a:gd name="T93" fmla="*/ 138 h 983"/>
                <a:gd name="T94" fmla="*/ 225 w 958"/>
                <a:gd name="T95" fmla="*/ 129 h 983"/>
                <a:gd name="T96" fmla="*/ 219 w 958"/>
                <a:gd name="T97" fmla="*/ 109 h 983"/>
                <a:gd name="T98" fmla="*/ 249 w 958"/>
                <a:gd name="T99" fmla="*/ 106 h 983"/>
                <a:gd name="T100" fmla="*/ 268 w 958"/>
                <a:gd name="T101" fmla="*/ 96 h 983"/>
                <a:gd name="T102" fmla="*/ 277 w 958"/>
                <a:gd name="T103" fmla="*/ 81 h 983"/>
                <a:gd name="T104" fmla="*/ 275 w 958"/>
                <a:gd name="T105" fmla="*/ 65 h 983"/>
                <a:gd name="T106" fmla="*/ 265 w 958"/>
                <a:gd name="T107" fmla="*/ 52 h 983"/>
                <a:gd name="T108" fmla="*/ 245 w 958"/>
                <a:gd name="T109" fmla="*/ 46 h 983"/>
                <a:gd name="T110" fmla="*/ 237 w 958"/>
                <a:gd name="T111" fmla="*/ 35 h 983"/>
                <a:gd name="T112" fmla="*/ 231 w 958"/>
                <a:gd name="T113" fmla="*/ 23 h 983"/>
                <a:gd name="T114" fmla="*/ 214 w 958"/>
                <a:gd name="T115" fmla="*/ 16 h 983"/>
                <a:gd name="T116" fmla="*/ 166 w 958"/>
                <a:gd name="T117" fmla="*/ 9 h 983"/>
                <a:gd name="T118" fmla="*/ 149 w 958"/>
                <a:gd name="T119" fmla="*/ 2 h 983"/>
                <a:gd name="T120" fmla="*/ 147 w 958"/>
                <a:gd name="T121" fmla="*/ 23 h 983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958" h="983">
                  <a:moveTo>
                    <a:pt x="430" y="84"/>
                  </a:moveTo>
                  <a:lnTo>
                    <a:pt x="417" y="84"/>
                  </a:lnTo>
                  <a:lnTo>
                    <a:pt x="403" y="84"/>
                  </a:lnTo>
                  <a:lnTo>
                    <a:pt x="388" y="84"/>
                  </a:lnTo>
                  <a:lnTo>
                    <a:pt x="375" y="84"/>
                  </a:lnTo>
                  <a:lnTo>
                    <a:pt x="368" y="97"/>
                  </a:lnTo>
                  <a:lnTo>
                    <a:pt x="361" y="110"/>
                  </a:lnTo>
                  <a:lnTo>
                    <a:pt x="354" y="123"/>
                  </a:lnTo>
                  <a:lnTo>
                    <a:pt x="345" y="136"/>
                  </a:lnTo>
                  <a:lnTo>
                    <a:pt x="336" y="147"/>
                  </a:lnTo>
                  <a:lnTo>
                    <a:pt x="325" y="159"/>
                  </a:lnTo>
                  <a:lnTo>
                    <a:pt x="315" y="169"/>
                  </a:lnTo>
                  <a:lnTo>
                    <a:pt x="303" y="178"/>
                  </a:lnTo>
                  <a:lnTo>
                    <a:pt x="290" y="186"/>
                  </a:lnTo>
                  <a:lnTo>
                    <a:pt x="278" y="192"/>
                  </a:lnTo>
                  <a:lnTo>
                    <a:pt x="264" y="197"/>
                  </a:lnTo>
                  <a:lnTo>
                    <a:pt x="250" y="199"/>
                  </a:lnTo>
                  <a:lnTo>
                    <a:pt x="243" y="200"/>
                  </a:lnTo>
                  <a:lnTo>
                    <a:pt x="236" y="200"/>
                  </a:lnTo>
                  <a:lnTo>
                    <a:pt x="227" y="199"/>
                  </a:lnTo>
                  <a:lnTo>
                    <a:pt x="220" y="198"/>
                  </a:lnTo>
                  <a:lnTo>
                    <a:pt x="211" y="197"/>
                  </a:lnTo>
                  <a:lnTo>
                    <a:pt x="204" y="194"/>
                  </a:lnTo>
                  <a:lnTo>
                    <a:pt x="196" y="191"/>
                  </a:lnTo>
                  <a:lnTo>
                    <a:pt x="187" y="187"/>
                  </a:lnTo>
                  <a:lnTo>
                    <a:pt x="184" y="193"/>
                  </a:lnTo>
                  <a:lnTo>
                    <a:pt x="182" y="198"/>
                  </a:lnTo>
                  <a:lnTo>
                    <a:pt x="181" y="203"/>
                  </a:lnTo>
                  <a:lnTo>
                    <a:pt x="181" y="209"/>
                  </a:lnTo>
                  <a:lnTo>
                    <a:pt x="183" y="221"/>
                  </a:lnTo>
                  <a:lnTo>
                    <a:pt x="186" y="233"/>
                  </a:lnTo>
                  <a:lnTo>
                    <a:pt x="191" y="246"/>
                  </a:lnTo>
                  <a:lnTo>
                    <a:pt x="196" y="260"/>
                  </a:lnTo>
                  <a:lnTo>
                    <a:pt x="197" y="267"/>
                  </a:lnTo>
                  <a:lnTo>
                    <a:pt x="198" y="275"/>
                  </a:lnTo>
                  <a:lnTo>
                    <a:pt x="198" y="282"/>
                  </a:lnTo>
                  <a:lnTo>
                    <a:pt x="197" y="291"/>
                  </a:lnTo>
                  <a:lnTo>
                    <a:pt x="186" y="294"/>
                  </a:lnTo>
                  <a:lnTo>
                    <a:pt x="178" y="298"/>
                  </a:lnTo>
                  <a:lnTo>
                    <a:pt x="169" y="303"/>
                  </a:lnTo>
                  <a:lnTo>
                    <a:pt x="161" y="308"/>
                  </a:lnTo>
                  <a:lnTo>
                    <a:pt x="154" y="315"/>
                  </a:lnTo>
                  <a:lnTo>
                    <a:pt x="147" y="321"/>
                  </a:lnTo>
                  <a:lnTo>
                    <a:pt x="141" y="328"/>
                  </a:lnTo>
                  <a:lnTo>
                    <a:pt x="135" y="336"/>
                  </a:lnTo>
                  <a:lnTo>
                    <a:pt x="114" y="368"/>
                  </a:lnTo>
                  <a:lnTo>
                    <a:pt x="94" y="402"/>
                  </a:lnTo>
                  <a:lnTo>
                    <a:pt x="102" y="420"/>
                  </a:lnTo>
                  <a:lnTo>
                    <a:pt x="108" y="439"/>
                  </a:lnTo>
                  <a:lnTo>
                    <a:pt x="111" y="449"/>
                  </a:lnTo>
                  <a:lnTo>
                    <a:pt x="114" y="458"/>
                  </a:lnTo>
                  <a:lnTo>
                    <a:pt x="116" y="466"/>
                  </a:lnTo>
                  <a:lnTo>
                    <a:pt x="116" y="476"/>
                  </a:lnTo>
                  <a:lnTo>
                    <a:pt x="117" y="485"/>
                  </a:lnTo>
                  <a:lnTo>
                    <a:pt x="116" y="494"/>
                  </a:lnTo>
                  <a:lnTo>
                    <a:pt x="115" y="503"/>
                  </a:lnTo>
                  <a:lnTo>
                    <a:pt x="112" y="512"/>
                  </a:lnTo>
                  <a:lnTo>
                    <a:pt x="109" y="520"/>
                  </a:lnTo>
                  <a:lnTo>
                    <a:pt x="105" y="527"/>
                  </a:lnTo>
                  <a:lnTo>
                    <a:pt x="100" y="536"/>
                  </a:lnTo>
                  <a:lnTo>
                    <a:pt x="94" y="543"/>
                  </a:lnTo>
                  <a:lnTo>
                    <a:pt x="80" y="543"/>
                  </a:lnTo>
                  <a:lnTo>
                    <a:pt x="65" y="543"/>
                  </a:lnTo>
                  <a:lnTo>
                    <a:pt x="51" y="543"/>
                  </a:lnTo>
                  <a:lnTo>
                    <a:pt x="38" y="543"/>
                  </a:lnTo>
                  <a:lnTo>
                    <a:pt x="30" y="554"/>
                  </a:lnTo>
                  <a:lnTo>
                    <a:pt x="25" y="565"/>
                  </a:lnTo>
                  <a:lnTo>
                    <a:pt x="20" y="578"/>
                  </a:lnTo>
                  <a:lnTo>
                    <a:pt x="16" y="591"/>
                  </a:lnTo>
                  <a:lnTo>
                    <a:pt x="7" y="618"/>
                  </a:lnTo>
                  <a:lnTo>
                    <a:pt x="0" y="645"/>
                  </a:lnTo>
                  <a:lnTo>
                    <a:pt x="1" y="650"/>
                  </a:lnTo>
                  <a:lnTo>
                    <a:pt x="2" y="652"/>
                  </a:lnTo>
                  <a:lnTo>
                    <a:pt x="4" y="654"/>
                  </a:lnTo>
                  <a:lnTo>
                    <a:pt x="6" y="656"/>
                  </a:lnTo>
                  <a:lnTo>
                    <a:pt x="12" y="658"/>
                  </a:lnTo>
                  <a:lnTo>
                    <a:pt x="19" y="660"/>
                  </a:lnTo>
                  <a:lnTo>
                    <a:pt x="25" y="661"/>
                  </a:lnTo>
                  <a:lnTo>
                    <a:pt x="31" y="664"/>
                  </a:lnTo>
                  <a:lnTo>
                    <a:pt x="34" y="665"/>
                  </a:lnTo>
                  <a:lnTo>
                    <a:pt x="36" y="668"/>
                  </a:lnTo>
                  <a:lnTo>
                    <a:pt x="37" y="671"/>
                  </a:lnTo>
                  <a:lnTo>
                    <a:pt x="38" y="674"/>
                  </a:lnTo>
                  <a:lnTo>
                    <a:pt x="30" y="686"/>
                  </a:lnTo>
                  <a:lnTo>
                    <a:pt x="25" y="697"/>
                  </a:lnTo>
                  <a:lnTo>
                    <a:pt x="22" y="706"/>
                  </a:lnTo>
                  <a:lnTo>
                    <a:pt x="19" y="715"/>
                  </a:lnTo>
                  <a:lnTo>
                    <a:pt x="15" y="734"/>
                  </a:lnTo>
                  <a:lnTo>
                    <a:pt x="9" y="758"/>
                  </a:lnTo>
                  <a:lnTo>
                    <a:pt x="19" y="765"/>
                  </a:lnTo>
                  <a:lnTo>
                    <a:pt x="28" y="771"/>
                  </a:lnTo>
                  <a:lnTo>
                    <a:pt x="39" y="776"/>
                  </a:lnTo>
                  <a:lnTo>
                    <a:pt x="49" y="781"/>
                  </a:lnTo>
                  <a:lnTo>
                    <a:pt x="60" y="785"/>
                  </a:lnTo>
                  <a:lnTo>
                    <a:pt x="71" y="789"/>
                  </a:lnTo>
                  <a:lnTo>
                    <a:pt x="83" y="792"/>
                  </a:lnTo>
                  <a:lnTo>
                    <a:pt x="95" y="795"/>
                  </a:lnTo>
                  <a:lnTo>
                    <a:pt x="120" y="799"/>
                  </a:lnTo>
                  <a:lnTo>
                    <a:pt x="145" y="801"/>
                  </a:lnTo>
                  <a:lnTo>
                    <a:pt x="170" y="804"/>
                  </a:lnTo>
                  <a:lnTo>
                    <a:pt x="197" y="807"/>
                  </a:lnTo>
                  <a:lnTo>
                    <a:pt x="223" y="809"/>
                  </a:lnTo>
                  <a:lnTo>
                    <a:pt x="249" y="811"/>
                  </a:lnTo>
                  <a:lnTo>
                    <a:pt x="275" y="815"/>
                  </a:lnTo>
                  <a:lnTo>
                    <a:pt x="299" y="819"/>
                  </a:lnTo>
                  <a:lnTo>
                    <a:pt x="312" y="822"/>
                  </a:lnTo>
                  <a:lnTo>
                    <a:pt x="323" y="827"/>
                  </a:lnTo>
                  <a:lnTo>
                    <a:pt x="334" y="831"/>
                  </a:lnTo>
                  <a:lnTo>
                    <a:pt x="345" y="835"/>
                  </a:lnTo>
                  <a:lnTo>
                    <a:pt x="356" y="840"/>
                  </a:lnTo>
                  <a:lnTo>
                    <a:pt x="365" y="847"/>
                  </a:lnTo>
                  <a:lnTo>
                    <a:pt x="375" y="854"/>
                  </a:lnTo>
                  <a:lnTo>
                    <a:pt x="384" y="861"/>
                  </a:lnTo>
                  <a:lnTo>
                    <a:pt x="387" y="865"/>
                  </a:lnTo>
                  <a:lnTo>
                    <a:pt x="389" y="871"/>
                  </a:lnTo>
                  <a:lnTo>
                    <a:pt x="390" y="877"/>
                  </a:lnTo>
                  <a:lnTo>
                    <a:pt x="393" y="883"/>
                  </a:lnTo>
                  <a:lnTo>
                    <a:pt x="394" y="897"/>
                  </a:lnTo>
                  <a:lnTo>
                    <a:pt x="394" y="912"/>
                  </a:lnTo>
                  <a:lnTo>
                    <a:pt x="395" y="927"/>
                  </a:lnTo>
                  <a:lnTo>
                    <a:pt x="396" y="941"/>
                  </a:lnTo>
                  <a:lnTo>
                    <a:pt x="397" y="948"/>
                  </a:lnTo>
                  <a:lnTo>
                    <a:pt x="398" y="954"/>
                  </a:lnTo>
                  <a:lnTo>
                    <a:pt x="400" y="959"/>
                  </a:lnTo>
                  <a:lnTo>
                    <a:pt x="403" y="964"/>
                  </a:lnTo>
                  <a:lnTo>
                    <a:pt x="423" y="964"/>
                  </a:lnTo>
                  <a:lnTo>
                    <a:pt x="443" y="967"/>
                  </a:lnTo>
                  <a:lnTo>
                    <a:pt x="462" y="969"/>
                  </a:lnTo>
                  <a:lnTo>
                    <a:pt x="480" y="972"/>
                  </a:lnTo>
                  <a:lnTo>
                    <a:pt x="516" y="977"/>
                  </a:lnTo>
                  <a:lnTo>
                    <a:pt x="553" y="983"/>
                  </a:lnTo>
                  <a:lnTo>
                    <a:pt x="568" y="955"/>
                  </a:lnTo>
                  <a:lnTo>
                    <a:pt x="586" y="928"/>
                  </a:lnTo>
                  <a:lnTo>
                    <a:pt x="595" y="915"/>
                  </a:lnTo>
                  <a:lnTo>
                    <a:pt x="605" y="902"/>
                  </a:lnTo>
                  <a:lnTo>
                    <a:pt x="616" y="891"/>
                  </a:lnTo>
                  <a:lnTo>
                    <a:pt x="627" y="880"/>
                  </a:lnTo>
                  <a:lnTo>
                    <a:pt x="642" y="883"/>
                  </a:lnTo>
                  <a:lnTo>
                    <a:pt x="656" y="884"/>
                  </a:lnTo>
                  <a:lnTo>
                    <a:pt x="668" y="886"/>
                  </a:lnTo>
                  <a:lnTo>
                    <a:pt x="681" y="886"/>
                  </a:lnTo>
                  <a:lnTo>
                    <a:pt x="693" y="883"/>
                  </a:lnTo>
                  <a:lnTo>
                    <a:pt x="704" y="881"/>
                  </a:lnTo>
                  <a:lnTo>
                    <a:pt x="715" y="878"/>
                  </a:lnTo>
                  <a:lnTo>
                    <a:pt x="724" y="874"/>
                  </a:lnTo>
                  <a:lnTo>
                    <a:pt x="734" y="869"/>
                  </a:lnTo>
                  <a:lnTo>
                    <a:pt x="742" y="862"/>
                  </a:lnTo>
                  <a:lnTo>
                    <a:pt x="751" y="856"/>
                  </a:lnTo>
                  <a:lnTo>
                    <a:pt x="759" y="849"/>
                  </a:lnTo>
                  <a:lnTo>
                    <a:pt x="766" y="841"/>
                  </a:lnTo>
                  <a:lnTo>
                    <a:pt x="774" y="833"/>
                  </a:lnTo>
                  <a:lnTo>
                    <a:pt x="780" y="823"/>
                  </a:lnTo>
                  <a:lnTo>
                    <a:pt x="786" y="815"/>
                  </a:lnTo>
                  <a:lnTo>
                    <a:pt x="782" y="803"/>
                  </a:lnTo>
                  <a:lnTo>
                    <a:pt x="777" y="790"/>
                  </a:lnTo>
                  <a:lnTo>
                    <a:pt x="773" y="775"/>
                  </a:lnTo>
                  <a:lnTo>
                    <a:pt x="770" y="759"/>
                  </a:lnTo>
                  <a:lnTo>
                    <a:pt x="769" y="752"/>
                  </a:lnTo>
                  <a:lnTo>
                    <a:pt x="769" y="744"/>
                  </a:lnTo>
                  <a:lnTo>
                    <a:pt x="769" y="737"/>
                  </a:lnTo>
                  <a:lnTo>
                    <a:pt x="771" y="731"/>
                  </a:lnTo>
                  <a:lnTo>
                    <a:pt x="773" y="724"/>
                  </a:lnTo>
                  <a:lnTo>
                    <a:pt x="776" y="719"/>
                  </a:lnTo>
                  <a:lnTo>
                    <a:pt x="781" y="715"/>
                  </a:lnTo>
                  <a:lnTo>
                    <a:pt x="786" y="712"/>
                  </a:lnTo>
                  <a:lnTo>
                    <a:pt x="783" y="709"/>
                  </a:lnTo>
                  <a:lnTo>
                    <a:pt x="778" y="706"/>
                  </a:lnTo>
                  <a:lnTo>
                    <a:pt x="773" y="705"/>
                  </a:lnTo>
                  <a:lnTo>
                    <a:pt x="767" y="704"/>
                  </a:lnTo>
                  <a:lnTo>
                    <a:pt x="756" y="703"/>
                  </a:lnTo>
                  <a:lnTo>
                    <a:pt x="743" y="703"/>
                  </a:lnTo>
                  <a:lnTo>
                    <a:pt x="731" y="703"/>
                  </a:lnTo>
                  <a:lnTo>
                    <a:pt x="719" y="701"/>
                  </a:lnTo>
                  <a:lnTo>
                    <a:pt x="714" y="700"/>
                  </a:lnTo>
                  <a:lnTo>
                    <a:pt x="710" y="698"/>
                  </a:lnTo>
                  <a:lnTo>
                    <a:pt x="705" y="696"/>
                  </a:lnTo>
                  <a:lnTo>
                    <a:pt x="702" y="693"/>
                  </a:lnTo>
                  <a:lnTo>
                    <a:pt x="702" y="680"/>
                  </a:lnTo>
                  <a:lnTo>
                    <a:pt x="702" y="669"/>
                  </a:lnTo>
                  <a:lnTo>
                    <a:pt x="703" y="657"/>
                  </a:lnTo>
                  <a:lnTo>
                    <a:pt x="704" y="648"/>
                  </a:lnTo>
                  <a:lnTo>
                    <a:pt x="708" y="630"/>
                  </a:lnTo>
                  <a:lnTo>
                    <a:pt x="715" y="613"/>
                  </a:lnTo>
                  <a:lnTo>
                    <a:pt x="731" y="580"/>
                  </a:lnTo>
                  <a:lnTo>
                    <a:pt x="750" y="543"/>
                  </a:lnTo>
                  <a:lnTo>
                    <a:pt x="758" y="538"/>
                  </a:lnTo>
                  <a:lnTo>
                    <a:pt x="766" y="536"/>
                  </a:lnTo>
                  <a:lnTo>
                    <a:pt x="773" y="535"/>
                  </a:lnTo>
                  <a:lnTo>
                    <a:pt x="779" y="537"/>
                  </a:lnTo>
                  <a:lnTo>
                    <a:pt x="784" y="539"/>
                  </a:lnTo>
                  <a:lnTo>
                    <a:pt x="789" y="544"/>
                  </a:lnTo>
                  <a:lnTo>
                    <a:pt x="793" y="549"/>
                  </a:lnTo>
                  <a:lnTo>
                    <a:pt x="796" y="555"/>
                  </a:lnTo>
                  <a:lnTo>
                    <a:pt x="803" y="567"/>
                  </a:lnTo>
                  <a:lnTo>
                    <a:pt x="812" y="579"/>
                  </a:lnTo>
                  <a:lnTo>
                    <a:pt x="816" y="583"/>
                  </a:lnTo>
                  <a:lnTo>
                    <a:pt x="821" y="588"/>
                  </a:lnTo>
                  <a:lnTo>
                    <a:pt x="826" y="590"/>
                  </a:lnTo>
                  <a:lnTo>
                    <a:pt x="834" y="590"/>
                  </a:lnTo>
                  <a:lnTo>
                    <a:pt x="837" y="589"/>
                  </a:lnTo>
                  <a:lnTo>
                    <a:pt x="841" y="586"/>
                  </a:lnTo>
                  <a:lnTo>
                    <a:pt x="846" y="584"/>
                  </a:lnTo>
                  <a:lnTo>
                    <a:pt x="852" y="580"/>
                  </a:lnTo>
                  <a:lnTo>
                    <a:pt x="863" y="570"/>
                  </a:lnTo>
                  <a:lnTo>
                    <a:pt x="877" y="556"/>
                  </a:lnTo>
                  <a:lnTo>
                    <a:pt x="891" y="539"/>
                  </a:lnTo>
                  <a:lnTo>
                    <a:pt x="904" y="521"/>
                  </a:lnTo>
                  <a:lnTo>
                    <a:pt x="917" y="501"/>
                  </a:lnTo>
                  <a:lnTo>
                    <a:pt x="930" y="481"/>
                  </a:lnTo>
                  <a:lnTo>
                    <a:pt x="940" y="460"/>
                  </a:lnTo>
                  <a:lnTo>
                    <a:pt x="950" y="439"/>
                  </a:lnTo>
                  <a:lnTo>
                    <a:pt x="953" y="429"/>
                  </a:lnTo>
                  <a:lnTo>
                    <a:pt x="955" y="419"/>
                  </a:lnTo>
                  <a:lnTo>
                    <a:pt x="957" y="410"/>
                  </a:lnTo>
                  <a:lnTo>
                    <a:pt x="958" y="400"/>
                  </a:lnTo>
                  <a:lnTo>
                    <a:pt x="958" y="391"/>
                  </a:lnTo>
                  <a:lnTo>
                    <a:pt x="957" y="382"/>
                  </a:lnTo>
                  <a:lnTo>
                    <a:pt x="956" y="375"/>
                  </a:lnTo>
                  <a:lnTo>
                    <a:pt x="953" y="367"/>
                  </a:lnTo>
                  <a:lnTo>
                    <a:pt x="948" y="361"/>
                  </a:lnTo>
                  <a:lnTo>
                    <a:pt x="942" y="355"/>
                  </a:lnTo>
                  <a:lnTo>
                    <a:pt x="936" y="351"/>
                  </a:lnTo>
                  <a:lnTo>
                    <a:pt x="928" y="346"/>
                  </a:lnTo>
                  <a:lnTo>
                    <a:pt x="895" y="362"/>
                  </a:lnTo>
                  <a:lnTo>
                    <a:pt x="855" y="381"/>
                  </a:lnTo>
                  <a:lnTo>
                    <a:pt x="834" y="391"/>
                  </a:lnTo>
                  <a:lnTo>
                    <a:pt x="813" y="399"/>
                  </a:lnTo>
                  <a:lnTo>
                    <a:pt x="791" y="406"/>
                  </a:lnTo>
                  <a:lnTo>
                    <a:pt x="770" y="412"/>
                  </a:lnTo>
                  <a:lnTo>
                    <a:pt x="759" y="414"/>
                  </a:lnTo>
                  <a:lnTo>
                    <a:pt x="749" y="415"/>
                  </a:lnTo>
                  <a:lnTo>
                    <a:pt x="739" y="416"/>
                  </a:lnTo>
                  <a:lnTo>
                    <a:pt x="730" y="416"/>
                  </a:lnTo>
                  <a:lnTo>
                    <a:pt x="720" y="415"/>
                  </a:lnTo>
                  <a:lnTo>
                    <a:pt x="711" y="413"/>
                  </a:lnTo>
                  <a:lnTo>
                    <a:pt x="702" y="410"/>
                  </a:lnTo>
                  <a:lnTo>
                    <a:pt x="695" y="405"/>
                  </a:lnTo>
                  <a:lnTo>
                    <a:pt x="687" y="400"/>
                  </a:lnTo>
                  <a:lnTo>
                    <a:pt x="681" y="394"/>
                  </a:lnTo>
                  <a:lnTo>
                    <a:pt x="675" y="386"/>
                  </a:lnTo>
                  <a:lnTo>
                    <a:pt x="670" y="377"/>
                  </a:lnTo>
                  <a:lnTo>
                    <a:pt x="664" y="367"/>
                  </a:lnTo>
                  <a:lnTo>
                    <a:pt x="661" y="356"/>
                  </a:lnTo>
                  <a:lnTo>
                    <a:pt x="658" y="342"/>
                  </a:lnTo>
                  <a:lnTo>
                    <a:pt x="656" y="327"/>
                  </a:lnTo>
                  <a:lnTo>
                    <a:pt x="676" y="328"/>
                  </a:lnTo>
                  <a:lnTo>
                    <a:pt x="696" y="327"/>
                  </a:lnTo>
                  <a:lnTo>
                    <a:pt x="714" y="326"/>
                  </a:lnTo>
                  <a:lnTo>
                    <a:pt x="731" y="323"/>
                  </a:lnTo>
                  <a:lnTo>
                    <a:pt x="745" y="319"/>
                  </a:lnTo>
                  <a:lnTo>
                    <a:pt x="759" y="315"/>
                  </a:lnTo>
                  <a:lnTo>
                    <a:pt x="772" y="308"/>
                  </a:lnTo>
                  <a:lnTo>
                    <a:pt x="783" y="302"/>
                  </a:lnTo>
                  <a:lnTo>
                    <a:pt x="794" y="295"/>
                  </a:lnTo>
                  <a:lnTo>
                    <a:pt x="802" y="287"/>
                  </a:lnTo>
                  <a:lnTo>
                    <a:pt x="811" y="279"/>
                  </a:lnTo>
                  <a:lnTo>
                    <a:pt x="817" y="270"/>
                  </a:lnTo>
                  <a:lnTo>
                    <a:pt x="821" y="261"/>
                  </a:lnTo>
                  <a:lnTo>
                    <a:pt x="825" y="252"/>
                  </a:lnTo>
                  <a:lnTo>
                    <a:pt x="829" y="242"/>
                  </a:lnTo>
                  <a:lnTo>
                    <a:pt x="830" y="232"/>
                  </a:lnTo>
                  <a:lnTo>
                    <a:pt x="830" y="222"/>
                  </a:lnTo>
                  <a:lnTo>
                    <a:pt x="830" y="213"/>
                  </a:lnTo>
                  <a:lnTo>
                    <a:pt x="827" y="204"/>
                  </a:lnTo>
                  <a:lnTo>
                    <a:pt x="824" y="195"/>
                  </a:lnTo>
                  <a:lnTo>
                    <a:pt x="820" y="186"/>
                  </a:lnTo>
                  <a:lnTo>
                    <a:pt x="815" y="178"/>
                  </a:lnTo>
                  <a:lnTo>
                    <a:pt x="809" y="171"/>
                  </a:lnTo>
                  <a:lnTo>
                    <a:pt x="800" y="163"/>
                  </a:lnTo>
                  <a:lnTo>
                    <a:pt x="792" y="157"/>
                  </a:lnTo>
                  <a:lnTo>
                    <a:pt x="782" y="152"/>
                  </a:lnTo>
                  <a:lnTo>
                    <a:pt x="772" y="146"/>
                  </a:lnTo>
                  <a:lnTo>
                    <a:pt x="760" y="143"/>
                  </a:lnTo>
                  <a:lnTo>
                    <a:pt x="746" y="141"/>
                  </a:lnTo>
                  <a:lnTo>
                    <a:pt x="733" y="139"/>
                  </a:lnTo>
                  <a:lnTo>
                    <a:pt x="718" y="139"/>
                  </a:lnTo>
                  <a:lnTo>
                    <a:pt x="702" y="140"/>
                  </a:lnTo>
                  <a:lnTo>
                    <a:pt x="706" y="128"/>
                  </a:lnTo>
                  <a:lnTo>
                    <a:pt x="708" y="117"/>
                  </a:lnTo>
                  <a:lnTo>
                    <a:pt x="710" y="106"/>
                  </a:lnTo>
                  <a:lnTo>
                    <a:pt x="708" y="98"/>
                  </a:lnTo>
                  <a:lnTo>
                    <a:pt x="706" y="89"/>
                  </a:lnTo>
                  <a:lnTo>
                    <a:pt x="703" y="82"/>
                  </a:lnTo>
                  <a:lnTo>
                    <a:pt x="699" y="76"/>
                  </a:lnTo>
                  <a:lnTo>
                    <a:pt x="693" y="70"/>
                  </a:lnTo>
                  <a:lnTo>
                    <a:pt x="686" y="65"/>
                  </a:lnTo>
                  <a:lnTo>
                    <a:pt x="679" y="61"/>
                  </a:lnTo>
                  <a:lnTo>
                    <a:pt x="670" y="58"/>
                  </a:lnTo>
                  <a:lnTo>
                    <a:pt x="661" y="55"/>
                  </a:lnTo>
                  <a:lnTo>
                    <a:pt x="640" y="49"/>
                  </a:lnTo>
                  <a:lnTo>
                    <a:pt x="617" y="45"/>
                  </a:lnTo>
                  <a:lnTo>
                    <a:pt x="568" y="40"/>
                  </a:lnTo>
                  <a:lnTo>
                    <a:pt x="519" y="33"/>
                  </a:lnTo>
                  <a:lnTo>
                    <a:pt x="506" y="30"/>
                  </a:lnTo>
                  <a:lnTo>
                    <a:pt x="496" y="27"/>
                  </a:lnTo>
                  <a:lnTo>
                    <a:pt x="484" y="24"/>
                  </a:lnTo>
                  <a:lnTo>
                    <a:pt x="474" y="21"/>
                  </a:lnTo>
                  <a:lnTo>
                    <a:pt x="464" y="17"/>
                  </a:lnTo>
                  <a:lnTo>
                    <a:pt x="456" y="12"/>
                  </a:lnTo>
                  <a:lnTo>
                    <a:pt x="447" y="6"/>
                  </a:lnTo>
                  <a:lnTo>
                    <a:pt x="440" y="0"/>
                  </a:lnTo>
                  <a:lnTo>
                    <a:pt x="440" y="23"/>
                  </a:lnTo>
                  <a:lnTo>
                    <a:pt x="441" y="47"/>
                  </a:lnTo>
                  <a:lnTo>
                    <a:pt x="440" y="58"/>
                  </a:lnTo>
                  <a:lnTo>
                    <a:pt x="439" y="68"/>
                  </a:lnTo>
                  <a:lnTo>
                    <a:pt x="438" y="73"/>
                  </a:lnTo>
                  <a:lnTo>
                    <a:pt x="436" y="77"/>
                  </a:lnTo>
                  <a:lnTo>
                    <a:pt x="434" y="81"/>
                  </a:lnTo>
                  <a:lnTo>
                    <a:pt x="430" y="84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8" name="Aabenraa kant"/>
            <p:cNvSpPr>
              <a:spLocks/>
            </p:cNvSpPr>
            <p:nvPr/>
          </p:nvSpPr>
          <p:spPr bwMode="auto">
            <a:xfrm>
              <a:off x="1222375" y="5678488"/>
              <a:ext cx="508000" cy="520700"/>
            </a:xfrm>
            <a:custGeom>
              <a:avLst/>
              <a:gdLst>
                <a:gd name="T0" fmla="*/ 125 w 958"/>
                <a:gd name="T1" fmla="*/ 28 h 983"/>
                <a:gd name="T2" fmla="*/ 112 w 958"/>
                <a:gd name="T3" fmla="*/ 49 h 983"/>
                <a:gd name="T4" fmla="*/ 93 w 958"/>
                <a:gd name="T5" fmla="*/ 64 h 983"/>
                <a:gd name="T6" fmla="*/ 76 w 958"/>
                <a:gd name="T7" fmla="*/ 66 h 983"/>
                <a:gd name="T8" fmla="*/ 62 w 958"/>
                <a:gd name="T9" fmla="*/ 62 h 983"/>
                <a:gd name="T10" fmla="*/ 61 w 958"/>
                <a:gd name="T11" fmla="*/ 74 h 983"/>
                <a:gd name="T12" fmla="*/ 66 w 958"/>
                <a:gd name="T13" fmla="*/ 92 h 983"/>
                <a:gd name="T14" fmla="*/ 56 w 958"/>
                <a:gd name="T15" fmla="*/ 101 h 983"/>
                <a:gd name="T16" fmla="*/ 45 w 958"/>
                <a:gd name="T17" fmla="*/ 112 h 983"/>
                <a:gd name="T18" fmla="*/ 37 w 958"/>
                <a:gd name="T19" fmla="*/ 150 h 983"/>
                <a:gd name="T20" fmla="*/ 39 w 958"/>
                <a:gd name="T21" fmla="*/ 165 h 983"/>
                <a:gd name="T22" fmla="*/ 33 w 958"/>
                <a:gd name="T23" fmla="*/ 179 h 983"/>
                <a:gd name="T24" fmla="*/ 13 w 958"/>
                <a:gd name="T25" fmla="*/ 181 h 983"/>
                <a:gd name="T26" fmla="*/ 2 w 958"/>
                <a:gd name="T27" fmla="*/ 206 h 983"/>
                <a:gd name="T28" fmla="*/ 2 w 958"/>
                <a:gd name="T29" fmla="*/ 219 h 983"/>
                <a:gd name="T30" fmla="*/ 11 w 958"/>
                <a:gd name="T31" fmla="*/ 222 h 983"/>
                <a:gd name="T32" fmla="*/ 8 w 958"/>
                <a:gd name="T33" fmla="*/ 233 h 983"/>
                <a:gd name="T34" fmla="*/ 6 w 958"/>
                <a:gd name="T35" fmla="*/ 255 h 983"/>
                <a:gd name="T36" fmla="*/ 24 w 958"/>
                <a:gd name="T37" fmla="*/ 263 h 983"/>
                <a:gd name="T38" fmla="*/ 57 w 958"/>
                <a:gd name="T39" fmla="*/ 268 h 983"/>
                <a:gd name="T40" fmla="*/ 100 w 958"/>
                <a:gd name="T41" fmla="*/ 273 h 983"/>
                <a:gd name="T42" fmla="*/ 119 w 958"/>
                <a:gd name="T43" fmla="*/ 280 h 983"/>
                <a:gd name="T44" fmla="*/ 130 w 958"/>
                <a:gd name="T45" fmla="*/ 291 h 983"/>
                <a:gd name="T46" fmla="*/ 132 w 958"/>
                <a:gd name="T47" fmla="*/ 309 h 983"/>
                <a:gd name="T48" fmla="*/ 135 w 958"/>
                <a:gd name="T49" fmla="*/ 322 h 983"/>
                <a:gd name="T50" fmla="*/ 172 w 958"/>
                <a:gd name="T51" fmla="*/ 326 h 983"/>
                <a:gd name="T52" fmla="*/ 202 w 958"/>
                <a:gd name="T53" fmla="*/ 301 h 983"/>
                <a:gd name="T54" fmla="*/ 223 w 958"/>
                <a:gd name="T55" fmla="*/ 296 h 983"/>
                <a:gd name="T56" fmla="*/ 242 w 958"/>
                <a:gd name="T57" fmla="*/ 292 h 983"/>
                <a:gd name="T58" fmla="*/ 256 w 958"/>
                <a:gd name="T59" fmla="*/ 281 h 983"/>
                <a:gd name="T60" fmla="*/ 260 w 958"/>
                <a:gd name="T61" fmla="*/ 264 h 983"/>
                <a:gd name="T62" fmla="*/ 257 w 958"/>
                <a:gd name="T63" fmla="*/ 246 h 983"/>
                <a:gd name="T64" fmla="*/ 263 w 958"/>
                <a:gd name="T65" fmla="*/ 238 h 983"/>
                <a:gd name="T66" fmla="*/ 253 w 958"/>
                <a:gd name="T67" fmla="*/ 235 h 983"/>
                <a:gd name="T68" fmla="*/ 237 w 958"/>
                <a:gd name="T69" fmla="*/ 233 h 983"/>
                <a:gd name="T70" fmla="*/ 235 w 958"/>
                <a:gd name="T71" fmla="*/ 219 h 983"/>
                <a:gd name="T72" fmla="*/ 251 w 958"/>
                <a:gd name="T73" fmla="*/ 181 h 983"/>
                <a:gd name="T74" fmla="*/ 262 w 958"/>
                <a:gd name="T75" fmla="*/ 180 h 983"/>
                <a:gd name="T76" fmla="*/ 271 w 958"/>
                <a:gd name="T77" fmla="*/ 193 h 983"/>
                <a:gd name="T78" fmla="*/ 280 w 958"/>
                <a:gd name="T79" fmla="*/ 197 h 983"/>
                <a:gd name="T80" fmla="*/ 293 w 958"/>
                <a:gd name="T81" fmla="*/ 186 h 983"/>
                <a:gd name="T82" fmla="*/ 314 w 958"/>
                <a:gd name="T83" fmla="*/ 153 h 983"/>
                <a:gd name="T84" fmla="*/ 320 w 958"/>
                <a:gd name="T85" fmla="*/ 133 h 983"/>
                <a:gd name="T86" fmla="*/ 317 w 958"/>
                <a:gd name="T87" fmla="*/ 120 h 983"/>
                <a:gd name="T88" fmla="*/ 286 w 958"/>
                <a:gd name="T89" fmla="*/ 127 h 983"/>
                <a:gd name="T90" fmla="*/ 254 w 958"/>
                <a:gd name="T91" fmla="*/ 138 h 983"/>
                <a:gd name="T92" fmla="*/ 237 w 958"/>
                <a:gd name="T93" fmla="*/ 138 h 983"/>
                <a:gd name="T94" fmla="*/ 225 w 958"/>
                <a:gd name="T95" fmla="*/ 129 h 983"/>
                <a:gd name="T96" fmla="*/ 219 w 958"/>
                <a:gd name="T97" fmla="*/ 109 h 983"/>
                <a:gd name="T98" fmla="*/ 249 w 958"/>
                <a:gd name="T99" fmla="*/ 106 h 983"/>
                <a:gd name="T100" fmla="*/ 268 w 958"/>
                <a:gd name="T101" fmla="*/ 96 h 983"/>
                <a:gd name="T102" fmla="*/ 277 w 958"/>
                <a:gd name="T103" fmla="*/ 81 h 983"/>
                <a:gd name="T104" fmla="*/ 275 w 958"/>
                <a:gd name="T105" fmla="*/ 65 h 983"/>
                <a:gd name="T106" fmla="*/ 265 w 958"/>
                <a:gd name="T107" fmla="*/ 52 h 983"/>
                <a:gd name="T108" fmla="*/ 245 w 958"/>
                <a:gd name="T109" fmla="*/ 46 h 983"/>
                <a:gd name="T110" fmla="*/ 237 w 958"/>
                <a:gd name="T111" fmla="*/ 35 h 983"/>
                <a:gd name="T112" fmla="*/ 231 w 958"/>
                <a:gd name="T113" fmla="*/ 23 h 983"/>
                <a:gd name="T114" fmla="*/ 214 w 958"/>
                <a:gd name="T115" fmla="*/ 16 h 983"/>
                <a:gd name="T116" fmla="*/ 166 w 958"/>
                <a:gd name="T117" fmla="*/ 9 h 983"/>
                <a:gd name="T118" fmla="*/ 149 w 958"/>
                <a:gd name="T119" fmla="*/ 2 h 983"/>
                <a:gd name="T120" fmla="*/ 147 w 958"/>
                <a:gd name="T121" fmla="*/ 23 h 983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958" h="983">
                  <a:moveTo>
                    <a:pt x="430" y="84"/>
                  </a:moveTo>
                  <a:lnTo>
                    <a:pt x="417" y="84"/>
                  </a:lnTo>
                  <a:lnTo>
                    <a:pt x="403" y="84"/>
                  </a:lnTo>
                  <a:lnTo>
                    <a:pt x="388" y="84"/>
                  </a:lnTo>
                  <a:lnTo>
                    <a:pt x="375" y="84"/>
                  </a:lnTo>
                  <a:lnTo>
                    <a:pt x="368" y="97"/>
                  </a:lnTo>
                  <a:lnTo>
                    <a:pt x="361" y="110"/>
                  </a:lnTo>
                  <a:lnTo>
                    <a:pt x="354" y="123"/>
                  </a:lnTo>
                  <a:lnTo>
                    <a:pt x="345" y="136"/>
                  </a:lnTo>
                  <a:lnTo>
                    <a:pt x="336" y="147"/>
                  </a:lnTo>
                  <a:lnTo>
                    <a:pt x="325" y="159"/>
                  </a:lnTo>
                  <a:lnTo>
                    <a:pt x="315" y="169"/>
                  </a:lnTo>
                  <a:lnTo>
                    <a:pt x="303" y="178"/>
                  </a:lnTo>
                  <a:lnTo>
                    <a:pt x="290" y="186"/>
                  </a:lnTo>
                  <a:lnTo>
                    <a:pt x="278" y="192"/>
                  </a:lnTo>
                  <a:lnTo>
                    <a:pt x="264" y="197"/>
                  </a:lnTo>
                  <a:lnTo>
                    <a:pt x="250" y="199"/>
                  </a:lnTo>
                  <a:lnTo>
                    <a:pt x="243" y="200"/>
                  </a:lnTo>
                  <a:lnTo>
                    <a:pt x="236" y="200"/>
                  </a:lnTo>
                  <a:lnTo>
                    <a:pt x="227" y="199"/>
                  </a:lnTo>
                  <a:lnTo>
                    <a:pt x="220" y="198"/>
                  </a:lnTo>
                  <a:lnTo>
                    <a:pt x="211" y="197"/>
                  </a:lnTo>
                  <a:lnTo>
                    <a:pt x="204" y="194"/>
                  </a:lnTo>
                  <a:lnTo>
                    <a:pt x="196" y="191"/>
                  </a:lnTo>
                  <a:lnTo>
                    <a:pt x="187" y="187"/>
                  </a:lnTo>
                  <a:lnTo>
                    <a:pt x="184" y="193"/>
                  </a:lnTo>
                  <a:lnTo>
                    <a:pt x="182" y="198"/>
                  </a:lnTo>
                  <a:lnTo>
                    <a:pt x="181" y="203"/>
                  </a:lnTo>
                  <a:lnTo>
                    <a:pt x="181" y="209"/>
                  </a:lnTo>
                  <a:lnTo>
                    <a:pt x="183" y="221"/>
                  </a:lnTo>
                  <a:lnTo>
                    <a:pt x="186" y="233"/>
                  </a:lnTo>
                  <a:lnTo>
                    <a:pt x="191" y="246"/>
                  </a:lnTo>
                  <a:lnTo>
                    <a:pt x="196" y="260"/>
                  </a:lnTo>
                  <a:lnTo>
                    <a:pt x="197" y="267"/>
                  </a:lnTo>
                  <a:lnTo>
                    <a:pt x="198" y="275"/>
                  </a:lnTo>
                  <a:lnTo>
                    <a:pt x="198" y="282"/>
                  </a:lnTo>
                  <a:lnTo>
                    <a:pt x="197" y="291"/>
                  </a:lnTo>
                  <a:lnTo>
                    <a:pt x="186" y="294"/>
                  </a:lnTo>
                  <a:lnTo>
                    <a:pt x="178" y="298"/>
                  </a:lnTo>
                  <a:lnTo>
                    <a:pt x="169" y="303"/>
                  </a:lnTo>
                  <a:lnTo>
                    <a:pt x="161" y="308"/>
                  </a:lnTo>
                  <a:lnTo>
                    <a:pt x="154" y="315"/>
                  </a:lnTo>
                  <a:lnTo>
                    <a:pt x="147" y="321"/>
                  </a:lnTo>
                  <a:lnTo>
                    <a:pt x="141" y="328"/>
                  </a:lnTo>
                  <a:lnTo>
                    <a:pt x="135" y="336"/>
                  </a:lnTo>
                  <a:lnTo>
                    <a:pt x="114" y="368"/>
                  </a:lnTo>
                  <a:lnTo>
                    <a:pt x="94" y="402"/>
                  </a:lnTo>
                  <a:lnTo>
                    <a:pt x="102" y="420"/>
                  </a:lnTo>
                  <a:lnTo>
                    <a:pt x="108" y="439"/>
                  </a:lnTo>
                  <a:lnTo>
                    <a:pt x="111" y="449"/>
                  </a:lnTo>
                  <a:lnTo>
                    <a:pt x="114" y="458"/>
                  </a:lnTo>
                  <a:lnTo>
                    <a:pt x="116" y="466"/>
                  </a:lnTo>
                  <a:lnTo>
                    <a:pt x="116" y="476"/>
                  </a:lnTo>
                  <a:lnTo>
                    <a:pt x="117" y="485"/>
                  </a:lnTo>
                  <a:lnTo>
                    <a:pt x="116" y="494"/>
                  </a:lnTo>
                  <a:lnTo>
                    <a:pt x="115" y="503"/>
                  </a:lnTo>
                  <a:lnTo>
                    <a:pt x="112" y="512"/>
                  </a:lnTo>
                  <a:lnTo>
                    <a:pt x="109" y="520"/>
                  </a:lnTo>
                  <a:lnTo>
                    <a:pt x="105" y="527"/>
                  </a:lnTo>
                  <a:lnTo>
                    <a:pt x="100" y="536"/>
                  </a:lnTo>
                  <a:lnTo>
                    <a:pt x="94" y="543"/>
                  </a:lnTo>
                  <a:lnTo>
                    <a:pt x="80" y="543"/>
                  </a:lnTo>
                  <a:lnTo>
                    <a:pt x="65" y="543"/>
                  </a:lnTo>
                  <a:lnTo>
                    <a:pt x="51" y="543"/>
                  </a:lnTo>
                  <a:lnTo>
                    <a:pt x="38" y="543"/>
                  </a:lnTo>
                  <a:lnTo>
                    <a:pt x="30" y="554"/>
                  </a:lnTo>
                  <a:lnTo>
                    <a:pt x="25" y="565"/>
                  </a:lnTo>
                  <a:lnTo>
                    <a:pt x="20" y="578"/>
                  </a:lnTo>
                  <a:lnTo>
                    <a:pt x="16" y="591"/>
                  </a:lnTo>
                  <a:lnTo>
                    <a:pt x="7" y="618"/>
                  </a:lnTo>
                  <a:lnTo>
                    <a:pt x="0" y="645"/>
                  </a:lnTo>
                  <a:lnTo>
                    <a:pt x="1" y="650"/>
                  </a:lnTo>
                  <a:lnTo>
                    <a:pt x="2" y="652"/>
                  </a:lnTo>
                  <a:lnTo>
                    <a:pt x="4" y="654"/>
                  </a:lnTo>
                  <a:lnTo>
                    <a:pt x="6" y="656"/>
                  </a:lnTo>
                  <a:lnTo>
                    <a:pt x="12" y="658"/>
                  </a:lnTo>
                  <a:lnTo>
                    <a:pt x="19" y="660"/>
                  </a:lnTo>
                  <a:lnTo>
                    <a:pt x="25" y="661"/>
                  </a:lnTo>
                  <a:lnTo>
                    <a:pt x="31" y="664"/>
                  </a:lnTo>
                  <a:lnTo>
                    <a:pt x="34" y="665"/>
                  </a:lnTo>
                  <a:lnTo>
                    <a:pt x="36" y="668"/>
                  </a:lnTo>
                  <a:lnTo>
                    <a:pt x="37" y="671"/>
                  </a:lnTo>
                  <a:lnTo>
                    <a:pt x="38" y="674"/>
                  </a:lnTo>
                  <a:lnTo>
                    <a:pt x="30" y="686"/>
                  </a:lnTo>
                  <a:lnTo>
                    <a:pt x="25" y="697"/>
                  </a:lnTo>
                  <a:lnTo>
                    <a:pt x="22" y="706"/>
                  </a:lnTo>
                  <a:lnTo>
                    <a:pt x="19" y="715"/>
                  </a:lnTo>
                  <a:lnTo>
                    <a:pt x="15" y="734"/>
                  </a:lnTo>
                  <a:lnTo>
                    <a:pt x="9" y="758"/>
                  </a:lnTo>
                  <a:lnTo>
                    <a:pt x="19" y="765"/>
                  </a:lnTo>
                  <a:lnTo>
                    <a:pt x="28" y="771"/>
                  </a:lnTo>
                  <a:lnTo>
                    <a:pt x="39" y="776"/>
                  </a:lnTo>
                  <a:lnTo>
                    <a:pt x="49" y="781"/>
                  </a:lnTo>
                  <a:lnTo>
                    <a:pt x="60" y="785"/>
                  </a:lnTo>
                  <a:lnTo>
                    <a:pt x="71" y="789"/>
                  </a:lnTo>
                  <a:lnTo>
                    <a:pt x="83" y="792"/>
                  </a:lnTo>
                  <a:lnTo>
                    <a:pt x="95" y="795"/>
                  </a:lnTo>
                  <a:lnTo>
                    <a:pt x="120" y="799"/>
                  </a:lnTo>
                  <a:lnTo>
                    <a:pt x="145" y="801"/>
                  </a:lnTo>
                  <a:lnTo>
                    <a:pt x="170" y="804"/>
                  </a:lnTo>
                  <a:lnTo>
                    <a:pt x="197" y="807"/>
                  </a:lnTo>
                  <a:lnTo>
                    <a:pt x="223" y="809"/>
                  </a:lnTo>
                  <a:lnTo>
                    <a:pt x="249" y="811"/>
                  </a:lnTo>
                  <a:lnTo>
                    <a:pt x="275" y="815"/>
                  </a:lnTo>
                  <a:lnTo>
                    <a:pt x="299" y="819"/>
                  </a:lnTo>
                  <a:lnTo>
                    <a:pt x="312" y="822"/>
                  </a:lnTo>
                  <a:lnTo>
                    <a:pt x="323" y="827"/>
                  </a:lnTo>
                  <a:lnTo>
                    <a:pt x="334" y="831"/>
                  </a:lnTo>
                  <a:lnTo>
                    <a:pt x="345" y="835"/>
                  </a:lnTo>
                  <a:lnTo>
                    <a:pt x="356" y="840"/>
                  </a:lnTo>
                  <a:lnTo>
                    <a:pt x="365" y="847"/>
                  </a:lnTo>
                  <a:lnTo>
                    <a:pt x="375" y="854"/>
                  </a:lnTo>
                  <a:lnTo>
                    <a:pt x="384" y="861"/>
                  </a:lnTo>
                  <a:lnTo>
                    <a:pt x="387" y="865"/>
                  </a:lnTo>
                  <a:lnTo>
                    <a:pt x="389" y="871"/>
                  </a:lnTo>
                  <a:lnTo>
                    <a:pt x="390" y="877"/>
                  </a:lnTo>
                  <a:lnTo>
                    <a:pt x="393" y="883"/>
                  </a:lnTo>
                  <a:lnTo>
                    <a:pt x="394" y="897"/>
                  </a:lnTo>
                  <a:lnTo>
                    <a:pt x="394" y="912"/>
                  </a:lnTo>
                  <a:lnTo>
                    <a:pt x="395" y="927"/>
                  </a:lnTo>
                  <a:lnTo>
                    <a:pt x="396" y="941"/>
                  </a:lnTo>
                  <a:lnTo>
                    <a:pt x="397" y="948"/>
                  </a:lnTo>
                  <a:lnTo>
                    <a:pt x="398" y="954"/>
                  </a:lnTo>
                  <a:lnTo>
                    <a:pt x="400" y="959"/>
                  </a:lnTo>
                  <a:lnTo>
                    <a:pt x="403" y="964"/>
                  </a:lnTo>
                  <a:lnTo>
                    <a:pt x="423" y="964"/>
                  </a:lnTo>
                  <a:lnTo>
                    <a:pt x="443" y="967"/>
                  </a:lnTo>
                  <a:lnTo>
                    <a:pt x="462" y="969"/>
                  </a:lnTo>
                  <a:lnTo>
                    <a:pt x="480" y="972"/>
                  </a:lnTo>
                  <a:lnTo>
                    <a:pt x="516" y="977"/>
                  </a:lnTo>
                  <a:lnTo>
                    <a:pt x="553" y="983"/>
                  </a:lnTo>
                  <a:lnTo>
                    <a:pt x="568" y="955"/>
                  </a:lnTo>
                  <a:lnTo>
                    <a:pt x="586" y="928"/>
                  </a:lnTo>
                  <a:lnTo>
                    <a:pt x="595" y="915"/>
                  </a:lnTo>
                  <a:lnTo>
                    <a:pt x="605" y="902"/>
                  </a:lnTo>
                  <a:lnTo>
                    <a:pt x="616" y="891"/>
                  </a:lnTo>
                  <a:lnTo>
                    <a:pt x="627" y="880"/>
                  </a:lnTo>
                  <a:lnTo>
                    <a:pt x="642" y="883"/>
                  </a:lnTo>
                  <a:lnTo>
                    <a:pt x="656" y="884"/>
                  </a:lnTo>
                  <a:lnTo>
                    <a:pt x="668" y="886"/>
                  </a:lnTo>
                  <a:lnTo>
                    <a:pt x="681" y="886"/>
                  </a:lnTo>
                  <a:lnTo>
                    <a:pt x="693" y="883"/>
                  </a:lnTo>
                  <a:lnTo>
                    <a:pt x="704" y="881"/>
                  </a:lnTo>
                  <a:lnTo>
                    <a:pt x="715" y="878"/>
                  </a:lnTo>
                  <a:lnTo>
                    <a:pt x="724" y="874"/>
                  </a:lnTo>
                  <a:lnTo>
                    <a:pt x="734" y="869"/>
                  </a:lnTo>
                  <a:lnTo>
                    <a:pt x="742" y="862"/>
                  </a:lnTo>
                  <a:lnTo>
                    <a:pt x="751" y="856"/>
                  </a:lnTo>
                  <a:lnTo>
                    <a:pt x="759" y="849"/>
                  </a:lnTo>
                  <a:lnTo>
                    <a:pt x="766" y="841"/>
                  </a:lnTo>
                  <a:lnTo>
                    <a:pt x="774" y="833"/>
                  </a:lnTo>
                  <a:lnTo>
                    <a:pt x="780" y="823"/>
                  </a:lnTo>
                  <a:lnTo>
                    <a:pt x="786" y="815"/>
                  </a:lnTo>
                  <a:lnTo>
                    <a:pt x="782" y="803"/>
                  </a:lnTo>
                  <a:lnTo>
                    <a:pt x="777" y="790"/>
                  </a:lnTo>
                  <a:lnTo>
                    <a:pt x="773" y="775"/>
                  </a:lnTo>
                  <a:lnTo>
                    <a:pt x="770" y="759"/>
                  </a:lnTo>
                  <a:lnTo>
                    <a:pt x="769" y="752"/>
                  </a:lnTo>
                  <a:lnTo>
                    <a:pt x="769" y="744"/>
                  </a:lnTo>
                  <a:lnTo>
                    <a:pt x="769" y="737"/>
                  </a:lnTo>
                  <a:lnTo>
                    <a:pt x="771" y="731"/>
                  </a:lnTo>
                  <a:lnTo>
                    <a:pt x="773" y="724"/>
                  </a:lnTo>
                  <a:lnTo>
                    <a:pt x="776" y="719"/>
                  </a:lnTo>
                  <a:lnTo>
                    <a:pt x="781" y="715"/>
                  </a:lnTo>
                  <a:lnTo>
                    <a:pt x="786" y="712"/>
                  </a:lnTo>
                  <a:lnTo>
                    <a:pt x="783" y="709"/>
                  </a:lnTo>
                  <a:lnTo>
                    <a:pt x="778" y="706"/>
                  </a:lnTo>
                  <a:lnTo>
                    <a:pt x="773" y="705"/>
                  </a:lnTo>
                  <a:lnTo>
                    <a:pt x="767" y="704"/>
                  </a:lnTo>
                  <a:lnTo>
                    <a:pt x="756" y="703"/>
                  </a:lnTo>
                  <a:lnTo>
                    <a:pt x="743" y="703"/>
                  </a:lnTo>
                  <a:lnTo>
                    <a:pt x="731" y="703"/>
                  </a:lnTo>
                  <a:lnTo>
                    <a:pt x="719" y="701"/>
                  </a:lnTo>
                  <a:lnTo>
                    <a:pt x="714" y="700"/>
                  </a:lnTo>
                  <a:lnTo>
                    <a:pt x="710" y="698"/>
                  </a:lnTo>
                  <a:lnTo>
                    <a:pt x="705" y="696"/>
                  </a:lnTo>
                  <a:lnTo>
                    <a:pt x="702" y="693"/>
                  </a:lnTo>
                  <a:lnTo>
                    <a:pt x="702" y="680"/>
                  </a:lnTo>
                  <a:lnTo>
                    <a:pt x="702" y="669"/>
                  </a:lnTo>
                  <a:lnTo>
                    <a:pt x="703" y="657"/>
                  </a:lnTo>
                  <a:lnTo>
                    <a:pt x="704" y="648"/>
                  </a:lnTo>
                  <a:lnTo>
                    <a:pt x="708" y="630"/>
                  </a:lnTo>
                  <a:lnTo>
                    <a:pt x="715" y="613"/>
                  </a:lnTo>
                  <a:lnTo>
                    <a:pt x="731" y="580"/>
                  </a:lnTo>
                  <a:lnTo>
                    <a:pt x="750" y="543"/>
                  </a:lnTo>
                  <a:lnTo>
                    <a:pt x="758" y="538"/>
                  </a:lnTo>
                  <a:lnTo>
                    <a:pt x="766" y="536"/>
                  </a:lnTo>
                  <a:lnTo>
                    <a:pt x="773" y="535"/>
                  </a:lnTo>
                  <a:lnTo>
                    <a:pt x="779" y="537"/>
                  </a:lnTo>
                  <a:lnTo>
                    <a:pt x="784" y="539"/>
                  </a:lnTo>
                  <a:lnTo>
                    <a:pt x="789" y="544"/>
                  </a:lnTo>
                  <a:lnTo>
                    <a:pt x="793" y="549"/>
                  </a:lnTo>
                  <a:lnTo>
                    <a:pt x="796" y="555"/>
                  </a:lnTo>
                  <a:lnTo>
                    <a:pt x="803" y="567"/>
                  </a:lnTo>
                  <a:lnTo>
                    <a:pt x="812" y="579"/>
                  </a:lnTo>
                  <a:lnTo>
                    <a:pt x="816" y="583"/>
                  </a:lnTo>
                  <a:lnTo>
                    <a:pt x="821" y="588"/>
                  </a:lnTo>
                  <a:lnTo>
                    <a:pt x="826" y="590"/>
                  </a:lnTo>
                  <a:lnTo>
                    <a:pt x="834" y="590"/>
                  </a:lnTo>
                  <a:lnTo>
                    <a:pt x="837" y="589"/>
                  </a:lnTo>
                  <a:lnTo>
                    <a:pt x="841" y="586"/>
                  </a:lnTo>
                  <a:lnTo>
                    <a:pt x="846" y="584"/>
                  </a:lnTo>
                  <a:lnTo>
                    <a:pt x="852" y="580"/>
                  </a:lnTo>
                  <a:lnTo>
                    <a:pt x="863" y="570"/>
                  </a:lnTo>
                  <a:lnTo>
                    <a:pt x="877" y="556"/>
                  </a:lnTo>
                  <a:lnTo>
                    <a:pt x="891" y="539"/>
                  </a:lnTo>
                  <a:lnTo>
                    <a:pt x="904" y="521"/>
                  </a:lnTo>
                  <a:lnTo>
                    <a:pt x="917" y="501"/>
                  </a:lnTo>
                  <a:lnTo>
                    <a:pt x="930" y="481"/>
                  </a:lnTo>
                  <a:lnTo>
                    <a:pt x="940" y="460"/>
                  </a:lnTo>
                  <a:lnTo>
                    <a:pt x="950" y="439"/>
                  </a:lnTo>
                  <a:lnTo>
                    <a:pt x="953" y="429"/>
                  </a:lnTo>
                  <a:lnTo>
                    <a:pt x="955" y="419"/>
                  </a:lnTo>
                  <a:lnTo>
                    <a:pt x="957" y="410"/>
                  </a:lnTo>
                  <a:lnTo>
                    <a:pt x="958" y="400"/>
                  </a:lnTo>
                  <a:lnTo>
                    <a:pt x="958" y="391"/>
                  </a:lnTo>
                  <a:lnTo>
                    <a:pt x="957" y="382"/>
                  </a:lnTo>
                  <a:lnTo>
                    <a:pt x="956" y="375"/>
                  </a:lnTo>
                  <a:lnTo>
                    <a:pt x="953" y="367"/>
                  </a:lnTo>
                  <a:lnTo>
                    <a:pt x="948" y="361"/>
                  </a:lnTo>
                  <a:lnTo>
                    <a:pt x="942" y="355"/>
                  </a:lnTo>
                  <a:lnTo>
                    <a:pt x="936" y="351"/>
                  </a:lnTo>
                  <a:lnTo>
                    <a:pt x="928" y="346"/>
                  </a:lnTo>
                  <a:lnTo>
                    <a:pt x="895" y="362"/>
                  </a:lnTo>
                  <a:lnTo>
                    <a:pt x="855" y="381"/>
                  </a:lnTo>
                  <a:lnTo>
                    <a:pt x="834" y="391"/>
                  </a:lnTo>
                  <a:lnTo>
                    <a:pt x="813" y="399"/>
                  </a:lnTo>
                  <a:lnTo>
                    <a:pt x="791" y="406"/>
                  </a:lnTo>
                  <a:lnTo>
                    <a:pt x="770" y="412"/>
                  </a:lnTo>
                  <a:lnTo>
                    <a:pt x="759" y="414"/>
                  </a:lnTo>
                  <a:lnTo>
                    <a:pt x="749" y="415"/>
                  </a:lnTo>
                  <a:lnTo>
                    <a:pt x="739" y="416"/>
                  </a:lnTo>
                  <a:lnTo>
                    <a:pt x="730" y="416"/>
                  </a:lnTo>
                  <a:lnTo>
                    <a:pt x="720" y="415"/>
                  </a:lnTo>
                  <a:lnTo>
                    <a:pt x="711" y="413"/>
                  </a:lnTo>
                  <a:lnTo>
                    <a:pt x="702" y="410"/>
                  </a:lnTo>
                  <a:lnTo>
                    <a:pt x="695" y="405"/>
                  </a:lnTo>
                  <a:lnTo>
                    <a:pt x="687" y="400"/>
                  </a:lnTo>
                  <a:lnTo>
                    <a:pt x="681" y="394"/>
                  </a:lnTo>
                  <a:lnTo>
                    <a:pt x="675" y="386"/>
                  </a:lnTo>
                  <a:lnTo>
                    <a:pt x="670" y="377"/>
                  </a:lnTo>
                  <a:lnTo>
                    <a:pt x="664" y="367"/>
                  </a:lnTo>
                  <a:lnTo>
                    <a:pt x="661" y="356"/>
                  </a:lnTo>
                  <a:lnTo>
                    <a:pt x="658" y="342"/>
                  </a:lnTo>
                  <a:lnTo>
                    <a:pt x="656" y="327"/>
                  </a:lnTo>
                  <a:lnTo>
                    <a:pt x="676" y="328"/>
                  </a:lnTo>
                  <a:lnTo>
                    <a:pt x="696" y="327"/>
                  </a:lnTo>
                  <a:lnTo>
                    <a:pt x="714" y="326"/>
                  </a:lnTo>
                  <a:lnTo>
                    <a:pt x="731" y="323"/>
                  </a:lnTo>
                  <a:lnTo>
                    <a:pt x="745" y="319"/>
                  </a:lnTo>
                  <a:lnTo>
                    <a:pt x="759" y="315"/>
                  </a:lnTo>
                  <a:lnTo>
                    <a:pt x="772" y="308"/>
                  </a:lnTo>
                  <a:lnTo>
                    <a:pt x="783" y="302"/>
                  </a:lnTo>
                  <a:lnTo>
                    <a:pt x="794" y="295"/>
                  </a:lnTo>
                  <a:lnTo>
                    <a:pt x="802" y="287"/>
                  </a:lnTo>
                  <a:lnTo>
                    <a:pt x="811" y="279"/>
                  </a:lnTo>
                  <a:lnTo>
                    <a:pt x="817" y="270"/>
                  </a:lnTo>
                  <a:lnTo>
                    <a:pt x="821" y="261"/>
                  </a:lnTo>
                  <a:lnTo>
                    <a:pt x="825" y="252"/>
                  </a:lnTo>
                  <a:lnTo>
                    <a:pt x="829" y="242"/>
                  </a:lnTo>
                  <a:lnTo>
                    <a:pt x="830" y="232"/>
                  </a:lnTo>
                  <a:lnTo>
                    <a:pt x="830" y="222"/>
                  </a:lnTo>
                  <a:lnTo>
                    <a:pt x="830" y="213"/>
                  </a:lnTo>
                  <a:lnTo>
                    <a:pt x="827" y="204"/>
                  </a:lnTo>
                  <a:lnTo>
                    <a:pt x="824" y="195"/>
                  </a:lnTo>
                  <a:lnTo>
                    <a:pt x="820" y="186"/>
                  </a:lnTo>
                  <a:lnTo>
                    <a:pt x="815" y="178"/>
                  </a:lnTo>
                  <a:lnTo>
                    <a:pt x="809" y="171"/>
                  </a:lnTo>
                  <a:lnTo>
                    <a:pt x="800" y="163"/>
                  </a:lnTo>
                  <a:lnTo>
                    <a:pt x="792" y="157"/>
                  </a:lnTo>
                  <a:lnTo>
                    <a:pt x="782" y="152"/>
                  </a:lnTo>
                  <a:lnTo>
                    <a:pt x="772" y="146"/>
                  </a:lnTo>
                  <a:lnTo>
                    <a:pt x="760" y="143"/>
                  </a:lnTo>
                  <a:lnTo>
                    <a:pt x="746" y="141"/>
                  </a:lnTo>
                  <a:lnTo>
                    <a:pt x="733" y="139"/>
                  </a:lnTo>
                  <a:lnTo>
                    <a:pt x="718" y="139"/>
                  </a:lnTo>
                  <a:lnTo>
                    <a:pt x="702" y="140"/>
                  </a:lnTo>
                  <a:lnTo>
                    <a:pt x="706" y="128"/>
                  </a:lnTo>
                  <a:lnTo>
                    <a:pt x="708" y="117"/>
                  </a:lnTo>
                  <a:lnTo>
                    <a:pt x="710" y="106"/>
                  </a:lnTo>
                  <a:lnTo>
                    <a:pt x="708" y="98"/>
                  </a:lnTo>
                  <a:lnTo>
                    <a:pt x="706" y="89"/>
                  </a:lnTo>
                  <a:lnTo>
                    <a:pt x="703" y="82"/>
                  </a:lnTo>
                  <a:lnTo>
                    <a:pt x="699" y="76"/>
                  </a:lnTo>
                  <a:lnTo>
                    <a:pt x="693" y="70"/>
                  </a:lnTo>
                  <a:lnTo>
                    <a:pt x="686" y="65"/>
                  </a:lnTo>
                  <a:lnTo>
                    <a:pt x="679" y="61"/>
                  </a:lnTo>
                  <a:lnTo>
                    <a:pt x="670" y="58"/>
                  </a:lnTo>
                  <a:lnTo>
                    <a:pt x="661" y="55"/>
                  </a:lnTo>
                  <a:lnTo>
                    <a:pt x="640" y="49"/>
                  </a:lnTo>
                  <a:lnTo>
                    <a:pt x="617" y="45"/>
                  </a:lnTo>
                  <a:lnTo>
                    <a:pt x="568" y="40"/>
                  </a:lnTo>
                  <a:lnTo>
                    <a:pt x="519" y="33"/>
                  </a:lnTo>
                  <a:lnTo>
                    <a:pt x="506" y="30"/>
                  </a:lnTo>
                  <a:lnTo>
                    <a:pt x="496" y="27"/>
                  </a:lnTo>
                  <a:lnTo>
                    <a:pt x="484" y="24"/>
                  </a:lnTo>
                  <a:lnTo>
                    <a:pt x="474" y="21"/>
                  </a:lnTo>
                  <a:lnTo>
                    <a:pt x="464" y="17"/>
                  </a:lnTo>
                  <a:lnTo>
                    <a:pt x="456" y="12"/>
                  </a:lnTo>
                  <a:lnTo>
                    <a:pt x="447" y="6"/>
                  </a:lnTo>
                  <a:lnTo>
                    <a:pt x="440" y="0"/>
                  </a:lnTo>
                  <a:lnTo>
                    <a:pt x="440" y="23"/>
                  </a:lnTo>
                  <a:lnTo>
                    <a:pt x="441" y="47"/>
                  </a:lnTo>
                  <a:lnTo>
                    <a:pt x="440" y="58"/>
                  </a:lnTo>
                  <a:lnTo>
                    <a:pt x="439" y="68"/>
                  </a:lnTo>
                  <a:lnTo>
                    <a:pt x="438" y="73"/>
                  </a:lnTo>
                  <a:lnTo>
                    <a:pt x="436" y="77"/>
                  </a:lnTo>
                  <a:lnTo>
                    <a:pt x="434" y="81"/>
                  </a:lnTo>
                  <a:lnTo>
                    <a:pt x="430" y="84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59" name="Sønderborg"/>
            <p:cNvGrpSpPr/>
            <p:nvPr/>
          </p:nvGrpSpPr>
          <p:grpSpPr>
            <a:xfrm>
              <a:off x="1604963" y="5805488"/>
              <a:ext cx="495300" cy="338138"/>
              <a:chOff x="1604963" y="5805488"/>
              <a:chExt cx="495300" cy="338138"/>
            </a:xfrm>
            <a:grpFill/>
          </p:grpSpPr>
          <p:sp>
            <p:nvSpPr>
              <p:cNvPr id="80" name="Sønderborg"/>
              <p:cNvSpPr>
                <a:spLocks/>
              </p:cNvSpPr>
              <p:nvPr/>
            </p:nvSpPr>
            <p:spPr bwMode="auto">
              <a:xfrm>
                <a:off x="1951038" y="6069013"/>
                <a:ext cx="79375" cy="49213"/>
              </a:xfrm>
              <a:custGeom>
                <a:avLst/>
                <a:gdLst>
                  <a:gd name="T0" fmla="*/ 7 w 152"/>
                  <a:gd name="T1" fmla="*/ 0 h 93"/>
                  <a:gd name="T2" fmla="*/ 17 w 152"/>
                  <a:gd name="T3" fmla="*/ 8 h 93"/>
                  <a:gd name="T4" fmla="*/ 27 w 152"/>
                  <a:gd name="T5" fmla="*/ 15 h 93"/>
                  <a:gd name="T6" fmla="*/ 32 w 152"/>
                  <a:gd name="T7" fmla="*/ 19 h 93"/>
                  <a:gd name="T8" fmla="*/ 38 w 152"/>
                  <a:gd name="T9" fmla="*/ 23 h 93"/>
                  <a:gd name="T10" fmla="*/ 44 w 152"/>
                  <a:gd name="T11" fmla="*/ 26 h 93"/>
                  <a:gd name="T12" fmla="*/ 50 w 152"/>
                  <a:gd name="T13" fmla="*/ 28 h 93"/>
                  <a:gd name="T14" fmla="*/ 46 w 152"/>
                  <a:gd name="T15" fmla="*/ 30 h 93"/>
                  <a:gd name="T16" fmla="*/ 43 w 152"/>
                  <a:gd name="T17" fmla="*/ 31 h 93"/>
                  <a:gd name="T18" fmla="*/ 40 w 152"/>
                  <a:gd name="T19" fmla="*/ 31 h 93"/>
                  <a:gd name="T20" fmla="*/ 37 w 152"/>
                  <a:gd name="T21" fmla="*/ 31 h 93"/>
                  <a:gd name="T22" fmla="*/ 34 w 152"/>
                  <a:gd name="T23" fmla="*/ 31 h 93"/>
                  <a:gd name="T24" fmla="*/ 30 w 152"/>
                  <a:gd name="T25" fmla="*/ 30 h 93"/>
                  <a:gd name="T26" fmla="*/ 27 w 152"/>
                  <a:gd name="T27" fmla="*/ 28 h 93"/>
                  <a:gd name="T28" fmla="*/ 24 w 152"/>
                  <a:gd name="T29" fmla="*/ 27 h 93"/>
                  <a:gd name="T30" fmla="*/ 18 w 152"/>
                  <a:gd name="T31" fmla="*/ 24 h 93"/>
                  <a:gd name="T32" fmla="*/ 12 w 152"/>
                  <a:gd name="T33" fmla="*/ 21 h 93"/>
                  <a:gd name="T34" fmla="*/ 9 w 152"/>
                  <a:gd name="T35" fmla="*/ 19 h 93"/>
                  <a:gd name="T36" fmla="*/ 6 w 152"/>
                  <a:gd name="T37" fmla="*/ 18 h 93"/>
                  <a:gd name="T38" fmla="*/ 4 w 152"/>
                  <a:gd name="T39" fmla="*/ 17 h 93"/>
                  <a:gd name="T40" fmla="*/ 1 w 152"/>
                  <a:gd name="T41" fmla="*/ 16 h 93"/>
                  <a:gd name="T42" fmla="*/ 0 w 152"/>
                  <a:gd name="T43" fmla="*/ 14 h 93"/>
                  <a:gd name="T44" fmla="*/ 0 w 152"/>
                  <a:gd name="T45" fmla="*/ 12 h 93"/>
                  <a:gd name="T46" fmla="*/ 0 w 152"/>
                  <a:gd name="T47" fmla="*/ 11 h 93"/>
                  <a:gd name="T48" fmla="*/ 0 w 152"/>
                  <a:gd name="T49" fmla="*/ 10 h 93"/>
                  <a:gd name="T50" fmla="*/ 1 w 152"/>
                  <a:gd name="T51" fmla="*/ 8 h 93"/>
                  <a:gd name="T52" fmla="*/ 2 w 152"/>
                  <a:gd name="T53" fmla="*/ 6 h 93"/>
                  <a:gd name="T54" fmla="*/ 4 w 152"/>
                  <a:gd name="T55" fmla="*/ 5 h 93"/>
                  <a:gd name="T56" fmla="*/ 5 w 152"/>
                  <a:gd name="T57" fmla="*/ 4 h 93"/>
                  <a:gd name="T58" fmla="*/ 6 w 152"/>
                  <a:gd name="T59" fmla="*/ 2 h 93"/>
                  <a:gd name="T60" fmla="*/ 7 w 152"/>
                  <a:gd name="T61" fmla="*/ 0 h 93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152" h="93">
                    <a:moveTo>
                      <a:pt x="20" y="0"/>
                    </a:moveTo>
                    <a:lnTo>
                      <a:pt x="52" y="23"/>
                    </a:lnTo>
                    <a:lnTo>
                      <a:pt x="82" y="46"/>
                    </a:lnTo>
                    <a:lnTo>
                      <a:pt x="98" y="58"/>
                    </a:lnTo>
                    <a:lnTo>
                      <a:pt x="115" y="68"/>
                    </a:lnTo>
                    <a:lnTo>
                      <a:pt x="133" y="77"/>
                    </a:lnTo>
                    <a:lnTo>
                      <a:pt x="152" y="84"/>
                    </a:lnTo>
                    <a:lnTo>
                      <a:pt x="141" y="90"/>
                    </a:lnTo>
                    <a:lnTo>
                      <a:pt x="132" y="92"/>
                    </a:lnTo>
                    <a:lnTo>
                      <a:pt x="121" y="93"/>
                    </a:lnTo>
                    <a:lnTo>
                      <a:pt x="112" y="93"/>
                    </a:lnTo>
                    <a:lnTo>
                      <a:pt x="102" y="92"/>
                    </a:lnTo>
                    <a:lnTo>
                      <a:pt x="92" y="89"/>
                    </a:lnTo>
                    <a:lnTo>
                      <a:pt x="82" y="85"/>
                    </a:lnTo>
                    <a:lnTo>
                      <a:pt x="73" y="81"/>
                    </a:lnTo>
                    <a:lnTo>
                      <a:pt x="55" y="72"/>
                    </a:lnTo>
                    <a:lnTo>
                      <a:pt x="37" y="62"/>
                    </a:lnTo>
                    <a:lnTo>
                      <a:pt x="27" y="57"/>
                    </a:lnTo>
                    <a:lnTo>
                      <a:pt x="19" y="53"/>
                    </a:lnTo>
                    <a:lnTo>
                      <a:pt x="11" y="50"/>
                    </a:lnTo>
                    <a:lnTo>
                      <a:pt x="2" y="48"/>
                    </a:lnTo>
                    <a:lnTo>
                      <a:pt x="0" y="42"/>
                    </a:lnTo>
                    <a:lnTo>
                      <a:pt x="0" y="37"/>
                    </a:lnTo>
                    <a:lnTo>
                      <a:pt x="0" y="34"/>
                    </a:lnTo>
                    <a:lnTo>
                      <a:pt x="1" y="30"/>
                    </a:lnTo>
                    <a:lnTo>
                      <a:pt x="3" y="24"/>
                    </a:lnTo>
                    <a:lnTo>
                      <a:pt x="6" y="19"/>
                    </a:lnTo>
                    <a:lnTo>
                      <a:pt x="11" y="15"/>
                    </a:lnTo>
                    <a:lnTo>
                      <a:pt x="15" y="12"/>
                    </a:lnTo>
                    <a:lnTo>
                      <a:pt x="18" y="6"/>
                    </a:lnTo>
                    <a:lnTo>
                      <a:pt x="20" y="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81" name="Sønderborg kant"/>
              <p:cNvSpPr>
                <a:spLocks/>
              </p:cNvSpPr>
              <p:nvPr/>
            </p:nvSpPr>
            <p:spPr bwMode="auto">
              <a:xfrm>
                <a:off x="1951038" y="6069013"/>
                <a:ext cx="79375" cy="49213"/>
              </a:xfrm>
              <a:custGeom>
                <a:avLst/>
                <a:gdLst>
                  <a:gd name="T0" fmla="*/ 7 w 152"/>
                  <a:gd name="T1" fmla="*/ 0 h 93"/>
                  <a:gd name="T2" fmla="*/ 17 w 152"/>
                  <a:gd name="T3" fmla="*/ 8 h 93"/>
                  <a:gd name="T4" fmla="*/ 27 w 152"/>
                  <a:gd name="T5" fmla="*/ 15 h 93"/>
                  <a:gd name="T6" fmla="*/ 32 w 152"/>
                  <a:gd name="T7" fmla="*/ 19 h 93"/>
                  <a:gd name="T8" fmla="*/ 38 w 152"/>
                  <a:gd name="T9" fmla="*/ 23 h 93"/>
                  <a:gd name="T10" fmla="*/ 44 w 152"/>
                  <a:gd name="T11" fmla="*/ 26 h 93"/>
                  <a:gd name="T12" fmla="*/ 50 w 152"/>
                  <a:gd name="T13" fmla="*/ 28 h 93"/>
                  <a:gd name="T14" fmla="*/ 46 w 152"/>
                  <a:gd name="T15" fmla="*/ 30 h 93"/>
                  <a:gd name="T16" fmla="*/ 43 w 152"/>
                  <a:gd name="T17" fmla="*/ 31 h 93"/>
                  <a:gd name="T18" fmla="*/ 40 w 152"/>
                  <a:gd name="T19" fmla="*/ 31 h 93"/>
                  <a:gd name="T20" fmla="*/ 37 w 152"/>
                  <a:gd name="T21" fmla="*/ 31 h 93"/>
                  <a:gd name="T22" fmla="*/ 34 w 152"/>
                  <a:gd name="T23" fmla="*/ 31 h 93"/>
                  <a:gd name="T24" fmla="*/ 30 w 152"/>
                  <a:gd name="T25" fmla="*/ 30 h 93"/>
                  <a:gd name="T26" fmla="*/ 27 w 152"/>
                  <a:gd name="T27" fmla="*/ 28 h 93"/>
                  <a:gd name="T28" fmla="*/ 24 w 152"/>
                  <a:gd name="T29" fmla="*/ 27 h 93"/>
                  <a:gd name="T30" fmla="*/ 18 w 152"/>
                  <a:gd name="T31" fmla="*/ 24 h 93"/>
                  <a:gd name="T32" fmla="*/ 12 w 152"/>
                  <a:gd name="T33" fmla="*/ 21 h 93"/>
                  <a:gd name="T34" fmla="*/ 9 w 152"/>
                  <a:gd name="T35" fmla="*/ 19 h 93"/>
                  <a:gd name="T36" fmla="*/ 6 w 152"/>
                  <a:gd name="T37" fmla="*/ 18 h 93"/>
                  <a:gd name="T38" fmla="*/ 4 w 152"/>
                  <a:gd name="T39" fmla="*/ 17 h 93"/>
                  <a:gd name="T40" fmla="*/ 1 w 152"/>
                  <a:gd name="T41" fmla="*/ 16 h 93"/>
                  <a:gd name="T42" fmla="*/ 0 w 152"/>
                  <a:gd name="T43" fmla="*/ 14 h 93"/>
                  <a:gd name="T44" fmla="*/ 0 w 152"/>
                  <a:gd name="T45" fmla="*/ 12 h 93"/>
                  <a:gd name="T46" fmla="*/ 0 w 152"/>
                  <a:gd name="T47" fmla="*/ 11 h 93"/>
                  <a:gd name="T48" fmla="*/ 0 w 152"/>
                  <a:gd name="T49" fmla="*/ 10 h 93"/>
                  <a:gd name="T50" fmla="*/ 1 w 152"/>
                  <a:gd name="T51" fmla="*/ 8 h 93"/>
                  <a:gd name="T52" fmla="*/ 2 w 152"/>
                  <a:gd name="T53" fmla="*/ 6 h 93"/>
                  <a:gd name="T54" fmla="*/ 4 w 152"/>
                  <a:gd name="T55" fmla="*/ 5 h 93"/>
                  <a:gd name="T56" fmla="*/ 5 w 152"/>
                  <a:gd name="T57" fmla="*/ 4 h 93"/>
                  <a:gd name="T58" fmla="*/ 6 w 152"/>
                  <a:gd name="T59" fmla="*/ 2 h 93"/>
                  <a:gd name="T60" fmla="*/ 7 w 152"/>
                  <a:gd name="T61" fmla="*/ 0 h 93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152" h="93">
                    <a:moveTo>
                      <a:pt x="20" y="0"/>
                    </a:moveTo>
                    <a:lnTo>
                      <a:pt x="52" y="23"/>
                    </a:lnTo>
                    <a:lnTo>
                      <a:pt x="82" y="46"/>
                    </a:lnTo>
                    <a:lnTo>
                      <a:pt x="98" y="58"/>
                    </a:lnTo>
                    <a:lnTo>
                      <a:pt x="115" y="68"/>
                    </a:lnTo>
                    <a:lnTo>
                      <a:pt x="133" y="77"/>
                    </a:lnTo>
                    <a:lnTo>
                      <a:pt x="152" y="84"/>
                    </a:lnTo>
                    <a:lnTo>
                      <a:pt x="141" y="90"/>
                    </a:lnTo>
                    <a:lnTo>
                      <a:pt x="132" y="92"/>
                    </a:lnTo>
                    <a:lnTo>
                      <a:pt x="121" y="93"/>
                    </a:lnTo>
                    <a:lnTo>
                      <a:pt x="112" y="93"/>
                    </a:lnTo>
                    <a:lnTo>
                      <a:pt x="102" y="92"/>
                    </a:lnTo>
                    <a:lnTo>
                      <a:pt x="92" y="89"/>
                    </a:lnTo>
                    <a:lnTo>
                      <a:pt x="82" y="85"/>
                    </a:lnTo>
                    <a:lnTo>
                      <a:pt x="73" y="81"/>
                    </a:lnTo>
                    <a:lnTo>
                      <a:pt x="55" y="72"/>
                    </a:lnTo>
                    <a:lnTo>
                      <a:pt x="37" y="62"/>
                    </a:lnTo>
                    <a:lnTo>
                      <a:pt x="27" y="57"/>
                    </a:lnTo>
                    <a:lnTo>
                      <a:pt x="19" y="53"/>
                    </a:lnTo>
                    <a:lnTo>
                      <a:pt x="11" y="50"/>
                    </a:lnTo>
                    <a:lnTo>
                      <a:pt x="2" y="48"/>
                    </a:lnTo>
                    <a:lnTo>
                      <a:pt x="0" y="42"/>
                    </a:lnTo>
                    <a:lnTo>
                      <a:pt x="0" y="37"/>
                    </a:lnTo>
                    <a:lnTo>
                      <a:pt x="0" y="34"/>
                    </a:lnTo>
                    <a:lnTo>
                      <a:pt x="1" y="30"/>
                    </a:lnTo>
                    <a:lnTo>
                      <a:pt x="3" y="24"/>
                    </a:lnTo>
                    <a:lnTo>
                      <a:pt x="6" y="19"/>
                    </a:lnTo>
                    <a:lnTo>
                      <a:pt x="11" y="15"/>
                    </a:lnTo>
                    <a:lnTo>
                      <a:pt x="15" y="12"/>
                    </a:lnTo>
                    <a:lnTo>
                      <a:pt x="18" y="6"/>
                    </a:lnTo>
                    <a:lnTo>
                      <a:pt x="20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82" name="Sønderborg"/>
              <p:cNvSpPr>
                <a:spLocks/>
              </p:cNvSpPr>
              <p:nvPr/>
            </p:nvSpPr>
            <p:spPr bwMode="auto">
              <a:xfrm>
                <a:off x="1758950" y="5805488"/>
                <a:ext cx="341313" cy="293688"/>
              </a:xfrm>
              <a:custGeom>
                <a:avLst/>
                <a:gdLst>
                  <a:gd name="T0" fmla="*/ 112 w 645"/>
                  <a:gd name="T1" fmla="*/ 144 h 555"/>
                  <a:gd name="T2" fmla="*/ 107 w 645"/>
                  <a:gd name="T3" fmla="*/ 138 h 555"/>
                  <a:gd name="T4" fmla="*/ 110 w 645"/>
                  <a:gd name="T5" fmla="*/ 128 h 555"/>
                  <a:gd name="T6" fmla="*/ 102 w 645"/>
                  <a:gd name="T7" fmla="*/ 134 h 555"/>
                  <a:gd name="T8" fmla="*/ 90 w 645"/>
                  <a:gd name="T9" fmla="*/ 130 h 555"/>
                  <a:gd name="T10" fmla="*/ 77 w 645"/>
                  <a:gd name="T11" fmla="*/ 106 h 555"/>
                  <a:gd name="T12" fmla="*/ 65 w 645"/>
                  <a:gd name="T13" fmla="*/ 102 h 555"/>
                  <a:gd name="T14" fmla="*/ 66 w 645"/>
                  <a:gd name="T15" fmla="*/ 128 h 555"/>
                  <a:gd name="T16" fmla="*/ 85 w 645"/>
                  <a:gd name="T17" fmla="*/ 161 h 555"/>
                  <a:gd name="T18" fmla="*/ 106 w 645"/>
                  <a:gd name="T19" fmla="*/ 161 h 555"/>
                  <a:gd name="T20" fmla="*/ 154 w 645"/>
                  <a:gd name="T21" fmla="*/ 159 h 555"/>
                  <a:gd name="T22" fmla="*/ 188 w 645"/>
                  <a:gd name="T23" fmla="*/ 183 h 555"/>
                  <a:gd name="T24" fmla="*/ 209 w 645"/>
                  <a:gd name="T25" fmla="*/ 177 h 555"/>
                  <a:gd name="T26" fmla="*/ 196 w 645"/>
                  <a:gd name="T27" fmla="*/ 126 h 555"/>
                  <a:gd name="T28" fmla="*/ 178 w 645"/>
                  <a:gd name="T29" fmla="*/ 84 h 555"/>
                  <a:gd name="T30" fmla="*/ 158 w 645"/>
                  <a:gd name="T31" fmla="*/ 63 h 555"/>
                  <a:gd name="T32" fmla="*/ 128 w 645"/>
                  <a:gd name="T33" fmla="*/ 51 h 555"/>
                  <a:gd name="T34" fmla="*/ 109 w 645"/>
                  <a:gd name="T35" fmla="*/ 32 h 555"/>
                  <a:gd name="T36" fmla="*/ 87 w 645"/>
                  <a:gd name="T37" fmla="*/ 14 h 555"/>
                  <a:gd name="T38" fmla="*/ 60 w 645"/>
                  <a:gd name="T39" fmla="*/ 2 h 555"/>
                  <a:gd name="T40" fmla="*/ 33 w 645"/>
                  <a:gd name="T41" fmla="*/ 1 h 555"/>
                  <a:gd name="T42" fmla="*/ 9 w 645"/>
                  <a:gd name="T43" fmla="*/ 15 h 555"/>
                  <a:gd name="T44" fmla="*/ 4 w 645"/>
                  <a:gd name="T45" fmla="*/ 31 h 555"/>
                  <a:gd name="T46" fmla="*/ 27 w 645"/>
                  <a:gd name="T47" fmla="*/ 27 h 555"/>
                  <a:gd name="T48" fmla="*/ 41 w 645"/>
                  <a:gd name="T49" fmla="*/ 26 h 555"/>
                  <a:gd name="T50" fmla="*/ 44 w 645"/>
                  <a:gd name="T51" fmla="*/ 32 h 555"/>
                  <a:gd name="T52" fmla="*/ 39 w 645"/>
                  <a:gd name="T53" fmla="*/ 39 h 555"/>
                  <a:gd name="T54" fmla="*/ 31 w 645"/>
                  <a:gd name="T55" fmla="*/ 43 h 555"/>
                  <a:gd name="T56" fmla="*/ 13 w 645"/>
                  <a:gd name="T57" fmla="*/ 47 h 555"/>
                  <a:gd name="T58" fmla="*/ 23 w 645"/>
                  <a:gd name="T59" fmla="*/ 58 h 555"/>
                  <a:gd name="T60" fmla="*/ 42 w 645"/>
                  <a:gd name="T61" fmla="*/ 58 h 555"/>
                  <a:gd name="T62" fmla="*/ 72 w 645"/>
                  <a:gd name="T63" fmla="*/ 54 h 555"/>
                  <a:gd name="T64" fmla="*/ 80 w 645"/>
                  <a:gd name="T65" fmla="*/ 61 h 555"/>
                  <a:gd name="T66" fmla="*/ 75 w 645"/>
                  <a:gd name="T67" fmla="*/ 68 h 555"/>
                  <a:gd name="T68" fmla="*/ 83 w 645"/>
                  <a:gd name="T69" fmla="*/ 77 h 555"/>
                  <a:gd name="T70" fmla="*/ 81 w 645"/>
                  <a:gd name="T71" fmla="*/ 83 h 555"/>
                  <a:gd name="T72" fmla="*/ 107 w 645"/>
                  <a:gd name="T73" fmla="*/ 91 h 555"/>
                  <a:gd name="T74" fmla="*/ 112 w 645"/>
                  <a:gd name="T75" fmla="*/ 101 h 555"/>
                  <a:gd name="T76" fmla="*/ 105 w 645"/>
                  <a:gd name="T77" fmla="*/ 104 h 555"/>
                  <a:gd name="T78" fmla="*/ 110 w 645"/>
                  <a:gd name="T79" fmla="*/ 112 h 555"/>
                  <a:gd name="T80" fmla="*/ 117 w 645"/>
                  <a:gd name="T81" fmla="*/ 112 h 555"/>
                  <a:gd name="T82" fmla="*/ 123 w 645"/>
                  <a:gd name="T83" fmla="*/ 113 h 555"/>
                  <a:gd name="T84" fmla="*/ 124 w 645"/>
                  <a:gd name="T85" fmla="*/ 119 h 555"/>
                  <a:gd name="T86" fmla="*/ 116 w 645"/>
                  <a:gd name="T87" fmla="*/ 123 h 555"/>
                  <a:gd name="T88" fmla="*/ 126 w 645"/>
                  <a:gd name="T89" fmla="*/ 127 h 555"/>
                  <a:gd name="T90" fmla="*/ 141 w 645"/>
                  <a:gd name="T91" fmla="*/ 132 h 555"/>
                  <a:gd name="T92" fmla="*/ 148 w 645"/>
                  <a:gd name="T93" fmla="*/ 126 h 555"/>
                  <a:gd name="T94" fmla="*/ 150 w 645"/>
                  <a:gd name="T95" fmla="*/ 134 h 555"/>
                  <a:gd name="T96" fmla="*/ 158 w 645"/>
                  <a:gd name="T97" fmla="*/ 137 h 555"/>
                  <a:gd name="T98" fmla="*/ 154 w 645"/>
                  <a:gd name="T99" fmla="*/ 134 h 555"/>
                  <a:gd name="T100" fmla="*/ 155 w 645"/>
                  <a:gd name="T101" fmla="*/ 126 h 555"/>
                  <a:gd name="T102" fmla="*/ 161 w 645"/>
                  <a:gd name="T103" fmla="*/ 128 h 555"/>
                  <a:gd name="T104" fmla="*/ 163 w 645"/>
                  <a:gd name="T105" fmla="*/ 135 h 555"/>
                  <a:gd name="T106" fmla="*/ 167 w 645"/>
                  <a:gd name="T107" fmla="*/ 126 h 555"/>
                  <a:gd name="T108" fmla="*/ 179 w 645"/>
                  <a:gd name="T109" fmla="*/ 128 h 555"/>
                  <a:gd name="T110" fmla="*/ 179 w 645"/>
                  <a:gd name="T111" fmla="*/ 138 h 555"/>
                  <a:gd name="T112" fmla="*/ 170 w 645"/>
                  <a:gd name="T113" fmla="*/ 144 h 555"/>
                  <a:gd name="T114" fmla="*/ 152 w 645"/>
                  <a:gd name="T115" fmla="*/ 142 h 555"/>
                  <a:gd name="T116" fmla="*/ 124 w 645"/>
                  <a:gd name="T117" fmla="*/ 142 h 555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0" t="0" r="r" b="b"/>
                <a:pathLst>
                  <a:path w="645" h="555">
                    <a:moveTo>
                      <a:pt x="346" y="404"/>
                    </a:moveTo>
                    <a:lnTo>
                      <a:pt x="346" y="412"/>
                    </a:lnTo>
                    <a:lnTo>
                      <a:pt x="345" y="418"/>
                    </a:lnTo>
                    <a:lnTo>
                      <a:pt x="343" y="423"/>
                    </a:lnTo>
                    <a:lnTo>
                      <a:pt x="340" y="428"/>
                    </a:lnTo>
                    <a:lnTo>
                      <a:pt x="336" y="431"/>
                    </a:lnTo>
                    <a:lnTo>
                      <a:pt x="331" y="432"/>
                    </a:lnTo>
                    <a:lnTo>
                      <a:pt x="325" y="433"/>
                    </a:lnTo>
                    <a:lnTo>
                      <a:pt x="318" y="433"/>
                    </a:lnTo>
                    <a:lnTo>
                      <a:pt x="318" y="425"/>
                    </a:lnTo>
                    <a:lnTo>
                      <a:pt x="320" y="418"/>
                    </a:lnTo>
                    <a:lnTo>
                      <a:pt x="322" y="413"/>
                    </a:lnTo>
                    <a:lnTo>
                      <a:pt x="325" y="408"/>
                    </a:lnTo>
                    <a:lnTo>
                      <a:pt x="328" y="402"/>
                    </a:lnTo>
                    <a:lnTo>
                      <a:pt x="331" y="398"/>
                    </a:lnTo>
                    <a:lnTo>
                      <a:pt x="335" y="393"/>
                    </a:lnTo>
                    <a:lnTo>
                      <a:pt x="337" y="387"/>
                    </a:lnTo>
                    <a:lnTo>
                      <a:pt x="331" y="385"/>
                    </a:lnTo>
                    <a:lnTo>
                      <a:pt x="327" y="387"/>
                    </a:lnTo>
                    <a:lnTo>
                      <a:pt x="323" y="388"/>
                    </a:lnTo>
                    <a:lnTo>
                      <a:pt x="320" y="389"/>
                    </a:lnTo>
                    <a:lnTo>
                      <a:pt x="315" y="393"/>
                    </a:lnTo>
                    <a:lnTo>
                      <a:pt x="310" y="398"/>
                    </a:lnTo>
                    <a:lnTo>
                      <a:pt x="306" y="402"/>
                    </a:lnTo>
                    <a:lnTo>
                      <a:pt x="300" y="405"/>
                    </a:lnTo>
                    <a:lnTo>
                      <a:pt x="296" y="407"/>
                    </a:lnTo>
                    <a:lnTo>
                      <a:pt x="291" y="407"/>
                    </a:lnTo>
                    <a:lnTo>
                      <a:pt x="286" y="407"/>
                    </a:lnTo>
                    <a:lnTo>
                      <a:pt x="280" y="404"/>
                    </a:lnTo>
                    <a:lnTo>
                      <a:pt x="270" y="391"/>
                    </a:lnTo>
                    <a:lnTo>
                      <a:pt x="262" y="374"/>
                    </a:lnTo>
                    <a:lnTo>
                      <a:pt x="254" y="358"/>
                    </a:lnTo>
                    <a:lnTo>
                      <a:pt x="246" y="341"/>
                    </a:lnTo>
                    <a:lnTo>
                      <a:pt x="241" y="333"/>
                    </a:lnTo>
                    <a:lnTo>
                      <a:pt x="237" y="325"/>
                    </a:lnTo>
                    <a:lnTo>
                      <a:pt x="231" y="318"/>
                    </a:lnTo>
                    <a:lnTo>
                      <a:pt x="226" y="312"/>
                    </a:lnTo>
                    <a:lnTo>
                      <a:pt x="220" y="305"/>
                    </a:lnTo>
                    <a:lnTo>
                      <a:pt x="212" y="300"/>
                    </a:lnTo>
                    <a:lnTo>
                      <a:pt x="205" y="296"/>
                    </a:lnTo>
                    <a:lnTo>
                      <a:pt x="196" y="293"/>
                    </a:lnTo>
                    <a:lnTo>
                      <a:pt x="194" y="306"/>
                    </a:lnTo>
                    <a:lnTo>
                      <a:pt x="191" y="320"/>
                    </a:lnTo>
                    <a:lnTo>
                      <a:pt x="190" y="333"/>
                    </a:lnTo>
                    <a:lnTo>
                      <a:pt x="191" y="345"/>
                    </a:lnTo>
                    <a:lnTo>
                      <a:pt x="192" y="358"/>
                    </a:lnTo>
                    <a:lnTo>
                      <a:pt x="195" y="371"/>
                    </a:lnTo>
                    <a:lnTo>
                      <a:pt x="198" y="383"/>
                    </a:lnTo>
                    <a:lnTo>
                      <a:pt x="201" y="395"/>
                    </a:lnTo>
                    <a:lnTo>
                      <a:pt x="209" y="418"/>
                    </a:lnTo>
                    <a:lnTo>
                      <a:pt x="220" y="439"/>
                    </a:lnTo>
                    <a:lnTo>
                      <a:pt x="231" y="460"/>
                    </a:lnTo>
                    <a:lnTo>
                      <a:pt x="243" y="480"/>
                    </a:lnTo>
                    <a:lnTo>
                      <a:pt x="256" y="484"/>
                    </a:lnTo>
                    <a:lnTo>
                      <a:pt x="267" y="488"/>
                    </a:lnTo>
                    <a:lnTo>
                      <a:pt x="278" y="489"/>
                    </a:lnTo>
                    <a:lnTo>
                      <a:pt x="288" y="489"/>
                    </a:lnTo>
                    <a:lnTo>
                      <a:pt x="299" y="488"/>
                    </a:lnTo>
                    <a:lnTo>
                      <a:pt x="308" y="486"/>
                    </a:lnTo>
                    <a:lnTo>
                      <a:pt x="317" y="483"/>
                    </a:lnTo>
                    <a:lnTo>
                      <a:pt x="326" y="479"/>
                    </a:lnTo>
                    <a:lnTo>
                      <a:pt x="360" y="461"/>
                    </a:lnTo>
                    <a:lnTo>
                      <a:pt x="393" y="442"/>
                    </a:lnTo>
                    <a:lnTo>
                      <a:pt x="418" y="453"/>
                    </a:lnTo>
                    <a:lnTo>
                      <a:pt x="441" y="464"/>
                    </a:lnTo>
                    <a:lnTo>
                      <a:pt x="462" y="478"/>
                    </a:lnTo>
                    <a:lnTo>
                      <a:pt x="483" y="492"/>
                    </a:lnTo>
                    <a:lnTo>
                      <a:pt x="503" y="508"/>
                    </a:lnTo>
                    <a:lnTo>
                      <a:pt x="523" y="522"/>
                    </a:lnTo>
                    <a:lnTo>
                      <a:pt x="542" y="539"/>
                    </a:lnTo>
                    <a:lnTo>
                      <a:pt x="561" y="555"/>
                    </a:lnTo>
                    <a:lnTo>
                      <a:pt x="565" y="550"/>
                    </a:lnTo>
                    <a:lnTo>
                      <a:pt x="569" y="546"/>
                    </a:lnTo>
                    <a:lnTo>
                      <a:pt x="575" y="541"/>
                    </a:lnTo>
                    <a:lnTo>
                      <a:pt x="579" y="538"/>
                    </a:lnTo>
                    <a:lnTo>
                      <a:pt x="590" y="534"/>
                    </a:lnTo>
                    <a:lnTo>
                      <a:pt x="602" y="532"/>
                    </a:lnTo>
                    <a:lnTo>
                      <a:pt x="626" y="530"/>
                    </a:lnTo>
                    <a:lnTo>
                      <a:pt x="645" y="527"/>
                    </a:lnTo>
                    <a:lnTo>
                      <a:pt x="633" y="498"/>
                    </a:lnTo>
                    <a:lnTo>
                      <a:pt x="621" y="469"/>
                    </a:lnTo>
                    <a:lnTo>
                      <a:pt x="610" y="438"/>
                    </a:lnTo>
                    <a:lnTo>
                      <a:pt x="600" y="408"/>
                    </a:lnTo>
                    <a:lnTo>
                      <a:pt x="589" y="377"/>
                    </a:lnTo>
                    <a:lnTo>
                      <a:pt x="579" y="348"/>
                    </a:lnTo>
                    <a:lnTo>
                      <a:pt x="567" y="318"/>
                    </a:lnTo>
                    <a:lnTo>
                      <a:pt x="555" y="290"/>
                    </a:lnTo>
                    <a:lnTo>
                      <a:pt x="547" y="276"/>
                    </a:lnTo>
                    <a:lnTo>
                      <a:pt x="540" y="263"/>
                    </a:lnTo>
                    <a:lnTo>
                      <a:pt x="533" y="251"/>
                    </a:lnTo>
                    <a:lnTo>
                      <a:pt x="524" y="238"/>
                    </a:lnTo>
                    <a:lnTo>
                      <a:pt x="515" y="226"/>
                    </a:lnTo>
                    <a:lnTo>
                      <a:pt x="505" y="216"/>
                    </a:lnTo>
                    <a:lnTo>
                      <a:pt x="496" y="205"/>
                    </a:lnTo>
                    <a:lnTo>
                      <a:pt x="484" y="196"/>
                    </a:lnTo>
                    <a:lnTo>
                      <a:pt x="473" y="188"/>
                    </a:lnTo>
                    <a:lnTo>
                      <a:pt x="460" y="180"/>
                    </a:lnTo>
                    <a:lnTo>
                      <a:pt x="446" y="173"/>
                    </a:lnTo>
                    <a:lnTo>
                      <a:pt x="433" y="166"/>
                    </a:lnTo>
                    <a:lnTo>
                      <a:pt x="417" y="161"/>
                    </a:lnTo>
                    <a:lnTo>
                      <a:pt x="401" y="157"/>
                    </a:lnTo>
                    <a:lnTo>
                      <a:pt x="383" y="154"/>
                    </a:lnTo>
                    <a:lnTo>
                      <a:pt x="365" y="152"/>
                    </a:lnTo>
                    <a:lnTo>
                      <a:pt x="359" y="141"/>
                    </a:lnTo>
                    <a:lnTo>
                      <a:pt x="353" y="130"/>
                    </a:lnTo>
                    <a:lnTo>
                      <a:pt x="345" y="119"/>
                    </a:lnTo>
                    <a:lnTo>
                      <a:pt x="337" y="107"/>
                    </a:lnTo>
                    <a:lnTo>
                      <a:pt x="327" y="97"/>
                    </a:lnTo>
                    <a:lnTo>
                      <a:pt x="318" y="86"/>
                    </a:lnTo>
                    <a:lnTo>
                      <a:pt x="307" y="77"/>
                    </a:lnTo>
                    <a:lnTo>
                      <a:pt x="297" y="67"/>
                    </a:lnTo>
                    <a:lnTo>
                      <a:pt x="285" y="58"/>
                    </a:lnTo>
                    <a:lnTo>
                      <a:pt x="272" y="50"/>
                    </a:lnTo>
                    <a:lnTo>
                      <a:pt x="261" y="41"/>
                    </a:lnTo>
                    <a:lnTo>
                      <a:pt x="247" y="33"/>
                    </a:lnTo>
                    <a:lnTo>
                      <a:pt x="235" y="26"/>
                    </a:lnTo>
                    <a:lnTo>
                      <a:pt x="221" y="20"/>
                    </a:lnTo>
                    <a:lnTo>
                      <a:pt x="207" y="15"/>
                    </a:lnTo>
                    <a:lnTo>
                      <a:pt x="194" y="10"/>
                    </a:lnTo>
                    <a:lnTo>
                      <a:pt x="180" y="5"/>
                    </a:lnTo>
                    <a:lnTo>
                      <a:pt x="166" y="3"/>
                    </a:lnTo>
                    <a:lnTo>
                      <a:pt x="152" y="1"/>
                    </a:lnTo>
                    <a:lnTo>
                      <a:pt x="139" y="0"/>
                    </a:lnTo>
                    <a:lnTo>
                      <a:pt x="125" y="0"/>
                    </a:lnTo>
                    <a:lnTo>
                      <a:pt x="111" y="1"/>
                    </a:lnTo>
                    <a:lnTo>
                      <a:pt x="98" y="3"/>
                    </a:lnTo>
                    <a:lnTo>
                      <a:pt x="85" y="7"/>
                    </a:lnTo>
                    <a:lnTo>
                      <a:pt x="72" y="12"/>
                    </a:lnTo>
                    <a:lnTo>
                      <a:pt x="60" y="18"/>
                    </a:lnTo>
                    <a:lnTo>
                      <a:pt x="48" y="25"/>
                    </a:lnTo>
                    <a:lnTo>
                      <a:pt x="38" y="35"/>
                    </a:lnTo>
                    <a:lnTo>
                      <a:pt x="27" y="45"/>
                    </a:lnTo>
                    <a:lnTo>
                      <a:pt x="17" y="58"/>
                    </a:lnTo>
                    <a:lnTo>
                      <a:pt x="8" y="72"/>
                    </a:lnTo>
                    <a:lnTo>
                      <a:pt x="0" y="86"/>
                    </a:lnTo>
                    <a:lnTo>
                      <a:pt x="3" y="90"/>
                    </a:lnTo>
                    <a:lnTo>
                      <a:pt x="7" y="92"/>
                    </a:lnTo>
                    <a:lnTo>
                      <a:pt x="11" y="94"/>
                    </a:lnTo>
                    <a:lnTo>
                      <a:pt x="16" y="95"/>
                    </a:lnTo>
                    <a:lnTo>
                      <a:pt x="25" y="96"/>
                    </a:lnTo>
                    <a:lnTo>
                      <a:pt x="33" y="95"/>
                    </a:lnTo>
                    <a:lnTo>
                      <a:pt x="53" y="91"/>
                    </a:lnTo>
                    <a:lnTo>
                      <a:pt x="72" y="83"/>
                    </a:lnTo>
                    <a:lnTo>
                      <a:pt x="82" y="80"/>
                    </a:lnTo>
                    <a:lnTo>
                      <a:pt x="91" y="77"/>
                    </a:lnTo>
                    <a:lnTo>
                      <a:pt x="101" y="76"/>
                    </a:lnTo>
                    <a:lnTo>
                      <a:pt x="110" y="75"/>
                    </a:lnTo>
                    <a:lnTo>
                      <a:pt x="115" y="76"/>
                    </a:lnTo>
                    <a:lnTo>
                      <a:pt x="119" y="77"/>
                    </a:lnTo>
                    <a:lnTo>
                      <a:pt x="122" y="78"/>
                    </a:lnTo>
                    <a:lnTo>
                      <a:pt x="126" y="80"/>
                    </a:lnTo>
                    <a:lnTo>
                      <a:pt x="130" y="83"/>
                    </a:lnTo>
                    <a:lnTo>
                      <a:pt x="133" y="86"/>
                    </a:lnTo>
                    <a:lnTo>
                      <a:pt x="137" y="91"/>
                    </a:lnTo>
                    <a:lnTo>
                      <a:pt x="140" y="96"/>
                    </a:lnTo>
                    <a:lnTo>
                      <a:pt x="133" y="97"/>
                    </a:lnTo>
                    <a:lnTo>
                      <a:pt x="128" y="99"/>
                    </a:lnTo>
                    <a:lnTo>
                      <a:pt x="124" y="101"/>
                    </a:lnTo>
                    <a:lnTo>
                      <a:pt x="122" y="103"/>
                    </a:lnTo>
                    <a:lnTo>
                      <a:pt x="119" y="107"/>
                    </a:lnTo>
                    <a:lnTo>
                      <a:pt x="118" y="113"/>
                    </a:lnTo>
                    <a:lnTo>
                      <a:pt x="118" y="118"/>
                    </a:lnTo>
                    <a:lnTo>
                      <a:pt x="116" y="124"/>
                    </a:lnTo>
                    <a:lnTo>
                      <a:pt x="113" y="126"/>
                    </a:lnTo>
                    <a:lnTo>
                      <a:pt x="111" y="129"/>
                    </a:lnTo>
                    <a:lnTo>
                      <a:pt x="107" y="132"/>
                    </a:lnTo>
                    <a:lnTo>
                      <a:pt x="103" y="134"/>
                    </a:lnTo>
                    <a:lnTo>
                      <a:pt x="92" y="130"/>
                    </a:lnTo>
                    <a:lnTo>
                      <a:pt x="84" y="127"/>
                    </a:lnTo>
                    <a:lnTo>
                      <a:pt x="78" y="127"/>
                    </a:lnTo>
                    <a:lnTo>
                      <a:pt x="71" y="127"/>
                    </a:lnTo>
                    <a:lnTo>
                      <a:pt x="58" y="131"/>
                    </a:lnTo>
                    <a:lnTo>
                      <a:pt x="37" y="134"/>
                    </a:lnTo>
                    <a:lnTo>
                      <a:pt x="40" y="142"/>
                    </a:lnTo>
                    <a:lnTo>
                      <a:pt x="43" y="150"/>
                    </a:lnTo>
                    <a:lnTo>
                      <a:pt x="47" y="156"/>
                    </a:lnTo>
                    <a:lnTo>
                      <a:pt x="51" y="162"/>
                    </a:lnTo>
                    <a:lnTo>
                      <a:pt x="58" y="166"/>
                    </a:lnTo>
                    <a:lnTo>
                      <a:pt x="63" y="170"/>
                    </a:lnTo>
                    <a:lnTo>
                      <a:pt x="70" y="173"/>
                    </a:lnTo>
                    <a:lnTo>
                      <a:pt x="77" y="174"/>
                    </a:lnTo>
                    <a:lnTo>
                      <a:pt x="84" y="175"/>
                    </a:lnTo>
                    <a:lnTo>
                      <a:pt x="92" y="176"/>
                    </a:lnTo>
                    <a:lnTo>
                      <a:pt x="100" y="176"/>
                    </a:lnTo>
                    <a:lnTo>
                      <a:pt x="108" y="175"/>
                    </a:lnTo>
                    <a:lnTo>
                      <a:pt x="126" y="174"/>
                    </a:lnTo>
                    <a:lnTo>
                      <a:pt x="144" y="171"/>
                    </a:lnTo>
                    <a:lnTo>
                      <a:pt x="161" y="167"/>
                    </a:lnTo>
                    <a:lnTo>
                      <a:pt x="178" y="164"/>
                    </a:lnTo>
                    <a:lnTo>
                      <a:pt x="194" y="162"/>
                    </a:lnTo>
                    <a:lnTo>
                      <a:pt x="208" y="162"/>
                    </a:lnTo>
                    <a:lnTo>
                      <a:pt x="215" y="163"/>
                    </a:lnTo>
                    <a:lnTo>
                      <a:pt x="221" y="164"/>
                    </a:lnTo>
                    <a:lnTo>
                      <a:pt x="226" y="166"/>
                    </a:lnTo>
                    <a:lnTo>
                      <a:pt x="231" y="169"/>
                    </a:lnTo>
                    <a:lnTo>
                      <a:pt x="236" y="173"/>
                    </a:lnTo>
                    <a:lnTo>
                      <a:pt x="239" y="177"/>
                    </a:lnTo>
                    <a:lnTo>
                      <a:pt x="241" y="183"/>
                    </a:lnTo>
                    <a:lnTo>
                      <a:pt x="243" y="190"/>
                    </a:lnTo>
                    <a:lnTo>
                      <a:pt x="240" y="192"/>
                    </a:lnTo>
                    <a:lnTo>
                      <a:pt x="234" y="196"/>
                    </a:lnTo>
                    <a:lnTo>
                      <a:pt x="229" y="199"/>
                    </a:lnTo>
                    <a:lnTo>
                      <a:pt x="226" y="202"/>
                    </a:lnTo>
                    <a:lnTo>
                      <a:pt x="225" y="205"/>
                    </a:lnTo>
                    <a:lnTo>
                      <a:pt x="224" y="209"/>
                    </a:lnTo>
                    <a:lnTo>
                      <a:pt x="232" y="215"/>
                    </a:lnTo>
                    <a:lnTo>
                      <a:pt x="245" y="223"/>
                    </a:lnTo>
                    <a:lnTo>
                      <a:pt x="247" y="225"/>
                    </a:lnTo>
                    <a:lnTo>
                      <a:pt x="249" y="229"/>
                    </a:lnTo>
                    <a:lnTo>
                      <a:pt x="249" y="231"/>
                    </a:lnTo>
                    <a:lnTo>
                      <a:pt x="247" y="234"/>
                    </a:lnTo>
                    <a:lnTo>
                      <a:pt x="245" y="237"/>
                    </a:lnTo>
                    <a:lnTo>
                      <a:pt x="240" y="239"/>
                    </a:lnTo>
                    <a:lnTo>
                      <a:pt x="234" y="242"/>
                    </a:lnTo>
                    <a:lnTo>
                      <a:pt x="224" y="245"/>
                    </a:lnTo>
                    <a:lnTo>
                      <a:pt x="244" y="248"/>
                    </a:lnTo>
                    <a:lnTo>
                      <a:pt x="264" y="251"/>
                    </a:lnTo>
                    <a:lnTo>
                      <a:pt x="282" y="255"/>
                    </a:lnTo>
                    <a:lnTo>
                      <a:pt x="299" y="260"/>
                    </a:lnTo>
                    <a:lnTo>
                      <a:pt x="306" y="263"/>
                    </a:lnTo>
                    <a:lnTo>
                      <a:pt x="314" y="268"/>
                    </a:lnTo>
                    <a:lnTo>
                      <a:pt x="321" y="272"/>
                    </a:lnTo>
                    <a:lnTo>
                      <a:pt x="327" y="277"/>
                    </a:lnTo>
                    <a:lnTo>
                      <a:pt x="333" y="282"/>
                    </a:lnTo>
                    <a:lnTo>
                      <a:pt x="338" y="288"/>
                    </a:lnTo>
                    <a:lnTo>
                      <a:pt x="342" y="295"/>
                    </a:lnTo>
                    <a:lnTo>
                      <a:pt x="346" y="302"/>
                    </a:lnTo>
                    <a:lnTo>
                      <a:pt x="335" y="302"/>
                    </a:lnTo>
                    <a:lnTo>
                      <a:pt x="323" y="302"/>
                    </a:lnTo>
                    <a:lnTo>
                      <a:pt x="318" y="303"/>
                    </a:lnTo>
                    <a:lnTo>
                      <a:pt x="314" y="304"/>
                    </a:lnTo>
                    <a:lnTo>
                      <a:pt x="310" y="308"/>
                    </a:lnTo>
                    <a:lnTo>
                      <a:pt x="308" y="312"/>
                    </a:lnTo>
                    <a:lnTo>
                      <a:pt x="314" y="313"/>
                    </a:lnTo>
                    <a:lnTo>
                      <a:pt x="318" y="315"/>
                    </a:lnTo>
                    <a:lnTo>
                      <a:pt x="321" y="317"/>
                    </a:lnTo>
                    <a:lnTo>
                      <a:pt x="324" y="319"/>
                    </a:lnTo>
                    <a:lnTo>
                      <a:pt x="327" y="324"/>
                    </a:lnTo>
                    <a:lnTo>
                      <a:pt x="329" y="330"/>
                    </a:lnTo>
                    <a:lnTo>
                      <a:pt x="331" y="336"/>
                    </a:lnTo>
                    <a:lnTo>
                      <a:pt x="331" y="341"/>
                    </a:lnTo>
                    <a:lnTo>
                      <a:pt x="334" y="345"/>
                    </a:lnTo>
                    <a:lnTo>
                      <a:pt x="337" y="349"/>
                    </a:lnTo>
                    <a:lnTo>
                      <a:pt x="341" y="343"/>
                    </a:lnTo>
                    <a:lnTo>
                      <a:pt x="345" y="338"/>
                    </a:lnTo>
                    <a:lnTo>
                      <a:pt x="351" y="335"/>
                    </a:lnTo>
                    <a:lnTo>
                      <a:pt x="358" y="333"/>
                    </a:lnTo>
                    <a:lnTo>
                      <a:pt x="360" y="333"/>
                    </a:lnTo>
                    <a:lnTo>
                      <a:pt x="363" y="333"/>
                    </a:lnTo>
                    <a:lnTo>
                      <a:pt x="366" y="334"/>
                    </a:lnTo>
                    <a:lnTo>
                      <a:pt x="368" y="336"/>
                    </a:lnTo>
                    <a:lnTo>
                      <a:pt x="370" y="338"/>
                    </a:lnTo>
                    <a:lnTo>
                      <a:pt x="371" y="340"/>
                    </a:lnTo>
                    <a:lnTo>
                      <a:pt x="374" y="344"/>
                    </a:lnTo>
                    <a:lnTo>
                      <a:pt x="374" y="349"/>
                    </a:lnTo>
                    <a:lnTo>
                      <a:pt x="375" y="353"/>
                    </a:lnTo>
                    <a:lnTo>
                      <a:pt x="374" y="355"/>
                    </a:lnTo>
                    <a:lnTo>
                      <a:pt x="373" y="358"/>
                    </a:lnTo>
                    <a:lnTo>
                      <a:pt x="371" y="360"/>
                    </a:lnTo>
                    <a:lnTo>
                      <a:pt x="366" y="362"/>
                    </a:lnTo>
                    <a:lnTo>
                      <a:pt x="361" y="364"/>
                    </a:lnTo>
                    <a:lnTo>
                      <a:pt x="356" y="365"/>
                    </a:lnTo>
                    <a:lnTo>
                      <a:pt x="351" y="368"/>
                    </a:lnTo>
                    <a:lnTo>
                      <a:pt x="349" y="370"/>
                    </a:lnTo>
                    <a:lnTo>
                      <a:pt x="347" y="372"/>
                    </a:lnTo>
                    <a:lnTo>
                      <a:pt x="346" y="374"/>
                    </a:lnTo>
                    <a:lnTo>
                      <a:pt x="346" y="377"/>
                    </a:lnTo>
                    <a:lnTo>
                      <a:pt x="360" y="377"/>
                    </a:lnTo>
                    <a:lnTo>
                      <a:pt x="370" y="378"/>
                    </a:lnTo>
                    <a:lnTo>
                      <a:pt x="378" y="381"/>
                    </a:lnTo>
                    <a:lnTo>
                      <a:pt x="383" y="384"/>
                    </a:lnTo>
                    <a:lnTo>
                      <a:pt x="394" y="397"/>
                    </a:lnTo>
                    <a:lnTo>
                      <a:pt x="411" y="414"/>
                    </a:lnTo>
                    <a:lnTo>
                      <a:pt x="416" y="410"/>
                    </a:lnTo>
                    <a:lnTo>
                      <a:pt x="420" y="403"/>
                    </a:lnTo>
                    <a:lnTo>
                      <a:pt x="422" y="397"/>
                    </a:lnTo>
                    <a:lnTo>
                      <a:pt x="425" y="391"/>
                    </a:lnTo>
                    <a:lnTo>
                      <a:pt x="429" y="385"/>
                    </a:lnTo>
                    <a:lnTo>
                      <a:pt x="434" y="380"/>
                    </a:lnTo>
                    <a:lnTo>
                      <a:pt x="437" y="379"/>
                    </a:lnTo>
                    <a:lnTo>
                      <a:pt x="440" y="377"/>
                    </a:lnTo>
                    <a:lnTo>
                      <a:pt x="444" y="377"/>
                    </a:lnTo>
                    <a:lnTo>
                      <a:pt x="449" y="377"/>
                    </a:lnTo>
                    <a:lnTo>
                      <a:pt x="446" y="383"/>
                    </a:lnTo>
                    <a:lnTo>
                      <a:pt x="445" y="389"/>
                    </a:lnTo>
                    <a:lnTo>
                      <a:pt x="445" y="394"/>
                    </a:lnTo>
                    <a:lnTo>
                      <a:pt x="447" y="398"/>
                    </a:lnTo>
                    <a:lnTo>
                      <a:pt x="449" y="402"/>
                    </a:lnTo>
                    <a:lnTo>
                      <a:pt x="453" y="405"/>
                    </a:lnTo>
                    <a:lnTo>
                      <a:pt x="457" y="408"/>
                    </a:lnTo>
                    <a:lnTo>
                      <a:pt x="460" y="411"/>
                    </a:lnTo>
                    <a:lnTo>
                      <a:pt x="467" y="413"/>
                    </a:lnTo>
                    <a:lnTo>
                      <a:pt x="473" y="413"/>
                    </a:lnTo>
                    <a:lnTo>
                      <a:pt x="474" y="412"/>
                    </a:lnTo>
                    <a:lnTo>
                      <a:pt x="474" y="411"/>
                    </a:lnTo>
                    <a:lnTo>
                      <a:pt x="471" y="408"/>
                    </a:lnTo>
                    <a:lnTo>
                      <a:pt x="467" y="404"/>
                    </a:lnTo>
                    <a:lnTo>
                      <a:pt x="465" y="404"/>
                    </a:lnTo>
                    <a:lnTo>
                      <a:pt x="464" y="403"/>
                    </a:lnTo>
                    <a:lnTo>
                      <a:pt x="462" y="402"/>
                    </a:lnTo>
                    <a:lnTo>
                      <a:pt x="461" y="401"/>
                    </a:lnTo>
                    <a:lnTo>
                      <a:pt x="459" y="396"/>
                    </a:lnTo>
                    <a:lnTo>
                      <a:pt x="459" y="392"/>
                    </a:lnTo>
                    <a:lnTo>
                      <a:pt x="459" y="387"/>
                    </a:lnTo>
                    <a:lnTo>
                      <a:pt x="461" y="382"/>
                    </a:lnTo>
                    <a:lnTo>
                      <a:pt x="464" y="378"/>
                    </a:lnTo>
                    <a:lnTo>
                      <a:pt x="467" y="377"/>
                    </a:lnTo>
                    <a:lnTo>
                      <a:pt x="474" y="376"/>
                    </a:lnTo>
                    <a:lnTo>
                      <a:pt x="479" y="377"/>
                    </a:lnTo>
                    <a:lnTo>
                      <a:pt x="481" y="377"/>
                    </a:lnTo>
                    <a:lnTo>
                      <a:pt x="483" y="379"/>
                    </a:lnTo>
                    <a:lnTo>
                      <a:pt x="484" y="383"/>
                    </a:lnTo>
                    <a:lnTo>
                      <a:pt x="482" y="389"/>
                    </a:lnTo>
                    <a:lnTo>
                      <a:pt x="481" y="394"/>
                    </a:lnTo>
                    <a:lnTo>
                      <a:pt x="481" y="399"/>
                    </a:lnTo>
                    <a:lnTo>
                      <a:pt x="483" y="401"/>
                    </a:lnTo>
                    <a:lnTo>
                      <a:pt x="485" y="402"/>
                    </a:lnTo>
                    <a:lnTo>
                      <a:pt x="489" y="404"/>
                    </a:lnTo>
                    <a:lnTo>
                      <a:pt x="496" y="404"/>
                    </a:lnTo>
                    <a:lnTo>
                      <a:pt x="497" y="396"/>
                    </a:lnTo>
                    <a:lnTo>
                      <a:pt x="497" y="388"/>
                    </a:lnTo>
                    <a:lnTo>
                      <a:pt x="498" y="383"/>
                    </a:lnTo>
                    <a:lnTo>
                      <a:pt x="499" y="380"/>
                    </a:lnTo>
                    <a:lnTo>
                      <a:pt x="502" y="378"/>
                    </a:lnTo>
                    <a:lnTo>
                      <a:pt x="505" y="377"/>
                    </a:lnTo>
                    <a:lnTo>
                      <a:pt x="515" y="376"/>
                    </a:lnTo>
                    <a:lnTo>
                      <a:pt x="522" y="376"/>
                    </a:lnTo>
                    <a:lnTo>
                      <a:pt x="528" y="377"/>
                    </a:lnTo>
                    <a:lnTo>
                      <a:pt x="534" y="380"/>
                    </a:lnTo>
                    <a:lnTo>
                      <a:pt x="537" y="383"/>
                    </a:lnTo>
                    <a:lnTo>
                      <a:pt x="539" y="388"/>
                    </a:lnTo>
                    <a:lnTo>
                      <a:pt x="540" y="393"/>
                    </a:lnTo>
                    <a:lnTo>
                      <a:pt x="540" y="398"/>
                    </a:lnTo>
                    <a:lnTo>
                      <a:pt x="539" y="403"/>
                    </a:lnTo>
                    <a:lnTo>
                      <a:pt x="538" y="410"/>
                    </a:lnTo>
                    <a:lnTo>
                      <a:pt x="536" y="415"/>
                    </a:lnTo>
                    <a:lnTo>
                      <a:pt x="533" y="419"/>
                    </a:lnTo>
                    <a:lnTo>
                      <a:pt x="528" y="424"/>
                    </a:lnTo>
                    <a:lnTo>
                      <a:pt x="524" y="428"/>
                    </a:lnTo>
                    <a:lnTo>
                      <a:pt x="520" y="431"/>
                    </a:lnTo>
                    <a:lnTo>
                      <a:pt x="515" y="433"/>
                    </a:lnTo>
                    <a:lnTo>
                      <a:pt x="510" y="431"/>
                    </a:lnTo>
                    <a:lnTo>
                      <a:pt x="507" y="429"/>
                    </a:lnTo>
                    <a:lnTo>
                      <a:pt x="503" y="427"/>
                    </a:lnTo>
                    <a:lnTo>
                      <a:pt x="498" y="425"/>
                    </a:lnTo>
                    <a:lnTo>
                      <a:pt x="488" y="424"/>
                    </a:lnTo>
                    <a:lnTo>
                      <a:pt x="478" y="423"/>
                    </a:lnTo>
                    <a:lnTo>
                      <a:pt x="455" y="425"/>
                    </a:lnTo>
                    <a:lnTo>
                      <a:pt x="430" y="429"/>
                    </a:lnTo>
                    <a:lnTo>
                      <a:pt x="419" y="431"/>
                    </a:lnTo>
                    <a:lnTo>
                      <a:pt x="406" y="431"/>
                    </a:lnTo>
                    <a:lnTo>
                      <a:pt x="395" y="431"/>
                    </a:lnTo>
                    <a:lnTo>
                      <a:pt x="383" y="430"/>
                    </a:lnTo>
                    <a:lnTo>
                      <a:pt x="373" y="427"/>
                    </a:lnTo>
                    <a:lnTo>
                      <a:pt x="363" y="421"/>
                    </a:lnTo>
                    <a:lnTo>
                      <a:pt x="358" y="418"/>
                    </a:lnTo>
                    <a:lnTo>
                      <a:pt x="354" y="414"/>
                    </a:lnTo>
                    <a:lnTo>
                      <a:pt x="349" y="410"/>
                    </a:lnTo>
                    <a:lnTo>
                      <a:pt x="346" y="404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83" name="Sønderborg kant"/>
              <p:cNvSpPr>
                <a:spLocks/>
              </p:cNvSpPr>
              <p:nvPr/>
            </p:nvSpPr>
            <p:spPr bwMode="auto">
              <a:xfrm>
                <a:off x="1758950" y="5805488"/>
                <a:ext cx="341313" cy="293688"/>
              </a:xfrm>
              <a:custGeom>
                <a:avLst/>
                <a:gdLst>
                  <a:gd name="T0" fmla="*/ 179 w 645"/>
                  <a:gd name="T1" fmla="*/ 138 h 555"/>
                  <a:gd name="T2" fmla="*/ 179 w 645"/>
                  <a:gd name="T3" fmla="*/ 128 h 555"/>
                  <a:gd name="T4" fmla="*/ 167 w 645"/>
                  <a:gd name="T5" fmla="*/ 126 h 555"/>
                  <a:gd name="T6" fmla="*/ 163 w 645"/>
                  <a:gd name="T7" fmla="*/ 135 h 555"/>
                  <a:gd name="T8" fmla="*/ 161 w 645"/>
                  <a:gd name="T9" fmla="*/ 128 h 555"/>
                  <a:gd name="T10" fmla="*/ 155 w 645"/>
                  <a:gd name="T11" fmla="*/ 126 h 555"/>
                  <a:gd name="T12" fmla="*/ 154 w 645"/>
                  <a:gd name="T13" fmla="*/ 134 h 555"/>
                  <a:gd name="T14" fmla="*/ 158 w 645"/>
                  <a:gd name="T15" fmla="*/ 137 h 555"/>
                  <a:gd name="T16" fmla="*/ 150 w 645"/>
                  <a:gd name="T17" fmla="*/ 134 h 555"/>
                  <a:gd name="T18" fmla="*/ 148 w 645"/>
                  <a:gd name="T19" fmla="*/ 126 h 555"/>
                  <a:gd name="T20" fmla="*/ 141 w 645"/>
                  <a:gd name="T21" fmla="*/ 132 h 555"/>
                  <a:gd name="T22" fmla="*/ 126 w 645"/>
                  <a:gd name="T23" fmla="*/ 127 h 555"/>
                  <a:gd name="T24" fmla="*/ 116 w 645"/>
                  <a:gd name="T25" fmla="*/ 123 h 555"/>
                  <a:gd name="T26" fmla="*/ 124 w 645"/>
                  <a:gd name="T27" fmla="*/ 119 h 555"/>
                  <a:gd name="T28" fmla="*/ 123 w 645"/>
                  <a:gd name="T29" fmla="*/ 113 h 555"/>
                  <a:gd name="T30" fmla="*/ 117 w 645"/>
                  <a:gd name="T31" fmla="*/ 112 h 555"/>
                  <a:gd name="T32" fmla="*/ 110 w 645"/>
                  <a:gd name="T33" fmla="*/ 112 h 555"/>
                  <a:gd name="T34" fmla="*/ 105 w 645"/>
                  <a:gd name="T35" fmla="*/ 104 h 555"/>
                  <a:gd name="T36" fmla="*/ 112 w 645"/>
                  <a:gd name="T37" fmla="*/ 101 h 555"/>
                  <a:gd name="T38" fmla="*/ 107 w 645"/>
                  <a:gd name="T39" fmla="*/ 91 h 555"/>
                  <a:gd name="T40" fmla="*/ 81 w 645"/>
                  <a:gd name="T41" fmla="*/ 83 h 555"/>
                  <a:gd name="T42" fmla="*/ 83 w 645"/>
                  <a:gd name="T43" fmla="*/ 77 h 555"/>
                  <a:gd name="T44" fmla="*/ 75 w 645"/>
                  <a:gd name="T45" fmla="*/ 68 h 555"/>
                  <a:gd name="T46" fmla="*/ 80 w 645"/>
                  <a:gd name="T47" fmla="*/ 61 h 555"/>
                  <a:gd name="T48" fmla="*/ 72 w 645"/>
                  <a:gd name="T49" fmla="*/ 54 h 555"/>
                  <a:gd name="T50" fmla="*/ 42 w 645"/>
                  <a:gd name="T51" fmla="*/ 58 h 555"/>
                  <a:gd name="T52" fmla="*/ 23 w 645"/>
                  <a:gd name="T53" fmla="*/ 58 h 555"/>
                  <a:gd name="T54" fmla="*/ 13 w 645"/>
                  <a:gd name="T55" fmla="*/ 47 h 555"/>
                  <a:gd name="T56" fmla="*/ 31 w 645"/>
                  <a:gd name="T57" fmla="*/ 43 h 555"/>
                  <a:gd name="T58" fmla="*/ 39 w 645"/>
                  <a:gd name="T59" fmla="*/ 39 h 555"/>
                  <a:gd name="T60" fmla="*/ 44 w 645"/>
                  <a:gd name="T61" fmla="*/ 32 h 555"/>
                  <a:gd name="T62" fmla="*/ 41 w 645"/>
                  <a:gd name="T63" fmla="*/ 26 h 555"/>
                  <a:gd name="T64" fmla="*/ 27 w 645"/>
                  <a:gd name="T65" fmla="*/ 27 h 555"/>
                  <a:gd name="T66" fmla="*/ 4 w 645"/>
                  <a:gd name="T67" fmla="*/ 31 h 555"/>
                  <a:gd name="T68" fmla="*/ 9 w 645"/>
                  <a:gd name="T69" fmla="*/ 15 h 555"/>
                  <a:gd name="T70" fmla="*/ 33 w 645"/>
                  <a:gd name="T71" fmla="*/ 1 h 555"/>
                  <a:gd name="T72" fmla="*/ 60 w 645"/>
                  <a:gd name="T73" fmla="*/ 2 h 555"/>
                  <a:gd name="T74" fmla="*/ 87 w 645"/>
                  <a:gd name="T75" fmla="*/ 14 h 555"/>
                  <a:gd name="T76" fmla="*/ 109 w 645"/>
                  <a:gd name="T77" fmla="*/ 32 h 555"/>
                  <a:gd name="T78" fmla="*/ 128 w 645"/>
                  <a:gd name="T79" fmla="*/ 51 h 555"/>
                  <a:gd name="T80" fmla="*/ 158 w 645"/>
                  <a:gd name="T81" fmla="*/ 63 h 555"/>
                  <a:gd name="T82" fmla="*/ 178 w 645"/>
                  <a:gd name="T83" fmla="*/ 84 h 555"/>
                  <a:gd name="T84" fmla="*/ 196 w 645"/>
                  <a:gd name="T85" fmla="*/ 126 h 555"/>
                  <a:gd name="T86" fmla="*/ 209 w 645"/>
                  <a:gd name="T87" fmla="*/ 177 h 555"/>
                  <a:gd name="T88" fmla="*/ 188 w 645"/>
                  <a:gd name="T89" fmla="*/ 183 h 555"/>
                  <a:gd name="T90" fmla="*/ 154 w 645"/>
                  <a:gd name="T91" fmla="*/ 159 h 555"/>
                  <a:gd name="T92" fmla="*/ 106 w 645"/>
                  <a:gd name="T93" fmla="*/ 161 h 555"/>
                  <a:gd name="T94" fmla="*/ 85 w 645"/>
                  <a:gd name="T95" fmla="*/ 161 h 555"/>
                  <a:gd name="T96" fmla="*/ 66 w 645"/>
                  <a:gd name="T97" fmla="*/ 128 h 555"/>
                  <a:gd name="T98" fmla="*/ 65 w 645"/>
                  <a:gd name="T99" fmla="*/ 102 h 555"/>
                  <a:gd name="T100" fmla="*/ 77 w 645"/>
                  <a:gd name="T101" fmla="*/ 106 h 555"/>
                  <a:gd name="T102" fmla="*/ 90 w 645"/>
                  <a:gd name="T103" fmla="*/ 130 h 555"/>
                  <a:gd name="T104" fmla="*/ 102 w 645"/>
                  <a:gd name="T105" fmla="*/ 134 h 555"/>
                  <a:gd name="T106" fmla="*/ 110 w 645"/>
                  <a:gd name="T107" fmla="*/ 128 h 555"/>
                  <a:gd name="T108" fmla="*/ 107 w 645"/>
                  <a:gd name="T109" fmla="*/ 138 h 555"/>
                  <a:gd name="T110" fmla="*/ 112 w 645"/>
                  <a:gd name="T111" fmla="*/ 144 h 555"/>
                  <a:gd name="T112" fmla="*/ 116 w 645"/>
                  <a:gd name="T113" fmla="*/ 137 h 555"/>
                  <a:gd name="T114" fmla="*/ 132 w 645"/>
                  <a:gd name="T115" fmla="*/ 144 h 555"/>
                  <a:gd name="T116" fmla="*/ 163 w 645"/>
                  <a:gd name="T117" fmla="*/ 141 h 555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0" t="0" r="r" b="b"/>
                <a:pathLst>
                  <a:path w="645" h="555">
                    <a:moveTo>
                      <a:pt x="515" y="433"/>
                    </a:moveTo>
                    <a:lnTo>
                      <a:pt x="520" y="431"/>
                    </a:lnTo>
                    <a:lnTo>
                      <a:pt x="524" y="428"/>
                    </a:lnTo>
                    <a:lnTo>
                      <a:pt x="528" y="424"/>
                    </a:lnTo>
                    <a:lnTo>
                      <a:pt x="533" y="419"/>
                    </a:lnTo>
                    <a:lnTo>
                      <a:pt x="536" y="415"/>
                    </a:lnTo>
                    <a:lnTo>
                      <a:pt x="538" y="410"/>
                    </a:lnTo>
                    <a:lnTo>
                      <a:pt x="539" y="403"/>
                    </a:lnTo>
                    <a:lnTo>
                      <a:pt x="540" y="398"/>
                    </a:lnTo>
                    <a:lnTo>
                      <a:pt x="540" y="393"/>
                    </a:lnTo>
                    <a:lnTo>
                      <a:pt x="539" y="388"/>
                    </a:lnTo>
                    <a:lnTo>
                      <a:pt x="537" y="383"/>
                    </a:lnTo>
                    <a:lnTo>
                      <a:pt x="534" y="380"/>
                    </a:lnTo>
                    <a:lnTo>
                      <a:pt x="528" y="377"/>
                    </a:lnTo>
                    <a:lnTo>
                      <a:pt x="522" y="376"/>
                    </a:lnTo>
                    <a:lnTo>
                      <a:pt x="515" y="376"/>
                    </a:lnTo>
                    <a:lnTo>
                      <a:pt x="505" y="377"/>
                    </a:lnTo>
                    <a:lnTo>
                      <a:pt x="502" y="378"/>
                    </a:lnTo>
                    <a:lnTo>
                      <a:pt x="499" y="380"/>
                    </a:lnTo>
                    <a:lnTo>
                      <a:pt x="498" y="383"/>
                    </a:lnTo>
                    <a:lnTo>
                      <a:pt x="497" y="388"/>
                    </a:lnTo>
                    <a:lnTo>
                      <a:pt x="497" y="396"/>
                    </a:lnTo>
                    <a:lnTo>
                      <a:pt x="496" y="404"/>
                    </a:lnTo>
                    <a:lnTo>
                      <a:pt x="489" y="404"/>
                    </a:lnTo>
                    <a:lnTo>
                      <a:pt x="485" y="402"/>
                    </a:lnTo>
                    <a:lnTo>
                      <a:pt x="483" y="401"/>
                    </a:lnTo>
                    <a:lnTo>
                      <a:pt x="481" y="399"/>
                    </a:lnTo>
                    <a:lnTo>
                      <a:pt x="481" y="394"/>
                    </a:lnTo>
                    <a:lnTo>
                      <a:pt x="482" y="389"/>
                    </a:lnTo>
                    <a:lnTo>
                      <a:pt x="484" y="383"/>
                    </a:lnTo>
                    <a:lnTo>
                      <a:pt x="483" y="379"/>
                    </a:lnTo>
                    <a:lnTo>
                      <a:pt x="481" y="377"/>
                    </a:lnTo>
                    <a:lnTo>
                      <a:pt x="479" y="377"/>
                    </a:lnTo>
                    <a:lnTo>
                      <a:pt x="474" y="376"/>
                    </a:lnTo>
                    <a:lnTo>
                      <a:pt x="467" y="377"/>
                    </a:lnTo>
                    <a:lnTo>
                      <a:pt x="464" y="378"/>
                    </a:lnTo>
                    <a:lnTo>
                      <a:pt x="461" y="382"/>
                    </a:lnTo>
                    <a:lnTo>
                      <a:pt x="459" y="387"/>
                    </a:lnTo>
                    <a:lnTo>
                      <a:pt x="459" y="392"/>
                    </a:lnTo>
                    <a:lnTo>
                      <a:pt x="459" y="396"/>
                    </a:lnTo>
                    <a:lnTo>
                      <a:pt x="461" y="401"/>
                    </a:lnTo>
                    <a:lnTo>
                      <a:pt x="462" y="402"/>
                    </a:lnTo>
                    <a:lnTo>
                      <a:pt x="464" y="403"/>
                    </a:lnTo>
                    <a:lnTo>
                      <a:pt x="465" y="404"/>
                    </a:lnTo>
                    <a:lnTo>
                      <a:pt x="467" y="404"/>
                    </a:lnTo>
                    <a:lnTo>
                      <a:pt x="471" y="408"/>
                    </a:lnTo>
                    <a:lnTo>
                      <a:pt x="474" y="411"/>
                    </a:lnTo>
                    <a:lnTo>
                      <a:pt x="474" y="412"/>
                    </a:lnTo>
                    <a:lnTo>
                      <a:pt x="473" y="413"/>
                    </a:lnTo>
                    <a:lnTo>
                      <a:pt x="467" y="413"/>
                    </a:lnTo>
                    <a:lnTo>
                      <a:pt x="460" y="411"/>
                    </a:lnTo>
                    <a:lnTo>
                      <a:pt x="457" y="408"/>
                    </a:lnTo>
                    <a:lnTo>
                      <a:pt x="453" y="405"/>
                    </a:lnTo>
                    <a:lnTo>
                      <a:pt x="449" y="402"/>
                    </a:lnTo>
                    <a:lnTo>
                      <a:pt x="447" y="398"/>
                    </a:lnTo>
                    <a:lnTo>
                      <a:pt x="445" y="394"/>
                    </a:lnTo>
                    <a:lnTo>
                      <a:pt x="445" y="389"/>
                    </a:lnTo>
                    <a:lnTo>
                      <a:pt x="446" y="383"/>
                    </a:lnTo>
                    <a:lnTo>
                      <a:pt x="449" y="377"/>
                    </a:lnTo>
                    <a:lnTo>
                      <a:pt x="444" y="377"/>
                    </a:lnTo>
                    <a:lnTo>
                      <a:pt x="440" y="377"/>
                    </a:lnTo>
                    <a:lnTo>
                      <a:pt x="437" y="379"/>
                    </a:lnTo>
                    <a:lnTo>
                      <a:pt x="434" y="380"/>
                    </a:lnTo>
                    <a:lnTo>
                      <a:pt x="429" y="385"/>
                    </a:lnTo>
                    <a:lnTo>
                      <a:pt x="425" y="391"/>
                    </a:lnTo>
                    <a:lnTo>
                      <a:pt x="422" y="397"/>
                    </a:lnTo>
                    <a:lnTo>
                      <a:pt x="420" y="403"/>
                    </a:lnTo>
                    <a:lnTo>
                      <a:pt x="416" y="410"/>
                    </a:lnTo>
                    <a:lnTo>
                      <a:pt x="411" y="414"/>
                    </a:lnTo>
                    <a:lnTo>
                      <a:pt x="394" y="397"/>
                    </a:lnTo>
                    <a:lnTo>
                      <a:pt x="383" y="384"/>
                    </a:lnTo>
                    <a:lnTo>
                      <a:pt x="378" y="381"/>
                    </a:lnTo>
                    <a:lnTo>
                      <a:pt x="370" y="378"/>
                    </a:lnTo>
                    <a:lnTo>
                      <a:pt x="360" y="377"/>
                    </a:lnTo>
                    <a:lnTo>
                      <a:pt x="346" y="377"/>
                    </a:lnTo>
                    <a:lnTo>
                      <a:pt x="346" y="374"/>
                    </a:lnTo>
                    <a:lnTo>
                      <a:pt x="347" y="372"/>
                    </a:lnTo>
                    <a:lnTo>
                      <a:pt x="349" y="370"/>
                    </a:lnTo>
                    <a:lnTo>
                      <a:pt x="351" y="368"/>
                    </a:lnTo>
                    <a:lnTo>
                      <a:pt x="356" y="365"/>
                    </a:lnTo>
                    <a:lnTo>
                      <a:pt x="361" y="364"/>
                    </a:lnTo>
                    <a:lnTo>
                      <a:pt x="366" y="362"/>
                    </a:lnTo>
                    <a:lnTo>
                      <a:pt x="371" y="360"/>
                    </a:lnTo>
                    <a:lnTo>
                      <a:pt x="373" y="358"/>
                    </a:lnTo>
                    <a:lnTo>
                      <a:pt x="374" y="355"/>
                    </a:lnTo>
                    <a:lnTo>
                      <a:pt x="375" y="353"/>
                    </a:lnTo>
                    <a:lnTo>
                      <a:pt x="374" y="349"/>
                    </a:lnTo>
                    <a:lnTo>
                      <a:pt x="374" y="344"/>
                    </a:lnTo>
                    <a:lnTo>
                      <a:pt x="371" y="340"/>
                    </a:lnTo>
                    <a:lnTo>
                      <a:pt x="370" y="338"/>
                    </a:lnTo>
                    <a:lnTo>
                      <a:pt x="368" y="336"/>
                    </a:lnTo>
                    <a:lnTo>
                      <a:pt x="366" y="334"/>
                    </a:lnTo>
                    <a:lnTo>
                      <a:pt x="363" y="333"/>
                    </a:lnTo>
                    <a:lnTo>
                      <a:pt x="360" y="333"/>
                    </a:lnTo>
                    <a:lnTo>
                      <a:pt x="358" y="333"/>
                    </a:lnTo>
                    <a:lnTo>
                      <a:pt x="351" y="335"/>
                    </a:lnTo>
                    <a:lnTo>
                      <a:pt x="345" y="338"/>
                    </a:lnTo>
                    <a:lnTo>
                      <a:pt x="341" y="343"/>
                    </a:lnTo>
                    <a:lnTo>
                      <a:pt x="337" y="349"/>
                    </a:lnTo>
                    <a:lnTo>
                      <a:pt x="334" y="345"/>
                    </a:lnTo>
                    <a:lnTo>
                      <a:pt x="331" y="341"/>
                    </a:lnTo>
                    <a:lnTo>
                      <a:pt x="331" y="336"/>
                    </a:lnTo>
                    <a:lnTo>
                      <a:pt x="329" y="330"/>
                    </a:lnTo>
                    <a:lnTo>
                      <a:pt x="327" y="324"/>
                    </a:lnTo>
                    <a:lnTo>
                      <a:pt x="324" y="319"/>
                    </a:lnTo>
                    <a:lnTo>
                      <a:pt x="321" y="317"/>
                    </a:lnTo>
                    <a:lnTo>
                      <a:pt x="318" y="315"/>
                    </a:lnTo>
                    <a:lnTo>
                      <a:pt x="314" y="313"/>
                    </a:lnTo>
                    <a:lnTo>
                      <a:pt x="308" y="312"/>
                    </a:lnTo>
                    <a:lnTo>
                      <a:pt x="310" y="308"/>
                    </a:lnTo>
                    <a:lnTo>
                      <a:pt x="314" y="304"/>
                    </a:lnTo>
                    <a:lnTo>
                      <a:pt x="318" y="303"/>
                    </a:lnTo>
                    <a:lnTo>
                      <a:pt x="323" y="302"/>
                    </a:lnTo>
                    <a:lnTo>
                      <a:pt x="335" y="302"/>
                    </a:lnTo>
                    <a:lnTo>
                      <a:pt x="346" y="302"/>
                    </a:lnTo>
                    <a:lnTo>
                      <a:pt x="342" y="295"/>
                    </a:lnTo>
                    <a:lnTo>
                      <a:pt x="338" y="288"/>
                    </a:lnTo>
                    <a:lnTo>
                      <a:pt x="333" y="282"/>
                    </a:lnTo>
                    <a:lnTo>
                      <a:pt x="327" y="277"/>
                    </a:lnTo>
                    <a:lnTo>
                      <a:pt x="321" y="272"/>
                    </a:lnTo>
                    <a:lnTo>
                      <a:pt x="314" y="268"/>
                    </a:lnTo>
                    <a:lnTo>
                      <a:pt x="306" y="263"/>
                    </a:lnTo>
                    <a:lnTo>
                      <a:pt x="299" y="260"/>
                    </a:lnTo>
                    <a:lnTo>
                      <a:pt x="282" y="255"/>
                    </a:lnTo>
                    <a:lnTo>
                      <a:pt x="264" y="251"/>
                    </a:lnTo>
                    <a:lnTo>
                      <a:pt x="244" y="248"/>
                    </a:lnTo>
                    <a:lnTo>
                      <a:pt x="224" y="245"/>
                    </a:lnTo>
                    <a:lnTo>
                      <a:pt x="234" y="242"/>
                    </a:lnTo>
                    <a:lnTo>
                      <a:pt x="240" y="239"/>
                    </a:lnTo>
                    <a:lnTo>
                      <a:pt x="245" y="237"/>
                    </a:lnTo>
                    <a:lnTo>
                      <a:pt x="247" y="234"/>
                    </a:lnTo>
                    <a:lnTo>
                      <a:pt x="249" y="231"/>
                    </a:lnTo>
                    <a:lnTo>
                      <a:pt x="249" y="229"/>
                    </a:lnTo>
                    <a:lnTo>
                      <a:pt x="247" y="225"/>
                    </a:lnTo>
                    <a:lnTo>
                      <a:pt x="245" y="223"/>
                    </a:lnTo>
                    <a:lnTo>
                      <a:pt x="232" y="215"/>
                    </a:lnTo>
                    <a:lnTo>
                      <a:pt x="224" y="209"/>
                    </a:lnTo>
                    <a:lnTo>
                      <a:pt x="225" y="205"/>
                    </a:lnTo>
                    <a:lnTo>
                      <a:pt x="226" y="202"/>
                    </a:lnTo>
                    <a:lnTo>
                      <a:pt x="229" y="199"/>
                    </a:lnTo>
                    <a:lnTo>
                      <a:pt x="234" y="196"/>
                    </a:lnTo>
                    <a:lnTo>
                      <a:pt x="240" y="192"/>
                    </a:lnTo>
                    <a:lnTo>
                      <a:pt x="243" y="190"/>
                    </a:lnTo>
                    <a:lnTo>
                      <a:pt x="241" y="183"/>
                    </a:lnTo>
                    <a:lnTo>
                      <a:pt x="239" y="177"/>
                    </a:lnTo>
                    <a:lnTo>
                      <a:pt x="236" y="173"/>
                    </a:lnTo>
                    <a:lnTo>
                      <a:pt x="231" y="169"/>
                    </a:lnTo>
                    <a:lnTo>
                      <a:pt x="226" y="166"/>
                    </a:lnTo>
                    <a:lnTo>
                      <a:pt x="221" y="164"/>
                    </a:lnTo>
                    <a:lnTo>
                      <a:pt x="215" y="163"/>
                    </a:lnTo>
                    <a:lnTo>
                      <a:pt x="208" y="162"/>
                    </a:lnTo>
                    <a:lnTo>
                      <a:pt x="194" y="162"/>
                    </a:lnTo>
                    <a:lnTo>
                      <a:pt x="178" y="164"/>
                    </a:lnTo>
                    <a:lnTo>
                      <a:pt x="161" y="167"/>
                    </a:lnTo>
                    <a:lnTo>
                      <a:pt x="144" y="171"/>
                    </a:lnTo>
                    <a:lnTo>
                      <a:pt x="126" y="174"/>
                    </a:lnTo>
                    <a:lnTo>
                      <a:pt x="108" y="175"/>
                    </a:lnTo>
                    <a:lnTo>
                      <a:pt x="100" y="176"/>
                    </a:lnTo>
                    <a:lnTo>
                      <a:pt x="92" y="176"/>
                    </a:lnTo>
                    <a:lnTo>
                      <a:pt x="84" y="175"/>
                    </a:lnTo>
                    <a:lnTo>
                      <a:pt x="77" y="174"/>
                    </a:lnTo>
                    <a:lnTo>
                      <a:pt x="70" y="173"/>
                    </a:lnTo>
                    <a:lnTo>
                      <a:pt x="63" y="170"/>
                    </a:lnTo>
                    <a:lnTo>
                      <a:pt x="58" y="166"/>
                    </a:lnTo>
                    <a:lnTo>
                      <a:pt x="51" y="162"/>
                    </a:lnTo>
                    <a:lnTo>
                      <a:pt x="47" y="156"/>
                    </a:lnTo>
                    <a:lnTo>
                      <a:pt x="43" y="150"/>
                    </a:lnTo>
                    <a:lnTo>
                      <a:pt x="40" y="142"/>
                    </a:lnTo>
                    <a:lnTo>
                      <a:pt x="37" y="134"/>
                    </a:lnTo>
                    <a:lnTo>
                      <a:pt x="58" y="131"/>
                    </a:lnTo>
                    <a:lnTo>
                      <a:pt x="71" y="127"/>
                    </a:lnTo>
                    <a:lnTo>
                      <a:pt x="78" y="127"/>
                    </a:lnTo>
                    <a:lnTo>
                      <a:pt x="84" y="127"/>
                    </a:lnTo>
                    <a:lnTo>
                      <a:pt x="92" y="130"/>
                    </a:lnTo>
                    <a:lnTo>
                      <a:pt x="103" y="134"/>
                    </a:lnTo>
                    <a:lnTo>
                      <a:pt x="107" y="132"/>
                    </a:lnTo>
                    <a:lnTo>
                      <a:pt x="111" y="129"/>
                    </a:lnTo>
                    <a:lnTo>
                      <a:pt x="113" y="126"/>
                    </a:lnTo>
                    <a:lnTo>
                      <a:pt x="116" y="124"/>
                    </a:lnTo>
                    <a:lnTo>
                      <a:pt x="118" y="118"/>
                    </a:lnTo>
                    <a:lnTo>
                      <a:pt x="118" y="113"/>
                    </a:lnTo>
                    <a:lnTo>
                      <a:pt x="119" y="107"/>
                    </a:lnTo>
                    <a:lnTo>
                      <a:pt x="122" y="103"/>
                    </a:lnTo>
                    <a:lnTo>
                      <a:pt x="124" y="101"/>
                    </a:lnTo>
                    <a:lnTo>
                      <a:pt x="128" y="99"/>
                    </a:lnTo>
                    <a:lnTo>
                      <a:pt x="133" y="97"/>
                    </a:lnTo>
                    <a:lnTo>
                      <a:pt x="140" y="96"/>
                    </a:lnTo>
                    <a:lnTo>
                      <a:pt x="137" y="91"/>
                    </a:lnTo>
                    <a:lnTo>
                      <a:pt x="133" y="86"/>
                    </a:lnTo>
                    <a:lnTo>
                      <a:pt x="130" y="83"/>
                    </a:lnTo>
                    <a:lnTo>
                      <a:pt x="126" y="80"/>
                    </a:lnTo>
                    <a:lnTo>
                      <a:pt x="122" y="78"/>
                    </a:lnTo>
                    <a:lnTo>
                      <a:pt x="119" y="77"/>
                    </a:lnTo>
                    <a:lnTo>
                      <a:pt x="115" y="76"/>
                    </a:lnTo>
                    <a:lnTo>
                      <a:pt x="110" y="75"/>
                    </a:lnTo>
                    <a:lnTo>
                      <a:pt x="101" y="76"/>
                    </a:lnTo>
                    <a:lnTo>
                      <a:pt x="91" y="77"/>
                    </a:lnTo>
                    <a:lnTo>
                      <a:pt x="82" y="80"/>
                    </a:lnTo>
                    <a:lnTo>
                      <a:pt x="72" y="83"/>
                    </a:lnTo>
                    <a:lnTo>
                      <a:pt x="53" y="91"/>
                    </a:lnTo>
                    <a:lnTo>
                      <a:pt x="33" y="95"/>
                    </a:lnTo>
                    <a:lnTo>
                      <a:pt x="25" y="96"/>
                    </a:lnTo>
                    <a:lnTo>
                      <a:pt x="16" y="95"/>
                    </a:lnTo>
                    <a:lnTo>
                      <a:pt x="11" y="94"/>
                    </a:lnTo>
                    <a:lnTo>
                      <a:pt x="7" y="92"/>
                    </a:lnTo>
                    <a:lnTo>
                      <a:pt x="3" y="90"/>
                    </a:lnTo>
                    <a:lnTo>
                      <a:pt x="0" y="86"/>
                    </a:lnTo>
                    <a:lnTo>
                      <a:pt x="8" y="72"/>
                    </a:lnTo>
                    <a:lnTo>
                      <a:pt x="17" y="58"/>
                    </a:lnTo>
                    <a:lnTo>
                      <a:pt x="27" y="45"/>
                    </a:lnTo>
                    <a:lnTo>
                      <a:pt x="38" y="35"/>
                    </a:lnTo>
                    <a:lnTo>
                      <a:pt x="48" y="25"/>
                    </a:lnTo>
                    <a:lnTo>
                      <a:pt x="60" y="18"/>
                    </a:lnTo>
                    <a:lnTo>
                      <a:pt x="72" y="12"/>
                    </a:lnTo>
                    <a:lnTo>
                      <a:pt x="85" y="7"/>
                    </a:lnTo>
                    <a:lnTo>
                      <a:pt x="98" y="3"/>
                    </a:lnTo>
                    <a:lnTo>
                      <a:pt x="111" y="1"/>
                    </a:lnTo>
                    <a:lnTo>
                      <a:pt x="125" y="0"/>
                    </a:lnTo>
                    <a:lnTo>
                      <a:pt x="139" y="0"/>
                    </a:lnTo>
                    <a:lnTo>
                      <a:pt x="152" y="1"/>
                    </a:lnTo>
                    <a:lnTo>
                      <a:pt x="166" y="3"/>
                    </a:lnTo>
                    <a:lnTo>
                      <a:pt x="180" y="5"/>
                    </a:lnTo>
                    <a:lnTo>
                      <a:pt x="194" y="10"/>
                    </a:lnTo>
                    <a:lnTo>
                      <a:pt x="207" y="15"/>
                    </a:lnTo>
                    <a:lnTo>
                      <a:pt x="221" y="20"/>
                    </a:lnTo>
                    <a:lnTo>
                      <a:pt x="235" y="26"/>
                    </a:lnTo>
                    <a:lnTo>
                      <a:pt x="247" y="33"/>
                    </a:lnTo>
                    <a:lnTo>
                      <a:pt x="261" y="41"/>
                    </a:lnTo>
                    <a:lnTo>
                      <a:pt x="272" y="50"/>
                    </a:lnTo>
                    <a:lnTo>
                      <a:pt x="285" y="58"/>
                    </a:lnTo>
                    <a:lnTo>
                      <a:pt x="297" y="67"/>
                    </a:lnTo>
                    <a:lnTo>
                      <a:pt x="307" y="77"/>
                    </a:lnTo>
                    <a:lnTo>
                      <a:pt x="318" y="86"/>
                    </a:lnTo>
                    <a:lnTo>
                      <a:pt x="327" y="97"/>
                    </a:lnTo>
                    <a:lnTo>
                      <a:pt x="337" y="107"/>
                    </a:lnTo>
                    <a:lnTo>
                      <a:pt x="345" y="119"/>
                    </a:lnTo>
                    <a:lnTo>
                      <a:pt x="353" y="130"/>
                    </a:lnTo>
                    <a:lnTo>
                      <a:pt x="359" y="141"/>
                    </a:lnTo>
                    <a:lnTo>
                      <a:pt x="365" y="152"/>
                    </a:lnTo>
                    <a:lnTo>
                      <a:pt x="383" y="154"/>
                    </a:lnTo>
                    <a:lnTo>
                      <a:pt x="401" y="157"/>
                    </a:lnTo>
                    <a:lnTo>
                      <a:pt x="417" y="161"/>
                    </a:lnTo>
                    <a:lnTo>
                      <a:pt x="433" y="166"/>
                    </a:lnTo>
                    <a:lnTo>
                      <a:pt x="446" y="173"/>
                    </a:lnTo>
                    <a:lnTo>
                      <a:pt x="460" y="180"/>
                    </a:lnTo>
                    <a:lnTo>
                      <a:pt x="473" y="188"/>
                    </a:lnTo>
                    <a:lnTo>
                      <a:pt x="484" y="196"/>
                    </a:lnTo>
                    <a:lnTo>
                      <a:pt x="496" y="205"/>
                    </a:lnTo>
                    <a:lnTo>
                      <a:pt x="505" y="216"/>
                    </a:lnTo>
                    <a:lnTo>
                      <a:pt x="515" y="226"/>
                    </a:lnTo>
                    <a:lnTo>
                      <a:pt x="524" y="238"/>
                    </a:lnTo>
                    <a:lnTo>
                      <a:pt x="533" y="251"/>
                    </a:lnTo>
                    <a:lnTo>
                      <a:pt x="540" y="263"/>
                    </a:lnTo>
                    <a:lnTo>
                      <a:pt x="547" y="276"/>
                    </a:lnTo>
                    <a:lnTo>
                      <a:pt x="555" y="290"/>
                    </a:lnTo>
                    <a:lnTo>
                      <a:pt x="567" y="318"/>
                    </a:lnTo>
                    <a:lnTo>
                      <a:pt x="579" y="348"/>
                    </a:lnTo>
                    <a:lnTo>
                      <a:pt x="589" y="377"/>
                    </a:lnTo>
                    <a:lnTo>
                      <a:pt x="600" y="408"/>
                    </a:lnTo>
                    <a:lnTo>
                      <a:pt x="610" y="438"/>
                    </a:lnTo>
                    <a:lnTo>
                      <a:pt x="621" y="469"/>
                    </a:lnTo>
                    <a:lnTo>
                      <a:pt x="633" y="498"/>
                    </a:lnTo>
                    <a:lnTo>
                      <a:pt x="645" y="527"/>
                    </a:lnTo>
                    <a:lnTo>
                      <a:pt x="626" y="530"/>
                    </a:lnTo>
                    <a:lnTo>
                      <a:pt x="602" y="532"/>
                    </a:lnTo>
                    <a:lnTo>
                      <a:pt x="590" y="534"/>
                    </a:lnTo>
                    <a:lnTo>
                      <a:pt x="579" y="538"/>
                    </a:lnTo>
                    <a:lnTo>
                      <a:pt x="575" y="541"/>
                    </a:lnTo>
                    <a:lnTo>
                      <a:pt x="569" y="546"/>
                    </a:lnTo>
                    <a:lnTo>
                      <a:pt x="565" y="550"/>
                    </a:lnTo>
                    <a:lnTo>
                      <a:pt x="561" y="555"/>
                    </a:lnTo>
                    <a:lnTo>
                      <a:pt x="542" y="539"/>
                    </a:lnTo>
                    <a:lnTo>
                      <a:pt x="523" y="522"/>
                    </a:lnTo>
                    <a:lnTo>
                      <a:pt x="503" y="508"/>
                    </a:lnTo>
                    <a:lnTo>
                      <a:pt x="483" y="492"/>
                    </a:lnTo>
                    <a:lnTo>
                      <a:pt x="462" y="478"/>
                    </a:lnTo>
                    <a:lnTo>
                      <a:pt x="441" y="464"/>
                    </a:lnTo>
                    <a:lnTo>
                      <a:pt x="418" y="453"/>
                    </a:lnTo>
                    <a:lnTo>
                      <a:pt x="393" y="442"/>
                    </a:lnTo>
                    <a:lnTo>
                      <a:pt x="360" y="461"/>
                    </a:lnTo>
                    <a:lnTo>
                      <a:pt x="326" y="479"/>
                    </a:lnTo>
                    <a:lnTo>
                      <a:pt x="317" y="483"/>
                    </a:lnTo>
                    <a:lnTo>
                      <a:pt x="308" y="486"/>
                    </a:lnTo>
                    <a:lnTo>
                      <a:pt x="299" y="488"/>
                    </a:lnTo>
                    <a:lnTo>
                      <a:pt x="288" y="489"/>
                    </a:lnTo>
                    <a:lnTo>
                      <a:pt x="278" y="489"/>
                    </a:lnTo>
                    <a:lnTo>
                      <a:pt x="267" y="488"/>
                    </a:lnTo>
                    <a:lnTo>
                      <a:pt x="256" y="484"/>
                    </a:lnTo>
                    <a:lnTo>
                      <a:pt x="243" y="480"/>
                    </a:lnTo>
                    <a:lnTo>
                      <a:pt x="231" y="460"/>
                    </a:lnTo>
                    <a:lnTo>
                      <a:pt x="220" y="439"/>
                    </a:lnTo>
                    <a:lnTo>
                      <a:pt x="209" y="418"/>
                    </a:lnTo>
                    <a:lnTo>
                      <a:pt x="201" y="395"/>
                    </a:lnTo>
                    <a:lnTo>
                      <a:pt x="198" y="383"/>
                    </a:lnTo>
                    <a:lnTo>
                      <a:pt x="195" y="371"/>
                    </a:lnTo>
                    <a:lnTo>
                      <a:pt x="192" y="358"/>
                    </a:lnTo>
                    <a:lnTo>
                      <a:pt x="191" y="345"/>
                    </a:lnTo>
                    <a:lnTo>
                      <a:pt x="190" y="333"/>
                    </a:lnTo>
                    <a:lnTo>
                      <a:pt x="191" y="320"/>
                    </a:lnTo>
                    <a:lnTo>
                      <a:pt x="194" y="306"/>
                    </a:lnTo>
                    <a:lnTo>
                      <a:pt x="196" y="293"/>
                    </a:lnTo>
                    <a:lnTo>
                      <a:pt x="205" y="296"/>
                    </a:lnTo>
                    <a:lnTo>
                      <a:pt x="212" y="300"/>
                    </a:lnTo>
                    <a:lnTo>
                      <a:pt x="220" y="305"/>
                    </a:lnTo>
                    <a:lnTo>
                      <a:pt x="226" y="312"/>
                    </a:lnTo>
                    <a:lnTo>
                      <a:pt x="231" y="318"/>
                    </a:lnTo>
                    <a:lnTo>
                      <a:pt x="237" y="325"/>
                    </a:lnTo>
                    <a:lnTo>
                      <a:pt x="241" y="333"/>
                    </a:lnTo>
                    <a:lnTo>
                      <a:pt x="246" y="341"/>
                    </a:lnTo>
                    <a:lnTo>
                      <a:pt x="254" y="358"/>
                    </a:lnTo>
                    <a:lnTo>
                      <a:pt x="262" y="374"/>
                    </a:lnTo>
                    <a:lnTo>
                      <a:pt x="270" y="391"/>
                    </a:lnTo>
                    <a:lnTo>
                      <a:pt x="280" y="404"/>
                    </a:lnTo>
                    <a:lnTo>
                      <a:pt x="286" y="407"/>
                    </a:lnTo>
                    <a:lnTo>
                      <a:pt x="291" y="407"/>
                    </a:lnTo>
                    <a:lnTo>
                      <a:pt x="296" y="407"/>
                    </a:lnTo>
                    <a:lnTo>
                      <a:pt x="300" y="405"/>
                    </a:lnTo>
                    <a:lnTo>
                      <a:pt x="306" y="402"/>
                    </a:lnTo>
                    <a:lnTo>
                      <a:pt x="310" y="398"/>
                    </a:lnTo>
                    <a:lnTo>
                      <a:pt x="315" y="393"/>
                    </a:lnTo>
                    <a:lnTo>
                      <a:pt x="320" y="389"/>
                    </a:lnTo>
                    <a:lnTo>
                      <a:pt x="323" y="388"/>
                    </a:lnTo>
                    <a:lnTo>
                      <a:pt x="327" y="387"/>
                    </a:lnTo>
                    <a:lnTo>
                      <a:pt x="331" y="385"/>
                    </a:lnTo>
                    <a:lnTo>
                      <a:pt x="337" y="387"/>
                    </a:lnTo>
                    <a:lnTo>
                      <a:pt x="335" y="393"/>
                    </a:lnTo>
                    <a:lnTo>
                      <a:pt x="331" y="398"/>
                    </a:lnTo>
                    <a:lnTo>
                      <a:pt x="328" y="402"/>
                    </a:lnTo>
                    <a:lnTo>
                      <a:pt x="325" y="408"/>
                    </a:lnTo>
                    <a:lnTo>
                      <a:pt x="322" y="413"/>
                    </a:lnTo>
                    <a:lnTo>
                      <a:pt x="320" y="418"/>
                    </a:lnTo>
                    <a:lnTo>
                      <a:pt x="318" y="425"/>
                    </a:lnTo>
                    <a:lnTo>
                      <a:pt x="318" y="433"/>
                    </a:lnTo>
                    <a:lnTo>
                      <a:pt x="325" y="433"/>
                    </a:lnTo>
                    <a:lnTo>
                      <a:pt x="331" y="432"/>
                    </a:lnTo>
                    <a:lnTo>
                      <a:pt x="336" y="431"/>
                    </a:lnTo>
                    <a:lnTo>
                      <a:pt x="340" y="428"/>
                    </a:lnTo>
                    <a:lnTo>
                      <a:pt x="343" y="423"/>
                    </a:lnTo>
                    <a:lnTo>
                      <a:pt x="345" y="418"/>
                    </a:lnTo>
                    <a:lnTo>
                      <a:pt x="346" y="412"/>
                    </a:lnTo>
                    <a:lnTo>
                      <a:pt x="346" y="404"/>
                    </a:lnTo>
                    <a:lnTo>
                      <a:pt x="349" y="410"/>
                    </a:lnTo>
                    <a:lnTo>
                      <a:pt x="354" y="414"/>
                    </a:lnTo>
                    <a:lnTo>
                      <a:pt x="358" y="418"/>
                    </a:lnTo>
                    <a:lnTo>
                      <a:pt x="363" y="421"/>
                    </a:lnTo>
                    <a:lnTo>
                      <a:pt x="373" y="427"/>
                    </a:lnTo>
                    <a:lnTo>
                      <a:pt x="383" y="430"/>
                    </a:lnTo>
                    <a:lnTo>
                      <a:pt x="395" y="431"/>
                    </a:lnTo>
                    <a:lnTo>
                      <a:pt x="406" y="431"/>
                    </a:lnTo>
                    <a:lnTo>
                      <a:pt x="419" y="431"/>
                    </a:lnTo>
                    <a:lnTo>
                      <a:pt x="430" y="429"/>
                    </a:lnTo>
                    <a:lnTo>
                      <a:pt x="455" y="425"/>
                    </a:lnTo>
                    <a:lnTo>
                      <a:pt x="478" y="423"/>
                    </a:lnTo>
                    <a:lnTo>
                      <a:pt x="488" y="424"/>
                    </a:lnTo>
                    <a:lnTo>
                      <a:pt x="498" y="425"/>
                    </a:lnTo>
                    <a:lnTo>
                      <a:pt x="503" y="427"/>
                    </a:lnTo>
                    <a:lnTo>
                      <a:pt x="507" y="429"/>
                    </a:lnTo>
                    <a:lnTo>
                      <a:pt x="510" y="431"/>
                    </a:lnTo>
                    <a:lnTo>
                      <a:pt x="515" y="433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84" name="Sønderborg"/>
              <p:cNvSpPr>
                <a:spLocks/>
              </p:cNvSpPr>
              <p:nvPr/>
            </p:nvSpPr>
            <p:spPr bwMode="auto">
              <a:xfrm>
                <a:off x="1668463" y="5907088"/>
                <a:ext cx="188913" cy="236538"/>
              </a:xfrm>
              <a:custGeom>
                <a:avLst/>
                <a:gdLst>
                  <a:gd name="T0" fmla="*/ 56 w 356"/>
                  <a:gd name="T1" fmla="*/ 4 h 449"/>
                  <a:gd name="T2" fmla="*/ 71 w 356"/>
                  <a:gd name="T3" fmla="*/ 14 h 449"/>
                  <a:gd name="T4" fmla="*/ 84 w 356"/>
                  <a:gd name="T5" fmla="*/ 19 h 449"/>
                  <a:gd name="T6" fmla="*/ 99 w 356"/>
                  <a:gd name="T7" fmla="*/ 23 h 449"/>
                  <a:gd name="T8" fmla="*/ 107 w 356"/>
                  <a:gd name="T9" fmla="*/ 47 h 449"/>
                  <a:gd name="T10" fmla="*/ 115 w 356"/>
                  <a:gd name="T11" fmla="*/ 83 h 449"/>
                  <a:gd name="T12" fmla="*/ 115 w 356"/>
                  <a:gd name="T13" fmla="*/ 94 h 449"/>
                  <a:gd name="T14" fmla="*/ 102 w 356"/>
                  <a:gd name="T15" fmla="*/ 91 h 449"/>
                  <a:gd name="T16" fmla="*/ 89 w 356"/>
                  <a:gd name="T17" fmla="*/ 91 h 449"/>
                  <a:gd name="T18" fmla="*/ 84 w 356"/>
                  <a:gd name="T19" fmla="*/ 95 h 449"/>
                  <a:gd name="T20" fmla="*/ 87 w 356"/>
                  <a:gd name="T21" fmla="*/ 104 h 449"/>
                  <a:gd name="T22" fmla="*/ 106 w 356"/>
                  <a:gd name="T23" fmla="*/ 122 h 449"/>
                  <a:gd name="T24" fmla="*/ 111 w 356"/>
                  <a:gd name="T25" fmla="*/ 136 h 449"/>
                  <a:gd name="T26" fmla="*/ 106 w 356"/>
                  <a:gd name="T27" fmla="*/ 148 h 449"/>
                  <a:gd name="T28" fmla="*/ 91 w 356"/>
                  <a:gd name="T29" fmla="*/ 140 h 449"/>
                  <a:gd name="T30" fmla="*/ 78 w 356"/>
                  <a:gd name="T31" fmla="*/ 131 h 449"/>
                  <a:gd name="T32" fmla="*/ 62 w 356"/>
                  <a:gd name="T33" fmla="*/ 129 h 449"/>
                  <a:gd name="T34" fmla="*/ 59 w 356"/>
                  <a:gd name="T35" fmla="*/ 124 h 449"/>
                  <a:gd name="T36" fmla="*/ 64 w 356"/>
                  <a:gd name="T37" fmla="*/ 111 h 449"/>
                  <a:gd name="T38" fmla="*/ 50 w 356"/>
                  <a:gd name="T39" fmla="*/ 99 h 449"/>
                  <a:gd name="T40" fmla="*/ 39 w 356"/>
                  <a:gd name="T41" fmla="*/ 91 h 449"/>
                  <a:gd name="T42" fmla="*/ 46 w 356"/>
                  <a:gd name="T43" fmla="*/ 88 h 449"/>
                  <a:gd name="T44" fmla="*/ 55 w 356"/>
                  <a:gd name="T45" fmla="*/ 89 h 449"/>
                  <a:gd name="T46" fmla="*/ 69 w 356"/>
                  <a:gd name="T47" fmla="*/ 91 h 449"/>
                  <a:gd name="T48" fmla="*/ 73 w 356"/>
                  <a:gd name="T49" fmla="*/ 83 h 449"/>
                  <a:gd name="T50" fmla="*/ 70 w 356"/>
                  <a:gd name="T51" fmla="*/ 77 h 449"/>
                  <a:gd name="T52" fmla="*/ 64 w 356"/>
                  <a:gd name="T53" fmla="*/ 70 h 449"/>
                  <a:gd name="T54" fmla="*/ 65 w 356"/>
                  <a:gd name="T55" fmla="*/ 66 h 449"/>
                  <a:gd name="T56" fmla="*/ 79 w 356"/>
                  <a:gd name="T57" fmla="*/ 69 h 449"/>
                  <a:gd name="T58" fmla="*/ 85 w 356"/>
                  <a:gd name="T59" fmla="*/ 65 h 449"/>
                  <a:gd name="T60" fmla="*/ 86 w 356"/>
                  <a:gd name="T61" fmla="*/ 59 h 449"/>
                  <a:gd name="T62" fmla="*/ 90 w 356"/>
                  <a:gd name="T63" fmla="*/ 62 h 449"/>
                  <a:gd name="T64" fmla="*/ 89 w 356"/>
                  <a:gd name="T65" fmla="*/ 69 h 449"/>
                  <a:gd name="T66" fmla="*/ 97 w 356"/>
                  <a:gd name="T67" fmla="*/ 74 h 449"/>
                  <a:gd name="T68" fmla="*/ 103 w 356"/>
                  <a:gd name="T69" fmla="*/ 71 h 449"/>
                  <a:gd name="T70" fmla="*/ 102 w 356"/>
                  <a:gd name="T71" fmla="*/ 63 h 449"/>
                  <a:gd name="T72" fmla="*/ 102 w 356"/>
                  <a:gd name="T73" fmla="*/ 57 h 449"/>
                  <a:gd name="T74" fmla="*/ 91 w 356"/>
                  <a:gd name="T75" fmla="*/ 55 h 449"/>
                  <a:gd name="T76" fmla="*/ 70 w 356"/>
                  <a:gd name="T77" fmla="*/ 57 h 449"/>
                  <a:gd name="T78" fmla="*/ 58 w 356"/>
                  <a:gd name="T79" fmla="*/ 55 h 449"/>
                  <a:gd name="T80" fmla="*/ 52 w 356"/>
                  <a:gd name="T81" fmla="*/ 51 h 449"/>
                  <a:gd name="T82" fmla="*/ 45 w 356"/>
                  <a:gd name="T83" fmla="*/ 55 h 449"/>
                  <a:gd name="T84" fmla="*/ 40 w 356"/>
                  <a:gd name="T85" fmla="*/ 58 h 449"/>
                  <a:gd name="T86" fmla="*/ 35 w 356"/>
                  <a:gd name="T87" fmla="*/ 56 h 449"/>
                  <a:gd name="T88" fmla="*/ 29 w 356"/>
                  <a:gd name="T89" fmla="*/ 55 h 449"/>
                  <a:gd name="T90" fmla="*/ 28 w 356"/>
                  <a:gd name="T91" fmla="*/ 51 h 449"/>
                  <a:gd name="T92" fmla="*/ 13 w 356"/>
                  <a:gd name="T93" fmla="*/ 56 h 449"/>
                  <a:gd name="T94" fmla="*/ 4 w 356"/>
                  <a:gd name="T95" fmla="*/ 53 h 449"/>
                  <a:gd name="T96" fmla="*/ 20 w 356"/>
                  <a:gd name="T97" fmla="*/ 37 h 449"/>
                  <a:gd name="T98" fmla="*/ 42 w 356"/>
                  <a:gd name="T99" fmla="*/ 8 h 449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0" t="0" r="r" b="b"/>
                <a:pathLst>
                  <a:path w="356" h="449">
                    <a:moveTo>
                      <a:pt x="140" y="0"/>
                    </a:moveTo>
                    <a:lnTo>
                      <a:pt x="150" y="3"/>
                    </a:lnTo>
                    <a:lnTo>
                      <a:pt x="158" y="7"/>
                    </a:lnTo>
                    <a:lnTo>
                      <a:pt x="167" y="11"/>
                    </a:lnTo>
                    <a:lnTo>
                      <a:pt x="175" y="16"/>
                    </a:lnTo>
                    <a:lnTo>
                      <a:pt x="190" y="27"/>
                    </a:lnTo>
                    <a:lnTo>
                      <a:pt x="205" y="38"/>
                    </a:lnTo>
                    <a:lnTo>
                      <a:pt x="213" y="43"/>
                    </a:lnTo>
                    <a:lnTo>
                      <a:pt x="221" y="47"/>
                    </a:lnTo>
                    <a:lnTo>
                      <a:pt x="231" y="51"/>
                    </a:lnTo>
                    <a:lnTo>
                      <a:pt x="240" y="54"/>
                    </a:lnTo>
                    <a:lnTo>
                      <a:pt x="251" y="56"/>
                    </a:lnTo>
                    <a:lnTo>
                      <a:pt x="262" y="58"/>
                    </a:lnTo>
                    <a:lnTo>
                      <a:pt x="276" y="58"/>
                    </a:lnTo>
                    <a:lnTo>
                      <a:pt x="290" y="55"/>
                    </a:lnTo>
                    <a:lnTo>
                      <a:pt x="296" y="68"/>
                    </a:lnTo>
                    <a:lnTo>
                      <a:pt x="301" y="81"/>
                    </a:lnTo>
                    <a:lnTo>
                      <a:pt x="306" y="95"/>
                    </a:lnTo>
                    <a:lnTo>
                      <a:pt x="311" y="110"/>
                    </a:lnTo>
                    <a:lnTo>
                      <a:pt x="319" y="143"/>
                    </a:lnTo>
                    <a:lnTo>
                      <a:pt x="327" y="175"/>
                    </a:lnTo>
                    <a:lnTo>
                      <a:pt x="334" y="208"/>
                    </a:lnTo>
                    <a:lnTo>
                      <a:pt x="340" y="238"/>
                    </a:lnTo>
                    <a:lnTo>
                      <a:pt x="345" y="250"/>
                    </a:lnTo>
                    <a:lnTo>
                      <a:pt x="348" y="262"/>
                    </a:lnTo>
                    <a:lnTo>
                      <a:pt x="352" y="272"/>
                    </a:lnTo>
                    <a:lnTo>
                      <a:pt x="356" y="281"/>
                    </a:lnTo>
                    <a:lnTo>
                      <a:pt x="343" y="282"/>
                    </a:lnTo>
                    <a:lnTo>
                      <a:pt x="331" y="282"/>
                    </a:lnTo>
                    <a:lnTo>
                      <a:pt x="321" y="280"/>
                    </a:lnTo>
                    <a:lnTo>
                      <a:pt x="313" y="277"/>
                    </a:lnTo>
                    <a:lnTo>
                      <a:pt x="304" y="273"/>
                    </a:lnTo>
                    <a:lnTo>
                      <a:pt x="294" y="271"/>
                    </a:lnTo>
                    <a:lnTo>
                      <a:pt x="284" y="270"/>
                    </a:lnTo>
                    <a:lnTo>
                      <a:pt x="272" y="271"/>
                    </a:lnTo>
                    <a:lnTo>
                      <a:pt x="267" y="273"/>
                    </a:lnTo>
                    <a:lnTo>
                      <a:pt x="262" y="275"/>
                    </a:lnTo>
                    <a:lnTo>
                      <a:pt x="258" y="279"/>
                    </a:lnTo>
                    <a:lnTo>
                      <a:pt x="254" y="282"/>
                    </a:lnTo>
                    <a:lnTo>
                      <a:pt x="251" y="286"/>
                    </a:lnTo>
                    <a:lnTo>
                      <a:pt x="248" y="290"/>
                    </a:lnTo>
                    <a:lnTo>
                      <a:pt x="246" y="294"/>
                    </a:lnTo>
                    <a:lnTo>
                      <a:pt x="244" y="299"/>
                    </a:lnTo>
                    <a:lnTo>
                      <a:pt x="259" y="313"/>
                    </a:lnTo>
                    <a:lnTo>
                      <a:pt x="277" y="328"/>
                    </a:lnTo>
                    <a:lnTo>
                      <a:pt x="294" y="343"/>
                    </a:lnTo>
                    <a:lnTo>
                      <a:pt x="310" y="361"/>
                    </a:lnTo>
                    <a:lnTo>
                      <a:pt x="317" y="369"/>
                    </a:lnTo>
                    <a:lnTo>
                      <a:pt x="324" y="379"/>
                    </a:lnTo>
                    <a:lnTo>
                      <a:pt x="328" y="389"/>
                    </a:lnTo>
                    <a:lnTo>
                      <a:pt x="331" y="400"/>
                    </a:lnTo>
                    <a:lnTo>
                      <a:pt x="333" y="411"/>
                    </a:lnTo>
                    <a:lnTo>
                      <a:pt x="333" y="423"/>
                    </a:lnTo>
                    <a:lnTo>
                      <a:pt x="332" y="436"/>
                    </a:lnTo>
                    <a:lnTo>
                      <a:pt x="328" y="449"/>
                    </a:lnTo>
                    <a:lnTo>
                      <a:pt x="316" y="447"/>
                    </a:lnTo>
                    <a:lnTo>
                      <a:pt x="306" y="444"/>
                    </a:lnTo>
                    <a:lnTo>
                      <a:pt x="297" y="440"/>
                    </a:lnTo>
                    <a:lnTo>
                      <a:pt x="289" y="434"/>
                    </a:lnTo>
                    <a:lnTo>
                      <a:pt x="273" y="423"/>
                    </a:lnTo>
                    <a:lnTo>
                      <a:pt x="259" y="410"/>
                    </a:lnTo>
                    <a:lnTo>
                      <a:pt x="251" y="404"/>
                    </a:lnTo>
                    <a:lnTo>
                      <a:pt x="242" y="399"/>
                    </a:lnTo>
                    <a:lnTo>
                      <a:pt x="234" y="394"/>
                    </a:lnTo>
                    <a:lnTo>
                      <a:pt x="224" y="391"/>
                    </a:lnTo>
                    <a:lnTo>
                      <a:pt x="212" y="389"/>
                    </a:lnTo>
                    <a:lnTo>
                      <a:pt x="199" y="388"/>
                    </a:lnTo>
                    <a:lnTo>
                      <a:pt x="185" y="390"/>
                    </a:lnTo>
                    <a:lnTo>
                      <a:pt x="169" y="392"/>
                    </a:lnTo>
                    <a:lnTo>
                      <a:pt x="171" y="386"/>
                    </a:lnTo>
                    <a:lnTo>
                      <a:pt x="174" y="380"/>
                    </a:lnTo>
                    <a:lnTo>
                      <a:pt x="177" y="373"/>
                    </a:lnTo>
                    <a:lnTo>
                      <a:pt x="181" y="368"/>
                    </a:lnTo>
                    <a:lnTo>
                      <a:pt x="190" y="358"/>
                    </a:lnTo>
                    <a:lnTo>
                      <a:pt x="196" y="346"/>
                    </a:lnTo>
                    <a:lnTo>
                      <a:pt x="190" y="334"/>
                    </a:lnTo>
                    <a:lnTo>
                      <a:pt x="181" y="324"/>
                    </a:lnTo>
                    <a:lnTo>
                      <a:pt x="172" y="314"/>
                    </a:lnTo>
                    <a:lnTo>
                      <a:pt x="161" y="306"/>
                    </a:lnTo>
                    <a:lnTo>
                      <a:pt x="151" y="299"/>
                    </a:lnTo>
                    <a:lnTo>
                      <a:pt x="138" y="291"/>
                    </a:lnTo>
                    <a:lnTo>
                      <a:pt x="126" y="286"/>
                    </a:lnTo>
                    <a:lnTo>
                      <a:pt x="112" y="281"/>
                    </a:lnTo>
                    <a:lnTo>
                      <a:pt x="117" y="275"/>
                    </a:lnTo>
                    <a:lnTo>
                      <a:pt x="121" y="271"/>
                    </a:lnTo>
                    <a:lnTo>
                      <a:pt x="127" y="269"/>
                    </a:lnTo>
                    <a:lnTo>
                      <a:pt x="132" y="266"/>
                    </a:lnTo>
                    <a:lnTo>
                      <a:pt x="137" y="265"/>
                    </a:lnTo>
                    <a:lnTo>
                      <a:pt x="142" y="264"/>
                    </a:lnTo>
                    <a:lnTo>
                      <a:pt x="148" y="264"/>
                    </a:lnTo>
                    <a:lnTo>
                      <a:pt x="153" y="265"/>
                    </a:lnTo>
                    <a:lnTo>
                      <a:pt x="165" y="267"/>
                    </a:lnTo>
                    <a:lnTo>
                      <a:pt x="175" y="270"/>
                    </a:lnTo>
                    <a:lnTo>
                      <a:pt x="186" y="275"/>
                    </a:lnTo>
                    <a:lnTo>
                      <a:pt x="196" y="281"/>
                    </a:lnTo>
                    <a:lnTo>
                      <a:pt x="206" y="275"/>
                    </a:lnTo>
                    <a:lnTo>
                      <a:pt x="215" y="271"/>
                    </a:lnTo>
                    <a:lnTo>
                      <a:pt x="217" y="263"/>
                    </a:lnTo>
                    <a:lnTo>
                      <a:pt x="217" y="255"/>
                    </a:lnTo>
                    <a:lnTo>
                      <a:pt x="217" y="250"/>
                    </a:lnTo>
                    <a:lnTo>
                      <a:pt x="216" y="245"/>
                    </a:lnTo>
                    <a:lnTo>
                      <a:pt x="214" y="240"/>
                    </a:lnTo>
                    <a:lnTo>
                      <a:pt x="212" y="237"/>
                    </a:lnTo>
                    <a:lnTo>
                      <a:pt x="209" y="232"/>
                    </a:lnTo>
                    <a:lnTo>
                      <a:pt x="206" y="229"/>
                    </a:lnTo>
                    <a:lnTo>
                      <a:pt x="199" y="223"/>
                    </a:lnTo>
                    <a:lnTo>
                      <a:pt x="193" y="217"/>
                    </a:lnTo>
                    <a:lnTo>
                      <a:pt x="191" y="212"/>
                    </a:lnTo>
                    <a:lnTo>
                      <a:pt x="189" y="207"/>
                    </a:lnTo>
                    <a:lnTo>
                      <a:pt x="188" y="202"/>
                    </a:lnTo>
                    <a:lnTo>
                      <a:pt x="187" y="197"/>
                    </a:lnTo>
                    <a:lnTo>
                      <a:pt x="194" y="200"/>
                    </a:lnTo>
                    <a:lnTo>
                      <a:pt x="205" y="204"/>
                    </a:lnTo>
                    <a:lnTo>
                      <a:pt x="217" y="207"/>
                    </a:lnTo>
                    <a:lnTo>
                      <a:pt x="230" y="207"/>
                    </a:lnTo>
                    <a:lnTo>
                      <a:pt x="236" y="207"/>
                    </a:lnTo>
                    <a:lnTo>
                      <a:pt x="241" y="206"/>
                    </a:lnTo>
                    <a:lnTo>
                      <a:pt x="247" y="204"/>
                    </a:lnTo>
                    <a:lnTo>
                      <a:pt x="251" y="201"/>
                    </a:lnTo>
                    <a:lnTo>
                      <a:pt x="253" y="197"/>
                    </a:lnTo>
                    <a:lnTo>
                      <a:pt x="255" y="191"/>
                    </a:lnTo>
                    <a:lnTo>
                      <a:pt x="255" y="185"/>
                    </a:lnTo>
                    <a:lnTo>
                      <a:pt x="253" y="178"/>
                    </a:lnTo>
                    <a:lnTo>
                      <a:pt x="257" y="179"/>
                    </a:lnTo>
                    <a:lnTo>
                      <a:pt x="261" y="181"/>
                    </a:lnTo>
                    <a:lnTo>
                      <a:pt x="265" y="182"/>
                    </a:lnTo>
                    <a:lnTo>
                      <a:pt x="267" y="185"/>
                    </a:lnTo>
                    <a:lnTo>
                      <a:pt x="269" y="187"/>
                    </a:lnTo>
                    <a:lnTo>
                      <a:pt x="269" y="189"/>
                    </a:lnTo>
                    <a:lnTo>
                      <a:pt x="270" y="192"/>
                    </a:lnTo>
                    <a:lnTo>
                      <a:pt x="270" y="195"/>
                    </a:lnTo>
                    <a:lnTo>
                      <a:pt x="266" y="209"/>
                    </a:lnTo>
                    <a:lnTo>
                      <a:pt x="262" y="224"/>
                    </a:lnTo>
                    <a:lnTo>
                      <a:pt x="271" y="224"/>
                    </a:lnTo>
                    <a:lnTo>
                      <a:pt x="280" y="224"/>
                    </a:lnTo>
                    <a:lnTo>
                      <a:pt x="290" y="224"/>
                    </a:lnTo>
                    <a:lnTo>
                      <a:pt x="299" y="224"/>
                    </a:lnTo>
                    <a:lnTo>
                      <a:pt x="304" y="221"/>
                    </a:lnTo>
                    <a:lnTo>
                      <a:pt x="306" y="218"/>
                    </a:lnTo>
                    <a:lnTo>
                      <a:pt x="308" y="214"/>
                    </a:lnTo>
                    <a:lnTo>
                      <a:pt x="309" y="211"/>
                    </a:lnTo>
                    <a:lnTo>
                      <a:pt x="308" y="205"/>
                    </a:lnTo>
                    <a:lnTo>
                      <a:pt x="307" y="199"/>
                    </a:lnTo>
                    <a:lnTo>
                      <a:pt x="305" y="191"/>
                    </a:lnTo>
                    <a:lnTo>
                      <a:pt x="304" y="184"/>
                    </a:lnTo>
                    <a:lnTo>
                      <a:pt x="304" y="181"/>
                    </a:lnTo>
                    <a:lnTo>
                      <a:pt x="305" y="177"/>
                    </a:lnTo>
                    <a:lnTo>
                      <a:pt x="306" y="172"/>
                    </a:lnTo>
                    <a:lnTo>
                      <a:pt x="309" y="168"/>
                    </a:lnTo>
                    <a:lnTo>
                      <a:pt x="296" y="167"/>
                    </a:lnTo>
                    <a:lnTo>
                      <a:pt x="285" y="166"/>
                    </a:lnTo>
                    <a:lnTo>
                      <a:pt x="273" y="166"/>
                    </a:lnTo>
                    <a:lnTo>
                      <a:pt x="260" y="167"/>
                    </a:lnTo>
                    <a:lnTo>
                      <a:pt x="238" y="169"/>
                    </a:lnTo>
                    <a:lnTo>
                      <a:pt x="217" y="171"/>
                    </a:lnTo>
                    <a:lnTo>
                      <a:pt x="208" y="172"/>
                    </a:lnTo>
                    <a:lnTo>
                      <a:pt x="198" y="172"/>
                    </a:lnTo>
                    <a:lnTo>
                      <a:pt x="190" y="171"/>
                    </a:lnTo>
                    <a:lnTo>
                      <a:pt x="181" y="169"/>
                    </a:lnTo>
                    <a:lnTo>
                      <a:pt x="175" y="167"/>
                    </a:lnTo>
                    <a:lnTo>
                      <a:pt x="169" y="163"/>
                    </a:lnTo>
                    <a:lnTo>
                      <a:pt x="163" y="157"/>
                    </a:lnTo>
                    <a:lnTo>
                      <a:pt x="159" y="149"/>
                    </a:lnTo>
                    <a:lnTo>
                      <a:pt x="156" y="154"/>
                    </a:lnTo>
                    <a:lnTo>
                      <a:pt x="152" y="159"/>
                    </a:lnTo>
                    <a:lnTo>
                      <a:pt x="147" y="162"/>
                    </a:lnTo>
                    <a:lnTo>
                      <a:pt x="141" y="165"/>
                    </a:lnTo>
                    <a:lnTo>
                      <a:pt x="136" y="167"/>
                    </a:lnTo>
                    <a:lnTo>
                      <a:pt x="131" y="170"/>
                    </a:lnTo>
                    <a:lnTo>
                      <a:pt x="126" y="173"/>
                    </a:lnTo>
                    <a:lnTo>
                      <a:pt x="121" y="178"/>
                    </a:lnTo>
                    <a:lnTo>
                      <a:pt x="120" y="175"/>
                    </a:lnTo>
                    <a:lnTo>
                      <a:pt x="117" y="173"/>
                    </a:lnTo>
                    <a:lnTo>
                      <a:pt x="115" y="172"/>
                    </a:lnTo>
                    <a:lnTo>
                      <a:pt x="112" y="171"/>
                    </a:lnTo>
                    <a:lnTo>
                      <a:pt x="105" y="170"/>
                    </a:lnTo>
                    <a:lnTo>
                      <a:pt x="97" y="169"/>
                    </a:lnTo>
                    <a:lnTo>
                      <a:pt x="94" y="168"/>
                    </a:lnTo>
                    <a:lnTo>
                      <a:pt x="91" y="168"/>
                    </a:lnTo>
                    <a:lnTo>
                      <a:pt x="88" y="166"/>
                    </a:lnTo>
                    <a:lnTo>
                      <a:pt x="86" y="164"/>
                    </a:lnTo>
                    <a:lnTo>
                      <a:pt x="83" y="162"/>
                    </a:lnTo>
                    <a:lnTo>
                      <a:pt x="83" y="159"/>
                    </a:lnTo>
                    <a:lnTo>
                      <a:pt x="83" y="154"/>
                    </a:lnTo>
                    <a:lnTo>
                      <a:pt x="85" y="149"/>
                    </a:lnTo>
                    <a:lnTo>
                      <a:pt x="68" y="159"/>
                    </a:lnTo>
                    <a:lnTo>
                      <a:pt x="50" y="166"/>
                    </a:lnTo>
                    <a:lnTo>
                      <a:pt x="39" y="169"/>
                    </a:lnTo>
                    <a:lnTo>
                      <a:pt x="28" y="170"/>
                    </a:lnTo>
                    <a:lnTo>
                      <a:pt x="15" y="170"/>
                    </a:lnTo>
                    <a:lnTo>
                      <a:pt x="0" y="168"/>
                    </a:lnTo>
                    <a:lnTo>
                      <a:pt x="11" y="160"/>
                    </a:lnTo>
                    <a:lnTo>
                      <a:pt x="21" y="151"/>
                    </a:lnTo>
                    <a:lnTo>
                      <a:pt x="31" y="142"/>
                    </a:lnTo>
                    <a:lnTo>
                      <a:pt x="41" y="132"/>
                    </a:lnTo>
                    <a:lnTo>
                      <a:pt x="59" y="111"/>
                    </a:lnTo>
                    <a:lnTo>
                      <a:pt x="77" y="90"/>
                    </a:lnTo>
                    <a:lnTo>
                      <a:pt x="93" y="68"/>
                    </a:lnTo>
                    <a:lnTo>
                      <a:pt x="109" y="46"/>
                    </a:lnTo>
                    <a:lnTo>
                      <a:pt x="125" y="23"/>
                    </a:lnTo>
                    <a:lnTo>
                      <a:pt x="140" y="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85" name="Sønderborg kant"/>
              <p:cNvSpPr>
                <a:spLocks/>
              </p:cNvSpPr>
              <p:nvPr/>
            </p:nvSpPr>
            <p:spPr bwMode="auto">
              <a:xfrm>
                <a:off x="1668463" y="5907088"/>
                <a:ext cx="188913" cy="236538"/>
              </a:xfrm>
              <a:custGeom>
                <a:avLst/>
                <a:gdLst>
                  <a:gd name="T0" fmla="*/ 13 w 356"/>
                  <a:gd name="T1" fmla="*/ 56 h 449"/>
                  <a:gd name="T2" fmla="*/ 28 w 356"/>
                  <a:gd name="T3" fmla="*/ 51 h 449"/>
                  <a:gd name="T4" fmla="*/ 29 w 356"/>
                  <a:gd name="T5" fmla="*/ 55 h 449"/>
                  <a:gd name="T6" fmla="*/ 35 w 356"/>
                  <a:gd name="T7" fmla="*/ 56 h 449"/>
                  <a:gd name="T8" fmla="*/ 40 w 356"/>
                  <a:gd name="T9" fmla="*/ 58 h 449"/>
                  <a:gd name="T10" fmla="*/ 45 w 356"/>
                  <a:gd name="T11" fmla="*/ 55 h 449"/>
                  <a:gd name="T12" fmla="*/ 52 w 356"/>
                  <a:gd name="T13" fmla="*/ 51 h 449"/>
                  <a:gd name="T14" fmla="*/ 58 w 356"/>
                  <a:gd name="T15" fmla="*/ 55 h 449"/>
                  <a:gd name="T16" fmla="*/ 70 w 356"/>
                  <a:gd name="T17" fmla="*/ 57 h 449"/>
                  <a:gd name="T18" fmla="*/ 91 w 356"/>
                  <a:gd name="T19" fmla="*/ 55 h 449"/>
                  <a:gd name="T20" fmla="*/ 102 w 356"/>
                  <a:gd name="T21" fmla="*/ 57 h 449"/>
                  <a:gd name="T22" fmla="*/ 102 w 356"/>
                  <a:gd name="T23" fmla="*/ 63 h 449"/>
                  <a:gd name="T24" fmla="*/ 103 w 356"/>
                  <a:gd name="T25" fmla="*/ 71 h 449"/>
                  <a:gd name="T26" fmla="*/ 97 w 356"/>
                  <a:gd name="T27" fmla="*/ 74 h 449"/>
                  <a:gd name="T28" fmla="*/ 89 w 356"/>
                  <a:gd name="T29" fmla="*/ 69 h 449"/>
                  <a:gd name="T30" fmla="*/ 90 w 356"/>
                  <a:gd name="T31" fmla="*/ 62 h 449"/>
                  <a:gd name="T32" fmla="*/ 86 w 356"/>
                  <a:gd name="T33" fmla="*/ 59 h 449"/>
                  <a:gd name="T34" fmla="*/ 85 w 356"/>
                  <a:gd name="T35" fmla="*/ 65 h 449"/>
                  <a:gd name="T36" fmla="*/ 79 w 356"/>
                  <a:gd name="T37" fmla="*/ 69 h 449"/>
                  <a:gd name="T38" fmla="*/ 65 w 356"/>
                  <a:gd name="T39" fmla="*/ 66 h 449"/>
                  <a:gd name="T40" fmla="*/ 64 w 356"/>
                  <a:gd name="T41" fmla="*/ 70 h 449"/>
                  <a:gd name="T42" fmla="*/ 70 w 356"/>
                  <a:gd name="T43" fmla="*/ 77 h 449"/>
                  <a:gd name="T44" fmla="*/ 73 w 356"/>
                  <a:gd name="T45" fmla="*/ 83 h 449"/>
                  <a:gd name="T46" fmla="*/ 69 w 356"/>
                  <a:gd name="T47" fmla="*/ 91 h 449"/>
                  <a:gd name="T48" fmla="*/ 55 w 356"/>
                  <a:gd name="T49" fmla="*/ 89 h 449"/>
                  <a:gd name="T50" fmla="*/ 46 w 356"/>
                  <a:gd name="T51" fmla="*/ 88 h 449"/>
                  <a:gd name="T52" fmla="*/ 39 w 356"/>
                  <a:gd name="T53" fmla="*/ 91 h 449"/>
                  <a:gd name="T54" fmla="*/ 50 w 356"/>
                  <a:gd name="T55" fmla="*/ 99 h 449"/>
                  <a:gd name="T56" fmla="*/ 64 w 356"/>
                  <a:gd name="T57" fmla="*/ 111 h 449"/>
                  <a:gd name="T58" fmla="*/ 59 w 356"/>
                  <a:gd name="T59" fmla="*/ 124 h 449"/>
                  <a:gd name="T60" fmla="*/ 62 w 356"/>
                  <a:gd name="T61" fmla="*/ 129 h 449"/>
                  <a:gd name="T62" fmla="*/ 78 w 356"/>
                  <a:gd name="T63" fmla="*/ 131 h 449"/>
                  <a:gd name="T64" fmla="*/ 91 w 356"/>
                  <a:gd name="T65" fmla="*/ 140 h 449"/>
                  <a:gd name="T66" fmla="*/ 106 w 356"/>
                  <a:gd name="T67" fmla="*/ 148 h 449"/>
                  <a:gd name="T68" fmla="*/ 111 w 356"/>
                  <a:gd name="T69" fmla="*/ 136 h 449"/>
                  <a:gd name="T70" fmla="*/ 106 w 356"/>
                  <a:gd name="T71" fmla="*/ 122 h 449"/>
                  <a:gd name="T72" fmla="*/ 87 w 356"/>
                  <a:gd name="T73" fmla="*/ 104 h 449"/>
                  <a:gd name="T74" fmla="*/ 84 w 356"/>
                  <a:gd name="T75" fmla="*/ 95 h 449"/>
                  <a:gd name="T76" fmla="*/ 89 w 356"/>
                  <a:gd name="T77" fmla="*/ 91 h 449"/>
                  <a:gd name="T78" fmla="*/ 102 w 356"/>
                  <a:gd name="T79" fmla="*/ 91 h 449"/>
                  <a:gd name="T80" fmla="*/ 115 w 356"/>
                  <a:gd name="T81" fmla="*/ 94 h 449"/>
                  <a:gd name="T82" fmla="*/ 115 w 356"/>
                  <a:gd name="T83" fmla="*/ 83 h 449"/>
                  <a:gd name="T84" fmla="*/ 107 w 356"/>
                  <a:gd name="T85" fmla="*/ 47 h 449"/>
                  <a:gd name="T86" fmla="*/ 99 w 356"/>
                  <a:gd name="T87" fmla="*/ 23 h 449"/>
                  <a:gd name="T88" fmla="*/ 84 w 356"/>
                  <a:gd name="T89" fmla="*/ 19 h 449"/>
                  <a:gd name="T90" fmla="*/ 71 w 356"/>
                  <a:gd name="T91" fmla="*/ 14 h 449"/>
                  <a:gd name="T92" fmla="*/ 56 w 356"/>
                  <a:gd name="T93" fmla="*/ 4 h 449"/>
                  <a:gd name="T94" fmla="*/ 42 w 356"/>
                  <a:gd name="T95" fmla="*/ 8 h 449"/>
                  <a:gd name="T96" fmla="*/ 20 w 356"/>
                  <a:gd name="T97" fmla="*/ 37 h 449"/>
                  <a:gd name="T98" fmla="*/ 4 w 356"/>
                  <a:gd name="T99" fmla="*/ 53 h 449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0" t="0" r="r" b="b"/>
                <a:pathLst>
                  <a:path w="356" h="449">
                    <a:moveTo>
                      <a:pt x="0" y="168"/>
                    </a:moveTo>
                    <a:lnTo>
                      <a:pt x="15" y="170"/>
                    </a:lnTo>
                    <a:lnTo>
                      <a:pt x="28" y="170"/>
                    </a:lnTo>
                    <a:lnTo>
                      <a:pt x="39" y="169"/>
                    </a:lnTo>
                    <a:lnTo>
                      <a:pt x="50" y="166"/>
                    </a:lnTo>
                    <a:lnTo>
                      <a:pt x="68" y="159"/>
                    </a:lnTo>
                    <a:lnTo>
                      <a:pt x="85" y="149"/>
                    </a:lnTo>
                    <a:lnTo>
                      <a:pt x="83" y="154"/>
                    </a:lnTo>
                    <a:lnTo>
                      <a:pt x="83" y="159"/>
                    </a:lnTo>
                    <a:lnTo>
                      <a:pt x="83" y="162"/>
                    </a:lnTo>
                    <a:lnTo>
                      <a:pt x="86" y="164"/>
                    </a:lnTo>
                    <a:lnTo>
                      <a:pt x="88" y="166"/>
                    </a:lnTo>
                    <a:lnTo>
                      <a:pt x="91" y="168"/>
                    </a:lnTo>
                    <a:lnTo>
                      <a:pt x="94" y="168"/>
                    </a:lnTo>
                    <a:lnTo>
                      <a:pt x="97" y="169"/>
                    </a:lnTo>
                    <a:lnTo>
                      <a:pt x="105" y="170"/>
                    </a:lnTo>
                    <a:lnTo>
                      <a:pt x="112" y="171"/>
                    </a:lnTo>
                    <a:lnTo>
                      <a:pt x="115" y="172"/>
                    </a:lnTo>
                    <a:lnTo>
                      <a:pt x="117" y="173"/>
                    </a:lnTo>
                    <a:lnTo>
                      <a:pt x="120" y="175"/>
                    </a:lnTo>
                    <a:lnTo>
                      <a:pt x="121" y="178"/>
                    </a:lnTo>
                    <a:lnTo>
                      <a:pt x="126" y="173"/>
                    </a:lnTo>
                    <a:lnTo>
                      <a:pt x="131" y="170"/>
                    </a:lnTo>
                    <a:lnTo>
                      <a:pt x="136" y="167"/>
                    </a:lnTo>
                    <a:lnTo>
                      <a:pt x="141" y="165"/>
                    </a:lnTo>
                    <a:lnTo>
                      <a:pt x="147" y="162"/>
                    </a:lnTo>
                    <a:lnTo>
                      <a:pt x="152" y="159"/>
                    </a:lnTo>
                    <a:lnTo>
                      <a:pt x="156" y="154"/>
                    </a:lnTo>
                    <a:lnTo>
                      <a:pt x="159" y="149"/>
                    </a:lnTo>
                    <a:lnTo>
                      <a:pt x="163" y="157"/>
                    </a:lnTo>
                    <a:lnTo>
                      <a:pt x="169" y="163"/>
                    </a:lnTo>
                    <a:lnTo>
                      <a:pt x="175" y="167"/>
                    </a:lnTo>
                    <a:lnTo>
                      <a:pt x="181" y="169"/>
                    </a:lnTo>
                    <a:lnTo>
                      <a:pt x="190" y="171"/>
                    </a:lnTo>
                    <a:lnTo>
                      <a:pt x="198" y="172"/>
                    </a:lnTo>
                    <a:lnTo>
                      <a:pt x="208" y="172"/>
                    </a:lnTo>
                    <a:lnTo>
                      <a:pt x="217" y="171"/>
                    </a:lnTo>
                    <a:lnTo>
                      <a:pt x="238" y="169"/>
                    </a:lnTo>
                    <a:lnTo>
                      <a:pt x="260" y="167"/>
                    </a:lnTo>
                    <a:lnTo>
                      <a:pt x="273" y="166"/>
                    </a:lnTo>
                    <a:lnTo>
                      <a:pt x="285" y="166"/>
                    </a:lnTo>
                    <a:lnTo>
                      <a:pt x="296" y="167"/>
                    </a:lnTo>
                    <a:lnTo>
                      <a:pt x="309" y="168"/>
                    </a:lnTo>
                    <a:lnTo>
                      <a:pt x="306" y="172"/>
                    </a:lnTo>
                    <a:lnTo>
                      <a:pt x="305" y="177"/>
                    </a:lnTo>
                    <a:lnTo>
                      <a:pt x="304" y="181"/>
                    </a:lnTo>
                    <a:lnTo>
                      <a:pt x="304" y="184"/>
                    </a:lnTo>
                    <a:lnTo>
                      <a:pt x="305" y="191"/>
                    </a:lnTo>
                    <a:lnTo>
                      <a:pt x="307" y="199"/>
                    </a:lnTo>
                    <a:lnTo>
                      <a:pt x="308" y="205"/>
                    </a:lnTo>
                    <a:lnTo>
                      <a:pt x="309" y="211"/>
                    </a:lnTo>
                    <a:lnTo>
                      <a:pt x="308" y="214"/>
                    </a:lnTo>
                    <a:lnTo>
                      <a:pt x="306" y="218"/>
                    </a:lnTo>
                    <a:lnTo>
                      <a:pt x="304" y="221"/>
                    </a:lnTo>
                    <a:lnTo>
                      <a:pt x="299" y="224"/>
                    </a:lnTo>
                    <a:lnTo>
                      <a:pt x="290" y="224"/>
                    </a:lnTo>
                    <a:lnTo>
                      <a:pt x="280" y="224"/>
                    </a:lnTo>
                    <a:lnTo>
                      <a:pt x="271" y="224"/>
                    </a:lnTo>
                    <a:lnTo>
                      <a:pt x="262" y="224"/>
                    </a:lnTo>
                    <a:lnTo>
                      <a:pt x="266" y="209"/>
                    </a:lnTo>
                    <a:lnTo>
                      <a:pt x="270" y="195"/>
                    </a:lnTo>
                    <a:lnTo>
                      <a:pt x="270" y="192"/>
                    </a:lnTo>
                    <a:lnTo>
                      <a:pt x="269" y="189"/>
                    </a:lnTo>
                    <a:lnTo>
                      <a:pt x="269" y="187"/>
                    </a:lnTo>
                    <a:lnTo>
                      <a:pt x="267" y="185"/>
                    </a:lnTo>
                    <a:lnTo>
                      <a:pt x="265" y="182"/>
                    </a:lnTo>
                    <a:lnTo>
                      <a:pt x="261" y="181"/>
                    </a:lnTo>
                    <a:lnTo>
                      <a:pt x="257" y="179"/>
                    </a:lnTo>
                    <a:lnTo>
                      <a:pt x="253" y="178"/>
                    </a:lnTo>
                    <a:lnTo>
                      <a:pt x="255" y="185"/>
                    </a:lnTo>
                    <a:lnTo>
                      <a:pt x="255" y="191"/>
                    </a:lnTo>
                    <a:lnTo>
                      <a:pt x="253" y="197"/>
                    </a:lnTo>
                    <a:lnTo>
                      <a:pt x="251" y="201"/>
                    </a:lnTo>
                    <a:lnTo>
                      <a:pt x="247" y="204"/>
                    </a:lnTo>
                    <a:lnTo>
                      <a:pt x="241" y="206"/>
                    </a:lnTo>
                    <a:lnTo>
                      <a:pt x="236" y="207"/>
                    </a:lnTo>
                    <a:lnTo>
                      <a:pt x="230" y="207"/>
                    </a:lnTo>
                    <a:lnTo>
                      <a:pt x="217" y="207"/>
                    </a:lnTo>
                    <a:lnTo>
                      <a:pt x="205" y="204"/>
                    </a:lnTo>
                    <a:lnTo>
                      <a:pt x="194" y="200"/>
                    </a:lnTo>
                    <a:lnTo>
                      <a:pt x="187" y="197"/>
                    </a:lnTo>
                    <a:lnTo>
                      <a:pt x="188" y="202"/>
                    </a:lnTo>
                    <a:lnTo>
                      <a:pt x="189" y="207"/>
                    </a:lnTo>
                    <a:lnTo>
                      <a:pt x="191" y="212"/>
                    </a:lnTo>
                    <a:lnTo>
                      <a:pt x="193" y="217"/>
                    </a:lnTo>
                    <a:lnTo>
                      <a:pt x="199" y="223"/>
                    </a:lnTo>
                    <a:lnTo>
                      <a:pt x="206" y="229"/>
                    </a:lnTo>
                    <a:lnTo>
                      <a:pt x="209" y="232"/>
                    </a:lnTo>
                    <a:lnTo>
                      <a:pt x="212" y="237"/>
                    </a:lnTo>
                    <a:lnTo>
                      <a:pt x="214" y="240"/>
                    </a:lnTo>
                    <a:lnTo>
                      <a:pt x="216" y="245"/>
                    </a:lnTo>
                    <a:lnTo>
                      <a:pt x="217" y="250"/>
                    </a:lnTo>
                    <a:lnTo>
                      <a:pt x="217" y="255"/>
                    </a:lnTo>
                    <a:lnTo>
                      <a:pt x="217" y="263"/>
                    </a:lnTo>
                    <a:lnTo>
                      <a:pt x="215" y="271"/>
                    </a:lnTo>
                    <a:lnTo>
                      <a:pt x="206" y="275"/>
                    </a:lnTo>
                    <a:lnTo>
                      <a:pt x="196" y="281"/>
                    </a:lnTo>
                    <a:lnTo>
                      <a:pt x="186" y="275"/>
                    </a:lnTo>
                    <a:lnTo>
                      <a:pt x="175" y="270"/>
                    </a:lnTo>
                    <a:lnTo>
                      <a:pt x="165" y="267"/>
                    </a:lnTo>
                    <a:lnTo>
                      <a:pt x="153" y="265"/>
                    </a:lnTo>
                    <a:lnTo>
                      <a:pt x="148" y="264"/>
                    </a:lnTo>
                    <a:lnTo>
                      <a:pt x="142" y="264"/>
                    </a:lnTo>
                    <a:lnTo>
                      <a:pt x="137" y="265"/>
                    </a:lnTo>
                    <a:lnTo>
                      <a:pt x="132" y="266"/>
                    </a:lnTo>
                    <a:lnTo>
                      <a:pt x="127" y="269"/>
                    </a:lnTo>
                    <a:lnTo>
                      <a:pt x="121" y="271"/>
                    </a:lnTo>
                    <a:lnTo>
                      <a:pt x="117" y="275"/>
                    </a:lnTo>
                    <a:lnTo>
                      <a:pt x="112" y="281"/>
                    </a:lnTo>
                    <a:lnTo>
                      <a:pt x="126" y="286"/>
                    </a:lnTo>
                    <a:lnTo>
                      <a:pt x="138" y="291"/>
                    </a:lnTo>
                    <a:lnTo>
                      <a:pt x="151" y="299"/>
                    </a:lnTo>
                    <a:lnTo>
                      <a:pt x="161" y="306"/>
                    </a:lnTo>
                    <a:lnTo>
                      <a:pt x="172" y="314"/>
                    </a:lnTo>
                    <a:lnTo>
                      <a:pt x="181" y="324"/>
                    </a:lnTo>
                    <a:lnTo>
                      <a:pt x="190" y="334"/>
                    </a:lnTo>
                    <a:lnTo>
                      <a:pt x="196" y="346"/>
                    </a:lnTo>
                    <a:lnTo>
                      <a:pt x="190" y="358"/>
                    </a:lnTo>
                    <a:lnTo>
                      <a:pt x="181" y="368"/>
                    </a:lnTo>
                    <a:lnTo>
                      <a:pt x="177" y="373"/>
                    </a:lnTo>
                    <a:lnTo>
                      <a:pt x="174" y="380"/>
                    </a:lnTo>
                    <a:lnTo>
                      <a:pt x="171" y="386"/>
                    </a:lnTo>
                    <a:lnTo>
                      <a:pt x="169" y="392"/>
                    </a:lnTo>
                    <a:lnTo>
                      <a:pt x="185" y="390"/>
                    </a:lnTo>
                    <a:lnTo>
                      <a:pt x="199" y="388"/>
                    </a:lnTo>
                    <a:lnTo>
                      <a:pt x="212" y="389"/>
                    </a:lnTo>
                    <a:lnTo>
                      <a:pt x="224" y="391"/>
                    </a:lnTo>
                    <a:lnTo>
                      <a:pt x="234" y="394"/>
                    </a:lnTo>
                    <a:lnTo>
                      <a:pt x="242" y="399"/>
                    </a:lnTo>
                    <a:lnTo>
                      <a:pt x="251" y="404"/>
                    </a:lnTo>
                    <a:lnTo>
                      <a:pt x="259" y="410"/>
                    </a:lnTo>
                    <a:lnTo>
                      <a:pt x="273" y="423"/>
                    </a:lnTo>
                    <a:lnTo>
                      <a:pt x="289" y="434"/>
                    </a:lnTo>
                    <a:lnTo>
                      <a:pt x="297" y="440"/>
                    </a:lnTo>
                    <a:lnTo>
                      <a:pt x="306" y="444"/>
                    </a:lnTo>
                    <a:lnTo>
                      <a:pt x="316" y="447"/>
                    </a:lnTo>
                    <a:lnTo>
                      <a:pt x="328" y="449"/>
                    </a:lnTo>
                    <a:lnTo>
                      <a:pt x="332" y="436"/>
                    </a:lnTo>
                    <a:lnTo>
                      <a:pt x="333" y="423"/>
                    </a:lnTo>
                    <a:lnTo>
                      <a:pt x="333" y="411"/>
                    </a:lnTo>
                    <a:lnTo>
                      <a:pt x="331" y="400"/>
                    </a:lnTo>
                    <a:lnTo>
                      <a:pt x="328" y="389"/>
                    </a:lnTo>
                    <a:lnTo>
                      <a:pt x="324" y="379"/>
                    </a:lnTo>
                    <a:lnTo>
                      <a:pt x="317" y="369"/>
                    </a:lnTo>
                    <a:lnTo>
                      <a:pt x="310" y="361"/>
                    </a:lnTo>
                    <a:lnTo>
                      <a:pt x="294" y="343"/>
                    </a:lnTo>
                    <a:lnTo>
                      <a:pt x="277" y="328"/>
                    </a:lnTo>
                    <a:lnTo>
                      <a:pt x="259" y="313"/>
                    </a:lnTo>
                    <a:lnTo>
                      <a:pt x="244" y="299"/>
                    </a:lnTo>
                    <a:lnTo>
                      <a:pt x="246" y="294"/>
                    </a:lnTo>
                    <a:lnTo>
                      <a:pt x="248" y="290"/>
                    </a:lnTo>
                    <a:lnTo>
                      <a:pt x="251" y="286"/>
                    </a:lnTo>
                    <a:lnTo>
                      <a:pt x="254" y="282"/>
                    </a:lnTo>
                    <a:lnTo>
                      <a:pt x="258" y="279"/>
                    </a:lnTo>
                    <a:lnTo>
                      <a:pt x="262" y="275"/>
                    </a:lnTo>
                    <a:lnTo>
                      <a:pt x="267" y="273"/>
                    </a:lnTo>
                    <a:lnTo>
                      <a:pt x="272" y="271"/>
                    </a:lnTo>
                    <a:lnTo>
                      <a:pt x="284" y="270"/>
                    </a:lnTo>
                    <a:lnTo>
                      <a:pt x="294" y="271"/>
                    </a:lnTo>
                    <a:lnTo>
                      <a:pt x="304" y="273"/>
                    </a:lnTo>
                    <a:lnTo>
                      <a:pt x="313" y="277"/>
                    </a:lnTo>
                    <a:lnTo>
                      <a:pt x="321" y="280"/>
                    </a:lnTo>
                    <a:lnTo>
                      <a:pt x="331" y="282"/>
                    </a:lnTo>
                    <a:lnTo>
                      <a:pt x="343" y="282"/>
                    </a:lnTo>
                    <a:lnTo>
                      <a:pt x="356" y="281"/>
                    </a:lnTo>
                    <a:lnTo>
                      <a:pt x="352" y="272"/>
                    </a:lnTo>
                    <a:lnTo>
                      <a:pt x="348" y="262"/>
                    </a:lnTo>
                    <a:lnTo>
                      <a:pt x="345" y="250"/>
                    </a:lnTo>
                    <a:lnTo>
                      <a:pt x="340" y="238"/>
                    </a:lnTo>
                    <a:lnTo>
                      <a:pt x="334" y="208"/>
                    </a:lnTo>
                    <a:lnTo>
                      <a:pt x="327" y="175"/>
                    </a:lnTo>
                    <a:lnTo>
                      <a:pt x="319" y="143"/>
                    </a:lnTo>
                    <a:lnTo>
                      <a:pt x="311" y="110"/>
                    </a:lnTo>
                    <a:lnTo>
                      <a:pt x="306" y="95"/>
                    </a:lnTo>
                    <a:lnTo>
                      <a:pt x="301" y="81"/>
                    </a:lnTo>
                    <a:lnTo>
                      <a:pt x="296" y="68"/>
                    </a:lnTo>
                    <a:lnTo>
                      <a:pt x="290" y="55"/>
                    </a:lnTo>
                    <a:lnTo>
                      <a:pt x="276" y="58"/>
                    </a:lnTo>
                    <a:lnTo>
                      <a:pt x="262" y="58"/>
                    </a:lnTo>
                    <a:lnTo>
                      <a:pt x="251" y="56"/>
                    </a:lnTo>
                    <a:lnTo>
                      <a:pt x="240" y="54"/>
                    </a:lnTo>
                    <a:lnTo>
                      <a:pt x="231" y="51"/>
                    </a:lnTo>
                    <a:lnTo>
                      <a:pt x="221" y="47"/>
                    </a:lnTo>
                    <a:lnTo>
                      <a:pt x="213" y="43"/>
                    </a:lnTo>
                    <a:lnTo>
                      <a:pt x="205" y="38"/>
                    </a:lnTo>
                    <a:lnTo>
                      <a:pt x="190" y="27"/>
                    </a:lnTo>
                    <a:lnTo>
                      <a:pt x="175" y="16"/>
                    </a:lnTo>
                    <a:lnTo>
                      <a:pt x="167" y="11"/>
                    </a:lnTo>
                    <a:lnTo>
                      <a:pt x="158" y="7"/>
                    </a:lnTo>
                    <a:lnTo>
                      <a:pt x="150" y="3"/>
                    </a:lnTo>
                    <a:lnTo>
                      <a:pt x="140" y="0"/>
                    </a:lnTo>
                    <a:lnTo>
                      <a:pt x="125" y="23"/>
                    </a:lnTo>
                    <a:lnTo>
                      <a:pt x="109" y="46"/>
                    </a:lnTo>
                    <a:lnTo>
                      <a:pt x="93" y="68"/>
                    </a:lnTo>
                    <a:lnTo>
                      <a:pt x="77" y="90"/>
                    </a:lnTo>
                    <a:lnTo>
                      <a:pt x="59" y="111"/>
                    </a:lnTo>
                    <a:lnTo>
                      <a:pt x="41" y="132"/>
                    </a:lnTo>
                    <a:lnTo>
                      <a:pt x="31" y="142"/>
                    </a:lnTo>
                    <a:lnTo>
                      <a:pt x="21" y="151"/>
                    </a:lnTo>
                    <a:lnTo>
                      <a:pt x="11" y="160"/>
                    </a:lnTo>
                    <a:lnTo>
                      <a:pt x="0" y="168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86" name="Sønderborg"/>
              <p:cNvSpPr>
                <a:spLocks/>
              </p:cNvSpPr>
              <p:nvPr/>
            </p:nvSpPr>
            <p:spPr bwMode="auto">
              <a:xfrm>
                <a:off x="1604963" y="5975350"/>
                <a:ext cx="123825" cy="123825"/>
              </a:xfrm>
              <a:custGeom>
                <a:avLst/>
                <a:gdLst>
                  <a:gd name="T0" fmla="*/ 20 w 234"/>
                  <a:gd name="T1" fmla="*/ 0 h 235"/>
                  <a:gd name="T2" fmla="*/ 15 w 234"/>
                  <a:gd name="T3" fmla="*/ 1 h 235"/>
                  <a:gd name="T4" fmla="*/ 11 w 234"/>
                  <a:gd name="T5" fmla="*/ 4 h 235"/>
                  <a:gd name="T6" fmla="*/ 7 w 234"/>
                  <a:gd name="T7" fmla="*/ 9 h 235"/>
                  <a:gd name="T8" fmla="*/ 5 w 234"/>
                  <a:gd name="T9" fmla="*/ 15 h 235"/>
                  <a:gd name="T10" fmla="*/ 2 w 234"/>
                  <a:gd name="T11" fmla="*/ 22 h 235"/>
                  <a:gd name="T12" fmla="*/ 1 w 234"/>
                  <a:gd name="T13" fmla="*/ 29 h 235"/>
                  <a:gd name="T14" fmla="*/ 0 w 234"/>
                  <a:gd name="T15" fmla="*/ 37 h 235"/>
                  <a:gd name="T16" fmla="*/ 2 w 234"/>
                  <a:gd name="T17" fmla="*/ 41 h 235"/>
                  <a:gd name="T18" fmla="*/ 7 w 234"/>
                  <a:gd name="T19" fmla="*/ 43 h 235"/>
                  <a:gd name="T20" fmla="*/ 16 w 234"/>
                  <a:gd name="T21" fmla="*/ 43 h 235"/>
                  <a:gd name="T22" fmla="*/ 24 w 234"/>
                  <a:gd name="T23" fmla="*/ 45 h 235"/>
                  <a:gd name="T24" fmla="*/ 28 w 234"/>
                  <a:gd name="T25" fmla="*/ 47 h 235"/>
                  <a:gd name="T26" fmla="*/ 31 w 234"/>
                  <a:gd name="T27" fmla="*/ 51 h 235"/>
                  <a:gd name="T28" fmla="*/ 32 w 234"/>
                  <a:gd name="T29" fmla="*/ 56 h 235"/>
                  <a:gd name="T30" fmla="*/ 27 w 234"/>
                  <a:gd name="T31" fmla="*/ 59 h 235"/>
                  <a:gd name="T32" fmla="*/ 22 w 234"/>
                  <a:gd name="T33" fmla="*/ 60 h 235"/>
                  <a:gd name="T34" fmla="*/ 19 w 234"/>
                  <a:gd name="T35" fmla="*/ 61 h 235"/>
                  <a:gd name="T36" fmla="*/ 20 w 234"/>
                  <a:gd name="T37" fmla="*/ 63 h 235"/>
                  <a:gd name="T38" fmla="*/ 21 w 234"/>
                  <a:gd name="T39" fmla="*/ 64 h 235"/>
                  <a:gd name="T40" fmla="*/ 22 w 234"/>
                  <a:gd name="T41" fmla="*/ 68 h 235"/>
                  <a:gd name="T42" fmla="*/ 23 w 234"/>
                  <a:gd name="T43" fmla="*/ 74 h 235"/>
                  <a:gd name="T44" fmla="*/ 24 w 234"/>
                  <a:gd name="T45" fmla="*/ 77 h 235"/>
                  <a:gd name="T46" fmla="*/ 26 w 234"/>
                  <a:gd name="T47" fmla="*/ 78 h 235"/>
                  <a:gd name="T48" fmla="*/ 29 w 234"/>
                  <a:gd name="T49" fmla="*/ 77 h 235"/>
                  <a:gd name="T50" fmla="*/ 31 w 234"/>
                  <a:gd name="T51" fmla="*/ 74 h 235"/>
                  <a:gd name="T52" fmla="*/ 34 w 234"/>
                  <a:gd name="T53" fmla="*/ 71 h 235"/>
                  <a:gd name="T54" fmla="*/ 41 w 234"/>
                  <a:gd name="T55" fmla="*/ 69 h 235"/>
                  <a:gd name="T56" fmla="*/ 48 w 234"/>
                  <a:gd name="T57" fmla="*/ 69 h 235"/>
                  <a:gd name="T58" fmla="*/ 54 w 234"/>
                  <a:gd name="T59" fmla="*/ 65 h 235"/>
                  <a:gd name="T60" fmla="*/ 56 w 234"/>
                  <a:gd name="T61" fmla="*/ 58 h 235"/>
                  <a:gd name="T62" fmla="*/ 59 w 234"/>
                  <a:gd name="T63" fmla="*/ 49 h 235"/>
                  <a:gd name="T64" fmla="*/ 66 w 234"/>
                  <a:gd name="T65" fmla="*/ 39 h 235"/>
                  <a:gd name="T66" fmla="*/ 74 w 234"/>
                  <a:gd name="T67" fmla="*/ 30 h 235"/>
                  <a:gd name="T68" fmla="*/ 74 w 234"/>
                  <a:gd name="T69" fmla="*/ 25 h 235"/>
                  <a:gd name="T70" fmla="*/ 65 w 234"/>
                  <a:gd name="T71" fmla="*/ 25 h 235"/>
                  <a:gd name="T72" fmla="*/ 50 w 234"/>
                  <a:gd name="T73" fmla="*/ 25 h 235"/>
                  <a:gd name="T74" fmla="*/ 34 w 234"/>
                  <a:gd name="T75" fmla="*/ 26 h 235"/>
                  <a:gd name="T76" fmla="*/ 25 w 234"/>
                  <a:gd name="T77" fmla="*/ 26 h 235"/>
                  <a:gd name="T78" fmla="*/ 19 w 234"/>
                  <a:gd name="T79" fmla="*/ 24 h 235"/>
                  <a:gd name="T80" fmla="*/ 16 w 234"/>
                  <a:gd name="T81" fmla="*/ 22 h 235"/>
                  <a:gd name="T82" fmla="*/ 15 w 234"/>
                  <a:gd name="T83" fmla="*/ 20 h 235"/>
                  <a:gd name="T84" fmla="*/ 15 w 234"/>
                  <a:gd name="T85" fmla="*/ 19 h 235"/>
                  <a:gd name="T86" fmla="*/ 15 w 234"/>
                  <a:gd name="T87" fmla="*/ 11 h 235"/>
                  <a:gd name="T88" fmla="*/ 15 w 234"/>
                  <a:gd name="T89" fmla="*/ 8 h 235"/>
                  <a:gd name="T90" fmla="*/ 17 w 234"/>
                  <a:gd name="T91" fmla="*/ 4 h 235"/>
                  <a:gd name="T92" fmla="*/ 20 w 234"/>
                  <a:gd name="T93" fmla="*/ 1 h 235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</a:gdLst>
                <a:ahLst/>
                <a:cxnLst>
                  <a:cxn ang="T94">
                    <a:pos x="T0" y="T1"/>
                  </a:cxn>
                  <a:cxn ang="T95">
                    <a:pos x="T2" y="T3"/>
                  </a:cxn>
                  <a:cxn ang="T96">
                    <a:pos x="T4" y="T5"/>
                  </a:cxn>
                  <a:cxn ang="T97">
                    <a:pos x="T6" y="T7"/>
                  </a:cxn>
                  <a:cxn ang="T98">
                    <a:pos x="T8" y="T9"/>
                  </a:cxn>
                  <a:cxn ang="T99">
                    <a:pos x="T10" y="T11"/>
                  </a:cxn>
                  <a:cxn ang="T100">
                    <a:pos x="T12" y="T13"/>
                  </a:cxn>
                  <a:cxn ang="T101">
                    <a:pos x="T14" y="T15"/>
                  </a:cxn>
                  <a:cxn ang="T102">
                    <a:pos x="T16" y="T17"/>
                  </a:cxn>
                  <a:cxn ang="T103">
                    <a:pos x="T18" y="T19"/>
                  </a:cxn>
                  <a:cxn ang="T104">
                    <a:pos x="T20" y="T21"/>
                  </a:cxn>
                  <a:cxn ang="T105">
                    <a:pos x="T22" y="T23"/>
                  </a:cxn>
                  <a:cxn ang="T106">
                    <a:pos x="T24" y="T25"/>
                  </a:cxn>
                  <a:cxn ang="T107">
                    <a:pos x="T26" y="T27"/>
                  </a:cxn>
                  <a:cxn ang="T108">
                    <a:pos x="T28" y="T29"/>
                  </a:cxn>
                  <a:cxn ang="T109">
                    <a:pos x="T30" y="T31"/>
                  </a:cxn>
                  <a:cxn ang="T110">
                    <a:pos x="T32" y="T33"/>
                  </a:cxn>
                  <a:cxn ang="T111">
                    <a:pos x="T34" y="T35"/>
                  </a:cxn>
                  <a:cxn ang="T112">
                    <a:pos x="T36" y="T37"/>
                  </a:cxn>
                  <a:cxn ang="T113">
                    <a:pos x="T38" y="T39"/>
                  </a:cxn>
                  <a:cxn ang="T114">
                    <a:pos x="T40" y="T41"/>
                  </a:cxn>
                  <a:cxn ang="T115">
                    <a:pos x="T42" y="T43"/>
                  </a:cxn>
                  <a:cxn ang="T116">
                    <a:pos x="T44" y="T45"/>
                  </a:cxn>
                  <a:cxn ang="T117">
                    <a:pos x="T46" y="T47"/>
                  </a:cxn>
                  <a:cxn ang="T118">
                    <a:pos x="T48" y="T49"/>
                  </a:cxn>
                  <a:cxn ang="T119">
                    <a:pos x="T50" y="T51"/>
                  </a:cxn>
                  <a:cxn ang="T120">
                    <a:pos x="T52" y="T53"/>
                  </a:cxn>
                  <a:cxn ang="T121">
                    <a:pos x="T54" y="T55"/>
                  </a:cxn>
                  <a:cxn ang="T122">
                    <a:pos x="T56" y="T57"/>
                  </a:cxn>
                  <a:cxn ang="T123">
                    <a:pos x="T58" y="T59"/>
                  </a:cxn>
                  <a:cxn ang="T124">
                    <a:pos x="T60" y="T61"/>
                  </a:cxn>
                  <a:cxn ang="T125">
                    <a:pos x="T62" y="T63"/>
                  </a:cxn>
                  <a:cxn ang="T126">
                    <a:pos x="T64" y="T65"/>
                  </a:cxn>
                  <a:cxn ang="T127">
                    <a:pos x="T66" y="T67"/>
                  </a:cxn>
                  <a:cxn ang="T128">
                    <a:pos x="T68" y="T69"/>
                  </a:cxn>
                  <a:cxn ang="T129">
                    <a:pos x="T70" y="T71"/>
                  </a:cxn>
                  <a:cxn ang="T130">
                    <a:pos x="T72" y="T73"/>
                  </a:cxn>
                  <a:cxn ang="T131">
                    <a:pos x="T74" y="T75"/>
                  </a:cxn>
                  <a:cxn ang="T132">
                    <a:pos x="T76" y="T77"/>
                  </a:cxn>
                  <a:cxn ang="T133">
                    <a:pos x="T78" y="T79"/>
                  </a:cxn>
                  <a:cxn ang="T134">
                    <a:pos x="T80" y="T81"/>
                  </a:cxn>
                  <a:cxn ang="T135">
                    <a:pos x="T82" y="T83"/>
                  </a:cxn>
                  <a:cxn ang="T136">
                    <a:pos x="T84" y="T85"/>
                  </a:cxn>
                  <a:cxn ang="T137">
                    <a:pos x="T86" y="T87"/>
                  </a:cxn>
                  <a:cxn ang="T138">
                    <a:pos x="T88" y="T89"/>
                  </a:cxn>
                  <a:cxn ang="T139">
                    <a:pos x="T90" y="T91"/>
                  </a:cxn>
                  <a:cxn ang="T140">
                    <a:pos x="T92" y="T93"/>
                  </a:cxn>
                </a:cxnLst>
                <a:rect l="0" t="0" r="r" b="b"/>
                <a:pathLst>
                  <a:path w="234" h="235">
                    <a:moveTo>
                      <a:pt x="65" y="0"/>
                    </a:moveTo>
                    <a:lnTo>
                      <a:pt x="59" y="0"/>
                    </a:lnTo>
                    <a:lnTo>
                      <a:pt x="52" y="0"/>
                    </a:lnTo>
                    <a:lnTo>
                      <a:pt x="45" y="3"/>
                    </a:lnTo>
                    <a:lnTo>
                      <a:pt x="39" y="6"/>
                    </a:lnTo>
                    <a:lnTo>
                      <a:pt x="33" y="12"/>
                    </a:lnTo>
                    <a:lnTo>
                      <a:pt x="28" y="19"/>
                    </a:lnTo>
                    <a:lnTo>
                      <a:pt x="22" y="27"/>
                    </a:lnTo>
                    <a:lnTo>
                      <a:pt x="18" y="35"/>
                    </a:lnTo>
                    <a:lnTo>
                      <a:pt x="14" y="44"/>
                    </a:lnTo>
                    <a:lnTo>
                      <a:pt x="10" y="55"/>
                    </a:lnTo>
                    <a:lnTo>
                      <a:pt x="6" y="65"/>
                    </a:lnTo>
                    <a:lnTo>
                      <a:pt x="4" y="76"/>
                    </a:lnTo>
                    <a:lnTo>
                      <a:pt x="2" y="88"/>
                    </a:lnTo>
                    <a:lnTo>
                      <a:pt x="1" y="99"/>
                    </a:lnTo>
                    <a:lnTo>
                      <a:pt x="0" y="111"/>
                    </a:lnTo>
                    <a:lnTo>
                      <a:pt x="0" y="122"/>
                    </a:lnTo>
                    <a:lnTo>
                      <a:pt x="6" y="124"/>
                    </a:lnTo>
                    <a:lnTo>
                      <a:pt x="15" y="127"/>
                    </a:lnTo>
                    <a:lnTo>
                      <a:pt x="22" y="129"/>
                    </a:lnTo>
                    <a:lnTo>
                      <a:pt x="31" y="130"/>
                    </a:lnTo>
                    <a:lnTo>
                      <a:pt x="48" y="131"/>
                    </a:lnTo>
                    <a:lnTo>
                      <a:pt x="63" y="134"/>
                    </a:lnTo>
                    <a:lnTo>
                      <a:pt x="71" y="136"/>
                    </a:lnTo>
                    <a:lnTo>
                      <a:pt x="78" y="138"/>
                    </a:lnTo>
                    <a:lnTo>
                      <a:pt x="83" y="142"/>
                    </a:lnTo>
                    <a:lnTo>
                      <a:pt x="89" y="147"/>
                    </a:lnTo>
                    <a:lnTo>
                      <a:pt x="92" y="153"/>
                    </a:lnTo>
                    <a:lnTo>
                      <a:pt x="94" y="159"/>
                    </a:lnTo>
                    <a:lnTo>
                      <a:pt x="95" y="169"/>
                    </a:lnTo>
                    <a:lnTo>
                      <a:pt x="94" y="178"/>
                    </a:lnTo>
                    <a:lnTo>
                      <a:pt x="82" y="179"/>
                    </a:lnTo>
                    <a:lnTo>
                      <a:pt x="71" y="179"/>
                    </a:lnTo>
                    <a:lnTo>
                      <a:pt x="65" y="180"/>
                    </a:lnTo>
                    <a:lnTo>
                      <a:pt x="61" y="181"/>
                    </a:lnTo>
                    <a:lnTo>
                      <a:pt x="58" y="183"/>
                    </a:lnTo>
                    <a:lnTo>
                      <a:pt x="56" y="188"/>
                    </a:lnTo>
                    <a:lnTo>
                      <a:pt x="60" y="189"/>
                    </a:lnTo>
                    <a:lnTo>
                      <a:pt x="62" y="191"/>
                    </a:lnTo>
                    <a:lnTo>
                      <a:pt x="64" y="194"/>
                    </a:lnTo>
                    <a:lnTo>
                      <a:pt x="65" y="197"/>
                    </a:lnTo>
                    <a:lnTo>
                      <a:pt x="66" y="206"/>
                    </a:lnTo>
                    <a:lnTo>
                      <a:pt x="68" y="215"/>
                    </a:lnTo>
                    <a:lnTo>
                      <a:pt x="69" y="223"/>
                    </a:lnTo>
                    <a:lnTo>
                      <a:pt x="71" y="230"/>
                    </a:lnTo>
                    <a:lnTo>
                      <a:pt x="73" y="233"/>
                    </a:lnTo>
                    <a:lnTo>
                      <a:pt x="76" y="234"/>
                    </a:lnTo>
                    <a:lnTo>
                      <a:pt x="79" y="235"/>
                    </a:lnTo>
                    <a:lnTo>
                      <a:pt x="84" y="235"/>
                    </a:lnTo>
                    <a:lnTo>
                      <a:pt x="86" y="231"/>
                    </a:lnTo>
                    <a:lnTo>
                      <a:pt x="89" y="227"/>
                    </a:lnTo>
                    <a:lnTo>
                      <a:pt x="92" y="222"/>
                    </a:lnTo>
                    <a:lnTo>
                      <a:pt x="95" y="219"/>
                    </a:lnTo>
                    <a:lnTo>
                      <a:pt x="102" y="214"/>
                    </a:lnTo>
                    <a:lnTo>
                      <a:pt x="112" y="211"/>
                    </a:lnTo>
                    <a:lnTo>
                      <a:pt x="122" y="208"/>
                    </a:lnTo>
                    <a:lnTo>
                      <a:pt x="134" y="207"/>
                    </a:lnTo>
                    <a:lnTo>
                      <a:pt x="145" y="207"/>
                    </a:lnTo>
                    <a:lnTo>
                      <a:pt x="159" y="207"/>
                    </a:lnTo>
                    <a:lnTo>
                      <a:pt x="161" y="196"/>
                    </a:lnTo>
                    <a:lnTo>
                      <a:pt x="163" y="186"/>
                    </a:lnTo>
                    <a:lnTo>
                      <a:pt x="167" y="175"/>
                    </a:lnTo>
                    <a:lnTo>
                      <a:pt x="170" y="166"/>
                    </a:lnTo>
                    <a:lnTo>
                      <a:pt x="178" y="148"/>
                    </a:lnTo>
                    <a:lnTo>
                      <a:pt x="187" y="132"/>
                    </a:lnTo>
                    <a:lnTo>
                      <a:pt x="197" y="116"/>
                    </a:lnTo>
                    <a:lnTo>
                      <a:pt x="209" y="101"/>
                    </a:lnTo>
                    <a:lnTo>
                      <a:pt x="221" y="89"/>
                    </a:lnTo>
                    <a:lnTo>
                      <a:pt x="234" y="76"/>
                    </a:lnTo>
                    <a:lnTo>
                      <a:pt x="223" y="74"/>
                    </a:lnTo>
                    <a:lnTo>
                      <a:pt x="211" y="74"/>
                    </a:lnTo>
                    <a:lnTo>
                      <a:pt x="196" y="74"/>
                    </a:lnTo>
                    <a:lnTo>
                      <a:pt x="181" y="74"/>
                    </a:lnTo>
                    <a:lnTo>
                      <a:pt x="150" y="76"/>
                    </a:lnTo>
                    <a:lnTo>
                      <a:pt x="118" y="77"/>
                    </a:lnTo>
                    <a:lnTo>
                      <a:pt x="102" y="78"/>
                    </a:lnTo>
                    <a:lnTo>
                      <a:pt x="89" y="77"/>
                    </a:lnTo>
                    <a:lnTo>
                      <a:pt x="76" y="77"/>
                    </a:lnTo>
                    <a:lnTo>
                      <a:pt x="65" y="75"/>
                    </a:lnTo>
                    <a:lnTo>
                      <a:pt x="57" y="72"/>
                    </a:lnTo>
                    <a:lnTo>
                      <a:pt x="51" y="69"/>
                    </a:lnTo>
                    <a:lnTo>
                      <a:pt x="49" y="67"/>
                    </a:lnTo>
                    <a:lnTo>
                      <a:pt x="48" y="63"/>
                    </a:lnTo>
                    <a:lnTo>
                      <a:pt x="46" y="60"/>
                    </a:lnTo>
                    <a:lnTo>
                      <a:pt x="46" y="57"/>
                    </a:lnTo>
                    <a:lnTo>
                      <a:pt x="44" y="40"/>
                    </a:lnTo>
                    <a:lnTo>
                      <a:pt x="44" y="34"/>
                    </a:lnTo>
                    <a:lnTo>
                      <a:pt x="44" y="29"/>
                    </a:lnTo>
                    <a:lnTo>
                      <a:pt x="45" y="23"/>
                    </a:lnTo>
                    <a:lnTo>
                      <a:pt x="48" y="17"/>
                    </a:lnTo>
                    <a:lnTo>
                      <a:pt x="51" y="13"/>
                    </a:lnTo>
                    <a:lnTo>
                      <a:pt x="54" y="8"/>
                    </a:lnTo>
                    <a:lnTo>
                      <a:pt x="59" y="3"/>
                    </a:lnTo>
                    <a:lnTo>
                      <a:pt x="65" y="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87" name="Sønderborg kant"/>
              <p:cNvSpPr>
                <a:spLocks/>
              </p:cNvSpPr>
              <p:nvPr/>
            </p:nvSpPr>
            <p:spPr bwMode="auto">
              <a:xfrm>
                <a:off x="1604963" y="5975350"/>
                <a:ext cx="123825" cy="123825"/>
              </a:xfrm>
              <a:custGeom>
                <a:avLst/>
                <a:gdLst>
                  <a:gd name="T0" fmla="*/ 20 w 234"/>
                  <a:gd name="T1" fmla="*/ 0 h 235"/>
                  <a:gd name="T2" fmla="*/ 15 w 234"/>
                  <a:gd name="T3" fmla="*/ 1 h 235"/>
                  <a:gd name="T4" fmla="*/ 11 w 234"/>
                  <a:gd name="T5" fmla="*/ 4 h 235"/>
                  <a:gd name="T6" fmla="*/ 7 w 234"/>
                  <a:gd name="T7" fmla="*/ 9 h 235"/>
                  <a:gd name="T8" fmla="*/ 5 w 234"/>
                  <a:gd name="T9" fmla="*/ 15 h 235"/>
                  <a:gd name="T10" fmla="*/ 2 w 234"/>
                  <a:gd name="T11" fmla="*/ 22 h 235"/>
                  <a:gd name="T12" fmla="*/ 1 w 234"/>
                  <a:gd name="T13" fmla="*/ 29 h 235"/>
                  <a:gd name="T14" fmla="*/ 0 w 234"/>
                  <a:gd name="T15" fmla="*/ 37 h 235"/>
                  <a:gd name="T16" fmla="*/ 2 w 234"/>
                  <a:gd name="T17" fmla="*/ 41 h 235"/>
                  <a:gd name="T18" fmla="*/ 7 w 234"/>
                  <a:gd name="T19" fmla="*/ 43 h 235"/>
                  <a:gd name="T20" fmla="*/ 16 w 234"/>
                  <a:gd name="T21" fmla="*/ 43 h 235"/>
                  <a:gd name="T22" fmla="*/ 24 w 234"/>
                  <a:gd name="T23" fmla="*/ 45 h 235"/>
                  <a:gd name="T24" fmla="*/ 28 w 234"/>
                  <a:gd name="T25" fmla="*/ 47 h 235"/>
                  <a:gd name="T26" fmla="*/ 31 w 234"/>
                  <a:gd name="T27" fmla="*/ 51 h 235"/>
                  <a:gd name="T28" fmla="*/ 32 w 234"/>
                  <a:gd name="T29" fmla="*/ 56 h 235"/>
                  <a:gd name="T30" fmla="*/ 27 w 234"/>
                  <a:gd name="T31" fmla="*/ 59 h 235"/>
                  <a:gd name="T32" fmla="*/ 22 w 234"/>
                  <a:gd name="T33" fmla="*/ 60 h 235"/>
                  <a:gd name="T34" fmla="*/ 19 w 234"/>
                  <a:gd name="T35" fmla="*/ 61 h 235"/>
                  <a:gd name="T36" fmla="*/ 20 w 234"/>
                  <a:gd name="T37" fmla="*/ 63 h 235"/>
                  <a:gd name="T38" fmla="*/ 21 w 234"/>
                  <a:gd name="T39" fmla="*/ 64 h 235"/>
                  <a:gd name="T40" fmla="*/ 22 w 234"/>
                  <a:gd name="T41" fmla="*/ 68 h 235"/>
                  <a:gd name="T42" fmla="*/ 23 w 234"/>
                  <a:gd name="T43" fmla="*/ 74 h 235"/>
                  <a:gd name="T44" fmla="*/ 24 w 234"/>
                  <a:gd name="T45" fmla="*/ 77 h 235"/>
                  <a:gd name="T46" fmla="*/ 26 w 234"/>
                  <a:gd name="T47" fmla="*/ 78 h 235"/>
                  <a:gd name="T48" fmla="*/ 29 w 234"/>
                  <a:gd name="T49" fmla="*/ 77 h 235"/>
                  <a:gd name="T50" fmla="*/ 31 w 234"/>
                  <a:gd name="T51" fmla="*/ 74 h 235"/>
                  <a:gd name="T52" fmla="*/ 34 w 234"/>
                  <a:gd name="T53" fmla="*/ 71 h 235"/>
                  <a:gd name="T54" fmla="*/ 41 w 234"/>
                  <a:gd name="T55" fmla="*/ 69 h 235"/>
                  <a:gd name="T56" fmla="*/ 48 w 234"/>
                  <a:gd name="T57" fmla="*/ 69 h 235"/>
                  <a:gd name="T58" fmla="*/ 54 w 234"/>
                  <a:gd name="T59" fmla="*/ 65 h 235"/>
                  <a:gd name="T60" fmla="*/ 56 w 234"/>
                  <a:gd name="T61" fmla="*/ 58 h 235"/>
                  <a:gd name="T62" fmla="*/ 59 w 234"/>
                  <a:gd name="T63" fmla="*/ 49 h 235"/>
                  <a:gd name="T64" fmla="*/ 66 w 234"/>
                  <a:gd name="T65" fmla="*/ 39 h 235"/>
                  <a:gd name="T66" fmla="*/ 74 w 234"/>
                  <a:gd name="T67" fmla="*/ 30 h 235"/>
                  <a:gd name="T68" fmla="*/ 74 w 234"/>
                  <a:gd name="T69" fmla="*/ 25 h 235"/>
                  <a:gd name="T70" fmla="*/ 65 w 234"/>
                  <a:gd name="T71" fmla="*/ 25 h 235"/>
                  <a:gd name="T72" fmla="*/ 50 w 234"/>
                  <a:gd name="T73" fmla="*/ 25 h 235"/>
                  <a:gd name="T74" fmla="*/ 34 w 234"/>
                  <a:gd name="T75" fmla="*/ 26 h 235"/>
                  <a:gd name="T76" fmla="*/ 25 w 234"/>
                  <a:gd name="T77" fmla="*/ 26 h 235"/>
                  <a:gd name="T78" fmla="*/ 19 w 234"/>
                  <a:gd name="T79" fmla="*/ 24 h 235"/>
                  <a:gd name="T80" fmla="*/ 16 w 234"/>
                  <a:gd name="T81" fmla="*/ 22 h 235"/>
                  <a:gd name="T82" fmla="*/ 15 w 234"/>
                  <a:gd name="T83" fmla="*/ 20 h 235"/>
                  <a:gd name="T84" fmla="*/ 15 w 234"/>
                  <a:gd name="T85" fmla="*/ 19 h 235"/>
                  <a:gd name="T86" fmla="*/ 15 w 234"/>
                  <a:gd name="T87" fmla="*/ 11 h 235"/>
                  <a:gd name="T88" fmla="*/ 15 w 234"/>
                  <a:gd name="T89" fmla="*/ 8 h 235"/>
                  <a:gd name="T90" fmla="*/ 17 w 234"/>
                  <a:gd name="T91" fmla="*/ 4 h 235"/>
                  <a:gd name="T92" fmla="*/ 20 w 234"/>
                  <a:gd name="T93" fmla="*/ 1 h 235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</a:gdLst>
                <a:ahLst/>
                <a:cxnLst>
                  <a:cxn ang="T94">
                    <a:pos x="T0" y="T1"/>
                  </a:cxn>
                  <a:cxn ang="T95">
                    <a:pos x="T2" y="T3"/>
                  </a:cxn>
                  <a:cxn ang="T96">
                    <a:pos x="T4" y="T5"/>
                  </a:cxn>
                  <a:cxn ang="T97">
                    <a:pos x="T6" y="T7"/>
                  </a:cxn>
                  <a:cxn ang="T98">
                    <a:pos x="T8" y="T9"/>
                  </a:cxn>
                  <a:cxn ang="T99">
                    <a:pos x="T10" y="T11"/>
                  </a:cxn>
                  <a:cxn ang="T100">
                    <a:pos x="T12" y="T13"/>
                  </a:cxn>
                  <a:cxn ang="T101">
                    <a:pos x="T14" y="T15"/>
                  </a:cxn>
                  <a:cxn ang="T102">
                    <a:pos x="T16" y="T17"/>
                  </a:cxn>
                  <a:cxn ang="T103">
                    <a:pos x="T18" y="T19"/>
                  </a:cxn>
                  <a:cxn ang="T104">
                    <a:pos x="T20" y="T21"/>
                  </a:cxn>
                  <a:cxn ang="T105">
                    <a:pos x="T22" y="T23"/>
                  </a:cxn>
                  <a:cxn ang="T106">
                    <a:pos x="T24" y="T25"/>
                  </a:cxn>
                  <a:cxn ang="T107">
                    <a:pos x="T26" y="T27"/>
                  </a:cxn>
                  <a:cxn ang="T108">
                    <a:pos x="T28" y="T29"/>
                  </a:cxn>
                  <a:cxn ang="T109">
                    <a:pos x="T30" y="T31"/>
                  </a:cxn>
                  <a:cxn ang="T110">
                    <a:pos x="T32" y="T33"/>
                  </a:cxn>
                  <a:cxn ang="T111">
                    <a:pos x="T34" y="T35"/>
                  </a:cxn>
                  <a:cxn ang="T112">
                    <a:pos x="T36" y="T37"/>
                  </a:cxn>
                  <a:cxn ang="T113">
                    <a:pos x="T38" y="T39"/>
                  </a:cxn>
                  <a:cxn ang="T114">
                    <a:pos x="T40" y="T41"/>
                  </a:cxn>
                  <a:cxn ang="T115">
                    <a:pos x="T42" y="T43"/>
                  </a:cxn>
                  <a:cxn ang="T116">
                    <a:pos x="T44" y="T45"/>
                  </a:cxn>
                  <a:cxn ang="T117">
                    <a:pos x="T46" y="T47"/>
                  </a:cxn>
                  <a:cxn ang="T118">
                    <a:pos x="T48" y="T49"/>
                  </a:cxn>
                  <a:cxn ang="T119">
                    <a:pos x="T50" y="T51"/>
                  </a:cxn>
                  <a:cxn ang="T120">
                    <a:pos x="T52" y="T53"/>
                  </a:cxn>
                  <a:cxn ang="T121">
                    <a:pos x="T54" y="T55"/>
                  </a:cxn>
                  <a:cxn ang="T122">
                    <a:pos x="T56" y="T57"/>
                  </a:cxn>
                  <a:cxn ang="T123">
                    <a:pos x="T58" y="T59"/>
                  </a:cxn>
                  <a:cxn ang="T124">
                    <a:pos x="T60" y="T61"/>
                  </a:cxn>
                  <a:cxn ang="T125">
                    <a:pos x="T62" y="T63"/>
                  </a:cxn>
                  <a:cxn ang="T126">
                    <a:pos x="T64" y="T65"/>
                  </a:cxn>
                  <a:cxn ang="T127">
                    <a:pos x="T66" y="T67"/>
                  </a:cxn>
                  <a:cxn ang="T128">
                    <a:pos x="T68" y="T69"/>
                  </a:cxn>
                  <a:cxn ang="T129">
                    <a:pos x="T70" y="T71"/>
                  </a:cxn>
                  <a:cxn ang="T130">
                    <a:pos x="T72" y="T73"/>
                  </a:cxn>
                  <a:cxn ang="T131">
                    <a:pos x="T74" y="T75"/>
                  </a:cxn>
                  <a:cxn ang="T132">
                    <a:pos x="T76" y="T77"/>
                  </a:cxn>
                  <a:cxn ang="T133">
                    <a:pos x="T78" y="T79"/>
                  </a:cxn>
                  <a:cxn ang="T134">
                    <a:pos x="T80" y="T81"/>
                  </a:cxn>
                  <a:cxn ang="T135">
                    <a:pos x="T82" y="T83"/>
                  </a:cxn>
                  <a:cxn ang="T136">
                    <a:pos x="T84" y="T85"/>
                  </a:cxn>
                  <a:cxn ang="T137">
                    <a:pos x="T86" y="T87"/>
                  </a:cxn>
                  <a:cxn ang="T138">
                    <a:pos x="T88" y="T89"/>
                  </a:cxn>
                  <a:cxn ang="T139">
                    <a:pos x="T90" y="T91"/>
                  </a:cxn>
                  <a:cxn ang="T140">
                    <a:pos x="T92" y="T93"/>
                  </a:cxn>
                </a:cxnLst>
                <a:rect l="0" t="0" r="r" b="b"/>
                <a:pathLst>
                  <a:path w="234" h="235">
                    <a:moveTo>
                      <a:pt x="65" y="0"/>
                    </a:moveTo>
                    <a:lnTo>
                      <a:pt x="59" y="0"/>
                    </a:lnTo>
                    <a:lnTo>
                      <a:pt x="52" y="0"/>
                    </a:lnTo>
                    <a:lnTo>
                      <a:pt x="45" y="3"/>
                    </a:lnTo>
                    <a:lnTo>
                      <a:pt x="39" y="6"/>
                    </a:lnTo>
                    <a:lnTo>
                      <a:pt x="33" y="12"/>
                    </a:lnTo>
                    <a:lnTo>
                      <a:pt x="28" y="19"/>
                    </a:lnTo>
                    <a:lnTo>
                      <a:pt x="22" y="27"/>
                    </a:lnTo>
                    <a:lnTo>
                      <a:pt x="18" y="35"/>
                    </a:lnTo>
                    <a:lnTo>
                      <a:pt x="14" y="44"/>
                    </a:lnTo>
                    <a:lnTo>
                      <a:pt x="10" y="55"/>
                    </a:lnTo>
                    <a:lnTo>
                      <a:pt x="6" y="65"/>
                    </a:lnTo>
                    <a:lnTo>
                      <a:pt x="4" y="76"/>
                    </a:lnTo>
                    <a:lnTo>
                      <a:pt x="2" y="88"/>
                    </a:lnTo>
                    <a:lnTo>
                      <a:pt x="1" y="99"/>
                    </a:lnTo>
                    <a:lnTo>
                      <a:pt x="0" y="111"/>
                    </a:lnTo>
                    <a:lnTo>
                      <a:pt x="0" y="122"/>
                    </a:lnTo>
                    <a:lnTo>
                      <a:pt x="6" y="124"/>
                    </a:lnTo>
                    <a:lnTo>
                      <a:pt x="15" y="127"/>
                    </a:lnTo>
                    <a:lnTo>
                      <a:pt x="22" y="129"/>
                    </a:lnTo>
                    <a:lnTo>
                      <a:pt x="31" y="130"/>
                    </a:lnTo>
                    <a:lnTo>
                      <a:pt x="48" y="131"/>
                    </a:lnTo>
                    <a:lnTo>
                      <a:pt x="63" y="134"/>
                    </a:lnTo>
                    <a:lnTo>
                      <a:pt x="71" y="136"/>
                    </a:lnTo>
                    <a:lnTo>
                      <a:pt x="78" y="138"/>
                    </a:lnTo>
                    <a:lnTo>
                      <a:pt x="83" y="142"/>
                    </a:lnTo>
                    <a:lnTo>
                      <a:pt x="89" y="147"/>
                    </a:lnTo>
                    <a:lnTo>
                      <a:pt x="92" y="153"/>
                    </a:lnTo>
                    <a:lnTo>
                      <a:pt x="94" y="159"/>
                    </a:lnTo>
                    <a:lnTo>
                      <a:pt x="95" y="169"/>
                    </a:lnTo>
                    <a:lnTo>
                      <a:pt x="94" y="178"/>
                    </a:lnTo>
                    <a:lnTo>
                      <a:pt x="82" y="179"/>
                    </a:lnTo>
                    <a:lnTo>
                      <a:pt x="71" y="179"/>
                    </a:lnTo>
                    <a:lnTo>
                      <a:pt x="65" y="180"/>
                    </a:lnTo>
                    <a:lnTo>
                      <a:pt x="61" y="181"/>
                    </a:lnTo>
                    <a:lnTo>
                      <a:pt x="58" y="183"/>
                    </a:lnTo>
                    <a:lnTo>
                      <a:pt x="56" y="188"/>
                    </a:lnTo>
                    <a:lnTo>
                      <a:pt x="60" y="189"/>
                    </a:lnTo>
                    <a:lnTo>
                      <a:pt x="62" y="191"/>
                    </a:lnTo>
                    <a:lnTo>
                      <a:pt x="64" y="194"/>
                    </a:lnTo>
                    <a:lnTo>
                      <a:pt x="65" y="197"/>
                    </a:lnTo>
                    <a:lnTo>
                      <a:pt x="66" y="206"/>
                    </a:lnTo>
                    <a:lnTo>
                      <a:pt x="68" y="215"/>
                    </a:lnTo>
                    <a:lnTo>
                      <a:pt x="69" y="223"/>
                    </a:lnTo>
                    <a:lnTo>
                      <a:pt x="71" y="230"/>
                    </a:lnTo>
                    <a:lnTo>
                      <a:pt x="73" y="233"/>
                    </a:lnTo>
                    <a:lnTo>
                      <a:pt x="76" y="234"/>
                    </a:lnTo>
                    <a:lnTo>
                      <a:pt x="79" y="235"/>
                    </a:lnTo>
                    <a:lnTo>
                      <a:pt x="84" y="235"/>
                    </a:lnTo>
                    <a:lnTo>
                      <a:pt x="86" y="231"/>
                    </a:lnTo>
                    <a:lnTo>
                      <a:pt x="89" y="227"/>
                    </a:lnTo>
                    <a:lnTo>
                      <a:pt x="92" y="222"/>
                    </a:lnTo>
                    <a:lnTo>
                      <a:pt x="95" y="219"/>
                    </a:lnTo>
                    <a:lnTo>
                      <a:pt x="102" y="214"/>
                    </a:lnTo>
                    <a:lnTo>
                      <a:pt x="112" y="211"/>
                    </a:lnTo>
                    <a:lnTo>
                      <a:pt x="122" y="208"/>
                    </a:lnTo>
                    <a:lnTo>
                      <a:pt x="134" y="207"/>
                    </a:lnTo>
                    <a:lnTo>
                      <a:pt x="145" y="207"/>
                    </a:lnTo>
                    <a:lnTo>
                      <a:pt x="159" y="207"/>
                    </a:lnTo>
                    <a:lnTo>
                      <a:pt x="161" y="196"/>
                    </a:lnTo>
                    <a:lnTo>
                      <a:pt x="163" y="186"/>
                    </a:lnTo>
                    <a:lnTo>
                      <a:pt x="167" y="175"/>
                    </a:lnTo>
                    <a:lnTo>
                      <a:pt x="170" y="166"/>
                    </a:lnTo>
                    <a:lnTo>
                      <a:pt x="178" y="148"/>
                    </a:lnTo>
                    <a:lnTo>
                      <a:pt x="187" y="132"/>
                    </a:lnTo>
                    <a:lnTo>
                      <a:pt x="197" y="116"/>
                    </a:lnTo>
                    <a:lnTo>
                      <a:pt x="209" y="101"/>
                    </a:lnTo>
                    <a:lnTo>
                      <a:pt x="221" y="89"/>
                    </a:lnTo>
                    <a:lnTo>
                      <a:pt x="234" y="76"/>
                    </a:lnTo>
                    <a:lnTo>
                      <a:pt x="223" y="74"/>
                    </a:lnTo>
                    <a:lnTo>
                      <a:pt x="211" y="74"/>
                    </a:lnTo>
                    <a:lnTo>
                      <a:pt x="196" y="74"/>
                    </a:lnTo>
                    <a:lnTo>
                      <a:pt x="181" y="74"/>
                    </a:lnTo>
                    <a:lnTo>
                      <a:pt x="150" y="76"/>
                    </a:lnTo>
                    <a:lnTo>
                      <a:pt x="118" y="77"/>
                    </a:lnTo>
                    <a:lnTo>
                      <a:pt x="102" y="78"/>
                    </a:lnTo>
                    <a:lnTo>
                      <a:pt x="89" y="77"/>
                    </a:lnTo>
                    <a:lnTo>
                      <a:pt x="76" y="77"/>
                    </a:lnTo>
                    <a:lnTo>
                      <a:pt x="65" y="75"/>
                    </a:lnTo>
                    <a:lnTo>
                      <a:pt x="57" y="72"/>
                    </a:lnTo>
                    <a:lnTo>
                      <a:pt x="51" y="69"/>
                    </a:lnTo>
                    <a:lnTo>
                      <a:pt x="49" y="67"/>
                    </a:lnTo>
                    <a:lnTo>
                      <a:pt x="48" y="63"/>
                    </a:lnTo>
                    <a:lnTo>
                      <a:pt x="46" y="60"/>
                    </a:lnTo>
                    <a:lnTo>
                      <a:pt x="46" y="57"/>
                    </a:lnTo>
                    <a:lnTo>
                      <a:pt x="44" y="40"/>
                    </a:lnTo>
                    <a:lnTo>
                      <a:pt x="44" y="34"/>
                    </a:lnTo>
                    <a:lnTo>
                      <a:pt x="44" y="29"/>
                    </a:lnTo>
                    <a:lnTo>
                      <a:pt x="45" y="23"/>
                    </a:lnTo>
                    <a:lnTo>
                      <a:pt x="48" y="17"/>
                    </a:lnTo>
                    <a:lnTo>
                      <a:pt x="51" y="13"/>
                    </a:lnTo>
                    <a:lnTo>
                      <a:pt x="54" y="8"/>
                    </a:lnTo>
                    <a:lnTo>
                      <a:pt x="59" y="3"/>
                    </a:lnTo>
                    <a:lnTo>
                      <a:pt x="65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60" name="Nyborg"/>
            <p:cNvSpPr>
              <a:spLocks/>
            </p:cNvSpPr>
            <p:nvPr/>
          </p:nvSpPr>
          <p:spPr bwMode="auto">
            <a:xfrm>
              <a:off x="2492375" y="5316538"/>
              <a:ext cx="217488" cy="331788"/>
            </a:xfrm>
            <a:custGeom>
              <a:avLst/>
              <a:gdLst>
                <a:gd name="T0" fmla="*/ 3 w 411"/>
                <a:gd name="T1" fmla="*/ 141 h 626"/>
                <a:gd name="T2" fmla="*/ 9 w 411"/>
                <a:gd name="T3" fmla="*/ 138 h 626"/>
                <a:gd name="T4" fmla="*/ 18 w 411"/>
                <a:gd name="T5" fmla="*/ 130 h 626"/>
                <a:gd name="T6" fmla="*/ 25 w 411"/>
                <a:gd name="T7" fmla="*/ 128 h 626"/>
                <a:gd name="T8" fmla="*/ 28 w 411"/>
                <a:gd name="T9" fmla="*/ 117 h 626"/>
                <a:gd name="T10" fmla="*/ 29 w 411"/>
                <a:gd name="T11" fmla="*/ 109 h 626"/>
                <a:gd name="T12" fmla="*/ 31 w 411"/>
                <a:gd name="T13" fmla="*/ 103 h 626"/>
                <a:gd name="T14" fmla="*/ 36 w 411"/>
                <a:gd name="T15" fmla="*/ 100 h 626"/>
                <a:gd name="T16" fmla="*/ 43 w 411"/>
                <a:gd name="T17" fmla="*/ 100 h 626"/>
                <a:gd name="T18" fmla="*/ 42 w 411"/>
                <a:gd name="T19" fmla="*/ 92 h 626"/>
                <a:gd name="T20" fmla="*/ 38 w 411"/>
                <a:gd name="T21" fmla="*/ 87 h 626"/>
                <a:gd name="T22" fmla="*/ 41 w 411"/>
                <a:gd name="T23" fmla="*/ 78 h 626"/>
                <a:gd name="T24" fmla="*/ 51 w 411"/>
                <a:gd name="T25" fmla="*/ 68 h 626"/>
                <a:gd name="T26" fmla="*/ 57 w 411"/>
                <a:gd name="T27" fmla="*/ 58 h 626"/>
                <a:gd name="T28" fmla="*/ 59 w 411"/>
                <a:gd name="T29" fmla="*/ 50 h 626"/>
                <a:gd name="T30" fmla="*/ 52 w 411"/>
                <a:gd name="T31" fmla="*/ 46 h 626"/>
                <a:gd name="T32" fmla="*/ 37 w 411"/>
                <a:gd name="T33" fmla="*/ 43 h 626"/>
                <a:gd name="T34" fmla="*/ 47 w 411"/>
                <a:gd name="T35" fmla="*/ 40 h 626"/>
                <a:gd name="T36" fmla="*/ 55 w 411"/>
                <a:gd name="T37" fmla="*/ 35 h 626"/>
                <a:gd name="T38" fmla="*/ 60 w 411"/>
                <a:gd name="T39" fmla="*/ 28 h 626"/>
                <a:gd name="T40" fmla="*/ 62 w 411"/>
                <a:gd name="T41" fmla="*/ 21 h 626"/>
                <a:gd name="T42" fmla="*/ 58 w 411"/>
                <a:gd name="T43" fmla="*/ 12 h 626"/>
                <a:gd name="T44" fmla="*/ 57 w 411"/>
                <a:gd name="T45" fmla="*/ 8 h 626"/>
                <a:gd name="T46" fmla="*/ 61 w 411"/>
                <a:gd name="T47" fmla="*/ 6 h 626"/>
                <a:gd name="T48" fmla="*/ 75 w 411"/>
                <a:gd name="T49" fmla="*/ 6 h 626"/>
                <a:gd name="T50" fmla="*/ 83 w 411"/>
                <a:gd name="T51" fmla="*/ 7 h 626"/>
                <a:gd name="T52" fmla="*/ 89 w 411"/>
                <a:gd name="T53" fmla="*/ 4 h 626"/>
                <a:gd name="T54" fmla="*/ 90 w 411"/>
                <a:gd name="T55" fmla="*/ 1 h 626"/>
                <a:gd name="T56" fmla="*/ 98 w 411"/>
                <a:gd name="T57" fmla="*/ 9 h 626"/>
                <a:gd name="T58" fmla="*/ 109 w 411"/>
                <a:gd name="T59" fmla="*/ 23 h 626"/>
                <a:gd name="T60" fmla="*/ 119 w 411"/>
                <a:gd name="T61" fmla="*/ 38 h 626"/>
                <a:gd name="T62" fmla="*/ 127 w 411"/>
                <a:gd name="T63" fmla="*/ 55 h 626"/>
                <a:gd name="T64" fmla="*/ 134 w 411"/>
                <a:gd name="T65" fmla="*/ 74 h 626"/>
                <a:gd name="T66" fmla="*/ 135 w 411"/>
                <a:gd name="T67" fmla="*/ 87 h 626"/>
                <a:gd name="T68" fmla="*/ 130 w 411"/>
                <a:gd name="T69" fmla="*/ 87 h 626"/>
                <a:gd name="T70" fmla="*/ 123 w 411"/>
                <a:gd name="T71" fmla="*/ 91 h 626"/>
                <a:gd name="T72" fmla="*/ 118 w 411"/>
                <a:gd name="T73" fmla="*/ 93 h 626"/>
                <a:gd name="T74" fmla="*/ 118 w 411"/>
                <a:gd name="T75" fmla="*/ 102 h 626"/>
                <a:gd name="T76" fmla="*/ 128 w 411"/>
                <a:gd name="T77" fmla="*/ 131 h 626"/>
                <a:gd name="T78" fmla="*/ 134 w 411"/>
                <a:gd name="T79" fmla="*/ 156 h 626"/>
                <a:gd name="T80" fmla="*/ 134 w 411"/>
                <a:gd name="T81" fmla="*/ 169 h 626"/>
                <a:gd name="T82" fmla="*/ 126 w 411"/>
                <a:gd name="T83" fmla="*/ 170 h 626"/>
                <a:gd name="T84" fmla="*/ 118 w 411"/>
                <a:gd name="T85" fmla="*/ 176 h 626"/>
                <a:gd name="T86" fmla="*/ 112 w 411"/>
                <a:gd name="T87" fmla="*/ 184 h 626"/>
                <a:gd name="T88" fmla="*/ 107 w 411"/>
                <a:gd name="T89" fmla="*/ 194 h 626"/>
                <a:gd name="T90" fmla="*/ 103 w 411"/>
                <a:gd name="T91" fmla="*/ 205 h 626"/>
                <a:gd name="T92" fmla="*/ 97 w 411"/>
                <a:gd name="T93" fmla="*/ 208 h 626"/>
                <a:gd name="T94" fmla="*/ 87 w 411"/>
                <a:gd name="T95" fmla="*/ 204 h 626"/>
                <a:gd name="T96" fmla="*/ 73 w 411"/>
                <a:gd name="T97" fmla="*/ 197 h 626"/>
                <a:gd name="T98" fmla="*/ 65 w 411"/>
                <a:gd name="T99" fmla="*/ 194 h 626"/>
                <a:gd name="T100" fmla="*/ 66 w 411"/>
                <a:gd name="T101" fmla="*/ 173 h 626"/>
                <a:gd name="T102" fmla="*/ 64 w 411"/>
                <a:gd name="T103" fmla="*/ 160 h 626"/>
                <a:gd name="T104" fmla="*/ 53 w 411"/>
                <a:gd name="T105" fmla="*/ 157 h 626"/>
                <a:gd name="T106" fmla="*/ 40 w 411"/>
                <a:gd name="T107" fmla="*/ 158 h 626"/>
                <a:gd name="T108" fmla="*/ 29 w 411"/>
                <a:gd name="T109" fmla="*/ 155 h 626"/>
                <a:gd name="T110" fmla="*/ 7 w 411"/>
                <a:gd name="T111" fmla="*/ 144 h 62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411" h="626">
                  <a:moveTo>
                    <a:pt x="0" y="421"/>
                  </a:moveTo>
                  <a:lnTo>
                    <a:pt x="4" y="422"/>
                  </a:lnTo>
                  <a:lnTo>
                    <a:pt x="9" y="422"/>
                  </a:lnTo>
                  <a:lnTo>
                    <a:pt x="13" y="421"/>
                  </a:lnTo>
                  <a:lnTo>
                    <a:pt x="17" y="419"/>
                  </a:lnTo>
                  <a:lnTo>
                    <a:pt x="26" y="412"/>
                  </a:lnTo>
                  <a:lnTo>
                    <a:pt x="35" y="405"/>
                  </a:lnTo>
                  <a:lnTo>
                    <a:pt x="45" y="398"/>
                  </a:lnTo>
                  <a:lnTo>
                    <a:pt x="55" y="390"/>
                  </a:lnTo>
                  <a:lnTo>
                    <a:pt x="62" y="387"/>
                  </a:lnTo>
                  <a:lnTo>
                    <a:pt x="68" y="385"/>
                  </a:lnTo>
                  <a:lnTo>
                    <a:pt x="75" y="384"/>
                  </a:lnTo>
                  <a:lnTo>
                    <a:pt x="84" y="383"/>
                  </a:lnTo>
                  <a:lnTo>
                    <a:pt x="83" y="366"/>
                  </a:lnTo>
                  <a:lnTo>
                    <a:pt x="83" y="349"/>
                  </a:lnTo>
                  <a:lnTo>
                    <a:pt x="83" y="342"/>
                  </a:lnTo>
                  <a:lnTo>
                    <a:pt x="84" y="334"/>
                  </a:lnTo>
                  <a:lnTo>
                    <a:pt x="86" y="327"/>
                  </a:lnTo>
                  <a:lnTo>
                    <a:pt x="87" y="321"/>
                  </a:lnTo>
                  <a:lnTo>
                    <a:pt x="90" y="315"/>
                  </a:lnTo>
                  <a:lnTo>
                    <a:pt x="93" y="310"/>
                  </a:lnTo>
                  <a:lnTo>
                    <a:pt x="96" y="306"/>
                  </a:lnTo>
                  <a:lnTo>
                    <a:pt x="102" y="303"/>
                  </a:lnTo>
                  <a:lnTo>
                    <a:pt x="107" y="300"/>
                  </a:lnTo>
                  <a:lnTo>
                    <a:pt x="114" y="299"/>
                  </a:lnTo>
                  <a:lnTo>
                    <a:pt x="122" y="299"/>
                  </a:lnTo>
                  <a:lnTo>
                    <a:pt x="130" y="299"/>
                  </a:lnTo>
                  <a:lnTo>
                    <a:pt x="130" y="290"/>
                  </a:lnTo>
                  <a:lnTo>
                    <a:pt x="128" y="283"/>
                  </a:lnTo>
                  <a:lnTo>
                    <a:pt x="125" y="276"/>
                  </a:lnTo>
                  <a:lnTo>
                    <a:pt x="121" y="271"/>
                  </a:lnTo>
                  <a:lnTo>
                    <a:pt x="117" y="265"/>
                  </a:lnTo>
                  <a:lnTo>
                    <a:pt x="114" y="260"/>
                  </a:lnTo>
                  <a:lnTo>
                    <a:pt x="112" y="252"/>
                  </a:lnTo>
                  <a:lnTo>
                    <a:pt x="112" y="243"/>
                  </a:lnTo>
                  <a:lnTo>
                    <a:pt x="123" y="233"/>
                  </a:lnTo>
                  <a:lnTo>
                    <a:pt x="133" y="225"/>
                  </a:lnTo>
                  <a:lnTo>
                    <a:pt x="144" y="215"/>
                  </a:lnTo>
                  <a:lnTo>
                    <a:pt x="153" y="205"/>
                  </a:lnTo>
                  <a:lnTo>
                    <a:pt x="162" y="193"/>
                  </a:lnTo>
                  <a:lnTo>
                    <a:pt x="168" y="180"/>
                  </a:lnTo>
                  <a:lnTo>
                    <a:pt x="171" y="173"/>
                  </a:lnTo>
                  <a:lnTo>
                    <a:pt x="174" y="166"/>
                  </a:lnTo>
                  <a:lnTo>
                    <a:pt x="175" y="157"/>
                  </a:lnTo>
                  <a:lnTo>
                    <a:pt x="177" y="149"/>
                  </a:lnTo>
                  <a:lnTo>
                    <a:pt x="171" y="145"/>
                  </a:lnTo>
                  <a:lnTo>
                    <a:pt x="165" y="141"/>
                  </a:lnTo>
                  <a:lnTo>
                    <a:pt x="156" y="137"/>
                  </a:lnTo>
                  <a:lnTo>
                    <a:pt x="148" y="135"/>
                  </a:lnTo>
                  <a:lnTo>
                    <a:pt x="130" y="133"/>
                  </a:lnTo>
                  <a:lnTo>
                    <a:pt x="112" y="130"/>
                  </a:lnTo>
                  <a:lnTo>
                    <a:pt x="122" y="128"/>
                  </a:lnTo>
                  <a:lnTo>
                    <a:pt x="131" y="125"/>
                  </a:lnTo>
                  <a:lnTo>
                    <a:pt x="140" y="121"/>
                  </a:lnTo>
                  <a:lnTo>
                    <a:pt x="149" y="116"/>
                  </a:lnTo>
                  <a:lnTo>
                    <a:pt x="157" y="111"/>
                  </a:lnTo>
                  <a:lnTo>
                    <a:pt x="165" y="106"/>
                  </a:lnTo>
                  <a:lnTo>
                    <a:pt x="171" y="100"/>
                  </a:lnTo>
                  <a:lnTo>
                    <a:pt x="176" y="92"/>
                  </a:lnTo>
                  <a:lnTo>
                    <a:pt x="181" y="85"/>
                  </a:lnTo>
                  <a:lnTo>
                    <a:pt x="184" y="77"/>
                  </a:lnTo>
                  <a:lnTo>
                    <a:pt x="186" y="70"/>
                  </a:lnTo>
                  <a:lnTo>
                    <a:pt x="186" y="62"/>
                  </a:lnTo>
                  <a:lnTo>
                    <a:pt x="185" y="53"/>
                  </a:lnTo>
                  <a:lnTo>
                    <a:pt x="181" y="45"/>
                  </a:lnTo>
                  <a:lnTo>
                    <a:pt x="175" y="36"/>
                  </a:lnTo>
                  <a:lnTo>
                    <a:pt x="168" y="27"/>
                  </a:lnTo>
                  <a:lnTo>
                    <a:pt x="169" y="25"/>
                  </a:lnTo>
                  <a:lnTo>
                    <a:pt x="171" y="23"/>
                  </a:lnTo>
                  <a:lnTo>
                    <a:pt x="173" y="21"/>
                  </a:lnTo>
                  <a:lnTo>
                    <a:pt x="176" y="18"/>
                  </a:lnTo>
                  <a:lnTo>
                    <a:pt x="182" y="17"/>
                  </a:lnTo>
                  <a:lnTo>
                    <a:pt x="189" y="16"/>
                  </a:lnTo>
                  <a:lnTo>
                    <a:pt x="207" y="16"/>
                  </a:lnTo>
                  <a:lnTo>
                    <a:pt x="225" y="18"/>
                  </a:lnTo>
                  <a:lnTo>
                    <a:pt x="234" y="20"/>
                  </a:lnTo>
                  <a:lnTo>
                    <a:pt x="243" y="20"/>
                  </a:lnTo>
                  <a:lnTo>
                    <a:pt x="250" y="20"/>
                  </a:lnTo>
                  <a:lnTo>
                    <a:pt x="257" y="18"/>
                  </a:lnTo>
                  <a:lnTo>
                    <a:pt x="264" y="16"/>
                  </a:lnTo>
                  <a:lnTo>
                    <a:pt x="268" y="12"/>
                  </a:lnTo>
                  <a:lnTo>
                    <a:pt x="269" y="10"/>
                  </a:lnTo>
                  <a:lnTo>
                    <a:pt x="270" y="7"/>
                  </a:lnTo>
                  <a:lnTo>
                    <a:pt x="271" y="3"/>
                  </a:lnTo>
                  <a:lnTo>
                    <a:pt x="271" y="0"/>
                  </a:lnTo>
                  <a:lnTo>
                    <a:pt x="283" y="12"/>
                  </a:lnTo>
                  <a:lnTo>
                    <a:pt x="294" y="26"/>
                  </a:lnTo>
                  <a:lnTo>
                    <a:pt x="306" y="40"/>
                  </a:lnTo>
                  <a:lnTo>
                    <a:pt x="316" y="54"/>
                  </a:lnTo>
                  <a:lnTo>
                    <a:pt x="327" y="68"/>
                  </a:lnTo>
                  <a:lnTo>
                    <a:pt x="338" y="84"/>
                  </a:lnTo>
                  <a:lnTo>
                    <a:pt x="347" y="100"/>
                  </a:lnTo>
                  <a:lnTo>
                    <a:pt x="356" y="115"/>
                  </a:lnTo>
                  <a:lnTo>
                    <a:pt x="365" y="131"/>
                  </a:lnTo>
                  <a:lnTo>
                    <a:pt x="373" y="148"/>
                  </a:lnTo>
                  <a:lnTo>
                    <a:pt x="381" y="166"/>
                  </a:lnTo>
                  <a:lnTo>
                    <a:pt x="388" y="184"/>
                  </a:lnTo>
                  <a:lnTo>
                    <a:pt x="394" y="203"/>
                  </a:lnTo>
                  <a:lnTo>
                    <a:pt x="401" y="222"/>
                  </a:lnTo>
                  <a:lnTo>
                    <a:pt x="406" y="241"/>
                  </a:lnTo>
                  <a:lnTo>
                    <a:pt x="411" y="262"/>
                  </a:lnTo>
                  <a:lnTo>
                    <a:pt x="405" y="260"/>
                  </a:lnTo>
                  <a:lnTo>
                    <a:pt x="399" y="260"/>
                  </a:lnTo>
                  <a:lnTo>
                    <a:pt x="393" y="260"/>
                  </a:lnTo>
                  <a:lnTo>
                    <a:pt x="389" y="260"/>
                  </a:lnTo>
                  <a:lnTo>
                    <a:pt x="381" y="263"/>
                  </a:lnTo>
                  <a:lnTo>
                    <a:pt x="375" y="267"/>
                  </a:lnTo>
                  <a:lnTo>
                    <a:pt x="369" y="272"/>
                  </a:lnTo>
                  <a:lnTo>
                    <a:pt x="363" y="276"/>
                  </a:lnTo>
                  <a:lnTo>
                    <a:pt x="360" y="278"/>
                  </a:lnTo>
                  <a:lnTo>
                    <a:pt x="355" y="280"/>
                  </a:lnTo>
                  <a:lnTo>
                    <a:pt x="351" y="280"/>
                  </a:lnTo>
                  <a:lnTo>
                    <a:pt x="346" y="280"/>
                  </a:lnTo>
                  <a:lnTo>
                    <a:pt x="355" y="306"/>
                  </a:lnTo>
                  <a:lnTo>
                    <a:pt x="366" y="333"/>
                  </a:lnTo>
                  <a:lnTo>
                    <a:pt x="376" y="363"/>
                  </a:lnTo>
                  <a:lnTo>
                    <a:pt x="385" y="392"/>
                  </a:lnTo>
                  <a:lnTo>
                    <a:pt x="392" y="423"/>
                  </a:lnTo>
                  <a:lnTo>
                    <a:pt x="399" y="451"/>
                  </a:lnTo>
                  <a:lnTo>
                    <a:pt x="401" y="466"/>
                  </a:lnTo>
                  <a:lnTo>
                    <a:pt x="402" y="480"/>
                  </a:lnTo>
                  <a:lnTo>
                    <a:pt x="403" y="492"/>
                  </a:lnTo>
                  <a:lnTo>
                    <a:pt x="402" y="505"/>
                  </a:lnTo>
                  <a:lnTo>
                    <a:pt x="394" y="505"/>
                  </a:lnTo>
                  <a:lnTo>
                    <a:pt x="386" y="507"/>
                  </a:lnTo>
                  <a:lnTo>
                    <a:pt x="379" y="510"/>
                  </a:lnTo>
                  <a:lnTo>
                    <a:pt x="370" y="514"/>
                  </a:lnTo>
                  <a:lnTo>
                    <a:pt x="363" y="520"/>
                  </a:lnTo>
                  <a:lnTo>
                    <a:pt x="355" y="526"/>
                  </a:lnTo>
                  <a:lnTo>
                    <a:pt x="349" y="533"/>
                  </a:lnTo>
                  <a:lnTo>
                    <a:pt x="343" y="542"/>
                  </a:lnTo>
                  <a:lnTo>
                    <a:pt x="336" y="551"/>
                  </a:lnTo>
                  <a:lnTo>
                    <a:pt x="330" y="561"/>
                  </a:lnTo>
                  <a:lnTo>
                    <a:pt x="325" y="570"/>
                  </a:lnTo>
                  <a:lnTo>
                    <a:pt x="321" y="581"/>
                  </a:lnTo>
                  <a:lnTo>
                    <a:pt x="316" y="592"/>
                  </a:lnTo>
                  <a:lnTo>
                    <a:pt x="313" y="604"/>
                  </a:lnTo>
                  <a:lnTo>
                    <a:pt x="310" y="614"/>
                  </a:lnTo>
                  <a:lnTo>
                    <a:pt x="308" y="626"/>
                  </a:lnTo>
                  <a:lnTo>
                    <a:pt x="299" y="625"/>
                  </a:lnTo>
                  <a:lnTo>
                    <a:pt x="290" y="624"/>
                  </a:lnTo>
                  <a:lnTo>
                    <a:pt x="282" y="622"/>
                  </a:lnTo>
                  <a:lnTo>
                    <a:pt x="274" y="619"/>
                  </a:lnTo>
                  <a:lnTo>
                    <a:pt x="260" y="612"/>
                  </a:lnTo>
                  <a:lnTo>
                    <a:pt x="246" y="605"/>
                  </a:lnTo>
                  <a:lnTo>
                    <a:pt x="232" y="597"/>
                  </a:lnTo>
                  <a:lnTo>
                    <a:pt x="219" y="590"/>
                  </a:lnTo>
                  <a:lnTo>
                    <a:pt x="211" y="587"/>
                  </a:lnTo>
                  <a:lnTo>
                    <a:pt x="204" y="584"/>
                  </a:lnTo>
                  <a:lnTo>
                    <a:pt x="195" y="582"/>
                  </a:lnTo>
                  <a:lnTo>
                    <a:pt x="187" y="580"/>
                  </a:lnTo>
                  <a:lnTo>
                    <a:pt x="193" y="544"/>
                  </a:lnTo>
                  <a:lnTo>
                    <a:pt x="197" y="519"/>
                  </a:lnTo>
                  <a:lnTo>
                    <a:pt x="197" y="506"/>
                  </a:lnTo>
                  <a:lnTo>
                    <a:pt x="196" y="493"/>
                  </a:lnTo>
                  <a:lnTo>
                    <a:pt x="192" y="478"/>
                  </a:lnTo>
                  <a:lnTo>
                    <a:pt x="187" y="458"/>
                  </a:lnTo>
                  <a:lnTo>
                    <a:pt x="172" y="465"/>
                  </a:lnTo>
                  <a:lnTo>
                    <a:pt x="159" y="469"/>
                  </a:lnTo>
                  <a:lnTo>
                    <a:pt x="146" y="472"/>
                  </a:lnTo>
                  <a:lnTo>
                    <a:pt x="133" y="473"/>
                  </a:lnTo>
                  <a:lnTo>
                    <a:pt x="121" y="473"/>
                  </a:lnTo>
                  <a:lnTo>
                    <a:pt x="109" y="471"/>
                  </a:lnTo>
                  <a:lnTo>
                    <a:pt x="97" y="469"/>
                  </a:lnTo>
                  <a:lnTo>
                    <a:pt x="86" y="465"/>
                  </a:lnTo>
                  <a:lnTo>
                    <a:pt x="64" y="455"/>
                  </a:lnTo>
                  <a:lnTo>
                    <a:pt x="42" y="444"/>
                  </a:lnTo>
                  <a:lnTo>
                    <a:pt x="21" y="432"/>
                  </a:lnTo>
                  <a:lnTo>
                    <a:pt x="0" y="421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1" name="Nyborg kant"/>
            <p:cNvSpPr>
              <a:spLocks/>
            </p:cNvSpPr>
            <p:nvPr/>
          </p:nvSpPr>
          <p:spPr bwMode="auto">
            <a:xfrm>
              <a:off x="2492375" y="5316538"/>
              <a:ext cx="217488" cy="331788"/>
            </a:xfrm>
            <a:custGeom>
              <a:avLst/>
              <a:gdLst>
                <a:gd name="T0" fmla="*/ 3 w 411"/>
                <a:gd name="T1" fmla="*/ 141 h 626"/>
                <a:gd name="T2" fmla="*/ 9 w 411"/>
                <a:gd name="T3" fmla="*/ 138 h 626"/>
                <a:gd name="T4" fmla="*/ 18 w 411"/>
                <a:gd name="T5" fmla="*/ 130 h 626"/>
                <a:gd name="T6" fmla="*/ 25 w 411"/>
                <a:gd name="T7" fmla="*/ 128 h 626"/>
                <a:gd name="T8" fmla="*/ 28 w 411"/>
                <a:gd name="T9" fmla="*/ 117 h 626"/>
                <a:gd name="T10" fmla="*/ 29 w 411"/>
                <a:gd name="T11" fmla="*/ 109 h 626"/>
                <a:gd name="T12" fmla="*/ 31 w 411"/>
                <a:gd name="T13" fmla="*/ 103 h 626"/>
                <a:gd name="T14" fmla="*/ 36 w 411"/>
                <a:gd name="T15" fmla="*/ 100 h 626"/>
                <a:gd name="T16" fmla="*/ 43 w 411"/>
                <a:gd name="T17" fmla="*/ 100 h 626"/>
                <a:gd name="T18" fmla="*/ 42 w 411"/>
                <a:gd name="T19" fmla="*/ 92 h 626"/>
                <a:gd name="T20" fmla="*/ 38 w 411"/>
                <a:gd name="T21" fmla="*/ 87 h 626"/>
                <a:gd name="T22" fmla="*/ 41 w 411"/>
                <a:gd name="T23" fmla="*/ 78 h 626"/>
                <a:gd name="T24" fmla="*/ 51 w 411"/>
                <a:gd name="T25" fmla="*/ 68 h 626"/>
                <a:gd name="T26" fmla="*/ 57 w 411"/>
                <a:gd name="T27" fmla="*/ 58 h 626"/>
                <a:gd name="T28" fmla="*/ 59 w 411"/>
                <a:gd name="T29" fmla="*/ 50 h 626"/>
                <a:gd name="T30" fmla="*/ 52 w 411"/>
                <a:gd name="T31" fmla="*/ 46 h 626"/>
                <a:gd name="T32" fmla="*/ 37 w 411"/>
                <a:gd name="T33" fmla="*/ 43 h 626"/>
                <a:gd name="T34" fmla="*/ 47 w 411"/>
                <a:gd name="T35" fmla="*/ 40 h 626"/>
                <a:gd name="T36" fmla="*/ 55 w 411"/>
                <a:gd name="T37" fmla="*/ 35 h 626"/>
                <a:gd name="T38" fmla="*/ 60 w 411"/>
                <a:gd name="T39" fmla="*/ 28 h 626"/>
                <a:gd name="T40" fmla="*/ 62 w 411"/>
                <a:gd name="T41" fmla="*/ 21 h 626"/>
                <a:gd name="T42" fmla="*/ 58 w 411"/>
                <a:gd name="T43" fmla="*/ 12 h 626"/>
                <a:gd name="T44" fmla="*/ 57 w 411"/>
                <a:gd name="T45" fmla="*/ 8 h 626"/>
                <a:gd name="T46" fmla="*/ 61 w 411"/>
                <a:gd name="T47" fmla="*/ 6 h 626"/>
                <a:gd name="T48" fmla="*/ 75 w 411"/>
                <a:gd name="T49" fmla="*/ 6 h 626"/>
                <a:gd name="T50" fmla="*/ 83 w 411"/>
                <a:gd name="T51" fmla="*/ 7 h 626"/>
                <a:gd name="T52" fmla="*/ 89 w 411"/>
                <a:gd name="T53" fmla="*/ 4 h 626"/>
                <a:gd name="T54" fmla="*/ 90 w 411"/>
                <a:gd name="T55" fmla="*/ 1 h 626"/>
                <a:gd name="T56" fmla="*/ 98 w 411"/>
                <a:gd name="T57" fmla="*/ 9 h 626"/>
                <a:gd name="T58" fmla="*/ 109 w 411"/>
                <a:gd name="T59" fmla="*/ 23 h 626"/>
                <a:gd name="T60" fmla="*/ 119 w 411"/>
                <a:gd name="T61" fmla="*/ 38 h 626"/>
                <a:gd name="T62" fmla="*/ 127 w 411"/>
                <a:gd name="T63" fmla="*/ 55 h 626"/>
                <a:gd name="T64" fmla="*/ 134 w 411"/>
                <a:gd name="T65" fmla="*/ 74 h 626"/>
                <a:gd name="T66" fmla="*/ 135 w 411"/>
                <a:gd name="T67" fmla="*/ 87 h 626"/>
                <a:gd name="T68" fmla="*/ 130 w 411"/>
                <a:gd name="T69" fmla="*/ 87 h 626"/>
                <a:gd name="T70" fmla="*/ 123 w 411"/>
                <a:gd name="T71" fmla="*/ 91 h 626"/>
                <a:gd name="T72" fmla="*/ 118 w 411"/>
                <a:gd name="T73" fmla="*/ 93 h 626"/>
                <a:gd name="T74" fmla="*/ 118 w 411"/>
                <a:gd name="T75" fmla="*/ 102 h 626"/>
                <a:gd name="T76" fmla="*/ 128 w 411"/>
                <a:gd name="T77" fmla="*/ 131 h 626"/>
                <a:gd name="T78" fmla="*/ 134 w 411"/>
                <a:gd name="T79" fmla="*/ 156 h 626"/>
                <a:gd name="T80" fmla="*/ 134 w 411"/>
                <a:gd name="T81" fmla="*/ 169 h 626"/>
                <a:gd name="T82" fmla="*/ 126 w 411"/>
                <a:gd name="T83" fmla="*/ 170 h 626"/>
                <a:gd name="T84" fmla="*/ 118 w 411"/>
                <a:gd name="T85" fmla="*/ 176 h 626"/>
                <a:gd name="T86" fmla="*/ 112 w 411"/>
                <a:gd name="T87" fmla="*/ 184 h 626"/>
                <a:gd name="T88" fmla="*/ 107 w 411"/>
                <a:gd name="T89" fmla="*/ 194 h 626"/>
                <a:gd name="T90" fmla="*/ 103 w 411"/>
                <a:gd name="T91" fmla="*/ 205 h 626"/>
                <a:gd name="T92" fmla="*/ 97 w 411"/>
                <a:gd name="T93" fmla="*/ 208 h 626"/>
                <a:gd name="T94" fmla="*/ 87 w 411"/>
                <a:gd name="T95" fmla="*/ 204 h 626"/>
                <a:gd name="T96" fmla="*/ 73 w 411"/>
                <a:gd name="T97" fmla="*/ 197 h 626"/>
                <a:gd name="T98" fmla="*/ 65 w 411"/>
                <a:gd name="T99" fmla="*/ 194 h 626"/>
                <a:gd name="T100" fmla="*/ 66 w 411"/>
                <a:gd name="T101" fmla="*/ 173 h 626"/>
                <a:gd name="T102" fmla="*/ 64 w 411"/>
                <a:gd name="T103" fmla="*/ 160 h 626"/>
                <a:gd name="T104" fmla="*/ 53 w 411"/>
                <a:gd name="T105" fmla="*/ 157 h 626"/>
                <a:gd name="T106" fmla="*/ 40 w 411"/>
                <a:gd name="T107" fmla="*/ 158 h 626"/>
                <a:gd name="T108" fmla="*/ 29 w 411"/>
                <a:gd name="T109" fmla="*/ 155 h 626"/>
                <a:gd name="T110" fmla="*/ 7 w 411"/>
                <a:gd name="T111" fmla="*/ 144 h 62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411" h="626">
                  <a:moveTo>
                    <a:pt x="0" y="421"/>
                  </a:moveTo>
                  <a:lnTo>
                    <a:pt x="4" y="422"/>
                  </a:lnTo>
                  <a:lnTo>
                    <a:pt x="9" y="422"/>
                  </a:lnTo>
                  <a:lnTo>
                    <a:pt x="13" y="421"/>
                  </a:lnTo>
                  <a:lnTo>
                    <a:pt x="17" y="419"/>
                  </a:lnTo>
                  <a:lnTo>
                    <a:pt x="26" y="412"/>
                  </a:lnTo>
                  <a:lnTo>
                    <a:pt x="35" y="405"/>
                  </a:lnTo>
                  <a:lnTo>
                    <a:pt x="45" y="398"/>
                  </a:lnTo>
                  <a:lnTo>
                    <a:pt x="55" y="390"/>
                  </a:lnTo>
                  <a:lnTo>
                    <a:pt x="62" y="387"/>
                  </a:lnTo>
                  <a:lnTo>
                    <a:pt x="68" y="385"/>
                  </a:lnTo>
                  <a:lnTo>
                    <a:pt x="75" y="384"/>
                  </a:lnTo>
                  <a:lnTo>
                    <a:pt x="84" y="383"/>
                  </a:lnTo>
                  <a:lnTo>
                    <a:pt x="83" y="366"/>
                  </a:lnTo>
                  <a:lnTo>
                    <a:pt x="83" y="349"/>
                  </a:lnTo>
                  <a:lnTo>
                    <a:pt x="83" y="342"/>
                  </a:lnTo>
                  <a:lnTo>
                    <a:pt x="84" y="334"/>
                  </a:lnTo>
                  <a:lnTo>
                    <a:pt x="86" y="327"/>
                  </a:lnTo>
                  <a:lnTo>
                    <a:pt x="87" y="321"/>
                  </a:lnTo>
                  <a:lnTo>
                    <a:pt x="90" y="315"/>
                  </a:lnTo>
                  <a:lnTo>
                    <a:pt x="93" y="310"/>
                  </a:lnTo>
                  <a:lnTo>
                    <a:pt x="96" y="306"/>
                  </a:lnTo>
                  <a:lnTo>
                    <a:pt x="102" y="303"/>
                  </a:lnTo>
                  <a:lnTo>
                    <a:pt x="107" y="300"/>
                  </a:lnTo>
                  <a:lnTo>
                    <a:pt x="114" y="299"/>
                  </a:lnTo>
                  <a:lnTo>
                    <a:pt x="122" y="299"/>
                  </a:lnTo>
                  <a:lnTo>
                    <a:pt x="130" y="299"/>
                  </a:lnTo>
                  <a:lnTo>
                    <a:pt x="130" y="290"/>
                  </a:lnTo>
                  <a:lnTo>
                    <a:pt x="128" y="283"/>
                  </a:lnTo>
                  <a:lnTo>
                    <a:pt x="125" y="276"/>
                  </a:lnTo>
                  <a:lnTo>
                    <a:pt x="121" y="271"/>
                  </a:lnTo>
                  <a:lnTo>
                    <a:pt x="117" y="265"/>
                  </a:lnTo>
                  <a:lnTo>
                    <a:pt x="114" y="260"/>
                  </a:lnTo>
                  <a:lnTo>
                    <a:pt x="112" y="252"/>
                  </a:lnTo>
                  <a:lnTo>
                    <a:pt x="112" y="243"/>
                  </a:lnTo>
                  <a:lnTo>
                    <a:pt x="123" y="233"/>
                  </a:lnTo>
                  <a:lnTo>
                    <a:pt x="133" y="225"/>
                  </a:lnTo>
                  <a:lnTo>
                    <a:pt x="144" y="215"/>
                  </a:lnTo>
                  <a:lnTo>
                    <a:pt x="153" y="205"/>
                  </a:lnTo>
                  <a:lnTo>
                    <a:pt x="162" y="193"/>
                  </a:lnTo>
                  <a:lnTo>
                    <a:pt x="168" y="180"/>
                  </a:lnTo>
                  <a:lnTo>
                    <a:pt x="171" y="173"/>
                  </a:lnTo>
                  <a:lnTo>
                    <a:pt x="174" y="166"/>
                  </a:lnTo>
                  <a:lnTo>
                    <a:pt x="175" y="157"/>
                  </a:lnTo>
                  <a:lnTo>
                    <a:pt x="177" y="149"/>
                  </a:lnTo>
                  <a:lnTo>
                    <a:pt x="171" y="145"/>
                  </a:lnTo>
                  <a:lnTo>
                    <a:pt x="165" y="141"/>
                  </a:lnTo>
                  <a:lnTo>
                    <a:pt x="156" y="137"/>
                  </a:lnTo>
                  <a:lnTo>
                    <a:pt x="148" y="135"/>
                  </a:lnTo>
                  <a:lnTo>
                    <a:pt x="130" y="133"/>
                  </a:lnTo>
                  <a:lnTo>
                    <a:pt x="112" y="130"/>
                  </a:lnTo>
                  <a:lnTo>
                    <a:pt x="122" y="128"/>
                  </a:lnTo>
                  <a:lnTo>
                    <a:pt x="131" y="125"/>
                  </a:lnTo>
                  <a:lnTo>
                    <a:pt x="140" y="121"/>
                  </a:lnTo>
                  <a:lnTo>
                    <a:pt x="149" y="116"/>
                  </a:lnTo>
                  <a:lnTo>
                    <a:pt x="157" y="111"/>
                  </a:lnTo>
                  <a:lnTo>
                    <a:pt x="165" y="106"/>
                  </a:lnTo>
                  <a:lnTo>
                    <a:pt x="171" y="100"/>
                  </a:lnTo>
                  <a:lnTo>
                    <a:pt x="176" y="92"/>
                  </a:lnTo>
                  <a:lnTo>
                    <a:pt x="181" y="85"/>
                  </a:lnTo>
                  <a:lnTo>
                    <a:pt x="184" y="77"/>
                  </a:lnTo>
                  <a:lnTo>
                    <a:pt x="186" y="70"/>
                  </a:lnTo>
                  <a:lnTo>
                    <a:pt x="186" y="62"/>
                  </a:lnTo>
                  <a:lnTo>
                    <a:pt x="185" y="53"/>
                  </a:lnTo>
                  <a:lnTo>
                    <a:pt x="181" y="45"/>
                  </a:lnTo>
                  <a:lnTo>
                    <a:pt x="175" y="36"/>
                  </a:lnTo>
                  <a:lnTo>
                    <a:pt x="168" y="27"/>
                  </a:lnTo>
                  <a:lnTo>
                    <a:pt x="169" y="25"/>
                  </a:lnTo>
                  <a:lnTo>
                    <a:pt x="171" y="23"/>
                  </a:lnTo>
                  <a:lnTo>
                    <a:pt x="173" y="21"/>
                  </a:lnTo>
                  <a:lnTo>
                    <a:pt x="176" y="18"/>
                  </a:lnTo>
                  <a:lnTo>
                    <a:pt x="182" y="17"/>
                  </a:lnTo>
                  <a:lnTo>
                    <a:pt x="189" y="16"/>
                  </a:lnTo>
                  <a:lnTo>
                    <a:pt x="207" y="16"/>
                  </a:lnTo>
                  <a:lnTo>
                    <a:pt x="225" y="18"/>
                  </a:lnTo>
                  <a:lnTo>
                    <a:pt x="234" y="20"/>
                  </a:lnTo>
                  <a:lnTo>
                    <a:pt x="243" y="20"/>
                  </a:lnTo>
                  <a:lnTo>
                    <a:pt x="250" y="20"/>
                  </a:lnTo>
                  <a:lnTo>
                    <a:pt x="257" y="18"/>
                  </a:lnTo>
                  <a:lnTo>
                    <a:pt x="264" y="16"/>
                  </a:lnTo>
                  <a:lnTo>
                    <a:pt x="268" y="12"/>
                  </a:lnTo>
                  <a:lnTo>
                    <a:pt x="269" y="10"/>
                  </a:lnTo>
                  <a:lnTo>
                    <a:pt x="270" y="7"/>
                  </a:lnTo>
                  <a:lnTo>
                    <a:pt x="271" y="3"/>
                  </a:lnTo>
                  <a:lnTo>
                    <a:pt x="271" y="0"/>
                  </a:lnTo>
                  <a:lnTo>
                    <a:pt x="283" y="12"/>
                  </a:lnTo>
                  <a:lnTo>
                    <a:pt x="294" y="26"/>
                  </a:lnTo>
                  <a:lnTo>
                    <a:pt x="306" y="40"/>
                  </a:lnTo>
                  <a:lnTo>
                    <a:pt x="316" y="54"/>
                  </a:lnTo>
                  <a:lnTo>
                    <a:pt x="327" y="68"/>
                  </a:lnTo>
                  <a:lnTo>
                    <a:pt x="338" y="84"/>
                  </a:lnTo>
                  <a:lnTo>
                    <a:pt x="347" y="100"/>
                  </a:lnTo>
                  <a:lnTo>
                    <a:pt x="356" y="115"/>
                  </a:lnTo>
                  <a:lnTo>
                    <a:pt x="365" y="131"/>
                  </a:lnTo>
                  <a:lnTo>
                    <a:pt x="373" y="148"/>
                  </a:lnTo>
                  <a:lnTo>
                    <a:pt x="381" y="166"/>
                  </a:lnTo>
                  <a:lnTo>
                    <a:pt x="388" y="184"/>
                  </a:lnTo>
                  <a:lnTo>
                    <a:pt x="394" y="203"/>
                  </a:lnTo>
                  <a:lnTo>
                    <a:pt x="401" y="222"/>
                  </a:lnTo>
                  <a:lnTo>
                    <a:pt x="406" y="241"/>
                  </a:lnTo>
                  <a:lnTo>
                    <a:pt x="411" y="262"/>
                  </a:lnTo>
                  <a:lnTo>
                    <a:pt x="405" y="260"/>
                  </a:lnTo>
                  <a:lnTo>
                    <a:pt x="399" y="260"/>
                  </a:lnTo>
                  <a:lnTo>
                    <a:pt x="393" y="260"/>
                  </a:lnTo>
                  <a:lnTo>
                    <a:pt x="389" y="260"/>
                  </a:lnTo>
                  <a:lnTo>
                    <a:pt x="381" y="263"/>
                  </a:lnTo>
                  <a:lnTo>
                    <a:pt x="375" y="267"/>
                  </a:lnTo>
                  <a:lnTo>
                    <a:pt x="369" y="272"/>
                  </a:lnTo>
                  <a:lnTo>
                    <a:pt x="363" y="276"/>
                  </a:lnTo>
                  <a:lnTo>
                    <a:pt x="360" y="278"/>
                  </a:lnTo>
                  <a:lnTo>
                    <a:pt x="355" y="280"/>
                  </a:lnTo>
                  <a:lnTo>
                    <a:pt x="351" y="280"/>
                  </a:lnTo>
                  <a:lnTo>
                    <a:pt x="346" y="280"/>
                  </a:lnTo>
                  <a:lnTo>
                    <a:pt x="355" y="306"/>
                  </a:lnTo>
                  <a:lnTo>
                    <a:pt x="366" y="333"/>
                  </a:lnTo>
                  <a:lnTo>
                    <a:pt x="376" y="363"/>
                  </a:lnTo>
                  <a:lnTo>
                    <a:pt x="385" y="392"/>
                  </a:lnTo>
                  <a:lnTo>
                    <a:pt x="392" y="423"/>
                  </a:lnTo>
                  <a:lnTo>
                    <a:pt x="399" y="451"/>
                  </a:lnTo>
                  <a:lnTo>
                    <a:pt x="401" y="466"/>
                  </a:lnTo>
                  <a:lnTo>
                    <a:pt x="402" y="480"/>
                  </a:lnTo>
                  <a:lnTo>
                    <a:pt x="403" y="492"/>
                  </a:lnTo>
                  <a:lnTo>
                    <a:pt x="402" y="505"/>
                  </a:lnTo>
                  <a:lnTo>
                    <a:pt x="394" y="505"/>
                  </a:lnTo>
                  <a:lnTo>
                    <a:pt x="386" y="507"/>
                  </a:lnTo>
                  <a:lnTo>
                    <a:pt x="379" y="510"/>
                  </a:lnTo>
                  <a:lnTo>
                    <a:pt x="370" y="514"/>
                  </a:lnTo>
                  <a:lnTo>
                    <a:pt x="363" y="520"/>
                  </a:lnTo>
                  <a:lnTo>
                    <a:pt x="355" y="526"/>
                  </a:lnTo>
                  <a:lnTo>
                    <a:pt x="349" y="533"/>
                  </a:lnTo>
                  <a:lnTo>
                    <a:pt x="343" y="542"/>
                  </a:lnTo>
                  <a:lnTo>
                    <a:pt x="336" y="551"/>
                  </a:lnTo>
                  <a:lnTo>
                    <a:pt x="330" y="561"/>
                  </a:lnTo>
                  <a:lnTo>
                    <a:pt x="325" y="570"/>
                  </a:lnTo>
                  <a:lnTo>
                    <a:pt x="321" y="581"/>
                  </a:lnTo>
                  <a:lnTo>
                    <a:pt x="316" y="592"/>
                  </a:lnTo>
                  <a:lnTo>
                    <a:pt x="313" y="604"/>
                  </a:lnTo>
                  <a:lnTo>
                    <a:pt x="310" y="614"/>
                  </a:lnTo>
                  <a:lnTo>
                    <a:pt x="308" y="626"/>
                  </a:lnTo>
                  <a:lnTo>
                    <a:pt x="299" y="625"/>
                  </a:lnTo>
                  <a:lnTo>
                    <a:pt x="290" y="624"/>
                  </a:lnTo>
                  <a:lnTo>
                    <a:pt x="282" y="622"/>
                  </a:lnTo>
                  <a:lnTo>
                    <a:pt x="274" y="619"/>
                  </a:lnTo>
                  <a:lnTo>
                    <a:pt x="260" y="612"/>
                  </a:lnTo>
                  <a:lnTo>
                    <a:pt x="246" y="605"/>
                  </a:lnTo>
                  <a:lnTo>
                    <a:pt x="232" y="597"/>
                  </a:lnTo>
                  <a:lnTo>
                    <a:pt x="219" y="590"/>
                  </a:lnTo>
                  <a:lnTo>
                    <a:pt x="211" y="587"/>
                  </a:lnTo>
                  <a:lnTo>
                    <a:pt x="204" y="584"/>
                  </a:lnTo>
                  <a:lnTo>
                    <a:pt x="195" y="582"/>
                  </a:lnTo>
                  <a:lnTo>
                    <a:pt x="187" y="580"/>
                  </a:lnTo>
                  <a:lnTo>
                    <a:pt x="193" y="544"/>
                  </a:lnTo>
                  <a:lnTo>
                    <a:pt x="197" y="519"/>
                  </a:lnTo>
                  <a:lnTo>
                    <a:pt x="197" y="506"/>
                  </a:lnTo>
                  <a:lnTo>
                    <a:pt x="196" y="493"/>
                  </a:lnTo>
                  <a:lnTo>
                    <a:pt x="192" y="478"/>
                  </a:lnTo>
                  <a:lnTo>
                    <a:pt x="187" y="458"/>
                  </a:lnTo>
                  <a:lnTo>
                    <a:pt x="172" y="465"/>
                  </a:lnTo>
                  <a:lnTo>
                    <a:pt x="159" y="469"/>
                  </a:lnTo>
                  <a:lnTo>
                    <a:pt x="146" y="472"/>
                  </a:lnTo>
                  <a:lnTo>
                    <a:pt x="133" y="473"/>
                  </a:lnTo>
                  <a:lnTo>
                    <a:pt x="121" y="473"/>
                  </a:lnTo>
                  <a:lnTo>
                    <a:pt x="109" y="471"/>
                  </a:lnTo>
                  <a:lnTo>
                    <a:pt x="97" y="469"/>
                  </a:lnTo>
                  <a:lnTo>
                    <a:pt x="86" y="465"/>
                  </a:lnTo>
                  <a:lnTo>
                    <a:pt x="64" y="455"/>
                  </a:lnTo>
                  <a:lnTo>
                    <a:pt x="42" y="444"/>
                  </a:lnTo>
                  <a:lnTo>
                    <a:pt x="21" y="432"/>
                  </a:lnTo>
                  <a:lnTo>
                    <a:pt x="0" y="421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62" name="Faaborg-Midtfyn"/>
            <p:cNvGrpSpPr/>
            <p:nvPr/>
          </p:nvGrpSpPr>
          <p:grpSpPr>
            <a:xfrm>
              <a:off x="2035175" y="5419725"/>
              <a:ext cx="550863" cy="436563"/>
              <a:chOff x="2035175" y="5419725"/>
              <a:chExt cx="550863" cy="436563"/>
            </a:xfrm>
            <a:grpFill/>
          </p:grpSpPr>
          <p:sp>
            <p:nvSpPr>
              <p:cNvPr id="74" name="Faaborg-Midtfyn"/>
              <p:cNvSpPr>
                <a:spLocks/>
              </p:cNvSpPr>
              <p:nvPr/>
            </p:nvSpPr>
            <p:spPr bwMode="auto">
              <a:xfrm>
                <a:off x="2159000" y="5837238"/>
                <a:ext cx="30163" cy="19050"/>
              </a:xfrm>
              <a:custGeom>
                <a:avLst/>
                <a:gdLst>
                  <a:gd name="T0" fmla="*/ 0 w 56"/>
                  <a:gd name="T1" fmla="*/ 0 h 38"/>
                  <a:gd name="T2" fmla="*/ 5 w 56"/>
                  <a:gd name="T3" fmla="*/ 1 h 38"/>
                  <a:gd name="T4" fmla="*/ 10 w 56"/>
                  <a:gd name="T5" fmla="*/ 3 h 38"/>
                  <a:gd name="T6" fmla="*/ 15 w 56"/>
                  <a:gd name="T7" fmla="*/ 4 h 38"/>
                  <a:gd name="T8" fmla="*/ 19 w 56"/>
                  <a:gd name="T9" fmla="*/ 6 h 38"/>
                  <a:gd name="T10" fmla="*/ 18 w 56"/>
                  <a:gd name="T11" fmla="*/ 8 h 38"/>
                  <a:gd name="T12" fmla="*/ 16 w 56"/>
                  <a:gd name="T13" fmla="*/ 9 h 38"/>
                  <a:gd name="T14" fmla="*/ 15 w 56"/>
                  <a:gd name="T15" fmla="*/ 10 h 38"/>
                  <a:gd name="T16" fmla="*/ 13 w 56"/>
                  <a:gd name="T17" fmla="*/ 11 h 38"/>
                  <a:gd name="T18" fmla="*/ 11 w 56"/>
                  <a:gd name="T19" fmla="*/ 11 h 38"/>
                  <a:gd name="T20" fmla="*/ 8 w 56"/>
                  <a:gd name="T21" fmla="*/ 12 h 38"/>
                  <a:gd name="T22" fmla="*/ 6 w 56"/>
                  <a:gd name="T23" fmla="*/ 12 h 38"/>
                  <a:gd name="T24" fmla="*/ 3 w 56"/>
                  <a:gd name="T25" fmla="*/ 12 h 38"/>
                  <a:gd name="T26" fmla="*/ 3 w 56"/>
                  <a:gd name="T27" fmla="*/ 10 h 38"/>
                  <a:gd name="T28" fmla="*/ 3 w 56"/>
                  <a:gd name="T29" fmla="*/ 9 h 38"/>
                  <a:gd name="T30" fmla="*/ 2 w 56"/>
                  <a:gd name="T31" fmla="*/ 7 h 38"/>
                  <a:gd name="T32" fmla="*/ 1 w 56"/>
                  <a:gd name="T33" fmla="*/ 6 h 38"/>
                  <a:gd name="T34" fmla="*/ 1 w 56"/>
                  <a:gd name="T35" fmla="*/ 5 h 38"/>
                  <a:gd name="T36" fmla="*/ 0 w 56"/>
                  <a:gd name="T37" fmla="*/ 4 h 38"/>
                  <a:gd name="T38" fmla="*/ 0 w 56"/>
                  <a:gd name="T39" fmla="*/ 2 h 38"/>
                  <a:gd name="T40" fmla="*/ 0 w 56"/>
                  <a:gd name="T41" fmla="*/ 0 h 38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56" h="38">
                    <a:moveTo>
                      <a:pt x="0" y="0"/>
                    </a:moveTo>
                    <a:lnTo>
                      <a:pt x="16" y="3"/>
                    </a:lnTo>
                    <a:lnTo>
                      <a:pt x="29" y="8"/>
                    </a:lnTo>
                    <a:lnTo>
                      <a:pt x="43" y="14"/>
                    </a:lnTo>
                    <a:lnTo>
                      <a:pt x="56" y="19"/>
                    </a:lnTo>
                    <a:lnTo>
                      <a:pt x="53" y="24"/>
                    </a:lnTo>
                    <a:lnTo>
                      <a:pt x="48" y="28"/>
                    </a:lnTo>
                    <a:lnTo>
                      <a:pt x="44" y="32"/>
                    </a:lnTo>
                    <a:lnTo>
                      <a:pt x="39" y="35"/>
                    </a:lnTo>
                    <a:lnTo>
                      <a:pt x="33" y="36"/>
                    </a:lnTo>
                    <a:lnTo>
                      <a:pt x="25" y="38"/>
                    </a:lnTo>
                    <a:lnTo>
                      <a:pt x="18" y="38"/>
                    </a:lnTo>
                    <a:lnTo>
                      <a:pt x="9" y="38"/>
                    </a:lnTo>
                    <a:lnTo>
                      <a:pt x="9" y="33"/>
                    </a:lnTo>
                    <a:lnTo>
                      <a:pt x="8" y="27"/>
                    </a:lnTo>
                    <a:lnTo>
                      <a:pt x="6" y="23"/>
                    </a:lnTo>
                    <a:lnTo>
                      <a:pt x="4" y="20"/>
                    </a:lnTo>
                    <a:lnTo>
                      <a:pt x="2" y="16"/>
                    </a:lnTo>
                    <a:lnTo>
                      <a:pt x="1" y="12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75" name="Faaborg-Midtfyn kant"/>
              <p:cNvSpPr>
                <a:spLocks/>
              </p:cNvSpPr>
              <p:nvPr/>
            </p:nvSpPr>
            <p:spPr bwMode="auto">
              <a:xfrm>
                <a:off x="2159000" y="5837238"/>
                <a:ext cx="30163" cy="19050"/>
              </a:xfrm>
              <a:custGeom>
                <a:avLst/>
                <a:gdLst>
                  <a:gd name="T0" fmla="*/ 0 w 56"/>
                  <a:gd name="T1" fmla="*/ 0 h 38"/>
                  <a:gd name="T2" fmla="*/ 5 w 56"/>
                  <a:gd name="T3" fmla="*/ 1 h 38"/>
                  <a:gd name="T4" fmla="*/ 10 w 56"/>
                  <a:gd name="T5" fmla="*/ 3 h 38"/>
                  <a:gd name="T6" fmla="*/ 15 w 56"/>
                  <a:gd name="T7" fmla="*/ 4 h 38"/>
                  <a:gd name="T8" fmla="*/ 19 w 56"/>
                  <a:gd name="T9" fmla="*/ 6 h 38"/>
                  <a:gd name="T10" fmla="*/ 18 w 56"/>
                  <a:gd name="T11" fmla="*/ 8 h 38"/>
                  <a:gd name="T12" fmla="*/ 16 w 56"/>
                  <a:gd name="T13" fmla="*/ 9 h 38"/>
                  <a:gd name="T14" fmla="*/ 15 w 56"/>
                  <a:gd name="T15" fmla="*/ 10 h 38"/>
                  <a:gd name="T16" fmla="*/ 13 w 56"/>
                  <a:gd name="T17" fmla="*/ 11 h 38"/>
                  <a:gd name="T18" fmla="*/ 11 w 56"/>
                  <a:gd name="T19" fmla="*/ 11 h 38"/>
                  <a:gd name="T20" fmla="*/ 8 w 56"/>
                  <a:gd name="T21" fmla="*/ 12 h 38"/>
                  <a:gd name="T22" fmla="*/ 6 w 56"/>
                  <a:gd name="T23" fmla="*/ 12 h 38"/>
                  <a:gd name="T24" fmla="*/ 3 w 56"/>
                  <a:gd name="T25" fmla="*/ 12 h 38"/>
                  <a:gd name="T26" fmla="*/ 3 w 56"/>
                  <a:gd name="T27" fmla="*/ 10 h 38"/>
                  <a:gd name="T28" fmla="*/ 3 w 56"/>
                  <a:gd name="T29" fmla="*/ 9 h 38"/>
                  <a:gd name="T30" fmla="*/ 2 w 56"/>
                  <a:gd name="T31" fmla="*/ 7 h 38"/>
                  <a:gd name="T32" fmla="*/ 1 w 56"/>
                  <a:gd name="T33" fmla="*/ 6 h 38"/>
                  <a:gd name="T34" fmla="*/ 1 w 56"/>
                  <a:gd name="T35" fmla="*/ 5 h 38"/>
                  <a:gd name="T36" fmla="*/ 0 w 56"/>
                  <a:gd name="T37" fmla="*/ 4 h 38"/>
                  <a:gd name="T38" fmla="*/ 0 w 56"/>
                  <a:gd name="T39" fmla="*/ 2 h 38"/>
                  <a:gd name="T40" fmla="*/ 0 w 56"/>
                  <a:gd name="T41" fmla="*/ 0 h 38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56" h="38">
                    <a:moveTo>
                      <a:pt x="0" y="0"/>
                    </a:moveTo>
                    <a:lnTo>
                      <a:pt x="16" y="3"/>
                    </a:lnTo>
                    <a:lnTo>
                      <a:pt x="29" y="8"/>
                    </a:lnTo>
                    <a:lnTo>
                      <a:pt x="43" y="14"/>
                    </a:lnTo>
                    <a:lnTo>
                      <a:pt x="56" y="19"/>
                    </a:lnTo>
                    <a:lnTo>
                      <a:pt x="53" y="24"/>
                    </a:lnTo>
                    <a:lnTo>
                      <a:pt x="48" y="28"/>
                    </a:lnTo>
                    <a:lnTo>
                      <a:pt x="44" y="32"/>
                    </a:lnTo>
                    <a:lnTo>
                      <a:pt x="39" y="35"/>
                    </a:lnTo>
                    <a:lnTo>
                      <a:pt x="33" y="36"/>
                    </a:lnTo>
                    <a:lnTo>
                      <a:pt x="25" y="38"/>
                    </a:lnTo>
                    <a:lnTo>
                      <a:pt x="18" y="38"/>
                    </a:lnTo>
                    <a:lnTo>
                      <a:pt x="9" y="38"/>
                    </a:lnTo>
                    <a:lnTo>
                      <a:pt x="9" y="33"/>
                    </a:lnTo>
                    <a:lnTo>
                      <a:pt x="8" y="27"/>
                    </a:lnTo>
                    <a:lnTo>
                      <a:pt x="6" y="23"/>
                    </a:lnTo>
                    <a:lnTo>
                      <a:pt x="4" y="20"/>
                    </a:lnTo>
                    <a:lnTo>
                      <a:pt x="2" y="16"/>
                    </a:lnTo>
                    <a:lnTo>
                      <a:pt x="1" y="12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76" name="Faaborg-Midtfyn"/>
              <p:cNvSpPr>
                <a:spLocks/>
              </p:cNvSpPr>
              <p:nvPr/>
            </p:nvSpPr>
            <p:spPr bwMode="auto">
              <a:xfrm>
                <a:off x="2119313" y="5419725"/>
                <a:ext cx="466725" cy="407988"/>
              </a:xfrm>
              <a:custGeom>
                <a:avLst/>
                <a:gdLst>
                  <a:gd name="T0" fmla="*/ 199 w 882"/>
                  <a:gd name="T1" fmla="*/ 157 h 769"/>
                  <a:gd name="T2" fmla="*/ 220 w 882"/>
                  <a:gd name="T3" fmla="*/ 151 h 769"/>
                  <a:gd name="T4" fmla="*/ 244 w 882"/>
                  <a:gd name="T5" fmla="*/ 152 h 769"/>
                  <a:gd name="T6" fmla="*/ 263 w 882"/>
                  <a:gd name="T7" fmla="*/ 147 h 769"/>
                  <a:gd name="T8" fmla="*/ 267 w 882"/>
                  <a:gd name="T9" fmla="*/ 142 h 769"/>
                  <a:gd name="T10" fmla="*/ 277 w 882"/>
                  <a:gd name="T11" fmla="*/ 139 h 769"/>
                  <a:gd name="T12" fmla="*/ 277 w 882"/>
                  <a:gd name="T13" fmla="*/ 130 h 769"/>
                  <a:gd name="T14" fmla="*/ 282 w 882"/>
                  <a:gd name="T15" fmla="*/ 126 h 769"/>
                  <a:gd name="T16" fmla="*/ 291 w 882"/>
                  <a:gd name="T17" fmla="*/ 129 h 769"/>
                  <a:gd name="T18" fmla="*/ 293 w 882"/>
                  <a:gd name="T19" fmla="*/ 111 h 769"/>
                  <a:gd name="T20" fmla="*/ 273 w 882"/>
                  <a:gd name="T21" fmla="*/ 98 h 769"/>
                  <a:gd name="T22" fmla="*/ 251 w 882"/>
                  <a:gd name="T23" fmla="*/ 92 h 769"/>
                  <a:gd name="T24" fmla="*/ 233 w 882"/>
                  <a:gd name="T25" fmla="*/ 78 h 769"/>
                  <a:gd name="T26" fmla="*/ 236 w 882"/>
                  <a:gd name="T27" fmla="*/ 70 h 769"/>
                  <a:gd name="T28" fmla="*/ 243 w 882"/>
                  <a:gd name="T29" fmla="*/ 65 h 769"/>
                  <a:gd name="T30" fmla="*/ 254 w 882"/>
                  <a:gd name="T31" fmla="*/ 59 h 769"/>
                  <a:gd name="T32" fmla="*/ 259 w 882"/>
                  <a:gd name="T33" fmla="*/ 40 h 769"/>
                  <a:gd name="T34" fmla="*/ 266 w 882"/>
                  <a:gd name="T35" fmla="*/ 17 h 769"/>
                  <a:gd name="T36" fmla="*/ 253 w 882"/>
                  <a:gd name="T37" fmla="*/ 0 h 769"/>
                  <a:gd name="T38" fmla="*/ 233 w 882"/>
                  <a:gd name="T39" fmla="*/ 13 h 769"/>
                  <a:gd name="T40" fmla="*/ 195 w 882"/>
                  <a:gd name="T41" fmla="*/ 22 h 769"/>
                  <a:gd name="T42" fmla="*/ 170 w 882"/>
                  <a:gd name="T43" fmla="*/ 20 h 769"/>
                  <a:gd name="T44" fmla="*/ 169 w 882"/>
                  <a:gd name="T45" fmla="*/ 10 h 769"/>
                  <a:gd name="T46" fmla="*/ 129 w 882"/>
                  <a:gd name="T47" fmla="*/ 20 h 769"/>
                  <a:gd name="T48" fmla="*/ 122 w 882"/>
                  <a:gd name="T49" fmla="*/ 30 h 769"/>
                  <a:gd name="T50" fmla="*/ 126 w 882"/>
                  <a:gd name="T51" fmla="*/ 38 h 769"/>
                  <a:gd name="T52" fmla="*/ 100 w 882"/>
                  <a:gd name="T53" fmla="*/ 44 h 769"/>
                  <a:gd name="T54" fmla="*/ 72 w 882"/>
                  <a:gd name="T55" fmla="*/ 57 h 769"/>
                  <a:gd name="T56" fmla="*/ 38 w 882"/>
                  <a:gd name="T57" fmla="*/ 69 h 769"/>
                  <a:gd name="T58" fmla="*/ 38 w 882"/>
                  <a:gd name="T59" fmla="*/ 84 h 769"/>
                  <a:gd name="T60" fmla="*/ 45 w 882"/>
                  <a:gd name="T61" fmla="*/ 97 h 769"/>
                  <a:gd name="T62" fmla="*/ 51 w 882"/>
                  <a:gd name="T63" fmla="*/ 107 h 769"/>
                  <a:gd name="T64" fmla="*/ 59 w 882"/>
                  <a:gd name="T65" fmla="*/ 105 h 769"/>
                  <a:gd name="T66" fmla="*/ 62 w 882"/>
                  <a:gd name="T67" fmla="*/ 108 h 769"/>
                  <a:gd name="T68" fmla="*/ 58 w 882"/>
                  <a:gd name="T69" fmla="*/ 125 h 769"/>
                  <a:gd name="T70" fmla="*/ 39 w 882"/>
                  <a:gd name="T71" fmla="*/ 146 h 769"/>
                  <a:gd name="T72" fmla="*/ 32 w 882"/>
                  <a:gd name="T73" fmla="*/ 166 h 769"/>
                  <a:gd name="T74" fmla="*/ 47 w 882"/>
                  <a:gd name="T75" fmla="*/ 188 h 769"/>
                  <a:gd name="T76" fmla="*/ 33 w 882"/>
                  <a:gd name="T77" fmla="*/ 203 h 769"/>
                  <a:gd name="T78" fmla="*/ 12 w 882"/>
                  <a:gd name="T79" fmla="*/ 212 h 769"/>
                  <a:gd name="T80" fmla="*/ 1 w 882"/>
                  <a:gd name="T81" fmla="*/ 224 h 769"/>
                  <a:gd name="T82" fmla="*/ 0 w 882"/>
                  <a:gd name="T83" fmla="*/ 233 h 769"/>
                  <a:gd name="T84" fmla="*/ 12 w 882"/>
                  <a:gd name="T85" fmla="*/ 228 h 769"/>
                  <a:gd name="T86" fmla="*/ 31 w 882"/>
                  <a:gd name="T87" fmla="*/ 226 h 769"/>
                  <a:gd name="T88" fmla="*/ 70 w 882"/>
                  <a:gd name="T89" fmla="*/ 241 h 769"/>
                  <a:gd name="T90" fmla="*/ 69 w 882"/>
                  <a:gd name="T91" fmla="*/ 232 h 769"/>
                  <a:gd name="T92" fmla="*/ 62 w 882"/>
                  <a:gd name="T93" fmla="*/ 225 h 769"/>
                  <a:gd name="T94" fmla="*/ 61 w 882"/>
                  <a:gd name="T95" fmla="*/ 220 h 769"/>
                  <a:gd name="T96" fmla="*/ 67 w 882"/>
                  <a:gd name="T97" fmla="*/ 217 h 769"/>
                  <a:gd name="T98" fmla="*/ 71 w 882"/>
                  <a:gd name="T99" fmla="*/ 213 h 769"/>
                  <a:gd name="T100" fmla="*/ 90 w 882"/>
                  <a:gd name="T101" fmla="*/ 224 h 769"/>
                  <a:gd name="T102" fmla="*/ 127 w 882"/>
                  <a:gd name="T103" fmla="*/ 250 h 769"/>
                  <a:gd name="T104" fmla="*/ 148 w 882"/>
                  <a:gd name="T105" fmla="*/ 248 h 769"/>
                  <a:gd name="T106" fmla="*/ 164 w 882"/>
                  <a:gd name="T107" fmla="*/ 229 h 769"/>
                  <a:gd name="T108" fmla="*/ 164 w 882"/>
                  <a:gd name="T109" fmla="*/ 215 h 769"/>
                  <a:gd name="T110" fmla="*/ 162 w 882"/>
                  <a:gd name="T111" fmla="*/ 204 h 769"/>
                  <a:gd name="T112" fmla="*/ 170 w 882"/>
                  <a:gd name="T113" fmla="*/ 188 h 769"/>
                  <a:gd name="T114" fmla="*/ 192 w 882"/>
                  <a:gd name="T115" fmla="*/ 166 h 769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882" h="769">
                    <a:moveTo>
                      <a:pt x="582" y="488"/>
                    </a:moveTo>
                    <a:lnTo>
                      <a:pt x="586" y="483"/>
                    </a:lnTo>
                    <a:lnTo>
                      <a:pt x="590" y="478"/>
                    </a:lnTo>
                    <a:lnTo>
                      <a:pt x="594" y="474"/>
                    </a:lnTo>
                    <a:lnTo>
                      <a:pt x="598" y="470"/>
                    </a:lnTo>
                    <a:lnTo>
                      <a:pt x="609" y="464"/>
                    </a:lnTo>
                    <a:lnTo>
                      <a:pt x="619" y="458"/>
                    </a:lnTo>
                    <a:lnTo>
                      <a:pt x="632" y="455"/>
                    </a:lnTo>
                    <a:lnTo>
                      <a:pt x="646" y="452"/>
                    </a:lnTo>
                    <a:lnTo>
                      <a:pt x="659" y="451"/>
                    </a:lnTo>
                    <a:lnTo>
                      <a:pt x="673" y="451"/>
                    </a:lnTo>
                    <a:lnTo>
                      <a:pt x="688" y="451"/>
                    </a:lnTo>
                    <a:lnTo>
                      <a:pt x="703" y="452"/>
                    </a:lnTo>
                    <a:lnTo>
                      <a:pt x="718" y="454"/>
                    </a:lnTo>
                    <a:lnTo>
                      <a:pt x="733" y="456"/>
                    </a:lnTo>
                    <a:lnTo>
                      <a:pt x="762" y="463"/>
                    </a:lnTo>
                    <a:lnTo>
                      <a:pt x="789" y="469"/>
                    </a:lnTo>
                    <a:lnTo>
                      <a:pt x="787" y="456"/>
                    </a:lnTo>
                    <a:lnTo>
                      <a:pt x="788" y="445"/>
                    </a:lnTo>
                    <a:lnTo>
                      <a:pt x="789" y="441"/>
                    </a:lnTo>
                    <a:lnTo>
                      <a:pt x="791" y="436"/>
                    </a:lnTo>
                    <a:lnTo>
                      <a:pt x="793" y="432"/>
                    </a:lnTo>
                    <a:lnTo>
                      <a:pt x="795" y="429"/>
                    </a:lnTo>
                    <a:lnTo>
                      <a:pt x="798" y="426"/>
                    </a:lnTo>
                    <a:lnTo>
                      <a:pt x="802" y="424"/>
                    </a:lnTo>
                    <a:lnTo>
                      <a:pt x="807" y="423"/>
                    </a:lnTo>
                    <a:lnTo>
                      <a:pt x="811" y="422"/>
                    </a:lnTo>
                    <a:lnTo>
                      <a:pt x="822" y="421"/>
                    </a:lnTo>
                    <a:lnTo>
                      <a:pt x="835" y="423"/>
                    </a:lnTo>
                    <a:lnTo>
                      <a:pt x="832" y="415"/>
                    </a:lnTo>
                    <a:lnTo>
                      <a:pt x="830" y="410"/>
                    </a:lnTo>
                    <a:lnTo>
                      <a:pt x="829" y="404"/>
                    </a:lnTo>
                    <a:lnTo>
                      <a:pt x="828" y="398"/>
                    </a:lnTo>
                    <a:lnTo>
                      <a:pt x="829" y="394"/>
                    </a:lnTo>
                    <a:lnTo>
                      <a:pt x="830" y="390"/>
                    </a:lnTo>
                    <a:lnTo>
                      <a:pt x="831" y="386"/>
                    </a:lnTo>
                    <a:lnTo>
                      <a:pt x="834" y="383"/>
                    </a:lnTo>
                    <a:lnTo>
                      <a:pt x="836" y="381"/>
                    </a:lnTo>
                    <a:lnTo>
                      <a:pt x="840" y="378"/>
                    </a:lnTo>
                    <a:lnTo>
                      <a:pt x="845" y="377"/>
                    </a:lnTo>
                    <a:lnTo>
                      <a:pt x="849" y="377"/>
                    </a:lnTo>
                    <a:lnTo>
                      <a:pt x="854" y="378"/>
                    </a:lnTo>
                    <a:lnTo>
                      <a:pt x="860" y="379"/>
                    </a:lnTo>
                    <a:lnTo>
                      <a:pt x="867" y="382"/>
                    </a:lnTo>
                    <a:lnTo>
                      <a:pt x="873" y="385"/>
                    </a:lnTo>
                    <a:lnTo>
                      <a:pt x="871" y="371"/>
                    </a:lnTo>
                    <a:lnTo>
                      <a:pt x="872" y="361"/>
                    </a:lnTo>
                    <a:lnTo>
                      <a:pt x="874" y="351"/>
                    </a:lnTo>
                    <a:lnTo>
                      <a:pt x="877" y="342"/>
                    </a:lnTo>
                    <a:lnTo>
                      <a:pt x="879" y="333"/>
                    </a:lnTo>
                    <a:lnTo>
                      <a:pt x="881" y="324"/>
                    </a:lnTo>
                    <a:lnTo>
                      <a:pt x="882" y="313"/>
                    </a:lnTo>
                    <a:lnTo>
                      <a:pt x="882" y="301"/>
                    </a:lnTo>
                    <a:lnTo>
                      <a:pt x="851" y="297"/>
                    </a:lnTo>
                    <a:lnTo>
                      <a:pt x="820" y="293"/>
                    </a:lnTo>
                    <a:lnTo>
                      <a:pt x="806" y="291"/>
                    </a:lnTo>
                    <a:lnTo>
                      <a:pt x="792" y="288"/>
                    </a:lnTo>
                    <a:lnTo>
                      <a:pt x="777" y="285"/>
                    </a:lnTo>
                    <a:lnTo>
                      <a:pt x="765" y="280"/>
                    </a:lnTo>
                    <a:lnTo>
                      <a:pt x="752" y="275"/>
                    </a:lnTo>
                    <a:lnTo>
                      <a:pt x="739" y="269"/>
                    </a:lnTo>
                    <a:lnTo>
                      <a:pt x="729" y="263"/>
                    </a:lnTo>
                    <a:lnTo>
                      <a:pt x="718" y="254"/>
                    </a:lnTo>
                    <a:lnTo>
                      <a:pt x="709" y="245"/>
                    </a:lnTo>
                    <a:lnTo>
                      <a:pt x="699" y="233"/>
                    </a:lnTo>
                    <a:lnTo>
                      <a:pt x="692" y="220"/>
                    </a:lnTo>
                    <a:lnTo>
                      <a:pt x="686" y="207"/>
                    </a:lnTo>
                    <a:lnTo>
                      <a:pt x="694" y="209"/>
                    </a:lnTo>
                    <a:lnTo>
                      <a:pt x="701" y="209"/>
                    </a:lnTo>
                    <a:lnTo>
                      <a:pt x="709" y="209"/>
                    </a:lnTo>
                    <a:lnTo>
                      <a:pt x="714" y="207"/>
                    </a:lnTo>
                    <a:lnTo>
                      <a:pt x="718" y="205"/>
                    </a:lnTo>
                    <a:lnTo>
                      <a:pt x="722" y="202"/>
                    </a:lnTo>
                    <a:lnTo>
                      <a:pt x="727" y="198"/>
                    </a:lnTo>
                    <a:lnTo>
                      <a:pt x="730" y="195"/>
                    </a:lnTo>
                    <a:lnTo>
                      <a:pt x="737" y="188"/>
                    </a:lnTo>
                    <a:lnTo>
                      <a:pt x="745" y="182"/>
                    </a:lnTo>
                    <a:lnTo>
                      <a:pt x="750" y="179"/>
                    </a:lnTo>
                    <a:lnTo>
                      <a:pt x="755" y="178"/>
                    </a:lnTo>
                    <a:lnTo>
                      <a:pt x="762" y="178"/>
                    </a:lnTo>
                    <a:lnTo>
                      <a:pt x="770" y="178"/>
                    </a:lnTo>
                    <a:lnTo>
                      <a:pt x="771" y="163"/>
                    </a:lnTo>
                    <a:lnTo>
                      <a:pt x="772" y="148"/>
                    </a:lnTo>
                    <a:lnTo>
                      <a:pt x="774" y="134"/>
                    </a:lnTo>
                    <a:lnTo>
                      <a:pt x="777" y="121"/>
                    </a:lnTo>
                    <a:lnTo>
                      <a:pt x="781" y="110"/>
                    </a:lnTo>
                    <a:lnTo>
                      <a:pt x="788" y="98"/>
                    </a:lnTo>
                    <a:lnTo>
                      <a:pt x="796" y="88"/>
                    </a:lnTo>
                    <a:lnTo>
                      <a:pt x="808" y="76"/>
                    </a:lnTo>
                    <a:lnTo>
                      <a:pt x="797" y="52"/>
                    </a:lnTo>
                    <a:lnTo>
                      <a:pt x="791" y="34"/>
                    </a:lnTo>
                    <a:lnTo>
                      <a:pt x="787" y="26"/>
                    </a:lnTo>
                    <a:lnTo>
                      <a:pt x="780" y="17"/>
                    </a:lnTo>
                    <a:lnTo>
                      <a:pt x="772" y="10"/>
                    </a:lnTo>
                    <a:lnTo>
                      <a:pt x="760" y="0"/>
                    </a:lnTo>
                    <a:lnTo>
                      <a:pt x="751" y="11"/>
                    </a:lnTo>
                    <a:lnTo>
                      <a:pt x="739" y="19"/>
                    </a:lnTo>
                    <a:lnTo>
                      <a:pt x="728" y="28"/>
                    </a:lnTo>
                    <a:lnTo>
                      <a:pt x="714" y="34"/>
                    </a:lnTo>
                    <a:lnTo>
                      <a:pt x="700" y="39"/>
                    </a:lnTo>
                    <a:lnTo>
                      <a:pt x="686" y="45"/>
                    </a:lnTo>
                    <a:lnTo>
                      <a:pt x="670" y="49"/>
                    </a:lnTo>
                    <a:lnTo>
                      <a:pt x="653" y="53"/>
                    </a:lnTo>
                    <a:lnTo>
                      <a:pt x="619" y="59"/>
                    </a:lnTo>
                    <a:lnTo>
                      <a:pt x="586" y="65"/>
                    </a:lnTo>
                    <a:lnTo>
                      <a:pt x="551" y="70"/>
                    </a:lnTo>
                    <a:lnTo>
                      <a:pt x="517" y="76"/>
                    </a:lnTo>
                    <a:lnTo>
                      <a:pt x="514" y="72"/>
                    </a:lnTo>
                    <a:lnTo>
                      <a:pt x="512" y="67"/>
                    </a:lnTo>
                    <a:lnTo>
                      <a:pt x="510" y="61"/>
                    </a:lnTo>
                    <a:lnTo>
                      <a:pt x="509" y="56"/>
                    </a:lnTo>
                    <a:lnTo>
                      <a:pt x="508" y="51"/>
                    </a:lnTo>
                    <a:lnTo>
                      <a:pt x="507" y="44"/>
                    </a:lnTo>
                    <a:lnTo>
                      <a:pt x="507" y="37"/>
                    </a:lnTo>
                    <a:lnTo>
                      <a:pt x="508" y="29"/>
                    </a:lnTo>
                    <a:lnTo>
                      <a:pt x="469" y="36"/>
                    </a:lnTo>
                    <a:lnTo>
                      <a:pt x="430" y="45"/>
                    </a:lnTo>
                    <a:lnTo>
                      <a:pt x="412" y="50"/>
                    </a:lnTo>
                    <a:lnTo>
                      <a:pt x="395" y="56"/>
                    </a:lnTo>
                    <a:lnTo>
                      <a:pt x="388" y="60"/>
                    </a:lnTo>
                    <a:lnTo>
                      <a:pt x="380" y="65"/>
                    </a:lnTo>
                    <a:lnTo>
                      <a:pt x="373" y="70"/>
                    </a:lnTo>
                    <a:lnTo>
                      <a:pt x="368" y="76"/>
                    </a:lnTo>
                    <a:lnTo>
                      <a:pt x="365" y="85"/>
                    </a:lnTo>
                    <a:lnTo>
                      <a:pt x="365" y="91"/>
                    </a:lnTo>
                    <a:lnTo>
                      <a:pt x="368" y="96"/>
                    </a:lnTo>
                    <a:lnTo>
                      <a:pt x="371" y="100"/>
                    </a:lnTo>
                    <a:lnTo>
                      <a:pt x="373" y="105"/>
                    </a:lnTo>
                    <a:lnTo>
                      <a:pt x="376" y="110"/>
                    </a:lnTo>
                    <a:lnTo>
                      <a:pt x="377" y="115"/>
                    </a:lnTo>
                    <a:lnTo>
                      <a:pt x="377" y="123"/>
                    </a:lnTo>
                    <a:lnTo>
                      <a:pt x="355" y="123"/>
                    </a:lnTo>
                    <a:lnTo>
                      <a:pt x="335" y="125"/>
                    </a:lnTo>
                    <a:lnTo>
                      <a:pt x="317" y="128"/>
                    </a:lnTo>
                    <a:lnTo>
                      <a:pt x="301" y="133"/>
                    </a:lnTo>
                    <a:lnTo>
                      <a:pt x="285" y="138"/>
                    </a:lnTo>
                    <a:lnTo>
                      <a:pt x="271" y="144"/>
                    </a:lnTo>
                    <a:lnTo>
                      <a:pt x="257" y="151"/>
                    </a:lnTo>
                    <a:lnTo>
                      <a:pt x="243" y="157"/>
                    </a:lnTo>
                    <a:lnTo>
                      <a:pt x="217" y="172"/>
                    </a:lnTo>
                    <a:lnTo>
                      <a:pt x="187" y="187"/>
                    </a:lnTo>
                    <a:lnTo>
                      <a:pt x="172" y="193"/>
                    </a:lnTo>
                    <a:lnTo>
                      <a:pt x="155" y="198"/>
                    </a:lnTo>
                    <a:lnTo>
                      <a:pt x="135" y="203"/>
                    </a:lnTo>
                    <a:lnTo>
                      <a:pt x="115" y="207"/>
                    </a:lnTo>
                    <a:lnTo>
                      <a:pt x="112" y="218"/>
                    </a:lnTo>
                    <a:lnTo>
                      <a:pt x="111" y="228"/>
                    </a:lnTo>
                    <a:lnTo>
                      <a:pt x="111" y="236"/>
                    </a:lnTo>
                    <a:lnTo>
                      <a:pt x="112" y="245"/>
                    </a:lnTo>
                    <a:lnTo>
                      <a:pt x="114" y="251"/>
                    </a:lnTo>
                    <a:lnTo>
                      <a:pt x="116" y="258"/>
                    </a:lnTo>
                    <a:lnTo>
                      <a:pt x="119" y="264"/>
                    </a:lnTo>
                    <a:lnTo>
                      <a:pt x="122" y="270"/>
                    </a:lnTo>
                    <a:lnTo>
                      <a:pt x="129" y="280"/>
                    </a:lnTo>
                    <a:lnTo>
                      <a:pt x="135" y="291"/>
                    </a:lnTo>
                    <a:lnTo>
                      <a:pt x="138" y="297"/>
                    </a:lnTo>
                    <a:lnTo>
                      <a:pt x="140" y="304"/>
                    </a:lnTo>
                    <a:lnTo>
                      <a:pt x="141" y="311"/>
                    </a:lnTo>
                    <a:lnTo>
                      <a:pt x="142" y="319"/>
                    </a:lnTo>
                    <a:lnTo>
                      <a:pt x="153" y="319"/>
                    </a:lnTo>
                    <a:lnTo>
                      <a:pt x="161" y="318"/>
                    </a:lnTo>
                    <a:lnTo>
                      <a:pt x="167" y="316"/>
                    </a:lnTo>
                    <a:lnTo>
                      <a:pt x="174" y="314"/>
                    </a:lnTo>
                    <a:lnTo>
                      <a:pt x="176" y="313"/>
                    </a:lnTo>
                    <a:lnTo>
                      <a:pt x="178" y="313"/>
                    </a:lnTo>
                    <a:lnTo>
                      <a:pt x="180" y="313"/>
                    </a:lnTo>
                    <a:lnTo>
                      <a:pt x="182" y="314"/>
                    </a:lnTo>
                    <a:lnTo>
                      <a:pt x="184" y="316"/>
                    </a:lnTo>
                    <a:lnTo>
                      <a:pt x="186" y="319"/>
                    </a:lnTo>
                    <a:lnTo>
                      <a:pt x="187" y="324"/>
                    </a:lnTo>
                    <a:lnTo>
                      <a:pt x="190" y="329"/>
                    </a:lnTo>
                    <a:lnTo>
                      <a:pt x="186" y="341"/>
                    </a:lnTo>
                    <a:lnTo>
                      <a:pt x="182" y="352"/>
                    </a:lnTo>
                    <a:lnTo>
                      <a:pt x="178" y="363"/>
                    </a:lnTo>
                    <a:lnTo>
                      <a:pt x="173" y="373"/>
                    </a:lnTo>
                    <a:lnTo>
                      <a:pt x="167" y="383"/>
                    </a:lnTo>
                    <a:lnTo>
                      <a:pt x="161" y="391"/>
                    </a:lnTo>
                    <a:lnTo>
                      <a:pt x="154" y="401"/>
                    </a:lnTo>
                    <a:lnTo>
                      <a:pt x="147" y="408"/>
                    </a:lnTo>
                    <a:lnTo>
                      <a:pt x="117" y="438"/>
                    </a:lnTo>
                    <a:lnTo>
                      <a:pt x="86" y="469"/>
                    </a:lnTo>
                    <a:lnTo>
                      <a:pt x="87" y="476"/>
                    </a:lnTo>
                    <a:lnTo>
                      <a:pt x="88" y="483"/>
                    </a:lnTo>
                    <a:lnTo>
                      <a:pt x="92" y="490"/>
                    </a:lnTo>
                    <a:lnTo>
                      <a:pt x="95" y="496"/>
                    </a:lnTo>
                    <a:lnTo>
                      <a:pt x="104" y="510"/>
                    </a:lnTo>
                    <a:lnTo>
                      <a:pt x="115" y="524"/>
                    </a:lnTo>
                    <a:lnTo>
                      <a:pt x="125" y="538"/>
                    </a:lnTo>
                    <a:lnTo>
                      <a:pt x="136" y="554"/>
                    </a:lnTo>
                    <a:lnTo>
                      <a:pt x="141" y="563"/>
                    </a:lnTo>
                    <a:lnTo>
                      <a:pt x="145" y="572"/>
                    </a:lnTo>
                    <a:lnTo>
                      <a:pt x="149" y="581"/>
                    </a:lnTo>
                    <a:lnTo>
                      <a:pt x="152" y="591"/>
                    </a:lnTo>
                    <a:lnTo>
                      <a:pt x="126" y="597"/>
                    </a:lnTo>
                    <a:lnTo>
                      <a:pt x="99" y="606"/>
                    </a:lnTo>
                    <a:lnTo>
                      <a:pt x="85" y="611"/>
                    </a:lnTo>
                    <a:lnTo>
                      <a:pt x="72" y="616"/>
                    </a:lnTo>
                    <a:lnTo>
                      <a:pt x="59" y="622"/>
                    </a:lnTo>
                    <a:lnTo>
                      <a:pt x="46" y="628"/>
                    </a:lnTo>
                    <a:lnTo>
                      <a:pt x="36" y="635"/>
                    </a:lnTo>
                    <a:lnTo>
                      <a:pt x="25" y="643"/>
                    </a:lnTo>
                    <a:lnTo>
                      <a:pt x="17" y="651"/>
                    </a:lnTo>
                    <a:lnTo>
                      <a:pt x="10" y="660"/>
                    </a:lnTo>
                    <a:lnTo>
                      <a:pt x="6" y="665"/>
                    </a:lnTo>
                    <a:lnTo>
                      <a:pt x="4" y="669"/>
                    </a:lnTo>
                    <a:lnTo>
                      <a:pt x="2" y="674"/>
                    </a:lnTo>
                    <a:lnTo>
                      <a:pt x="1" y="680"/>
                    </a:lnTo>
                    <a:lnTo>
                      <a:pt x="0" y="685"/>
                    </a:lnTo>
                    <a:lnTo>
                      <a:pt x="0" y="691"/>
                    </a:lnTo>
                    <a:lnTo>
                      <a:pt x="1" y="697"/>
                    </a:lnTo>
                    <a:lnTo>
                      <a:pt x="2" y="703"/>
                    </a:lnTo>
                    <a:lnTo>
                      <a:pt x="10" y="696"/>
                    </a:lnTo>
                    <a:lnTo>
                      <a:pt x="18" y="691"/>
                    </a:lnTo>
                    <a:lnTo>
                      <a:pt x="26" y="685"/>
                    </a:lnTo>
                    <a:lnTo>
                      <a:pt x="36" y="681"/>
                    </a:lnTo>
                    <a:lnTo>
                      <a:pt x="45" y="676"/>
                    </a:lnTo>
                    <a:lnTo>
                      <a:pt x="55" y="672"/>
                    </a:lnTo>
                    <a:lnTo>
                      <a:pt x="65" y="669"/>
                    </a:lnTo>
                    <a:lnTo>
                      <a:pt x="77" y="666"/>
                    </a:lnTo>
                    <a:lnTo>
                      <a:pt x="94" y="677"/>
                    </a:lnTo>
                    <a:lnTo>
                      <a:pt x="111" y="687"/>
                    </a:lnTo>
                    <a:lnTo>
                      <a:pt x="129" y="695"/>
                    </a:lnTo>
                    <a:lnTo>
                      <a:pt x="145" y="703"/>
                    </a:lnTo>
                    <a:lnTo>
                      <a:pt x="179" y="713"/>
                    </a:lnTo>
                    <a:lnTo>
                      <a:pt x="209" y="722"/>
                    </a:lnTo>
                    <a:lnTo>
                      <a:pt x="210" y="714"/>
                    </a:lnTo>
                    <a:lnTo>
                      <a:pt x="210" y="708"/>
                    </a:lnTo>
                    <a:lnTo>
                      <a:pt x="210" y="703"/>
                    </a:lnTo>
                    <a:lnTo>
                      <a:pt x="209" y="697"/>
                    </a:lnTo>
                    <a:lnTo>
                      <a:pt x="206" y="694"/>
                    </a:lnTo>
                    <a:lnTo>
                      <a:pt x="204" y="690"/>
                    </a:lnTo>
                    <a:lnTo>
                      <a:pt x="202" y="687"/>
                    </a:lnTo>
                    <a:lnTo>
                      <a:pt x="199" y="684"/>
                    </a:lnTo>
                    <a:lnTo>
                      <a:pt x="193" y="679"/>
                    </a:lnTo>
                    <a:lnTo>
                      <a:pt x="187" y="672"/>
                    </a:lnTo>
                    <a:lnTo>
                      <a:pt x="184" y="669"/>
                    </a:lnTo>
                    <a:lnTo>
                      <a:pt x="182" y="666"/>
                    </a:lnTo>
                    <a:lnTo>
                      <a:pt x="181" y="662"/>
                    </a:lnTo>
                    <a:lnTo>
                      <a:pt x="180" y="656"/>
                    </a:lnTo>
                    <a:lnTo>
                      <a:pt x="184" y="657"/>
                    </a:lnTo>
                    <a:lnTo>
                      <a:pt x="189" y="657"/>
                    </a:lnTo>
                    <a:lnTo>
                      <a:pt x="192" y="657"/>
                    </a:lnTo>
                    <a:lnTo>
                      <a:pt x="194" y="656"/>
                    </a:lnTo>
                    <a:lnTo>
                      <a:pt x="198" y="653"/>
                    </a:lnTo>
                    <a:lnTo>
                      <a:pt x="201" y="649"/>
                    </a:lnTo>
                    <a:lnTo>
                      <a:pt x="204" y="646"/>
                    </a:lnTo>
                    <a:lnTo>
                      <a:pt x="207" y="642"/>
                    </a:lnTo>
                    <a:lnTo>
                      <a:pt x="210" y="640"/>
                    </a:lnTo>
                    <a:lnTo>
                      <a:pt x="212" y="639"/>
                    </a:lnTo>
                    <a:lnTo>
                      <a:pt x="214" y="637"/>
                    </a:lnTo>
                    <a:lnTo>
                      <a:pt x="217" y="637"/>
                    </a:lnTo>
                    <a:lnTo>
                      <a:pt x="231" y="645"/>
                    </a:lnTo>
                    <a:lnTo>
                      <a:pt x="244" y="653"/>
                    </a:lnTo>
                    <a:lnTo>
                      <a:pt x="257" y="661"/>
                    </a:lnTo>
                    <a:lnTo>
                      <a:pt x="270" y="670"/>
                    </a:lnTo>
                    <a:lnTo>
                      <a:pt x="294" y="688"/>
                    </a:lnTo>
                    <a:lnTo>
                      <a:pt x="318" y="706"/>
                    </a:lnTo>
                    <a:lnTo>
                      <a:pt x="342" y="724"/>
                    </a:lnTo>
                    <a:lnTo>
                      <a:pt x="368" y="741"/>
                    </a:lnTo>
                    <a:lnTo>
                      <a:pt x="380" y="748"/>
                    </a:lnTo>
                    <a:lnTo>
                      <a:pt x="394" y="755"/>
                    </a:lnTo>
                    <a:lnTo>
                      <a:pt x="409" y="763"/>
                    </a:lnTo>
                    <a:lnTo>
                      <a:pt x="423" y="769"/>
                    </a:lnTo>
                    <a:lnTo>
                      <a:pt x="433" y="755"/>
                    </a:lnTo>
                    <a:lnTo>
                      <a:pt x="444" y="743"/>
                    </a:lnTo>
                    <a:lnTo>
                      <a:pt x="455" y="730"/>
                    </a:lnTo>
                    <a:lnTo>
                      <a:pt x="467" y="719"/>
                    </a:lnTo>
                    <a:lnTo>
                      <a:pt x="477" y="706"/>
                    </a:lnTo>
                    <a:lnTo>
                      <a:pt x="487" y="691"/>
                    </a:lnTo>
                    <a:lnTo>
                      <a:pt x="491" y="684"/>
                    </a:lnTo>
                    <a:lnTo>
                      <a:pt x="494" y="675"/>
                    </a:lnTo>
                    <a:lnTo>
                      <a:pt x="496" y="666"/>
                    </a:lnTo>
                    <a:lnTo>
                      <a:pt x="498" y="656"/>
                    </a:lnTo>
                    <a:lnTo>
                      <a:pt x="494" y="649"/>
                    </a:lnTo>
                    <a:lnTo>
                      <a:pt x="491" y="643"/>
                    </a:lnTo>
                    <a:lnTo>
                      <a:pt x="488" y="636"/>
                    </a:lnTo>
                    <a:lnTo>
                      <a:pt x="487" y="630"/>
                    </a:lnTo>
                    <a:lnTo>
                      <a:pt x="485" y="624"/>
                    </a:lnTo>
                    <a:lnTo>
                      <a:pt x="484" y="617"/>
                    </a:lnTo>
                    <a:lnTo>
                      <a:pt x="485" y="611"/>
                    </a:lnTo>
                    <a:lnTo>
                      <a:pt x="487" y="606"/>
                    </a:lnTo>
                    <a:lnTo>
                      <a:pt x="490" y="594"/>
                    </a:lnTo>
                    <a:lnTo>
                      <a:pt x="495" y="584"/>
                    </a:lnTo>
                    <a:lnTo>
                      <a:pt x="502" y="573"/>
                    </a:lnTo>
                    <a:lnTo>
                      <a:pt x="511" y="563"/>
                    </a:lnTo>
                    <a:lnTo>
                      <a:pt x="530" y="543"/>
                    </a:lnTo>
                    <a:lnTo>
                      <a:pt x="550" y="524"/>
                    </a:lnTo>
                    <a:lnTo>
                      <a:pt x="559" y="515"/>
                    </a:lnTo>
                    <a:lnTo>
                      <a:pt x="569" y="506"/>
                    </a:lnTo>
                    <a:lnTo>
                      <a:pt x="576" y="496"/>
                    </a:lnTo>
                    <a:lnTo>
                      <a:pt x="582" y="488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77" name="Faaborg-Midtfyn kant"/>
              <p:cNvSpPr>
                <a:spLocks/>
              </p:cNvSpPr>
              <p:nvPr/>
            </p:nvSpPr>
            <p:spPr bwMode="auto">
              <a:xfrm>
                <a:off x="2119313" y="5419725"/>
                <a:ext cx="466725" cy="407988"/>
              </a:xfrm>
              <a:custGeom>
                <a:avLst/>
                <a:gdLst>
                  <a:gd name="T0" fmla="*/ 199 w 882"/>
                  <a:gd name="T1" fmla="*/ 157 h 769"/>
                  <a:gd name="T2" fmla="*/ 220 w 882"/>
                  <a:gd name="T3" fmla="*/ 151 h 769"/>
                  <a:gd name="T4" fmla="*/ 244 w 882"/>
                  <a:gd name="T5" fmla="*/ 152 h 769"/>
                  <a:gd name="T6" fmla="*/ 263 w 882"/>
                  <a:gd name="T7" fmla="*/ 147 h 769"/>
                  <a:gd name="T8" fmla="*/ 267 w 882"/>
                  <a:gd name="T9" fmla="*/ 142 h 769"/>
                  <a:gd name="T10" fmla="*/ 277 w 882"/>
                  <a:gd name="T11" fmla="*/ 139 h 769"/>
                  <a:gd name="T12" fmla="*/ 277 w 882"/>
                  <a:gd name="T13" fmla="*/ 130 h 769"/>
                  <a:gd name="T14" fmla="*/ 282 w 882"/>
                  <a:gd name="T15" fmla="*/ 126 h 769"/>
                  <a:gd name="T16" fmla="*/ 291 w 882"/>
                  <a:gd name="T17" fmla="*/ 129 h 769"/>
                  <a:gd name="T18" fmla="*/ 293 w 882"/>
                  <a:gd name="T19" fmla="*/ 111 h 769"/>
                  <a:gd name="T20" fmla="*/ 273 w 882"/>
                  <a:gd name="T21" fmla="*/ 98 h 769"/>
                  <a:gd name="T22" fmla="*/ 251 w 882"/>
                  <a:gd name="T23" fmla="*/ 92 h 769"/>
                  <a:gd name="T24" fmla="*/ 233 w 882"/>
                  <a:gd name="T25" fmla="*/ 78 h 769"/>
                  <a:gd name="T26" fmla="*/ 236 w 882"/>
                  <a:gd name="T27" fmla="*/ 70 h 769"/>
                  <a:gd name="T28" fmla="*/ 243 w 882"/>
                  <a:gd name="T29" fmla="*/ 65 h 769"/>
                  <a:gd name="T30" fmla="*/ 254 w 882"/>
                  <a:gd name="T31" fmla="*/ 59 h 769"/>
                  <a:gd name="T32" fmla="*/ 259 w 882"/>
                  <a:gd name="T33" fmla="*/ 40 h 769"/>
                  <a:gd name="T34" fmla="*/ 266 w 882"/>
                  <a:gd name="T35" fmla="*/ 17 h 769"/>
                  <a:gd name="T36" fmla="*/ 253 w 882"/>
                  <a:gd name="T37" fmla="*/ 0 h 769"/>
                  <a:gd name="T38" fmla="*/ 233 w 882"/>
                  <a:gd name="T39" fmla="*/ 13 h 769"/>
                  <a:gd name="T40" fmla="*/ 195 w 882"/>
                  <a:gd name="T41" fmla="*/ 22 h 769"/>
                  <a:gd name="T42" fmla="*/ 170 w 882"/>
                  <a:gd name="T43" fmla="*/ 20 h 769"/>
                  <a:gd name="T44" fmla="*/ 169 w 882"/>
                  <a:gd name="T45" fmla="*/ 10 h 769"/>
                  <a:gd name="T46" fmla="*/ 129 w 882"/>
                  <a:gd name="T47" fmla="*/ 20 h 769"/>
                  <a:gd name="T48" fmla="*/ 122 w 882"/>
                  <a:gd name="T49" fmla="*/ 30 h 769"/>
                  <a:gd name="T50" fmla="*/ 126 w 882"/>
                  <a:gd name="T51" fmla="*/ 38 h 769"/>
                  <a:gd name="T52" fmla="*/ 100 w 882"/>
                  <a:gd name="T53" fmla="*/ 44 h 769"/>
                  <a:gd name="T54" fmla="*/ 72 w 882"/>
                  <a:gd name="T55" fmla="*/ 57 h 769"/>
                  <a:gd name="T56" fmla="*/ 38 w 882"/>
                  <a:gd name="T57" fmla="*/ 69 h 769"/>
                  <a:gd name="T58" fmla="*/ 38 w 882"/>
                  <a:gd name="T59" fmla="*/ 84 h 769"/>
                  <a:gd name="T60" fmla="*/ 45 w 882"/>
                  <a:gd name="T61" fmla="*/ 97 h 769"/>
                  <a:gd name="T62" fmla="*/ 51 w 882"/>
                  <a:gd name="T63" fmla="*/ 107 h 769"/>
                  <a:gd name="T64" fmla="*/ 59 w 882"/>
                  <a:gd name="T65" fmla="*/ 105 h 769"/>
                  <a:gd name="T66" fmla="*/ 62 w 882"/>
                  <a:gd name="T67" fmla="*/ 108 h 769"/>
                  <a:gd name="T68" fmla="*/ 58 w 882"/>
                  <a:gd name="T69" fmla="*/ 125 h 769"/>
                  <a:gd name="T70" fmla="*/ 39 w 882"/>
                  <a:gd name="T71" fmla="*/ 146 h 769"/>
                  <a:gd name="T72" fmla="*/ 32 w 882"/>
                  <a:gd name="T73" fmla="*/ 166 h 769"/>
                  <a:gd name="T74" fmla="*/ 47 w 882"/>
                  <a:gd name="T75" fmla="*/ 188 h 769"/>
                  <a:gd name="T76" fmla="*/ 33 w 882"/>
                  <a:gd name="T77" fmla="*/ 203 h 769"/>
                  <a:gd name="T78" fmla="*/ 12 w 882"/>
                  <a:gd name="T79" fmla="*/ 212 h 769"/>
                  <a:gd name="T80" fmla="*/ 1 w 882"/>
                  <a:gd name="T81" fmla="*/ 224 h 769"/>
                  <a:gd name="T82" fmla="*/ 0 w 882"/>
                  <a:gd name="T83" fmla="*/ 233 h 769"/>
                  <a:gd name="T84" fmla="*/ 12 w 882"/>
                  <a:gd name="T85" fmla="*/ 228 h 769"/>
                  <a:gd name="T86" fmla="*/ 31 w 882"/>
                  <a:gd name="T87" fmla="*/ 226 h 769"/>
                  <a:gd name="T88" fmla="*/ 70 w 882"/>
                  <a:gd name="T89" fmla="*/ 241 h 769"/>
                  <a:gd name="T90" fmla="*/ 69 w 882"/>
                  <a:gd name="T91" fmla="*/ 232 h 769"/>
                  <a:gd name="T92" fmla="*/ 62 w 882"/>
                  <a:gd name="T93" fmla="*/ 225 h 769"/>
                  <a:gd name="T94" fmla="*/ 61 w 882"/>
                  <a:gd name="T95" fmla="*/ 220 h 769"/>
                  <a:gd name="T96" fmla="*/ 67 w 882"/>
                  <a:gd name="T97" fmla="*/ 217 h 769"/>
                  <a:gd name="T98" fmla="*/ 71 w 882"/>
                  <a:gd name="T99" fmla="*/ 213 h 769"/>
                  <a:gd name="T100" fmla="*/ 90 w 882"/>
                  <a:gd name="T101" fmla="*/ 224 h 769"/>
                  <a:gd name="T102" fmla="*/ 127 w 882"/>
                  <a:gd name="T103" fmla="*/ 250 h 769"/>
                  <a:gd name="T104" fmla="*/ 148 w 882"/>
                  <a:gd name="T105" fmla="*/ 248 h 769"/>
                  <a:gd name="T106" fmla="*/ 164 w 882"/>
                  <a:gd name="T107" fmla="*/ 229 h 769"/>
                  <a:gd name="T108" fmla="*/ 164 w 882"/>
                  <a:gd name="T109" fmla="*/ 215 h 769"/>
                  <a:gd name="T110" fmla="*/ 162 w 882"/>
                  <a:gd name="T111" fmla="*/ 204 h 769"/>
                  <a:gd name="T112" fmla="*/ 170 w 882"/>
                  <a:gd name="T113" fmla="*/ 188 h 769"/>
                  <a:gd name="T114" fmla="*/ 192 w 882"/>
                  <a:gd name="T115" fmla="*/ 166 h 769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882" h="769">
                    <a:moveTo>
                      <a:pt x="582" y="488"/>
                    </a:moveTo>
                    <a:lnTo>
                      <a:pt x="586" y="483"/>
                    </a:lnTo>
                    <a:lnTo>
                      <a:pt x="590" y="478"/>
                    </a:lnTo>
                    <a:lnTo>
                      <a:pt x="594" y="474"/>
                    </a:lnTo>
                    <a:lnTo>
                      <a:pt x="598" y="470"/>
                    </a:lnTo>
                    <a:lnTo>
                      <a:pt x="609" y="464"/>
                    </a:lnTo>
                    <a:lnTo>
                      <a:pt x="619" y="458"/>
                    </a:lnTo>
                    <a:lnTo>
                      <a:pt x="632" y="455"/>
                    </a:lnTo>
                    <a:lnTo>
                      <a:pt x="646" y="452"/>
                    </a:lnTo>
                    <a:lnTo>
                      <a:pt x="659" y="451"/>
                    </a:lnTo>
                    <a:lnTo>
                      <a:pt x="673" y="451"/>
                    </a:lnTo>
                    <a:lnTo>
                      <a:pt x="688" y="451"/>
                    </a:lnTo>
                    <a:lnTo>
                      <a:pt x="703" y="452"/>
                    </a:lnTo>
                    <a:lnTo>
                      <a:pt x="718" y="454"/>
                    </a:lnTo>
                    <a:lnTo>
                      <a:pt x="733" y="456"/>
                    </a:lnTo>
                    <a:lnTo>
                      <a:pt x="762" y="463"/>
                    </a:lnTo>
                    <a:lnTo>
                      <a:pt x="789" y="469"/>
                    </a:lnTo>
                    <a:lnTo>
                      <a:pt x="787" y="456"/>
                    </a:lnTo>
                    <a:lnTo>
                      <a:pt x="788" y="445"/>
                    </a:lnTo>
                    <a:lnTo>
                      <a:pt x="789" y="441"/>
                    </a:lnTo>
                    <a:lnTo>
                      <a:pt x="791" y="436"/>
                    </a:lnTo>
                    <a:lnTo>
                      <a:pt x="793" y="432"/>
                    </a:lnTo>
                    <a:lnTo>
                      <a:pt x="795" y="429"/>
                    </a:lnTo>
                    <a:lnTo>
                      <a:pt x="798" y="426"/>
                    </a:lnTo>
                    <a:lnTo>
                      <a:pt x="802" y="424"/>
                    </a:lnTo>
                    <a:lnTo>
                      <a:pt x="807" y="423"/>
                    </a:lnTo>
                    <a:lnTo>
                      <a:pt x="811" y="422"/>
                    </a:lnTo>
                    <a:lnTo>
                      <a:pt x="822" y="421"/>
                    </a:lnTo>
                    <a:lnTo>
                      <a:pt x="835" y="423"/>
                    </a:lnTo>
                    <a:lnTo>
                      <a:pt x="832" y="415"/>
                    </a:lnTo>
                    <a:lnTo>
                      <a:pt x="830" y="410"/>
                    </a:lnTo>
                    <a:lnTo>
                      <a:pt x="829" y="404"/>
                    </a:lnTo>
                    <a:lnTo>
                      <a:pt x="828" y="398"/>
                    </a:lnTo>
                    <a:lnTo>
                      <a:pt x="829" y="394"/>
                    </a:lnTo>
                    <a:lnTo>
                      <a:pt x="830" y="390"/>
                    </a:lnTo>
                    <a:lnTo>
                      <a:pt x="831" y="386"/>
                    </a:lnTo>
                    <a:lnTo>
                      <a:pt x="834" y="383"/>
                    </a:lnTo>
                    <a:lnTo>
                      <a:pt x="836" y="381"/>
                    </a:lnTo>
                    <a:lnTo>
                      <a:pt x="840" y="378"/>
                    </a:lnTo>
                    <a:lnTo>
                      <a:pt x="845" y="377"/>
                    </a:lnTo>
                    <a:lnTo>
                      <a:pt x="849" y="377"/>
                    </a:lnTo>
                    <a:lnTo>
                      <a:pt x="854" y="378"/>
                    </a:lnTo>
                    <a:lnTo>
                      <a:pt x="860" y="379"/>
                    </a:lnTo>
                    <a:lnTo>
                      <a:pt x="867" y="382"/>
                    </a:lnTo>
                    <a:lnTo>
                      <a:pt x="873" y="385"/>
                    </a:lnTo>
                    <a:lnTo>
                      <a:pt x="871" y="371"/>
                    </a:lnTo>
                    <a:lnTo>
                      <a:pt x="872" y="361"/>
                    </a:lnTo>
                    <a:lnTo>
                      <a:pt x="874" y="351"/>
                    </a:lnTo>
                    <a:lnTo>
                      <a:pt x="877" y="342"/>
                    </a:lnTo>
                    <a:lnTo>
                      <a:pt x="879" y="333"/>
                    </a:lnTo>
                    <a:lnTo>
                      <a:pt x="881" y="324"/>
                    </a:lnTo>
                    <a:lnTo>
                      <a:pt x="882" y="313"/>
                    </a:lnTo>
                    <a:lnTo>
                      <a:pt x="882" y="301"/>
                    </a:lnTo>
                    <a:lnTo>
                      <a:pt x="851" y="297"/>
                    </a:lnTo>
                    <a:lnTo>
                      <a:pt x="820" y="293"/>
                    </a:lnTo>
                    <a:lnTo>
                      <a:pt x="806" y="291"/>
                    </a:lnTo>
                    <a:lnTo>
                      <a:pt x="792" y="288"/>
                    </a:lnTo>
                    <a:lnTo>
                      <a:pt x="777" y="285"/>
                    </a:lnTo>
                    <a:lnTo>
                      <a:pt x="765" y="280"/>
                    </a:lnTo>
                    <a:lnTo>
                      <a:pt x="752" y="275"/>
                    </a:lnTo>
                    <a:lnTo>
                      <a:pt x="739" y="269"/>
                    </a:lnTo>
                    <a:lnTo>
                      <a:pt x="729" y="263"/>
                    </a:lnTo>
                    <a:lnTo>
                      <a:pt x="718" y="254"/>
                    </a:lnTo>
                    <a:lnTo>
                      <a:pt x="709" y="245"/>
                    </a:lnTo>
                    <a:lnTo>
                      <a:pt x="699" y="233"/>
                    </a:lnTo>
                    <a:lnTo>
                      <a:pt x="692" y="220"/>
                    </a:lnTo>
                    <a:lnTo>
                      <a:pt x="686" y="207"/>
                    </a:lnTo>
                    <a:lnTo>
                      <a:pt x="694" y="209"/>
                    </a:lnTo>
                    <a:lnTo>
                      <a:pt x="701" y="209"/>
                    </a:lnTo>
                    <a:lnTo>
                      <a:pt x="709" y="209"/>
                    </a:lnTo>
                    <a:lnTo>
                      <a:pt x="714" y="207"/>
                    </a:lnTo>
                    <a:lnTo>
                      <a:pt x="718" y="205"/>
                    </a:lnTo>
                    <a:lnTo>
                      <a:pt x="722" y="202"/>
                    </a:lnTo>
                    <a:lnTo>
                      <a:pt x="727" y="198"/>
                    </a:lnTo>
                    <a:lnTo>
                      <a:pt x="730" y="195"/>
                    </a:lnTo>
                    <a:lnTo>
                      <a:pt x="737" y="188"/>
                    </a:lnTo>
                    <a:lnTo>
                      <a:pt x="745" y="182"/>
                    </a:lnTo>
                    <a:lnTo>
                      <a:pt x="750" y="179"/>
                    </a:lnTo>
                    <a:lnTo>
                      <a:pt x="755" y="178"/>
                    </a:lnTo>
                    <a:lnTo>
                      <a:pt x="762" y="178"/>
                    </a:lnTo>
                    <a:lnTo>
                      <a:pt x="770" y="178"/>
                    </a:lnTo>
                    <a:lnTo>
                      <a:pt x="771" y="163"/>
                    </a:lnTo>
                    <a:lnTo>
                      <a:pt x="772" y="148"/>
                    </a:lnTo>
                    <a:lnTo>
                      <a:pt x="774" y="134"/>
                    </a:lnTo>
                    <a:lnTo>
                      <a:pt x="777" y="121"/>
                    </a:lnTo>
                    <a:lnTo>
                      <a:pt x="781" y="110"/>
                    </a:lnTo>
                    <a:lnTo>
                      <a:pt x="788" y="98"/>
                    </a:lnTo>
                    <a:lnTo>
                      <a:pt x="796" y="88"/>
                    </a:lnTo>
                    <a:lnTo>
                      <a:pt x="808" y="76"/>
                    </a:lnTo>
                    <a:lnTo>
                      <a:pt x="797" y="52"/>
                    </a:lnTo>
                    <a:lnTo>
                      <a:pt x="791" y="34"/>
                    </a:lnTo>
                    <a:lnTo>
                      <a:pt x="787" y="26"/>
                    </a:lnTo>
                    <a:lnTo>
                      <a:pt x="780" y="17"/>
                    </a:lnTo>
                    <a:lnTo>
                      <a:pt x="772" y="10"/>
                    </a:lnTo>
                    <a:lnTo>
                      <a:pt x="760" y="0"/>
                    </a:lnTo>
                    <a:lnTo>
                      <a:pt x="751" y="11"/>
                    </a:lnTo>
                    <a:lnTo>
                      <a:pt x="739" y="19"/>
                    </a:lnTo>
                    <a:lnTo>
                      <a:pt x="728" y="28"/>
                    </a:lnTo>
                    <a:lnTo>
                      <a:pt x="714" y="34"/>
                    </a:lnTo>
                    <a:lnTo>
                      <a:pt x="700" y="39"/>
                    </a:lnTo>
                    <a:lnTo>
                      <a:pt x="686" y="45"/>
                    </a:lnTo>
                    <a:lnTo>
                      <a:pt x="670" y="49"/>
                    </a:lnTo>
                    <a:lnTo>
                      <a:pt x="653" y="53"/>
                    </a:lnTo>
                    <a:lnTo>
                      <a:pt x="619" y="59"/>
                    </a:lnTo>
                    <a:lnTo>
                      <a:pt x="586" y="65"/>
                    </a:lnTo>
                    <a:lnTo>
                      <a:pt x="551" y="70"/>
                    </a:lnTo>
                    <a:lnTo>
                      <a:pt x="517" y="76"/>
                    </a:lnTo>
                    <a:lnTo>
                      <a:pt x="514" y="72"/>
                    </a:lnTo>
                    <a:lnTo>
                      <a:pt x="512" y="67"/>
                    </a:lnTo>
                    <a:lnTo>
                      <a:pt x="510" y="61"/>
                    </a:lnTo>
                    <a:lnTo>
                      <a:pt x="509" y="56"/>
                    </a:lnTo>
                    <a:lnTo>
                      <a:pt x="508" y="51"/>
                    </a:lnTo>
                    <a:lnTo>
                      <a:pt x="507" y="44"/>
                    </a:lnTo>
                    <a:lnTo>
                      <a:pt x="507" y="37"/>
                    </a:lnTo>
                    <a:lnTo>
                      <a:pt x="508" y="29"/>
                    </a:lnTo>
                    <a:lnTo>
                      <a:pt x="469" y="36"/>
                    </a:lnTo>
                    <a:lnTo>
                      <a:pt x="430" y="45"/>
                    </a:lnTo>
                    <a:lnTo>
                      <a:pt x="412" y="50"/>
                    </a:lnTo>
                    <a:lnTo>
                      <a:pt x="395" y="56"/>
                    </a:lnTo>
                    <a:lnTo>
                      <a:pt x="388" y="60"/>
                    </a:lnTo>
                    <a:lnTo>
                      <a:pt x="380" y="65"/>
                    </a:lnTo>
                    <a:lnTo>
                      <a:pt x="373" y="70"/>
                    </a:lnTo>
                    <a:lnTo>
                      <a:pt x="368" y="76"/>
                    </a:lnTo>
                    <a:lnTo>
                      <a:pt x="365" y="85"/>
                    </a:lnTo>
                    <a:lnTo>
                      <a:pt x="365" y="91"/>
                    </a:lnTo>
                    <a:lnTo>
                      <a:pt x="368" y="96"/>
                    </a:lnTo>
                    <a:lnTo>
                      <a:pt x="371" y="100"/>
                    </a:lnTo>
                    <a:lnTo>
                      <a:pt x="373" y="105"/>
                    </a:lnTo>
                    <a:lnTo>
                      <a:pt x="376" y="110"/>
                    </a:lnTo>
                    <a:lnTo>
                      <a:pt x="377" y="115"/>
                    </a:lnTo>
                    <a:lnTo>
                      <a:pt x="377" y="123"/>
                    </a:lnTo>
                    <a:lnTo>
                      <a:pt x="355" y="123"/>
                    </a:lnTo>
                    <a:lnTo>
                      <a:pt x="335" y="125"/>
                    </a:lnTo>
                    <a:lnTo>
                      <a:pt x="317" y="128"/>
                    </a:lnTo>
                    <a:lnTo>
                      <a:pt x="301" y="133"/>
                    </a:lnTo>
                    <a:lnTo>
                      <a:pt x="285" y="138"/>
                    </a:lnTo>
                    <a:lnTo>
                      <a:pt x="271" y="144"/>
                    </a:lnTo>
                    <a:lnTo>
                      <a:pt x="257" y="151"/>
                    </a:lnTo>
                    <a:lnTo>
                      <a:pt x="243" y="157"/>
                    </a:lnTo>
                    <a:lnTo>
                      <a:pt x="217" y="172"/>
                    </a:lnTo>
                    <a:lnTo>
                      <a:pt x="187" y="187"/>
                    </a:lnTo>
                    <a:lnTo>
                      <a:pt x="172" y="193"/>
                    </a:lnTo>
                    <a:lnTo>
                      <a:pt x="155" y="198"/>
                    </a:lnTo>
                    <a:lnTo>
                      <a:pt x="135" y="203"/>
                    </a:lnTo>
                    <a:lnTo>
                      <a:pt x="115" y="207"/>
                    </a:lnTo>
                    <a:lnTo>
                      <a:pt x="112" y="218"/>
                    </a:lnTo>
                    <a:lnTo>
                      <a:pt x="111" y="228"/>
                    </a:lnTo>
                    <a:lnTo>
                      <a:pt x="111" y="236"/>
                    </a:lnTo>
                    <a:lnTo>
                      <a:pt x="112" y="245"/>
                    </a:lnTo>
                    <a:lnTo>
                      <a:pt x="114" y="251"/>
                    </a:lnTo>
                    <a:lnTo>
                      <a:pt x="116" y="258"/>
                    </a:lnTo>
                    <a:lnTo>
                      <a:pt x="119" y="264"/>
                    </a:lnTo>
                    <a:lnTo>
                      <a:pt x="122" y="270"/>
                    </a:lnTo>
                    <a:lnTo>
                      <a:pt x="129" y="280"/>
                    </a:lnTo>
                    <a:lnTo>
                      <a:pt x="135" y="291"/>
                    </a:lnTo>
                    <a:lnTo>
                      <a:pt x="138" y="297"/>
                    </a:lnTo>
                    <a:lnTo>
                      <a:pt x="140" y="304"/>
                    </a:lnTo>
                    <a:lnTo>
                      <a:pt x="141" y="311"/>
                    </a:lnTo>
                    <a:lnTo>
                      <a:pt x="142" y="319"/>
                    </a:lnTo>
                    <a:lnTo>
                      <a:pt x="153" y="319"/>
                    </a:lnTo>
                    <a:lnTo>
                      <a:pt x="161" y="318"/>
                    </a:lnTo>
                    <a:lnTo>
                      <a:pt x="167" y="316"/>
                    </a:lnTo>
                    <a:lnTo>
                      <a:pt x="174" y="314"/>
                    </a:lnTo>
                    <a:lnTo>
                      <a:pt x="176" y="313"/>
                    </a:lnTo>
                    <a:lnTo>
                      <a:pt x="178" y="313"/>
                    </a:lnTo>
                    <a:lnTo>
                      <a:pt x="180" y="313"/>
                    </a:lnTo>
                    <a:lnTo>
                      <a:pt x="182" y="314"/>
                    </a:lnTo>
                    <a:lnTo>
                      <a:pt x="184" y="316"/>
                    </a:lnTo>
                    <a:lnTo>
                      <a:pt x="186" y="319"/>
                    </a:lnTo>
                    <a:lnTo>
                      <a:pt x="187" y="324"/>
                    </a:lnTo>
                    <a:lnTo>
                      <a:pt x="190" y="329"/>
                    </a:lnTo>
                    <a:lnTo>
                      <a:pt x="186" y="341"/>
                    </a:lnTo>
                    <a:lnTo>
                      <a:pt x="182" y="352"/>
                    </a:lnTo>
                    <a:lnTo>
                      <a:pt x="178" y="363"/>
                    </a:lnTo>
                    <a:lnTo>
                      <a:pt x="173" y="373"/>
                    </a:lnTo>
                    <a:lnTo>
                      <a:pt x="167" y="383"/>
                    </a:lnTo>
                    <a:lnTo>
                      <a:pt x="161" y="391"/>
                    </a:lnTo>
                    <a:lnTo>
                      <a:pt x="154" y="401"/>
                    </a:lnTo>
                    <a:lnTo>
                      <a:pt x="147" y="408"/>
                    </a:lnTo>
                    <a:lnTo>
                      <a:pt x="117" y="438"/>
                    </a:lnTo>
                    <a:lnTo>
                      <a:pt x="86" y="469"/>
                    </a:lnTo>
                    <a:lnTo>
                      <a:pt x="87" y="476"/>
                    </a:lnTo>
                    <a:lnTo>
                      <a:pt x="88" y="483"/>
                    </a:lnTo>
                    <a:lnTo>
                      <a:pt x="92" y="490"/>
                    </a:lnTo>
                    <a:lnTo>
                      <a:pt x="95" y="496"/>
                    </a:lnTo>
                    <a:lnTo>
                      <a:pt x="104" y="510"/>
                    </a:lnTo>
                    <a:lnTo>
                      <a:pt x="115" y="524"/>
                    </a:lnTo>
                    <a:lnTo>
                      <a:pt x="125" y="538"/>
                    </a:lnTo>
                    <a:lnTo>
                      <a:pt x="136" y="554"/>
                    </a:lnTo>
                    <a:lnTo>
                      <a:pt x="141" y="563"/>
                    </a:lnTo>
                    <a:lnTo>
                      <a:pt x="145" y="572"/>
                    </a:lnTo>
                    <a:lnTo>
                      <a:pt x="149" y="581"/>
                    </a:lnTo>
                    <a:lnTo>
                      <a:pt x="152" y="591"/>
                    </a:lnTo>
                    <a:lnTo>
                      <a:pt x="126" y="597"/>
                    </a:lnTo>
                    <a:lnTo>
                      <a:pt x="99" y="606"/>
                    </a:lnTo>
                    <a:lnTo>
                      <a:pt x="85" y="611"/>
                    </a:lnTo>
                    <a:lnTo>
                      <a:pt x="72" y="616"/>
                    </a:lnTo>
                    <a:lnTo>
                      <a:pt x="59" y="622"/>
                    </a:lnTo>
                    <a:lnTo>
                      <a:pt x="46" y="628"/>
                    </a:lnTo>
                    <a:lnTo>
                      <a:pt x="36" y="635"/>
                    </a:lnTo>
                    <a:lnTo>
                      <a:pt x="25" y="643"/>
                    </a:lnTo>
                    <a:lnTo>
                      <a:pt x="17" y="651"/>
                    </a:lnTo>
                    <a:lnTo>
                      <a:pt x="10" y="660"/>
                    </a:lnTo>
                    <a:lnTo>
                      <a:pt x="6" y="665"/>
                    </a:lnTo>
                    <a:lnTo>
                      <a:pt x="4" y="669"/>
                    </a:lnTo>
                    <a:lnTo>
                      <a:pt x="2" y="674"/>
                    </a:lnTo>
                    <a:lnTo>
                      <a:pt x="1" y="680"/>
                    </a:lnTo>
                    <a:lnTo>
                      <a:pt x="0" y="685"/>
                    </a:lnTo>
                    <a:lnTo>
                      <a:pt x="0" y="691"/>
                    </a:lnTo>
                    <a:lnTo>
                      <a:pt x="1" y="697"/>
                    </a:lnTo>
                    <a:lnTo>
                      <a:pt x="2" y="703"/>
                    </a:lnTo>
                    <a:lnTo>
                      <a:pt x="10" y="696"/>
                    </a:lnTo>
                    <a:lnTo>
                      <a:pt x="18" y="691"/>
                    </a:lnTo>
                    <a:lnTo>
                      <a:pt x="26" y="685"/>
                    </a:lnTo>
                    <a:lnTo>
                      <a:pt x="36" y="681"/>
                    </a:lnTo>
                    <a:lnTo>
                      <a:pt x="45" y="676"/>
                    </a:lnTo>
                    <a:lnTo>
                      <a:pt x="55" y="672"/>
                    </a:lnTo>
                    <a:lnTo>
                      <a:pt x="65" y="669"/>
                    </a:lnTo>
                    <a:lnTo>
                      <a:pt x="77" y="666"/>
                    </a:lnTo>
                    <a:lnTo>
                      <a:pt x="94" y="677"/>
                    </a:lnTo>
                    <a:lnTo>
                      <a:pt x="111" y="687"/>
                    </a:lnTo>
                    <a:lnTo>
                      <a:pt x="129" y="695"/>
                    </a:lnTo>
                    <a:lnTo>
                      <a:pt x="145" y="703"/>
                    </a:lnTo>
                    <a:lnTo>
                      <a:pt x="179" y="713"/>
                    </a:lnTo>
                    <a:lnTo>
                      <a:pt x="209" y="722"/>
                    </a:lnTo>
                    <a:lnTo>
                      <a:pt x="210" y="714"/>
                    </a:lnTo>
                    <a:lnTo>
                      <a:pt x="210" y="708"/>
                    </a:lnTo>
                    <a:lnTo>
                      <a:pt x="210" y="703"/>
                    </a:lnTo>
                    <a:lnTo>
                      <a:pt x="209" y="697"/>
                    </a:lnTo>
                    <a:lnTo>
                      <a:pt x="206" y="694"/>
                    </a:lnTo>
                    <a:lnTo>
                      <a:pt x="204" y="690"/>
                    </a:lnTo>
                    <a:lnTo>
                      <a:pt x="202" y="687"/>
                    </a:lnTo>
                    <a:lnTo>
                      <a:pt x="199" y="684"/>
                    </a:lnTo>
                    <a:lnTo>
                      <a:pt x="193" y="679"/>
                    </a:lnTo>
                    <a:lnTo>
                      <a:pt x="187" y="672"/>
                    </a:lnTo>
                    <a:lnTo>
                      <a:pt x="184" y="669"/>
                    </a:lnTo>
                    <a:lnTo>
                      <a:pt x="182" y="666"/>
                    </a:lnTo>
                    <a:lnTo>
                      <a:pt x="181" y="662"/>
                    </a:lnTo>
                    <a:lnTo>
                      <a:pt x="180" y="656"/>
                    </a:lnTo>
                    <a:lnTo>
                      <a:pt x="184" y="657"/>
                    </a:lnTo>
                    <a:lnTo>
                      <a:pt x="189" y="657"/>
                    </a:lnTo>
                    <a:lnTo>
                      <a:pt x="192" y="657"/>
                    </a:lnTo>
                    <a:lnTo>
                      <a:pt x="194" y="656"/>
                    </a:lnTo>
                    <a:lnTo>
                      <a:pt x="198" y="653"/>
                    </a:lnTo>
                    <a:lnTo>
                      <a:pt x="201" y="649"/>
                    </a:lnTo>
                    <a:lnTo>
                      <a:pt x="204" y="646"/>
                    </a:lnTo>
                    <a:lnTo>
                      <a:pt x="207" y="642"/>
                    </a:lnTo>
                    <a:lnTo>
                      <a:pt x="210" y="640"/>
                    </a:lnTo>
                    <a:lnTo>
                      <a:pt x="212" y="639"/>
                    </a:lnTo>
                    <a:lnTo>
                      <a:pt x="214" y="637"/>
                    </a:lnTo>
                    <a:lnTo>
                      <a:pt x="217" y="637"/>
                    </a:lnTo>
                    <a:lnTo>
                      <a:pt x="231" y="645"/>
                    </a:lnTo>
                    <a:lnTo>
                      <a:pt x="244" y="653"/>
                    </a:lnTo>
                    <a:lnTo>
                      <a:pt x="257" y="661"/>
                    </a:lnTo>
                    <a:lnTo>
                      <a:pt x="270" y="670"/>
                    </a:lnTo>
                    <a:lnTo>
                      <a:pt x="294" y="688"/>
                    </a:lnTo>
                    <a:lnTo>
                      <a:pt x="318" y="706"/>
                    </a:lnTo>
                    <a:lnTo>
                      <a:pt x="342" y="724"/>
                    </a:lnTo>
                    <a:lnTo>
                      <a:pt x="368" y="741"/>
                    </a:lnTo>
                    <a:lnTo>
                      <a:pt x="380" y="748"/>
                    </a:lnTo>
                    <a:lnTo>
                      <a:pt x="394" y="755"/>
                    </a:lnTo>
                    <a:lnTo>
                      <a:pt x="409" y="763"/>
                    </a:lnTo>
                    <a:lnTo>
                      <a:pt x="423" y="769"/>
                    </a:lnTo>
                    <a:lnTo>
                      <a:pt x="433" y="755"/>
                    </a:lnTo>
                    <a:lnTo>
                      <a:pt x="444" y="743"/>
                    </a:lnTo>
                    <a:lnTo>
                      <a:pt x="455" y="730"/>
                    </a:lnTo>
                    <a:lnTo>
                      <a:pt x="467" y="719"/>
                    </a:lnTo>
                    <a:lnTo>
                      <a:pt x="477" y="706"/>
                    </a:lnTo>
                    <a:lnTo>
                      <a:pt x="487" y="691"/>
                    </a:lnTo>
                    <a:lnTo>
                      <a:pt x="491" y="684"/>
                    </a:lnTo>
                    <a:lnTo>
                      <a:pt x="494" y="675"/>
                    </a:lnTo>
                    <a:lnTo>
                      <a:pt x="496" y="666"/>
                    </a:lnTo>
                    <a:lnTo>
                      <a:pt x="498" y="656"/>
                    </a:lnTo>
                    <a:lnTo>
                      <a:pt x="494" y="649"/>
                    </a:lnTo>
                    <a:lnTo>
                      <a:pt x="491" y="643"/>
                    </a:lnTo>
                    <a:lnTo>
                      <a:pt x="488" y="636"/>
                    </a:lnTo>
                    <a:lnTo>
                      <a:pt x="487" y="630"/>
                    </a:lnTo>
                    <a:lnTo>
                      <a:pt x="485" y="624"/>
                    </a:lnTo>
                    <a:lnTo>
                      <a:pt x="484" y="617"/>
                    </a:lnTo>
                    <a:lnTo>
                      <a:pt x="485" y="611"/>
                    </a:lnTo>
                    <a:lnTo>
                      <a:pt x="487" y="606"/>
                    </a:lnTo>
                    <a:lnTo>
                      <a:pt x="490" y="594"/>
                    </a:lnTo>
                    <a:lnTo>
                      <a:pt x="495" y="584"/>
                    </a:lnTo>
                    <a:lnTo>
                      <a:pt x="502" y="573"/>
                    </a:lnTo>
                    <a:lnTo>
                      <a:pt x="511" y="563"/>
                    </a:lnTo>
                    <a:lnTo>
                      <a:pt x="530" y="543"/>
                    </a:lnTo>
                    <a:lnTo>
                      <a:pt x="550" y="524"/>
                    </a:lnTo>
                    <a:lnTo>
                      <a:pt x="559" y="515"/>
                    </a:lnTo>
                    <a:lnTo>
                      <a:pt x="569" y="506"/>
                    </a:lnTo>
                    <a:lnTo>
                      <a:pt x="576" y="496"/>
                    </a:lnTo>
                    <a:lnTo>
                      <a:pt x="582" y="488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78" name="Faaborg-Midtfyn"/>
              <p:cNvSpPr>
                <a:spLocks/>
              </p:cNvSpPr>
              <p:nvPr/>
            </p:nvSpPr>
            <p:spPr bwMode="auto">
              <a:xfrm>
                <a:off x="2035175" y="5676900"/>
                <a:ext cx="39688" cy="53975"/>
              </a:xfrm>
              <a:custGeom>
                <a:avLst/>
                <a:gdLst>
                  <a:gd name="T0" fmla="*/ 0 w 75"/>
                  <a:gd name="T1" fmla="*/ 29 h 100"/>
                  <a:gd name="T2" fmla="*/ 8 w 75"/>
                  <a:gd name="T3" fmla="*/ 32 h 100"/>
                  <a:gd name="T4" fmla="*/ 15 w 75"/>
                  <a:gd name="T5" fmla="*/ 34 h 100"/>
                  <a:gd name="T6" fmla="*/ 17 w 75"/>
                  <a:gd name="T7" fmla="*/ 34 h 100"/>
                  <a:gd name="T8" fmla="*/ 18 w 75"/>
                  <a:gd name="T9" fmla="*/ 34 h 100"/>
                  <a:gd name="T10" fmla="*/ 20 w 75"/>
                  <a:gd name="T11" fmla="*/ 34 h 100"/>
                  <a:gd name="T12" fmla="*/ 21 w 75"/>
                  <a:gd name="T13" fmla="*/ 33 h 100"/>
                  <a:gd name="T14" fmla="*/ 22 w 75"/>
                  <a:gd name="T15" fmla="*/ 32 h 100"/>
                  <a:gd name="T16" fmla="*/ 23 w 75"/>
                  <a:gd name="T17" fmla="*/ 30 h 100"/>
                  <a:gd name="T18" fmla="*/ 24 w 75"/>
                  <a:gd name="T19" fmla="*/ 29 h 100"/>
                  <a:gd name="T20" fmla="*/ 25 w 75"/>
                  <a:gd name="T21" fmla="*/ 26 h 100"/>
                  <a:gd name="T22" fmla="*/ 23 w 75"/>
                  <a:gd name="T23" fmla="*/ 25 h 100"/>
                  <a:gd name="T24" fmla="*/ 21 w 75"/>
                  <a:gd name="T25" fmla="*/ 23 h 100"/>
                  <a:gd name="T26" fmla="*/ 20 w 75"/>
                  <a:gd name="T27" fmla="*/ 22 h 100"/>
                  <a:gd name="T28" fmla="*/ 18 w 75"/>
                  <a:gd name="T29" fmla="*/ 20 h 100"/>
                  <a:gd name="T30" fmla="*/ 15 w 75"/>
                  <a:gd name="T31" fmla="*/ 15 h 100"/>
                  <a:gd name="T32" fmla="*/ 12 w 75"/>
                  <a:gd name="T33" fmla="*/ 10 h 100"/>
                  <a:gd name="T34" fmla="*/ 9 w 75"/>
                  <a:gd name="T35" fmla="*/ 6 h 100"/>
                  <a:gd name="T36" fmla="*/ 6 w 75"/>
                  <a:gd name="T37" fmla="*/ 2 h 100"/>
                  <a:gd name="T38" fmla="*/ 5 w 75"/>
                  <a:gd name="T39" fmla="*/ 1 h 100"/>
                  <a:gd name="T40" fmla="*/ 3 w 75"/>
                  <a:gd name="T41" fmla="*/ 0 h 100"/>
                  <a:gd name="T42" fmla="*/ 1 w 75"/>
                  <a:gd name="T43" fmla="*/ 0 h 100"/>
                  <a:gd name="T44" fmla="*/ 0 w 75"/>
                  <a:gd name="T45" fmla="*/ 1 h 100"/>
                  <a:gd name="T46" fmla="*/ 2 w 75"/>
                  <a:gd name="T47" fmla="*/ 2 h 100"/>
                  <a:gd name="T48" fmla="*/ 4 w 75"/>
                  <a:gd name="T49" fmla="*/ 3 h 100"/>
                  <a:gd name="T50" fmla="*/ 5 w 75"/>
                  <a:gd name="T51" fmla="*/ 5 h 100"/>
                  <a:gd name="T52" fmla="*/ 5 w 75"/>
                  <a:gd name="T53" fmla="*/ 7 h 100"/>
                  <a:gd name="T54" fmla="*/ 6 w 75"/>
                  <a:gd name="T55" fmla="*/ 8 h 100"/>
                  <a:gd name="T56" fmla="*/ 6 w 75"/>
                  <a:gd name="T57" fmla="*/ 10 h 100"/>
                  <a:gd name="T58" fmla="*/ 6 w 75"/>
                  <a:gd name="T59" fmla="*/ 12 h 100"/>
                  <a:gd name="T60" fmla="*/ 5 w 75"/>
                  <a:gd name="T61" fmla="*/ 14 h 100"/>
                  <a:gd name="T62" fmla="*/ 3 w 75"/>
                  <a:gd name="T63" fmla="*/ 21 h 100"/>
                  <a:gd name="T64" fmla="*/ 0 w 75"/>
                  <a:gd name="T65" fmla="*/ 29 h 100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75" h="100">
                    <a:moveTo>
                      <a:pt x="0" y="86"/>
                    </a:moveTo>
                    <a:lnTo>
                      <a:pt x="24" y="94"/>
                    </a:lnTo>
                    <a:lnTo>
                      <a:pt x="45" y="99"/>
                    </a:lnTo>
                    <a:lnTo>
                      <a:pt x="51" y="100"/>
                    </a:lnTo>
                    <a:lnTo>
                      <a:pt x="55" y="100"/>
                    </a:lnTo>
                    <a:lnTo>
                      <a:pt x="59" y="99"/>
                    </a:lnTo>
                    <a:lnTo>
                      <a:pt x="62" y="97"/>
                    </a:lnTo>
                    <a:lnTo>
                      <a:pt x="66" y="94"/>
                    </a:lnTo>
                    <a:lnTo>
                      <a:pt x="70" y="89"/>
                    </a:lnTo>
                    <a:lnTo>
                      <a:pt x="72" y="84"/>
                    </a:lnTo>
                    <a:lnTo>
                      <a:pt x="75" y="77"/>
                    </a:lnTo>
                    <a:lnTo>
                      <a:pt x="70" y="74"/>
                    </a:lnTo>
                    <a:lnTo>
                      <a:pt x="63" y="69"/>
                    </a:lnTo>
                    <a:lnTo>
                      <a:pt x="59" y="64"/>
                    </a:lnTo>
                    <a:lnTo>
                      <a:pt x="54" y="58"/>
                    </a:lnTo>
                    <a:lnTo>
                      <a:pt x="44" y="44"/>
                    </a:lnTo>
                    <a:lnTo>
                      <a:pt x="36" y="29"/>
                    </a:lnTo>
                    <a:lnTo>
                      <a:pt x="26" y="17"/>
                    </a:lnTo>
                    <a:lnTo>
                      <a:pt x="18" y="6"/>
                    </a:lnTo>
                    <a:lnTo>
                      <a:pt x="14" y="3"/>
                    </a:lnTo>
                    <a:lnTo>
                      <a:pt x="10" y="1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5" y="6"/>
                    </a:lnTo>
                    <a:lnTo>
                      <a:pt x="11" y="10"/>
                    </a:lnTo>
                    <a:lnTo>
                      <a:pt x="14" y="15"/>
                    </a:lnTo>
                    <a:lnTo>
                      <a:pt x="16" y="20"/>
                    </a:lnTo>
                    <a:lnTo>
                      <a:pt x="17" y="24"/>
                    </a:lnTo>
                    <a:lnTo>
                      <a:pt x="17" y="29"/>
                    </a:lnTo>
                    <a:lnTo>
                      <a:pt x="17" y="35"/>
                    </a:lnTo>
                    <a:lnTo>
                      <a:pt x="16" y="41"/>
                    </a:lnTo>
                    <a:lnTo>
                      <a:pt x="8" y="63"/>
                    </a:lnTo>
                    <a:lnTo>
                      <a:pt x="0" y="86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79" name="Faaborg-Midtfyn kant"/>
              <p:cNvSpPr>
                <a:spLocks/>
              </p:cNvSpPr>
              <p:nvPr/>
            </p:nvSpPr>
            <p:spPr bwMode="auto">
              <a:xfrm>
                <a:off x="2035175" y="5676900"/>
                <a:ext cx="39688" cy="53975"/>
              </a:xfrm>
              <a:custGeom>
                <a:avLst/>
                <a:gdLst>
                  <a:gd name="T0" fmla="*/ 0 w 75"/>
                  <a:gd name="T1" fmla="*/ 1 h 100"/>
                  <a:gd name="T2" fmla="*/ 1 w 75"/>
                  <a:gd name="T3" fmla="*/ 0 h 100"/>
                  <a:gd name="T4" fmla="*/ 3 w 75"/>
                  <a:gd name="T5" fmla="*/ 0 h 100"/>
                  <a:gd name="T6" fmla="*/ 5 w 75"/>
                  <a:gd name="T7" fmla="*/ 1 h 100"/>
                  <a:gd name="T8" fmla="*/ 6 w 75"/>
                  <a:gd name="T9" fmla="*/ 2 h 100"/>
                  <a:gd name="T10" fmla="*/ 9 w 75"/>
                  <a:gd name="T11" fmla="*/ 6 h 100"/>
                  <a:gd name="T12" fmla="*/ 12 w 75"/>
                  <a:gd name="T13" fmla="*/ 10 h 100"/>
                  <a:gd name="T14" fmla="*/ 15 w 75"/>
                  <a:gd name="T15" fmla="*/ 15 h 100"/>
                  <a:gd name="T16" fmla="*/ 18 w 75"/>
                  <a:gd name="T17" fmla="*/ 20 h 100"/>
                  <a:gd name="T18" fmla="*/ 20 w 75"/>
                  <a:gd name="T19" fmla="*/ 22 h 100"/>
                  <a:gd name="T20" fmla="*/ 21 w 75"/>
                  <a:gd name="T21" fmla="*/ 23 h 100"/>
                  <a:gd name="T22" fmla="*/ 23 w 75"/>
                  <a:gd name="T23" fmla="*/ 25 h 100"/>
                  <a:gd name="T24" fmla="*/ 25 w 75"/>
                  <a:gd name="T25" fmla="*/ 26 h 100"/>
                  <a:gd name="T26" fmla="*/ 24 w 75"/>
                  <a:gd name="T27" fmla="*/ 29 h 100"/>
                  <a:gd name="T28" fmla="*/ 23 w 75"/>
                  <a:gd name="T29" fmla="*/ 30 h 100"/>
                  <a:gd name="T30" fmla="*/ 22 w 75"/>
                  <a:gd name="T31" fmla="*/ 32 h 100"/>
                  <a:gd name="T32" fmla="*/ 21 w 75"/>
                  <a:gd name="T33" fmla="*/ 33 h 100"/>
                  <a:gd name="T34" fmla="*/ 20 w 75"/>
                  <a:gd name="T35" fmla="*/ 34 h 100"/>
                  <a:gd name="T36" fmla="*/ 18 w 75"/>
                  <a:gd name="T37" fmla="*/ 34 h 100"/>
                  <a:gd name="T38" fmla="*/ 17 w 75"/>
                  <a:gd name="T39" fmla="*/ 34 h 100"/>
                  <a:gd name="T40" fmla="*/ 15 w 75"/>
                  <a:gd name="T41" fmla="*/ 34 h 100"/>
                  <a:gd name="T42" fmla="*/ 8 w 75"/>
                  <a:gd name="T43" fmla="*/ 32 h 100"/>
                  <a:gd name="T44" fmla="*/ 0 w 75"/>
                  <a:gd name="T45" fmla="*/ 29 h 100"/>
                  <a:gd name="T46" fmla="*/ 3 w 75"/>
                  <a:gd name="T47" fmla="*/ 21 h 100"/>
                  <a:gd name="T48" fmla="*/ 5 w 75"/>
                  <a:gd name="T49" fmla="*/ 14 h 100"/>
                  <a:gd name="T50" fmla="*/ 6 w 75"/>
                  <a:gd name="T51" fmla="*/ 12 h 100"/>
                  <a:gd name="T52" fmla="*/ 6 w 75"/>
                  <a:gd name="T53" fmla="*/ 10 h 100"/>
                  <a:gd name="T54" fmla="*/ 6 w 75"/>
                  <a:gd name="T55" fmla="*/ 8 h 100"/>
                  <a:gd name="T56" fmla="*/ 5 w 75"/>
                  <a:gd name="T57" fmla="*/ 7 h 100"/>
                  <a:gd name="T58" fmla="*/ 5 w 75"/>
                  <a:gd name="T59" fmla="*/ 5 h 100"/>
                  <a:gd name="T60" fmla="*/ 4 w 75"/>
                  <a:gd name="T61" fmla="*/ 3 h 100"/>
                  <a:gd name="T62" fmla="*/ 2 w 75"/>
                  <a:gd name="T63" fmla="*/ 2 h 100"/>
                  <a:gd name="T64" fmla="*/ 0 w 75"/>
                  <a:gd name="T65" fmla="*/ 1 h 100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75" h="100">
                    <a:moveTo>
                      <a:pt x="0" y="2"/>
                    </a:moveTo>
                    <a:lnTo>
                      <a:pt x="4" y="0"/>
                    </a:lnTo>
                    <a:lnTo>
                      <a:pt x="10" y="1"/>
                    </a:lnTo>
                    <a:lnTo>
                      <a:pt x="14" y="3"/>
                    </a:lnTo>
                    <a:lnTo>
                      <a:pt x="18" y="6"/>
                    </a:lnTo>
                    <a:lnTo>
                      <a:pt x="26" y="17"/>
                    </a:lnTo>
                    <a:lnTo>
                      <a:pt x="36" y="29"/>
                    </a:lnTo>
                    <a:lnTo>
                      <a:pt x="44" y="44"/>
                    </a:lnTo>
                    <a:lnTo>
                      <a:pt x="54" y="58"/>
                    </a:lnTo>
                    <a:lnTo>
                      <a:pt x="59" y="64"/>
                    </a:lnTo>
                    <a:lnTo>
                      <a:pt x="63" y="69"/>
                    </a:lnTo>
                    <a:lnTo>
                      <a:pt x="70" y="74"/>
                    </a:lnTo>
                    <a:lnTo>
                      <a:pt x="75" y="77"/>
                    </a:lnTo>
                    <a:lnTo>
                      <a:pt x="72" y="84"/>
                    </a:lnTo>
                    <a:lnTo>
                      <a:pt x="70" y="89"/>
                    </a:lnTo>
                    <a:lnTo>
                      <a:pt x="66" y="94"/>
                    </a:lnTo>
                    <a:lnTo>
                      <a:pt x="62" y="97"/>
                    </a:lnTo>
                    <a:lnTo>
                      <a:pt x="59" y="99"/>
                    </a:lnTo>
                    <a:lnTo>
                      <a:pt x="55" y="100"/>
                    </a:lnTo>
                    <a:lnTo>
                      <a:pt x="51" y="100"/>
                    </a:lnTo>
                    <a:lnTo>
                      <a:pt x="45" y="99"/>
                    </a:lnTo>
                    <a:lnTo>
                      <a:pt x="24" y="94"/>
                    </a:lnTo>
                    <a:lnTo>
                      <a:pt x="0" y="86"/>
                    </a:lnTo>
                    <a:lnTo>
                      <a:pt x="8" y="63"/>
                    </a:lnTo>
                    <a:lnTo>
                      <a:pt x="16" y="41"/>
                    </a:lnTo>
                    <a:lnTo>
                      <a:pt x="17" y="35"/>
                    </a:lnTo>
                    <a:lnTo>
                      <a:pt x="17" y="29"/>
                    </a:lnTo>
                    <a:lnTo>
                      <a:pt x="17" y="24"/>
                    </a:lnTo>
                    <a:lnTo>
                      <a:pt x="16" y="20"/>
                    </a:lnTo>
                    <a:lnTo>
                      <a:pt x="14" y="15"/>
                    </a:lnTo>
                    <a:lnTo>
                      <a:pt x="11" y="10"/>
                    </a:lnTo>
                    <a:lnTo>
                      <a:pt x="5" y="6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63" name="Ærø"/>
            <p:cNvGrpSpPr/>
            <p:nvPr/>
          </p:nvGrpSpPr>
          <p:grpSpPr>
            <a:xfrm>
              <a:off x="2259013" y="5995988"/>
              <a:ext cx="222250" cy="177800"/>
              <a:chOff x="2259013" y="5995988"/>
              <a:chExt cx="222250" cy="177800"/>
            </a:xfrm>
            <a:grpFill/>
          </p:grpSpPr>
          <p:sp>
            <p:nvSpPr>
              <p:cNvPr id="64" name="Ærø"/>
              <p:cNvSpPr>
                <a:spLocks/>
              </p:cNvSpPr>
              <p:nvPr/>
            </p:nvSpPr>
            <p:spPr bwMode="auto">
              <a:xfrm>
                <a:off x="2259013" y="5995988"/>
                <a:ext cx="222250" cy="163513"/>
              </a:xfrm>
              <a:custGeom>
                <a:avLst/>
                <a:gdLst>
                  <a:gd name="T0" fmla="*/ 89 w 422"/>
                  <a:gd name="T1" fmla="*/ 88 h 309"/>
                  <a:gd name="T2" fmla="*/ 82 w 422"/>
                  <a:gd name="T3" fmla="*/ 87 h 309"/>
                  <a:gd name="T4" fmla="*/ 76 w 422"/>
                  <a:gd name="T5" fmla="*/ 83 h 309"/>
                  <a:gd name="T6" fmla="*/ 73 w 422"/>
                  <a:gd name="T7" fmla="*/ 83 h 309"/>
                  <a:gd name="T8" fmla="*/ 73 w 422"/>
                  <a:gd name="T9" fmla="*/ 88 h 309"/>
                  <a:gd name="T10" fmla="*/ 78 w 422"/>
                  <a:gd name="T11" fmla="*/ 93 h 309"/>
                  <a:gd name="T12" fmla="*/ 88 w 422"/>
                  <a:gd name="T13" fmla="*/ 98 h 309"/>
                  <a:gd name="T14" fmla="*/ 92 w 422"/>
                  <a:gd name="T15" fmla="*/ 102 h 309"/>
                  <a:gd name="T16" fmla="*/ 97 w 422"/>
                  <a:gd name="T17" fmla="*/ 99 h 309"/>
                  <a:gd name="T18" fmla="*/ 99 w 422"/>
                  <a:gd name="T19" fmla="*/ 92 h 309"/>
                  <a:gd name="T20" fmla="*/ 102 w 422"/>
                  <a:gd name="T21" fmla="*/ 81 h 309"/>
                  <a:gd name="T22" fmla="*/ 104 w 422"/>
                  <a:gd name="T23" fmla="*/ 76 h 309"/>
                  <a:gd name="T24" fmla="*/ 114 w 422"/>
                  <a:gd name="T25" fmla="*/ 77 h 309"/>
                  <a:gd name="T26" fmla="*/ 125 w 422"/>
                  <a:gd name="T27" fmla="*/ 81 h 309"/>
                  <a:gd name="T28" fmla="*/ 134 w 422"/>
                  <a:gd name="T29" fmla="*/ 82 h 309"/>
                  <a:gd name="T30" fmla="*/ 139 w 422"/>
                  <a:gd name="T31" fmla="*/ 78 h 309"/>
                  <a:gd name="T32" fmla="*/ 135 w 422"/>
                  <a:gd name="T33" fmla="*/ 70 h 309"/>
                  <a:gd name="T34" fmla="*/ 130 w 422"/>
                  <a:gd name="T35" fmla="*/ 64 h 309"/>
                  <a:gd name="T36" fmla="*/ 126 w 422"/>
                  <a:gd name="T37" fmla="*/ 65 h 309"/>
                  <a:gd name="T38" fmla="*/ 120 w 422"/>
                  <a:gd name="T39" fmla="*/ 66 h 309"/>
                  <a:gd name="T40" fmla="*/ 112 w 422"/>
                  <a:gd name="T41" fmla="*/ 65 h 309"/>
                  <a:gd name="T42" fmla="*/ 107 w 422"/>
                  <a:gd name="T43" fmla="*/ 66 h 309"/>
                  <a:gd name="T44" fmla="*/ 103 w 422"/>
                  <a:gd name="T45" fmla="*/ 72 h 309"/>
                  <a:gd name="T46" fmla="*/ 97 w 422"/>
                  <a:gd name="T47" fmla="*/ 67 h 309"/>
                  <a:gd name="T48" fmla="*/ 90 w 422"/>
                  <a:gd name="T49" fmla="*/ 58 h 309"/>
                  <a:gd name="T50" fmla="*/ 83 w 422"/>
                  <a:gd name="T51" fmla="*/ 48 h 309"/>
                  <a:gd name="T52" fmla="*/ 78 w 422"/>
                  <a:gd name="T53" fmla="*/ 44 h 309"/>
                  <a:gd name="T54" fmla="*/ 75 w 422"/>
                  <a:gd name="T55" fmla="*/ 45 h 309"/>
                  <a:gd name="T56" fmla="*/ 73 w 422"/>
                  <a:gd name="T57" fmla="*/ 50 h 309"/>
                  <a:gd name="T58" fmla="*/ 70 w 422"/>
                  <a:gd name="T59" fmla="*/ 53 h 309"/>
                  <a:gd name="T60" fmla="*/ 65 w 422"/>
                  <a:gd name="T61" fmla="*/ 53 h 309"/>
                  <a:gd name="T62" fmla="*/ 53 w 422"/>
                  <a:gd name="T63" fmla="*/ 44 h 309"/>
                  <a:gd name="T64" fmla="*/ 36 w 422"/>
                  <a:gd name="T65" fmla="*/ 23 h 309"/>
                  <a:gd name="T66" fmla="*/ 25 w 422"/>
                  <a:gd name="T67" fmla="*/ 12 h 309"/>
                  <a:gd name="T68" fmla="*/ 12 w 422"/>
                  <a:gd name="T69" fmla="*/ 3 h 309"/>
                  <a:gd name="T70" fmla="*/ 3 w 422"/>
                  <a:gd name="T71" fmla="*/ 1 h 309"/>
                  <a:gd name="T72" fmla="*/ 2 w 422"/>
                  <a:gd name="T73" fmla="*/ 8 h 309"/>
                  <a:gd name="T74" fmla="*/ 6 w 422"/>
                  <a:gd name="T75" fmla="*/ 18 h 309"/>
                  <a:gd name="T76" fmla="*/ 11 w 422"/>
                  <a:gd name="T77" fmla="*/ 26 h 309"/>
                  <a:gd name="T78" fmla="*/ 25 w 422"/>
                  <a:gd name="T79" fmla="*/ 41 h 309"/>
                  <a:gd name="T80" fmla="*/ 50 w 422"/>
                  <a:gd name="T81" fmla="*/ 62 h 309"/>
                  <a:gd name="T82" fmla="*/ 61 w 422"/>
                  <a:gd name="T83" fmla="*/ 75 h 309"/>
                  <a:gd name="T84" fmla="*/ 65 w 422"/>
                  <a:gd name="T85" fmla="*/ 84 h 309"/>
                  <a:gd name="T86" fmla="*/ 68 w 422"/>
                  <a:gd name="T87" fmla="*/ 77 h 309"/>
                  <a:gd name="T88" fmla="*/ 75 w 422"/>
                  <a:gd name="T89" fmla="*/ 72 h 309"/>
                  <a:gd name="T90" fmla="*/ 82 w 422"/>
                  <a:gd name="T91" fmla="*/ 69 h 309"/>
                  <a:gd name="T92" fmla="*/ 87 w 422"/>
                  <a:gd name="T93" fmla="*/ 70 h 309"/>
                  <a:gd name="T94" fmla="*/ 88 w 422"/>
                  <a:gd name="T95" fmla="*/ 72 h 309"/>
                  <a:gd name="T96" fmla="*/ 84 w 422"/>
                  <a:gd name="T97" fmla="*/ 78 h 309"/>
                  <a:gd name="T98" fmla="*/ 87 w 422"/>
                  <a:gd name="T99" fmla="*/ 78 h 309"/>
                  <a:gd name="T100" fmla="*/ 93 w 422"/>
                  <a:gd name="T101" fmla="*/ 75 h 309"/>
                  <a:gd name="T102" fmla="*/ 98 w 422"/>
                  <a:gd name="T103" fmla="*/ 75 h 309"/>
                  <a:gd name="T104" fmla="*/ 99 w 422"/>
                  <a:gd name="T105" fmla="*/ 78 h 309"/>
                  <a:gd name="T106" fmla="*/ 97 w 422"/>
                  <a:gd name="T107" fmla="*/ 79 h 309"/>
                  <a:gd name="T108" fmla="*/ 96 w 422"/>
                  <a:gd name="T109" fmla="*/ 83 h 309"/>
                  <a:gd name="T110" fmla="*/ 95 w 422"/>
                  <a:gd name="T111" fmla="*/ 86 h 309"/>
                  <a:gd name="T112" fmla="*/ 94 w 422"/>
                  <a:gd name="T113" fmla="*/ 87 h 30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422" h="309">
                    <a:moveTo>
                      <a:pt x="282" y="262"/>
                    </a:moveTo>
                    <a:lnTo>
                      <a:pt x="273" y="264"/>
                    </a:lnTo>
                    <a:lnTo>
                      <a:pt x="267" y="265"/>
                    </a:lnTo>
                    <a:lnTo>
                      <a:pt x="260" y="265"/>
                    </a:lnTo>
                    <a:lnTo>
                      <a:pt x="255" y="264"/>
                    </a:lnTo>
                    <a:lnTo>
                      <a:pt x="247" y="261"/>
                    </a:lnTo>
                    <a:lnTo>
                      <a:pt x="239" y="256"/>
                    </a:lnTo>
                    <a:lnTo>
                      <a:pt x="234" y="251"/>
                    </a:lnTo>
                    <a:lnTo>
                      <a:pt x="228" y="248"/>
                    </a:lnTo>
                    <a:lnTo>
                      <a:pt x="226" y="248"/>
                    </a:lnTo>
                    <a:lnTo>
                      <a:pt x="223" y="249"/>
                    </a:lnTo>
                    <a:lnTo>
                      <a:pt x="219" y="250"/>
                    </a:lnTo>
                    <a:lnTo>
                      <a:pt x="215" y="253"/>
                    </a:lnTo>
                    <a:lnTo>
                      <a:pt x="217" y="259"/>
                    </a:lnTo>
                    <a:lnTo>
                      <a:pt x="220" y="263"/>
                    </a:lnTo>
                    <a:lnTo>
                      <a:pt x="224" y="269"/>
                    </a:lnTo>
                    <a:lnTo>
                      <a:pt x="227" y="272"/>
                    </a:lnTo>
                    <a:lnTo>
                      <a:pt x="235" y="279"/>
                    </a:lnTo>
                    <a:lnTo>
                      <a:pt x="245" y="284"/>
                    </a:lnTo>
                    <a:lnTo>
                      <a:pt x="255" y="290"/>
                    </a:lnTo>
                    <a:lnTo>
                      <a:pt x="265" y="295"/>
                    </a:lnTo>
                    <a:lnTo>
                      <a:pt x="270" y="298"/>
                    </a:lnTo>
                    <a:lnTo>
                      <a:pt x="274" y="301"/>
                    </a:lnTo>
                    <a:lnTo>
                      <a:pt x="277" y="305"/>
                    </a:lnTo>
                    <a:lnTo>
                      <a:pt x="282" y="309"/>
                    </a:lnTo>
                    <a:lnTo>
                      <a:pt x="287" y="303"/>
                    </a:lnTo>
                    <a:lnTo>
                      <a:pt x="291" y="298"/>
                    </a:lnTo>
                    <a:lnTo>
                      <a:pt x="294" y="293"/>
                    </a:lnTo>
                    <a:lnTo>
                      <a:pt x="296" y="287"/>
                    </a:lnTo>
                    <a:lnTo>
                      <a:pt x="299" y="275"/>
                    </a:lnTo>
                    <a:lnTo>
                      <a:pt x="302" y="264"/>
                    </a:lnTo>
                    <a:lnTo>
                      <a:pt x="303" y="253"/>
                    </a:lnTo>
                    <a:lnTo>
                      <a:pt x="306" y="242"/>
                    </a:lnTo>
                    <a:lnTo>
                      <a:pt x="308" y="237"/>
                    </a:lnTo>
                    <a:lnTo>
                      <a:pt x="310" y="233"/>
                    </a:lnTo>
                    <a:lnTo>
                      <a:pt x="314" y="229"/>
                    </a:lnTo>
                    <a:lnTo>
                      <a:pt x="318" y="224"/>
                    </a:lnTo>
                    <a:lnTo>
                      <a:pt x="332" y="226"/>
                    </a:lnTo>
                    <a:lnTo>
                      <a:pt x="344" y="231"/>
                    </a:lnTo>
                    <a:lnTo>
                      <a:pt x="354" y="235"/>
                    </a:lnTo>
                    <a:lnTo>
                      <a:pt x="365" y="239"/>
                    </a:lnTo>
                    <a:lnTo>
                      <a:pt x="376" y="243"/>
                    </a:lnTo>
                    <a:lnTo>
                      <a:pt x="389" y="245"/>
                    </a:lnTo>
                    <a:lnTo>
                      <a:pt x="396" y="246"/>
                    </a:lnTo>
                    <a:lnTo>
                      <a:pt x="404" y="246"/>
                    </a:lnTo>
                    <a:lnTo>
                      <a:pt x="412" y="245"/>
                    </a:lnTo>
                    <a:lnTo>
                      <a:pt x="422" y="243"/>
                    </a:lnTo>
                    <a:lnTo>
                      <a:pt x="419" y="234"/>
                    </a:lnTo>
                    <a:lnTo>
                      <a:pt x="416" y="225"/>
                    </a:lnTo>
                    <a:lnTo>
                      <a:pt x="412" y="218"/>
                    </a:lnTo>
                    <a:lnTo>
                      <a:pt x="408" y="211"/>
                    </a:lnTo>
                    <a:lnTo>
                      <a:pt x="403" y="204"/>
                    </a:lnTo>
                    <a:lnTo>
                      <a:pt x="397" y="198"/>
                    </a:lnTo>
                    <a:lnTo>
                      <a:pt x="391" y="193"/>
                    </a:lnTo>
                    <a:lnTo>
                      <a:pt x="384" y="188"/>
                    </a:lnTo>
                    <a:lnTo>
                      <a:pt x="383" y="193"/>
                    </a:lnTo>
                    <a:lnTo>
                      <a:pt x="379" y="196"/>
                    </a:lnTo>
                    <a:lnTo>
                      <a:pt x="375" y="198"/>
                    </a:lnTo>
                    <a:lnTo>
                      <a:pt x="371" y="199"/>
                    </a:lnTo>
                    <a:lnTo>
                      <a:pt x="362" y="198"/>
                    </a:lnTo>
                    <a:lnTo>
                      <a:pt x="350" y="196"/>
                    </a:lnTo>
                    <a:lnTo>
                      <a:pt x="345" y="196"/>
                    </a:lnTo>
                    <a:lnTo>
                      <a:pt x="338" y="195"/>
                    </a:lnTo>
                    <a:lnTo>
                      <a:pt x="333" y="195"/>
                    </a:lnTo>
                    <a:lnTo>
                      <a:pt x="327" y="196"/>
                    </a:lnTo>
                    <a:lnTo>
                      <a:pt x="323" y="198"/>
                    </a:lnTo>
                    <a:lnTo>
                      <a:pt x="317" y="202"/>
                    </a:lnTo>
                    <a:lnTo>
                      <a:pt x="313" y="208"/>
                    </a:lnTo>
                    <a:lnTo>
                      <a:pt x="309" y="216"/>
                    </a:lnTo>
                    <a:lnTo>
                      <a:pt x="303" y="212"/>
                    </a:lnTo>
                    <a:lnTo>
                      <a:pt x="297" y="208"/>
                    </a:lnTo>
                    <a:lnTo>
                      <a:pt x="292" y="202"/>
                    </a:lnTo>
                    <a:lnTo>
                      <a:pt x="288" y="197"/>
                    </a:lnTo>
                    <a:lnTo>
                      <a:pt x="279" y="185"/>
                    </a:lnTo>
                    <a:lnTo>
                      <a:pt x="272" y="174"/>
                    </a:lnTo>
                    <a:lnTo>
                      <a:pt x="264" y="161"/>
                    </a:lnTo>
                    <a:lnTo>
                      <a:pt x="255" y="150"/>
                    </a:lnTo>
                    <a:lnTo>
                      <a:pt x="251" y="144"/>
                    </a:lnTo>
                    <a:lnTo>
                      <a:pt x="246" y="139"/>
                    </a:lnTo>
                    <a:lnTo>
                      <a:pt x="240" y="135"/>
                    </a:lnTo>
                    <a:lnTo>
                      <a:pt x="234" y="131"/>
                    </a:lnTo>
                    <a:lnTo>
                      <a:pt x="231" y="132"/>
                    </a:lnTo>
                    <a:lnTo>
                      <a:pt x="229" y="134"/>
                    </a:lnTo>
                    <a:lnTo>
                      <a:pt x="227" y="136"/>
                    </a:lnTo>
                    <a:lnTo>
                      <a:pt x="225" y="138"/>
                    </a:lnTo>
                    <a:lnTo>
                      <a:pt x="223" y="144"/>
                    </a:lnTo>
                    <a:lnTo>
                      <a:pt x="220" y="150"/>
                    </a:lnTo>
                    <a:lnTo>
                      <a:pt x="217" y="155"/>
                    </a:lnTo>
                    <a:lnTo>
                      <a:pt x="213" y="159"/>
                    </a:lnTo>
                    <a:lnTo>
                      <a:pt x="210" y="160"/>
                    </a:lnTo>
                    <a:lnTo>
                      <a:pt x="207" y="160"/>
                    </a:lnTo>
                    <a:lnTo>
                      <a:pt x="203" y="160"/>
                    </a:lnTo>
                    <a:lnTo>
                      <a:pt x="197" y="159"/>
                    </a:lnTo>
                    <a:lnTo>
                      <a:pt x="184" y="151"/>
                    </a:lnTo>
                    <a:lnTo>
                      <a:pt x="171" y="141"/>
                    </a:lnTo>
                    <a:lnTo>
                      <a:pt x="159" y="131"/>
                    </a:lnTo>
                    <a:lnTo>
                      <a:pt x="149" y="119"/>
                    </a:lnTo>
                    <a:lnTo>
                      <a:pt x="128" y="95"/>
                    </a:lnTo>
                    <a:lnTo>
                      <a:pt x="109" y="70"/>
                    </a:lnTo>
                    <a:lnTo>
                      <a:pt x="98" y="58"/>
                    </a:lnTo>
                    <a:lnTo>
                      <a:pt x="87" y="46"/>
                    </a:lnTo>
                    <a:lnTo>
                      <a:pt x="76" y="36"/>
                    </a:lnTo>
                    <a:lnTo>
                      <a:pt x="64" y="26"/>
                    </a:lnTo>
                    <a:lnTo>
                      <a:pt x="50" y="17"/>
                    </a:lnTo>
                    <a:lnTo>
                      <a:pt x="35" y="10"/>
                    </a:lnTo>
                    <a:lnTo>
                      <a:pt x="27" y="6"/>
                    </a:lnTo>
                    <a:lnTo>
                      <a:pt x="18" y="4"/>
                    </a:lnTo>
                    <a:lnTo>
                      <a:pt x="10" y="2"/>
                    </a:lnTo>
                    <a:lnTo>
                      <a:pt x="0" y="0"/>
                    </a:lnTo>
                    <a:lnTo>
                      <a:pt x="2" y="12"/>
                    </a:lnTo>
                    <a:lnTo>
                      <a:pt x="6" y="23"/>
                    </a:lnTo>
                    <a:lnTo>
                      <a:pt x="9" y="34"/>
                    </a:lnTo>
                    <a:lnTo>
                      <a:pt x="13" y="43"/>
                    </a:lnTo>
                    <a:lnTo>
                      <a:pt x="17" y="53"/>
                    </a:lnTo>
                    <a:lnTo>
                      <a:pt x="22" y="62"/>
                    </a:lnTo>
                    <a:lnTo>
                      <a:pt x="28" y="71"/>
                    </a:lnTo>
                    <a:lnTo>
                      <a:pt x="34" y="79"/>
                    </a:lnTo>
                    <a:lnTo>
                      <a:pt x="47" y="95"/>
                    </a:lnTo>
                    <a:lnTo>
                      <a:pt x="60" y="109"/>
                    </a:lnTo>
                    <a:lnTo>
                      <a:pt x="75" y="122"/>
                    </a:lnTo>
                    <a:lnTo>
                      <a:pt x="90" y="135"/>
                    </a:lnTo>
                    <a:lnTo>
                      <a:pt x="120" y="160"/>
                    </a:lnTo>
                    <a:lnTo>
                      <a:pt x="151" y="186"/>
                    </a:lnTo>
                    <a:lnTo>
                      <a:pt x="165" y="201"/>
                    </a:lnTo>
                    <a:lnTo>
                      <a:pt x="176" y="217"/>
                    </a:lnTo>
                    <a:lnTo>
                      <a:pt x="183" y="225"/>
                    </a:lnTo>
                    <a:lnTo>
                      <a:pt x="188" y="234"/>
                    </a:lnTo>
                    <a:lnTo>
                      <a:pt x="192" y="243"/>
                    </a:lnTo>
                    <a:lnTo>
                      <a:pt x="197" y="253"/>
                    </a:lnTo>
                    <a:lnTo>
                      <a:pt x="197" y="245"/>
                    </a:lnTo>
                    <a:lnTo>
                      <a:pt x="200" y="239"/>
                    </a:lnTo>
                    <a:lnTo>
                      <a:pt x="205" y="232"/>
                    </a:lnTo>
                    <a:lnTo>
                      <a:pt x="211" y="226"/>
                    </a:lnTo>
                    <a:lnTo>
                      <a:pt x="217" y="220"/>
                    </a:lnTo>
                    <a:lnTo>
                      <a:pt x="226" y="216"/>
                    </a:lnTo>
                    <a:lnTo>
                      <a:pt x="233" y="212"/>
                    </a:lnTo>
                    <a:lnTo>
                      <a:pt x="240" y="209"/>
                    </a:lnTo>
                    <a:lnTo>
                      <a:pt x="248" y="206"/>
                    </a:lnTo>
                    <a:lnTo>
                      <a:pt x="254" y="205"/>
                    </a:lnTo>
                    <a:lnTo>
                      <a:pt x="259" y="206"/>
                    </a:lnTo>
                    <a:lnTo>
                      <a:pt x="263" y="209"/>
                    </a:lnTo>
                    <a:lnTo>
                      <a:pt x="264" y="210"/>
                    </a:lnTo>
                    <a:lnTo>
                      <a:pt x="264" y="212"/>
                    </a:lnTo>
                    <a:lnTo>
                      <a:pt x="264" y="215"/>
                    </a:lnTo>
                    <a:lnTo>
                      <a:pt x="263" y="217"/>
                    </a:lnTo>
                    <a:lnTo>
                      <a:pt x="259" y="224"/>
                    </a:lnTo>
                    <a:lnTo>
                      <a:pt x="253" y="234"/>
                    </a:lnTo>
                    <a:lnTo>
                      <a:pt x="256" y="235"/>
                    </a:lnTo>
                    <a:lnTo>
                      <a:pt x="259" y="235"/>
                    </a:lnTo>
                    <a:lnTo>
                      <a:pt x="263" y="234"/>
                    </a:lnTo>
                    <a:lnTo>
                      <a:pt x="267" y="233"/>
                    </a:lnTo>
                    <a:lnTo>
                      <a:pt x="273" y="230"/>
                    </a:lnTo>
                    <a:lnTo>
                      <a:pt x="279" y="226"/>
                    </a:lnTo>
                    <a:lnTo>
                      <a:pt x="286" y="223"/>
                    </a:lnTo>
                    <a:lnTo>
                      <a:pt x="292" y="223"/>
                    </a:lnTo>
                    <a:lnTo>
                      <a:pt x="294" y="224"/>
                    </a:lnTo>
                    <a:lnTo>
                      <a:pt x="296" y="226"/>
                    </a:lnTo>
                    <a:lnTo>
                      <a:pt x="298" y="230"/>
                    </a:lnTo>
                    <a:lnTo>
                      <a:pt x="299" y="234"/>
                    </a:lnTo>
                    <a:lnTo>
                      <a:pt x="297" y="235"/>
                    </a:lnTo>
                    <a:lnTo>
                      <a:pt x="295" y="235"/>
                    </a:lnTo>
                    <a:lnTo>
                      <a:pt x="293" y="237"/>
                    </a:lnTo>
                    <a:lnTo>
                      <a:pt x="292" y="238"/>
                    </a:lnTo>
                    <a:lnTo>
                      <a:pt x="291" y="242"/>
                    </a:lnTo>
                    <a:lnTo>
                      <a:pt x="290" y="248"/>
                    </a:lnTo>
                    <a:lnTo>
                      <a:pt x="289" y="253"/>
                    </a:lnTo>
                    <a:lnTo>
                      <a:pt x="288" y="257"/>
                    </a:lnTo>
                    <a:lnTo>
                      <a:pt x="287" y="259"/>
                    </a:lnTo>
                    <a:lnTo>
                      <a:pt x="285" y="260"/>
                    </a:lnTo>
                    <a:lnTo>
                      <a:pt x="284" y="261"/>
                    </a:lnTo>
                    <a:lnTo>
                      <a:pt x="282" y="262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65" name="Ærø"/>
              <p:cNvSpPr>
                <a:spLocks/>
              </p:cNvSpPr>
              <p:nvPr/>
            </p:nvSpPr>
            <p:spPr bwMode="auto">
              <a:xfrm>
                <a:off x="2349500" y="6143625"/>
                <a:ext cx="39688" cy="30163"/>
              </a:xfrm>
              <a:custGeom>
                <a:avLst/>
                <a:gdLst>
                  <a:gd name="T0" fmla="*/ 9 w 75"/>
                  <a:gd name="T1" fmla="*/ 8 h 57"/>
                  <a:gd name="T2" fmla="*/ 9 w 75"/>
                  <a:gd name="T3" fmla="*/ 5 h 57"/>
                  <a:gd name="T4" fmla="*/ 8 w 75"/>
                  <a:gd name="T5" fmla="*/ 3 h 57"/>
                  <a:gd name="T6" fmla="*/ 5 w 75"/>
                  <a:gd name="T7" fmla="*/ 1 h 57"/>
                  <a:gd name="T8" fmla="*/ 2 w 75"/>
                  <a:gd name="T9" fmla="*/ 1 h 57"/>
                  <a:gd name="T10" fmla="*/ 0 w 75"/>
                  <a:gd name="T11" fmla="*/ 1 h 57"/>
                  <a:gd name="T12" fmla="*/ 1 w 75"/>
                  <a:gd name="T13" fmla="*/ 3 h 57"/>
                  <a:gd name="T14" fmla="*/ 3 w 75"/>
                  <a:gd name="T15" fmla="*/ 4 h 57"/>
                  <a:gd name="T16" fmla="*/ 5 w 75"/>
                  <a:gd name="T17" fmla="*/ 5 h 57"/>
                  <a:gd name="T18" fmla="*/ 4 w 75"/>
                  <a:gd name="T19" fmla="*/ 8 h 57"/>
                  <a:gd name="T20" fmla="*/ 5 w 75"/>
                  <a:gd name="T21" fmla="*/ 10 h 57"/>
                  <a:gd name="T22" fmla="*/ 8 w 75"/>
                  <a:gd name="T23" fmla="*/ 10 h 57"/>
                  <a:gd name="T24" fmla="*/ 9 w 75"/>
                  <a:gd name="T25" fmla="*/ 12 h 57"/>
                  <a:gd name="T26" fmla="*/ 8 w 75"/>
                  <a:gd name="T27" fmla="*/ 13 h 57"/>
                  <a:gd name="T28" fmla="*/ 5 w 75"/>
                  <a:gd name="T29" fmla="*/ 16 h 57"/>
                  <a:gd name="T30" fmla="*/ 3 w 75"/>
                  <a:gd name="T31" fmla="*/ 18 h 57"/>
                  <a:gd name="T32" fmla="*/ 4 w 75"/>
                  <a:gd name="T33" fmla="*/ 19 h 57"/>
                  <a:gd name="T34" fmla="*/ 7 w 75"/>
                  <a:gd name="T35" fmla="*/ 19 h 57"/>
                  <a:gd name="T36" fmla="*/ 8 w 75"/>
                  <a:gd name="T37" fmla="*/ 19 h 57"/>
                  <a:gd name="T38" fmla="*/ 10 w 75"/>
                  <a:gd name="T39" fmla="*/ 17 h 57"/>
                  <a:gd name="T40" fmla="*/ 11 w 75"/>
                  <a:gd name="T41" fmla="*/ 13 h 57"/>
                  <a:gd name="T42" fmla="*/ 12 w 75"/>
                  <a:gd name="T43" fmla="*/ 11 h 57"/>
                  <a:gd name="T44" fmla="*/ 14 w 75"/>
                  <a:gd name="T45" fmla="*/ 10 h 57"/>
                  <a:gd name="T46" fmla="*/ 16 w 75"/>
                  <a:gd name="T47" fmla="*/ 11 h 57"/>
                  <a:gd name="T48" fmla="*/ 17 w 75"/>
                  <a:gd name="T49" fmla="*/ 12 h 57"/>
                  <a:gd name="T50" fmla="*/ 17 w 75"/>
                  <a:gd name="T51" fmla="*/ 14 h 57"/>
                  <a:gd name="T52" fmla="*/ 16 w 75"/>
                  <a:gd name="T53" fmla="*/ 17 h 57"/>
                  <a:gd name="T54" fmla="*/ 16 w 75"/>
                  <a:gd name="T55" fmla="*/ 18 h 57"/>
                  <a:gd name="T56" fmla="*/ 17 w 75"/>
                  <a:gd name="T57" fmla="*/ 19 h 57"/>
                  <a:gd name="T58" fmla="*/ 19 w 75"/>
                  <a:gd name="T59" fmla="*/ 17 h 57"/>
                  <a:gd name="T60" fmla="*/ 21 w 75"/>
                  <a:gd name="T61" fmla="*/ 14 h 57"/>
                  <a:gd name="T62" fmla="*/ 24 w 75"/>
                  <a:gd name="T63" fmla="*/ 11 h 57"/>
                  <a:gd name="T64" fmla="*/ 25 w 75"/>
                  <a:gd name="T65" fmla="*/ 8 h 57"/>
                  <a:gd name="T66" fmla="*/ 25 w 75"/>
                  <a:gd name="T67" fmla="*/ 5 h 57"/>
                  <a:gd name="T68" fmla="*/ 23 w 75"/>
                  <a:gd name="T69" fmla="*/ 3 h 57"/>
                  <a:gd name="T70" fmla="*/ 21 w 75"/>
                  <a:gd name="T71" fmla="*/ 2 h 57"/>
                  <a:gd name="T72" fmla="*/ 19 w 75"/>
                  <a:gd name="T73" fmla="*/ 1 h 57"/>
                  <a:gd name="T74" fmla="*/ 16 w 75"/>
                  <a:gd name="T75" fmla="*/ 0 h 57"/>
                  <a:gd name="T76" fmla="*/ 14 w 75"/>
                  <a:gd name="T77" fmla="*/ 3 h 57"/>
                  <a:gd name="T78" fmla="*/ 11 w 75"/>
                  <a:gd name="T79" fmla="*/ 8 h 57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0" t="0" r="r" b="b"/>
                <a:pathLst>
                  <a:path w="75" h="57">
                    <a:moveTo>
                      <a:pt x="26" y="29"/>
                    </a:moveTo>
                    <a:lnTo>
                      <a:pt x="28" y="24"/>
                    </a:lnTo>
                    <a:lnTo>
                      <a:pt x="28" y="19"/>
                    </a:lnTo>
                    <a:lnTo>
                      <a:pt x="27" y="15"/>
                    </a:lnTo>
                    <a:lnTo>
                      <a:pt x="25" y="12"/>
                    </a:lnTo>
                    <a:lnTo>
                      <a:pt x="23" y="9"/>
                    </a:lnTo>
                    <a:lnTo>
                      <a:pt x="19" y="7"/>
                    </a:lnTo>
                    <a:lnTo>
                      <a:pt x="16" y="4"/>
                    </a:lnTo>
                    <a:lnTo>
                      <a:pt x="12" y="3"/>
                    </a:lnTo>
                    <a:lnTo>
                      <a:pt x="5" y="2"/>
                    </a:lnTo>
                    <a:lnTo>
                      <a:pt x="0" y="3"/>
                    </a:lnTo>
                    <a:lnTo>
                      <a:pt x="0" y="4"/>
                    </a:lnTo>
                    <a:lnTo>
                      <a:pt x="1" y="5"/>
                    </a:lnTo>
                    <a:lnTo>
                      <a:pt x="3" y="8"/>
                    </a:lnTo>
                    <a:lnTo>
                      <a:pt x="7" y="11"/>
                    </a:lnTo>
                    <a:lnTo>
                      <a:pt x="10" y="12"/>
                    </a:lnTo>
                    <a:lnTo>
                      <a:pt x="13" y="13"/>
                    </a:lnTo>
                    <a:lnTo>
                      <a:pt x="14" y="15"/>
                    </a:lnTo>
                    <a:lnTo>
                      <a:pt x="14" y="17"/>
                    </a:lnTo>
                    <a:lnTo>
                      <a:pt x="12" y="23"/>
                    </a:lnTo>
                    <a:lnTo>
                      <a:pt x="7" y="29"/>
                    </a:lnTo>
                    <a:lnTo>
                      <a:pt x="16" y="30"/>
                    </a:lnTo>
                    <a:lnTo>
                      <a:pt x="21" y="30"/>
                    </a:lnTo>
                    <a:lnTo>
                      <a:pt x="25" y="31"/>
                    </a:lnTo>
                    <a:lnTo>
                      <a:pt x="26" y="33"/>
                    </a:lnTo>
                    <a:lnTo>
                      <a:pt x="27" y="35"/>
                    </a:lnTo>
                    <a:lnTo>
                      <a:pt x="25" y="37"/>
                    </a:lnTo>
                    <a:lnTo>
                      <a:pt x="23" y="40"/>
                    </a:lnTo>
                    <a:lnTo>
                      <a:pt x="21" y="42"/>
                    </a:lnTo>
                    <a:lnTo>
                      <a:pt x="15" y="48"/>
                    </a:lnTo>
                    <a:lnTo>
                      <a:pt x="10" y="53"/>
                    </a:lnTo>
                    <a:lnTo>
                      <a:pt x="9" y="55"/>
                    </a:lnTo>
                    <a:lnTo>
                      <a:pt x="10" y="56"/>
                    </a:lnTo>
                    <a:lnTo>
                      <a:pt x="13" y="57"/>
                    </a:lnTo>
                    <a:lnTo>
                      <a:pt x="17" y="57"/>
                    </a:lnTo>
                    <a:lnTo>
                      <a:pt x="20" y="57"/>
                    </a:lnTo>
                    <a:lnTo>
                      <a:pt x="23" y="57"/>
                    </a:lnTo>
                    <a:lnTo>
                      <a:pt x="25" y="56"/>
                    </a:lnTo>
                    <a:lnTo>
                      <a:pt x="27" y="54"/>
                    </a:lnTo>
                    <a:lnTo>
                      <a:pt x="30" y="50"/>
                    </a:lnTo>
                    <a:lnTo>
                      <a:pt x="32" y="44"/>
                    </a:lnTo>
                    <a:lnTo>
                      <a:pt x="34" y="39"/>
                    </a:lnTo>
                    <a:lnTo>
                      <a:pt x="36" y="34"/>
                    </a:lnTo>
                    <a:lnTo>
                      <a:pt x="37" y="33"/>
                    </a:lnTo>
                    <a:lnTo>
                      <a:pt x="39" y="31"/>
                    </a:lnTo>
                    <a:lnTo>
                      <a:pt x="42" y="30"/>
                    </a:lnTo>
                    <a:lnTo>
                      <a:pt x="44" y="29"/>
                    </a:lnTo>
                    <a:lnTo>
                      <a:pt x="48" y="32"/>
                    </a:lnTo>
                    <a:lnTo>
                      <a:pt x="50" y="34"/>
                    </a:lnTo>
                    <a:lnTo>
                      <a:pt x="52" y="36"/>
                    </a:lnTo>
                    <a:lnTo>
                      <a:pt x="52" y="38"/>
                    </a:lnTo>
                    <a:lnTo>
                      <a:pt x="52" y="42"/>
                    </a:lnTo>
                    <a:lnTo>
                      <a:pt x="49" y="47"/>
                    </a:lnTo>
                    <a:lnTo>
                      <a:pt x="47" y="50"/>
                    </a:lnTo>
                    <a:lnTo>
                      <a:pt x="46" y="53"/>
                    </a:lnTo>
                    <a:lnTo>
                      <a:pt x="47" y="54"/>
                    </a:lnTo>
                    <a:lnTo>
                      <a:pt x="48" y="55"/>
                    </a:lnTo>
                    <a:lnTo>
                      <a:pt x="50" y="56"/>
                    </a:lnTo>
                    <a:lnTo>
                      <a:pt x="54" y="57"/>
                    </a:lnTo>
                    <a:lnTo>
                      <a:pt x="56" y="52"/>
                    </a:lnTo>
                    <a:lnTo>
                      <a:pt x="60" y="47"/>
                    </a:lnTo>
                    <a:lnTo>
                      <a:pt x="64" y="42"/>
                    </a:lnTo>
                    <a:lnTo>
                      <a:pt x="67" y="38"/>
                    </a:lnTo>
                    <a:lnTo>
                      <a:pt x="72" y="34"/>
                    </a:lnTo>
                    <a:lnTo>
                      <a:pt x="74" y="28"/>
                    </a:lnTo>
                    <a:lnTo>
                      <a:pt x="75" y="24"/>
                    </a:lnTo>
                    <a:lnTo>
                      <a:pt x="75" y="20"/>
                    </a:lnTo>
                    <a:lnTo>
                      <a:pt x="74" y="16"/>
                    </a:lnTo>
                    <a:lnTo>
                      <a:pt x="73" y="11"/>
                    </a:lnTo>
                    <a:lnTo>
                      <a:pt x="68" y="10"/>
                    </a:lnTo>
                    <a:lnTo>
                      <a:pt x="65" y="9"/>
                    </a:lnTo>
                    <a:lnTo>
                      <a:pt x="62" y="7"/>
                    </a:lnTo>
                    <a:lnTo>
                      <a:pt x="60" y="4"/>
                    </a:lnTo>
                    <a:lnTo>
                      <a:pt x="57" y="2"/>
                    </a:lnTo>
                    <a:lnTo>
                      <a:pt x="54" y="1"/>
                    </a:lnTo>
                    <a:lnTo>
                      <a:pt x="49" y="0"/>
                    </a:lnTo>
                    <a:lnTo>
                      <a:pt x="44" y="1"/>
                    </a:lnTo>
                    <a:lnTo>
                      <a:pt x="41" y="9"/>
                    </a:lnTo>
                    <a:lnTo>
                      <a:pt x="37" y="17"/>
                    </a:lnTo>
                    <a:lnTo>
                      <a:pt x="32" y="23"/>
                    </a:lnTo>
                    <a:lnTo>
                      <a:pt x="26" y="29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66" name="Ærø"/>
              <p:cNvSpPr>
                <a:spLocks/>
              </p:cNvSpPr>
              <p:nvPr/>
            </p:nvSpPr>
            <p:spPr bwMode="auto">
              <a:xfrm>
                <a:off x="2349500" y="6143625"/>
                <a:ext cx="39688" cy="30163"/>
              </a:xfrm>
              <a:custGeom>
                <a:avLst/>
                <a:gdLst>
                  <a:gd name="T0" fmla="*/ 9 w 75"/>
                  <a:gd name="T1" fmla="*/ 8 h 57"/>
                  <a:gd name="T2" fmla="*/ 9 w 75"/>
                  <a:gd name="T3" fmla="*/ 5 h 57"/>
                  <a:gd name="T4" fmla="*/ 8 w 75"/>
                  <a:gd name="T5" fmla="*/ 3 h 57"/>
                  <a:gd name="T6" fmla="*/ 5 w 75"/>
                  <a:gd name="T7" fmla="*/ 1 h 57"/>
                  <a:gd name="T8" fmla="*/ 2 w 75"/>
                  <a:gd name="T9" fmla="*/ 1 h 57"/>
                  <a:gd name="T10" fmla="*/ 0 w 75"/>
                  <a:gd name="T11" fmla="*/ 1 h 57"/>
                  <a:gd name="T12" fmla="*/ 1 w 75"/>
                  <a:gd name="T13" fmla="*/ 3 h 57"/>
                  <a:gd name="T14" fmla="*/ 3 w 75"/>
                  <a:gd name="T15" fmla="*/ 4 h 57"/>
                  <a:gd name="T16" fmla="*/ 5 w 75"/>
                  <a:gd name="T17" fmla="*/ 5 h 57"/>
                  <a:gd name="T18" fmla="*/ 4 w 75"/>
                  <a:gd name="T19" fmla="*/ 8 h 57"/>
                  <a:gd name="T20" fmla="*/ 5 w 75"/>
                  <a:gd name="T21" fmla="*/ 10 h 57"/>
                  <a:gd name="T22" fmla="*/ 8 w 75"/>
                  <a:gd name="T23" fmla="*/ 10 h 57"/>
                  <a:gd name="T24" fmla="*/ 9 w 75"/>
                  <a:gd name="T25" fmla="*/ 12 h 57"/>
                  <a:gd name="T26" fmla="*/ 8 w 75"/>
                  <a:gd name="T27" fmla="*/ 13 h 57"/>
                  <a:gd name="T28" fmla="*/ 5 w 75"/>
                  <a:gd name="T29" fmla="*/ 16 h 57"/>
                  <a:gd name="T30" fmla="*/ 3 w 75"/>
                  <a:gd name="T31" fmla="*/ 18 h 57"/>
                  <a:gd name="T32" fmla="*/ 4 w 75"/>
                  <a:gd name="T33" fmla="*/ 19 h 57"/>
                  <a:gd name="T34" fmla="*/ 7 w 75"/>
                  <a:gd name="T35" fmla="*/ 19 h 57"/>
                  <a:gd name="T36" fmla="*/ 8 w 75"/>
                  <a:gd name="T37" fmla="*/ 19 h 57"/>
                  <a:gd name="T38" fmla="*/ 10 w 75"/>
                  <a:gd name="T39" fmla="*/ 17 h 57"/>
                  <a:gd name="T40" fmla="*/ 11 w 75"/>
                  <a:gd name="T41" fmla="*/ 13 h 57"/>
                  <a:gd name="T42" fmla="*/ 12 w 75"/>
                  <a:gd name="T43" fmla="*/ 11 h 57"/>
                  <a:gd name="T44" fmla="*/ 14 w 75"/>
                  <a:gd name="T45" fmla="*/ 10 h 57"/>
                  <a:gd name="T46" fmla="*/ 16 w 75"/>
                  <a:gd name="T47" fmla="*/ 11 h 57"/>
                  <a:gd name="T48" fmla="*/ 17 w 75"/>
                  <a:gd name="T49" fmla="*/ 12 h 57"/>
                  <a:gd name="T50" fmla="*/ 17 w 75"/>
                  <a:gd name="T51" fmla="*/ 14 h 57"/>
                  <a:gd name="T52" fmla="*/ 16 w 75"/>
                  <a:gd name="T53" fmla="*/ 17 h 57"/>
                  <a:gd name="T54" fmla="*/ 16 w 75"/>
                  <a:gd name="T55" fmla="*/ 18 h 57"/>
                  <a:gd name="T56" fmla="*/ 17 w 75"/>
                  <a:gd name="T57" fmla="*/ 19 h 57"/>
                  <a:gd name="T58" fmla="*/ 19 w 75"/>
                  <a:gd name="T59" fmla="*/ 17 h 57"/>
                  <a:gd name="T60" fmla="*/ 21 w 75"/>
                  <a:gd name="T61" fmla="*/ 14 h 57"/>
                  <a:gd name="T62" fmla="*/ 24 w 75"/>
                  <a:gd name="T63" fmla="*/ 11 h 57"/>
                  <a:gd name="T64" fmla="*/ 25 w 75"/>
                  <a:gd name="T65" fmla="*/ 8 h 57"/>
                  <a:gd name="T66" fmla="*/ 25 w 75"/>
                  <a:gd name="T67" fmla="*/ 5 h 57"/>
                  <a:gd name="T68" fmla="*/ 23 w 75"/>
                  <a:gd name="T69" fmla="*/ 3 h 57"/>
                  <a:gd name="T70" fmla="*/ 21 w 75"/>
                  <a:gd name="T71" fmla="*/ 2 h 57"/>
                  <a:gd name="T72" fmla="*/ 19 w 75"/>
                  <a:gd name="T73" fmla="*/ 1 h 57"/>
                  <a:gd name="T74" fmla="*/ 16 w 75"/>
                  <a:gd name="T75" fmla="*/ 0 h 57"/>
                  <a:gd name="T76" fmla="*/ 14 w 75"/>
                  <a:gd name="T77" fmla="*/ 3 h 57"/>
                  <a:gd name="T78" fmla="*/ 11 w 75"/>
                  <a:gd name="T79" fmla="*/ 8 h 57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0" t="0" r="r" b="b"/>
                <a:pathLst>
                  <a:path w="75" h="57">
                    <a:moveTo>
                      <a:pt x="26" y="29"/>
                    </a:moveTo>
                    <a:lnTo>
                      <a:pt x="28" y="24"/>
                    </a:lnTo>
                    <a:lnTo>
                      <a:pt x="28" y="19"/>
                    </a:lnTo>
                    <a:lnTo>
                      <a:pt x="27" y="15"/>
                    </a:lnTo>
                    <a:lnTo>
                      <a:pt x="25" y="12"/>
                    </a:lnTo>
                    <a:lnTo>
                      <a:pt x="23" y="9"/>
                    </a:lnTo>
                    <a:lnTo>
                      <a:pt x="19" y="7"/>
                    </a:lnTo>
                    <a:lnTo>
                      <a:pt x="16" y="4"/>
                    </a:lnTo>
                    <a:lnTo>
                      <a:pt x="12" y="3"/>
                    </a:lnTo>
                    <a:lnTo>
                      <a:pt x="5" y="2"/>
                    </a:lnTo>
                    <a:lnTo>
                      <a:pt x="0" y="3"/>
                    </a:lnTo>
                    <a:lnTo>
                      <a:pt x="0" y="4"/>
                    </a:lnTo>
                    <a:lnTo>
                      <a:pt x="1" y="5"/>
                    </a:lnTo>
                    <a:lnTo>
                      <a:pt x="3" y="8"/>
                    </a:lnTo>
                    <a:lnTo>
                      <a:pt x="7" y="11"/>
                    </a:lnTo>
                    <a:lnTo>
                      <a:pt x="10" y="12"/>
                    </a:lnTo>
                    <a:lnTo>
                      <a:pt x="13" y="13"/>
                    </a:lnTo>
                    <a:lnTo>
                      <a:pt x="14" y="15"/>
                    </a:lnTo>
                    <a:lnTo>
                      <a:pt x="14" y="17"/>
                    </a:lnTo>
                    <a:lnTo>
                      <a:pt x="12" y="23"/>
                    </a:lnTo>
                    <a:lnTo>
                      <a:pt x="7" y="29"/>
                    </a:lnTo>
                    <a:lnTo>
                      <a:pt x="16" y="30"/>
                    </a:lnTo>
                    <a:lnTo>
                      <a:pt x="21" y="30"/>
                    </a:lnTo>
                    <a:lnTo>
                      <a:pt x="25" y="31"/>
                    </a:lnTo>
                    <a:lnTo>
                      <a:pt x="26" y="33"/>
                    </a:lnTo>
                    <a:lnTo>
                      <a:pt x="27" y="35"/>
                    </a:lnTo>
                    <a:lnTo>
                      <a:pt x="25" y="37"/>
                    </a:lnTo>
                    <a:lnTo>
                      <a:pt x="23" y="40"/>
                    </a:lnTo>
                    <a:lnTo>
                      <a:pt x="21" y="42"/>
                    </a:lnTo>
                    <a:lnTo>
                      <a:pt x="15" y="48"/>
                    </a:lnTo>
                    <a:lnTo>
                      <a:pt x="10" y="53"/>
                    </a:lnTo>
                    <a:lnTo>
                      <a:pt x="9" y="55"/>
                    </a:lnTo>
                    <a:lnTo>
                      <a:pt x="10" y="56"/>
                    </a:lnTo>
                    <a:lnTo>
                      <a:pt x="13" y="57"/>
                    </a:lnTo>
                    <a:lnTo>
                      <a:pt x="17" y="57"/>
                    </a:lnTo>
                    <a:lnTo>
                      <a:pt x="20" y="57"/>
                    </a:lnTo>
                    <a:lnTo>
                      <a:pt x="23" y="57"/>
                    </a:lnTo>
                    <a:lnTo>
                      <a:pt x="25" y="56"/>
                    </a:lnTo>
                    <a:lnTo>
                      <a:pt x="27" y="54"/>
                    </a:lnTo>
                    <a:lnTo>
                      <a:pt x="30" y="50"/>
                    </a:lnTo>
                    <a:lnTo>
                      <a:pt x="32" y="44"/>
                    </a:lnTo>
                    <a:lnTo>
                      <a:pt x="34" y="39"/>
                    </a:lnTo>
                    <a:lnTo>
                      <a:pt x="36" y="34"/>
                    </a:lnTo>
                    <a:lnTo>
                      <a:pt x="37" y="33"/>
                    </a:lnTo>
                    <a:lnTo>
                      <a:pt x="39" y="31"/>
                    </a:lnTo>
                    <a:lnTo>
                      <a:pt x="42" y="30"/>
                    </a:lnTo>
                    <a:lnTo>
                      <a:pt x="44" y="29"/>
                    </a:lnTo>
                    <a:lnTo>
                      <a:pt x="48" y="32"/>
                    </a:lnTo>
                    <a:lnTo>
                      <a:pt x="50" y="34"/>
                    </a:lnTo>
                    <a:lnTo>
                      <a:pt x="52" y="36"/>
                    </a:lnTo>
                    <a:lnTo>
                      <a:pt x="52" y="38"/>
                    </a:lnTo>
                    <a:lnTo>
                      <a:pt x="52" y="42"/>
                    </a:lnTo>
                    <a:lnTo>
                      <a:pt x="49" y="47"/>
                    </a:lnTo>
                    <a:lnTo>
                      <a:pt x="47" y="50"/>
                    </a:lnTo>
                    <a:lnTo>
                      <a:pt x="46" y="53"/>
                    </a:lnTo>
                    <a:lnTo>
                      <a:pt x="47" y="54"/>
                    </a:lnTo>
                    <a:lnTo>
                      <a:pt x="48" y="55"/>
                    </a:lnTo>
                    <a:lnTo>
                      <a:pt x="50" y="56"/>
                    </a:lnTo>
                    <a:lnTo>
                      <a:pt x="54" y="57"/>
                    </a:lnTo>
                    <a:lnTo>
                      <a:pt x="56" y="52"/>
                    </a:lnTo>
                    <a:lnTo>
                      <a:pt x="60" y="47"/>
                    </a:lnTo>
                    <a:lnTo>
                      <a:pt x="64" y="42"/>
                    </a:lnTo>
                    <a:lnTo>
                      <a:pt x="67" y="38"/>
                    </a:lnTo>
                    <a:lnTo>
                      <a:pt x="72" y="34"/>
                    </a:lnTo>
                    <a:lnTo>
                      <a:pt x="74" y="28"/>
                    </a:lnTo>
                    <a:lnTo>
                      <a:pt x="75" y="24"/>
                    </a:lnTo>
                    <a:lnTo>
                      <a:pt x="75" y="20"/>
                    </a:lnTo>
                    <a:lnTo>
                      <a:pt x="74" y="16"/>
                    </a:lnTo>
                    <a:lnTo>
                      <a:pt x="73" y="11"/>
                    </a:lnTo>
                    <a:lnTo>
                      <a:pt x="68" y="10"/>
                    </a:lnTo>
                    <a:lnTo>
                      <a:pt x="65" y="9"/>
                    </a:lnTo>
                    <a:lnTo>
                      <a:pt x="62" y="7"/>
                    </a:lnTo>
                    <a:lnTo>
                      <a:pt x="60" y="4"/>
                    </a:lnTo>
                    <a:lnTo>
                      <a:pt x="57" y="2"/>
                    </a:lnTo>
                    <a:lnTo>
                      <a:pt x="54" y="1"/>
                    </a:lnTo>
                    <a:lnTo>
                      <a:pt x="49" y="0"/>
                    </a:lnTo>
                    <a:lnTo>
                      <a:pt x="44" y="1"/>
                    </a:lnTo>
                    <a:lnTo>
                      <a:pt x="41" y="9"/>
                    </a:lnTo>
                    <a:lnTo>
                      <a:pt x="37" y="17"/>
                    </a:lnTo>
                    <a:lnTo>
                      <a:pt x="32" y="23"/>
                    </a:lnTo>
                    <a:lnTo>
                      <a:pt x="26" y="29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67" name="Ærø"/>
              <p:cNvSpPr>
                <a:spLocks/>
              </p:cNvSpPr>
              <p:nvPr/>
            </p:nvSpPr>
            <p:spPr bwMode="auto">
              <a:xfrm>
                <a:off x="2322513" y="6145213"/>
                <a:ext cx="20638" cy="28575"/>
              </a:xfrm>
              <a:custGeom>
                <a:avLst/>
                <a:gdLst>
                  <a:gd name="T0" fmla="*/ 0 w 40"/>
                  <a:gd name="T1" fmla="*/ 3 h 55"/>
                  <a:gd name="T2" fmla="*/ 2 w 40"/>
                  <a:gd name="T3" fmla="*/ 9 h 55"/>
                  <a:gd name="T4" fmla="*/ 4 w 40"/>
                  <a:gd name="T5" fmla="*/ 12 h 55"/>
                  <a:gd name="T6" fmla="*/ 5 w 40"/>
                  <a:gd name="T7" fmla="*/ 15 h 55"/>
                  <a:gd name="T8" fmla="*/ 6 w 40"/>
                  <a:gd name="T9" fmla="*/ 18 h 55"/>
                  <a:gd name="T10" fmla="*/ 7 w 40"/>
                  <a:gd name="T11" fmla="*/ 16 h 55"/>
                  <a:gd name="T12" fmla="*/ 8 w 40"/>
                  <a:gd name="T13" fmla="*/ 15 h 55"/>
                  <a:gd name="T14" fmla="*/ 10 w 40"/>
                  <a:gd name="T15" fmla="*/ 13 h 55"/>
                  <a:gd name="T16" fmla="*/ 11 w 40"/>
                  <a:gd name="T17" fmla="*/ 12 h 55"/>
                  <a:gd name="T18" fmla="*/ 12 w 40"/>
                  <a:gd name="T19" fmla="*/ 10 h 55"/>
                  <a:gd name="T20" fmla="*/ 13 w 40"/>
                  <a:gd name="T21" fmla="*/ 9 h 55"/>
                  <a:gd name="T22" fmla="*/ 13 w 40"/>
                  <a:gd name="T23" fmla="*/ 7 h 55"/>
                  <a:gd name="T24" fmla="*/ 13 w 40"/>
                  <a:gd name="T25" fmla="*/ 6 h 55"/>
                  <a:gd name="T26" fmla="*/ 13 w 40"/>
                  <a:gd name="T27" fmla="*/ 5 h 55"/>
                  <a:gd name="T28" fmla="*/ 12 w 40"/>
                  <a:gd name="T29" fmla="*/ 3 h 55"/>
                  <a:gd name="T30" fmla="*/ 11 w 40"/>
                  <a:gd name="T31" fmla="*/ 2 h 55"/>
                  <a:gd name="T32" fmla="*/ 9 w 40"/>
                  <a:gd name="T33" fmla="*/ 1 h 55"/>
                  <a:gd name="T34" fmla="*/ 8 w 40"/>
                  <a:gd name="T35" fmla="*/ 0 h 55"/>
                  <a:gd name="T36" fmla="*/ 6 w 40"/>
                  <a:gd name="T37" fmla="*/ 0 h 55"/>
                  <a:gd name="T38" fmla="*/ 5 w 40"/>
                  <a:gd name="T39" fmla="*/ 0 h 55"/>
                  <a:gd name="T40" fmla="*/ 4 w 40"/>
                  <a:gd name="T41" fmla="*/ 1 h 55"/>
                  <a:gd name="T42" fmla="*/ 2 w 40"/>
                  <a:gd name="T43" fmla="*/ 2 h 55"/>
                  <a:gd name="T44" fmla="*/ 0 w 40"/>
                  <a:gd name="T45" fmla="*/ 3 h 55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40" h="55">
                    <a:moveTo>
                      <a:pt x="0" y="9"/>
                    </a:moveTo>
                    <a:lnTo>
                      <a:pt x="7" y="26"/>
                    </a:lnTo>
                    <a:lnTo>
                      <a:pt x="12" y="37"/>
                    </a:lnTo>
                    <a:lnTo>
                      <a:pt x="16" y="47"/>
                    </a:lnTo>
                    <a:lnTo>
                      <a:pt x="19" y="55"/>
                    </a:lnTo>
                    <a:lnTo>
                      <a:pt x="22" y="50"/>
                    </a:lnTo>
                    <a:lnTo>
                      <a:pt x="26" y="45"/>
                    </a:lnTo>
                    <a:lnTo>
                      <a:pt x="30" y="40"/>
                    </a:lnTo>
                    <a:lnTo>
                      <a:pt x="33" y="36"/>
                    </a:lnTo>
                    <a:lnTo>
                      <a:pt x="37" y="32"/>
                    </a:lnTo>
                    <a:lnTo>
                      <a:pt x="39" y="26"/>
                    </a:lnTo>
                    <a:lnTo>
                      <a:pt x="40" y="22"/>
                    </a:lnTo>
                    <a:lnTo>
                      <a:pt x="40" y="18"/>
                    </a:lnTo>
                    <a:lnTo>
                      <a:pt x="39" y="14"/>
                    </a:lnTo>
                    <a:lnTo>
                      <a:pt x="38" y="9"/>
                    </a:lnTo>
                    <a:lnTo>
                      <a:pt x="33" y="5"/>
                    </a:lnTo>
                    <a:lnTo>
                      <a:pt x="29" y="2"/>
                    </a:lnTo>
                    <a:lnTo>
                      <a:pt x="24" y="0"/>
                    </a:lnTo>
                    <a:lnTo>
                      <a:pt x="19" y="0"/>
                    </a:lnTo>
                    <a:lnTo>
                      <a:pt x="15" y="0"/>
                    </a:lnTo>
                    <a:lnTo>
                      <a:pt x="11" y="2"/>
                    </a:lnTo>
                    <a:lnTo>
                      <a:pt x="6" y="5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68" name="Freeform 382"/>
              <p:cNvSpPr>
                <a:spLocks/>
              </p:cNvSpPr>
              <p:nvPr/>
            </p:nvSpPr>
            <p:spPr bwMode="auto">
              <a:xfrm>
                <a:off x="2322513" y="6145213"/>
                <a:ext cx="20638" cy="28575"/>
              </a:xfrm>
              <a:custGeom>
                <a:avLst/>
                <a:gdLst>
                  <a:gd name="T0" fmla="*/ 0 w 40"/>
                  <a:gd name="T1" fmla="*/ 3 h 55"/>
                  <a:gd name="T2" fmla="*/ 2 w 40"/>
                  <a:gd name="T3" fmla="*/ 9 h 55"/>
                  <a:gd name="T4" fmla="*/ 4 w 40"/>
                  <a:gd name="T5" fmla="*/ 12 h 55"/>
                  <a:gd name="T6" fmla="*/ 5 w 40"/>
                  <a:gd name="T7" fmla="*/ 15 h 55"/>
                  <a:gd name="T8" fmla="*/ 6 w 40"/>
                  <a:gd name="T9" fmla="*/ 18 h 55"/>
                  <a:gd name="T10" fmla="*/ 7 w 40"/>
                  <a:gd name="T11" fmla="*/ 16 h 55"/>
                  <a:gd name="T12" fmla="*/ 8 w 40"/>
                  <a:gd name="T13" fmla="*/ 15 h 55"/>
                  <a:gd name="T14" fmla="*/ 10 w 40"/>
                  <a:gd name="T15" fmla="*/ 13 h 55"/>
                  <a:gd name="T16" fmla="*/ 11 w 40"/>
                  <a:gd name="T17" fmla="*/ 12 h 55"/>
                  <a:gd name="T18" fmla="*/ 12 w 40"/>
                  <a:gd name="T19" fmla="*/ 10 h 55"/>
                  <a:gd name="T20" fmla="*/ 13 w 40"/>
                  <a:gd name="T21" fmla="*/ 9 h 55"/>
                  <a:gd name="T22" fmla="*/ 13 w 40"/>
                  <a:gd name="T23" fmla="*/ 7 h 55"/>
                  <a:gd name="T24" fmla="*/ 13 w 40"/>
                  <a:gd name="T25" fmla="*/ 6 h 55"/>
                  <a:gd name="T26" fmla="*/ 13 w 40"/>
                  <a:gd name="T27" fmla="*/ 5 h 55"/>
                  <a:gd name="T28" fmla="*/ 12 w 40"/>
                  <a:gd name="T29" fmla="*/ 3 h 55"/>
                  <a:gd name="T30" fmla="*/ 11 w 40"/>
                  <a:gd name="T31" fmla="*/ 2 h 55"/>
                  <a:gd name="T32" fmla="*/ 9 w 40"/>
                  <a:gd name="T33" fmla="*/ 1 h 55"/>
                  <a:gd name="T34" fmla="*/ 8 w 40"/>
                  <a:gd name="T35" fmla="*/ 0 h 55"/>
                  <a:gd name="T36" fmla="*/ 6 w 40"/>
                  <a:gd name="T37" fmla="*/ 0 h 55"/>
                  <a:gd name="T38" fmla="*/ 5 w 40"/>
                  <a:gd name="T39" fmla="*/ 0 h 55"/>
                  <a:gd name="T40" fmla="*/ 4 w 40"/>
                  <a:gd name="T41" fmla="*/ 1 h 55"/>
                  <a:gd name="T42" fmla="*/ 2 w 40"/>
                  <a:gd name="T43" fmla="*/ 2 h 55"/>
                  <a:gd name="T44" fmla="*/ 0 w 40"/>
                  <a:gd name="T45" fmla="*/ 3 h 55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40" h="55">
                    <a:moveTo>
                      <a:pt x="0" y="9"/>
                    </a:moveTo>
                    <a:lnTo>
                      <a:pt x="7" y="26"/>
                    </a:lnTo>
                    <a:lnTo>
                      <a:pt x="12" y="37"/>
                    </a:lnTo>
                    <a:lnTo>
                      <a:pt x="16" y="47"/>
                    </a:lnTo>
                    <a:lnTo>
                      <a:pt x="19" y="55"/>
                    </a:lnTo>
                    <a:lnTo>
                      <a:pt x="22" y="50"/>
                    </a:lnTo>
                    <a:lnTo>
                      <a:pt x="26" y="45"/>
                    </a:lnTo>
                    <a:lnTo>
                      <a:pt x="30" y="40"/>
                    </a:lnTo>
                    <a:lnTo>
                      <a:pt x="33" y="36"/>
                    </a:lnTo>
                    <a:lnTo>
                      <a:pt x="37" y="32"/>
                    </a:lnTo>
                    <a:lnTo>
                      <a:pt x="39" y="26"/>
                    </a:lnTo>
                    <a:lnTo>
                      <a:pt x="40" y="22"/>
                    </a:lnTo>
                    <a:lnTo>
                      <a:pt x="40" y="18"/>
                    </a:lnTo>
                    <a:lnTo>
                      <a:pt x="39" y="14"/>
                    </a:lnTo>
                    <a:lnTo>
                      <a:pt x="38" y="9"/>
                    </a:lnTo>
                    <a:lnTo>
                      <a:pt x="33" y="5"/>
                    </a:lnTo>
                    <a:lnTo>
                      <a:pt x="29" y="2"/>
                    </a:lnTo>
                    <a:lnTo>
                      <a:pt x="24" y="0"/>
                    </a:lnTo>
                    <a:lnTo>
                      <a:pt x="19" y="0"/>
                    </a:lnTo>
                    <a:lnTo>
                      <a:pt x="15" y="0"/>
                    </a:lnTo>
                    <a:lnTo>
                      <a:pt x="11" y="2"/>
                    </a:lnTo>
                    <a:lnTo>
                      <a:pt x="6" y="5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69" name="Ærø kant"/>
              <p:cNvSpPr>
                <a:spLocks/>
              </p:cNvSpPr>
              <p:nvPr/>
            </p:nvSpPr>
            <p:spPr bwMode="auto">
              <a:xfrm>
                <a:off x="2259013" y="5995988"/>
                <a:ext cx="222250" cy="163513"/>
              </a:xfrm>
              <a:custGeom>
                <a:avLst/>
                <a:gdLst>
                  <a:gd name="T0" fmla="*/ 98 w 422"/>
                  <a:gd name="T1" fmla="*/ 75 h 309"/>
                  <a:gd name="T2" fmla="*/ 95 w 422"/>
                  <a:gd name="T3" fmla="*/ 74 h 309"/>
                  <a:gd name="T4" fmla="*/ 89 w 422"/>
                  <a:gd name="T5" fmla="*/ 78 h 309"/>
                  <a:gd name="T6" fmla="*/ 85 w 422"/>
                  <a:gd name="T7" fmla="*/ 78 h 309"/>
                  <a:gd name="T8" fmla="*/ 87 w 422"/>
                  <a:gd name="T9" fmla="*/ 72 h 309"/>
                  <a:gd name="T10" fmla="*/ 88 w 422"/>
                  <a:gd name="T11" fmla="*/ 70 h 309"/>
                  <a:gd name="T12" fmla="*/ 84 w 422"/>
                  <a:gd name="T13" fmla="*/ 68 h 309"/>
                  <a:gd name="T14" fmla="*/ 77 w 422"/>
                  <a:gd name="T15" fmla="*/ 71 h 309"/>
                  <a:gd name="T16" fmla="*/ 70 w 422"/>
                  <a:gd name="T17" fmla="*/ 75 h 309"/>
                  <a:gd name="T18" fmla="*/ 65 w 422"/>
                  <a:gd name="T19" fmla="*/ 82 h 309"/>
                  <a:gd name="T20" fmla="*/ 62 w 422"/>
                  <a:gd name="T21" fmla="*/ 78 h 309"/>
                  <a:gd name="T22" fmla="*/ 55 w 422"/>
                  <a:gd name="T23" fmla="*/ 67 h 309"/>
                  <a:gd name="T24" fmla="*/ 30 w 422"/>
                  <a:gd name="T25" fmla="*/ 45 h 309"/>
                  <a:gd name="T26" fmla="*/ 16 w 422"/>
                  <a:gd name="T27" fmla="*/ 32 h 309"/>
                  <a:gd name="T28" fmla="*/ 7 w 422"/>
                  <a:gd name="T29" fmla="*/ 21 h 309"/>
                  <a:gd name="T30" fmla="*/ 3 w 422"/>
                  <a:gd name="T31" fmla="*/ 11 h 309"/>
                  <a:gd name="T32" fmla="*/ 0 w 422"/>
                  <a:gd name="T33" fmla="*/ 0 h 309"/>
                  <a:gd name="T34" fmla="*/ 9 w 422"/>
                  <a:gd name="T35" fmla="*/ 2 h 309"/>
                  <a:gd name="T36" fmla="*/ 21 w 422"/>
                  <a:gd name="T37" fmla="*/ 9 h 309"/>
                  <a:gd name="T38" fmla="*/ 33 w 422"/>
                  <a:gd name="T39" fmla="*/ 19 h 309"/>
                  <a:gd name="T40" fmla="*/ 49 w 422"/>
                  <a:gd name="T41" fmla="*/ 40 h 309"/>
                  <a:gd name="T42" fmla="*/ 61 w 422"/>
                  <a:gd name="T43" fmla="*/ 50 h 309"/>
                  <a:gd name="T44" fmla="*/ 69 w 422"/>
                  <a:gd name="T45" fmla="*/ 53 h 309"/>
                  <a:gd name="T46" fmla="*/ 72 w 422"/>
                  <a:gd name="T47" fmla="*/ 52 h 309"/>
                  <a:gd name="T48" fmla="*/ 75 w 422"/>
                  <a:gd name="T49" fmla="*/ 46 h 309"/>
                  <a:gd name="T50" fmla="*/ 77 w 422"/>
                  <a:gd name="T51" fmla="*/ 44 h 309"/>
                  <a:gd name="T52" fmla="*/ 82 w 422"/>
                  <a:gd name="T53" fmla="*/ 46 h 309"/>
                  <a:gd name="T54" fmla="*/ 88 w 422"/>
                  <a:gd name="T55" fmla="*/ 54 h 309"/>
                  <a:gd name="T56" fmla="*/ 96 w 422"/>
                  <a:gd name="T57" fmla="*/ 66 h 309"/>
                  <a:gd name="T58" fmla="*/ 101 w 422"/>
                  <a:gd name="T59" fmla="*/ 71 h 309"/>
                  <a:gd name="T60" fmla="*/ 105 w 422"/>
                  <a:gd name="T61" fmla="*/ 67 h 309"/>
                  <a:gd name="T62" fmla="*/ 110 w 422"/>
                  <a:gd name="T63" fmla="*/ 65 h 309"/>
                  <a:gd name="T64" fmla="*/ 116 w 422"/>
                  <a:gd name="T65" fmla="*/ 65 h 309"/>
                  <a:gd name="T66" fmla="*/ 124 w 422"/>
                  <a:gd name="T67" fmla="*/ 66 h 309"/>
                  <a:gd name="T68" fmla="*/ 127 w 422"/>
                  <a:gd name="T69" fmla="*/ 63 h 309"/>
                  <a:gd name="T70" fmla="*/ 134 w 422"/>
                  <a:gd name="T71" fmla="*/ 68 h 309"/>
                  <a:gd name="T72" fmla="*/ 138 w 422"/>
                  <a:gd name="T73" fmla="*/ 75 h 309"/>
                  <a:gd name="T74" fmla="*/ 137 w 422"/>
                  <a:gd name="T75" fmla="*/ 82 h 309"/>
                  <a:gd name="T76" fmla="*/ 129 w 422"/>
                  <a:gd name="T77" fmla="*/ 82 h 309"/>
                  <a:gd name="T78" fmla="*/ 117 w 422"/>
                  <a:gd name="T79" fmla="*/ 78 h 309"/>
                  <a:gd name="T80" fmla="*/ 105 w 422"/>
                  <a:gd name="T81" fmla="*/ 75 h 309"/>
                  <a:gd name="T82" fmla="*/ 102 w 422"/>
                  <a:gd name="T83" fmla="*/ 79 h 309"/>
                  <a:gd name="T84" fmla="*/ 100 w 422"/>
                  <a:gd name="T85" fmla="*/ 88 h 309"/>
                  <a:gd name="T86" fmla="*/ 98 w 422"/>
                  <a:gd name="T87" fmla="*/ 98 h 309"/>
                  <a:gd name="T88" fmla="*/ 94 w 422"/>
                  <a:gd name="T89" fmla="*/ 103 h 309"/>
                  <a:gd name="T90" fmla="*/ 90 w 422"/>
                  <a:gd name="T91" fmla="*/ 99 h 309"/>
                  <a:gd name="T92" fmla="*/ 81 w 422"/>
                  <a:gd name="T93" fmla="*/ 95 h 309"/>
                  <a:gd name="T94" fmla="*/ 74 w 422"/>
                  <a:gd name="T95" fmla="*/ 90 h 309"/>
                  <a:gd name="T96" fmla="*/ 71 w 422"/>
                  <a:gd name="T97" fmla="*/ 84 h 309"/>
                  <a:gd name="T98" fmla="*/ 75 w 422"/>
                  <a:gd name="T99" fmla="*/ 83 h 309"/>
                  <a:gd name="T100" fmla="*/ 79 w 422"/>
                  <a:gd name="T101" fmla="*/ 85 h 309"/>
                  <a:gd name="T102" fmla="*/ 86 w 422"/>
                  <a:gd name="T103" fmla="*/ 88 h 309"/>
                  <a:gd name="T104" fmla="*/ 94 w 422"/>
                  <a:gd name="T105" fmla="*/ 87 h 309"/>
                  <a:gd name="T106" fmla="*/ 95 w 422"/>
                  <a:gd name="T107" fmla="*/ 86 h 309"/>
                  <a:gd name="T108" fmla="*/ 96 w 422"/>
                  <a:gd name="T109" fmla="*/ 83 h 309"/>
                  <a:gd name="T110" fmla="*/ 97 w 422"/>
                  <a:gd name="T111" fmla="*/ 79 h 309"/>
                  <a:gd name="T112" fmla="*/ 99 w 422"/>
                  <a:gd name="T113" fmla="*/ 78 h 30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422" h="309">
                    <a:moveTo>
                      <a:pt x="299" y="234"/>
                    </a:moveTo>
                    <a:lnTo>
                      <a:pt x="298" y="230"/>
                    </a:lnTo>
                    <a:lnTo>
                      <a:pt x="296" y="226"/>
                    </a:lnTo>
                    <a:lnTo>
                      <a:pt x="294" y="224"/>
                    </a:lnTo>
                    <a:lnTo>
                      <a:pt x="292" y="223"/>
                    </a:lnTo>
                    <a:lnTo>
                      <a:pt x="286" y="223"/>
                    </a:lnTo>
                    <a:lnTo>
                      <a:pt x="279" y="226"/>
                    </a:lnTo>
                    <a:lnTo>
                      <a:pt x="273" y="230"/>
                    </a:lnTo>
                    <a:lnTo>
                      <a:pt x="267" y="233"/>
                    </a:lnTo>
                    <a:lnTo>
                      <a:pt x="263" y="234"/>
                    </a:lnTo>
                    <a:lnTo>
                      <a:pt x="259" y="235"/>
                    </a:lnTo>
                    <a:lnTo>
                      <a:pt x="256" y="235"/>
                    </a:lnTo>
                    <a:lnTo>
                      <a:pt x="253" y="234"/>
                    </a:lnTo>
                    <a:lnTo>
                      <a:pt x="259" y="224"/>
                    </a:lnTo>
                    <a:lnTo>
                      <a:pt x="263" y="217"/>
                    </a:lnTo>
                    <a:lnTo>
                      <a:pt x="264" y="215"/>
                    </a:lnTo>
                    <a:lnTo>
                      <a:pt x="264" y="212"/>
                    </a:lnTo>
                    <a:lnTo>
                      <a:pt x="264" y="210"/>
                    </a:lnTo>
                    <a:lnTo>
                      <a:pt x="263" y="209"/>
                    </a:lnTo>
                    <a:lnTo>
                      <a:pt x="259" y="206"/>
                    </a:lnTo>
                    <a:lnTo>
                      <a:pt x="254" y="205"/>
                    </a:lnTo>
                    <a:lnTo>
                      <a:pt x="248" y="206"/>
                    </a:lnTo>
                    <a:lnTo>
                      <a:pt x="240" y="209"/>
                    </a:lnTo>
                    <a:lnTo>
                      <a:pt x="233" y="212"/>
                    </a:lnTo>
                    <a:lnTo>
                      <a:pt x="226" y="216"/>
                    </a:lnTo>
                    <a:lnTo>
                      <a:pt x="217" y="220"/>
                    </a:lnTo>
                    <a:lnTo>
                      <a:pt x="211" y="226"/>
                    </a:lnTo>
                    <a:lnTo>
                      <a:pt x="205" y="232"/>
                    </a:lnTo>
                    <a:lnTo>
                      <a:pt x="200" y="239"/>
                    </a:lnTo>
                    <a:lnTo>
                      <a:pt x="197" y="245"/>
                    </a:lnTo>
                    <a:lnTo>
                      <a:pt x="197" y="253"/>
                    </a:lnTo>
                    <a:lnTo>
                      <a:pt x="192" y="243"/>
                    </a:lnTo>
                    <a:lnTo>
                      <a:pt x="188" y="234"/>
                    </a:lnTo>
                    <a:lnTo>
                      <a:pt x="183" y="225"/>
                    </a:lnTo>
                    <a:lnTo>
                      <a:pt x="176" y="217"/>
                    </a:lnTo>
                    <a:lnTo>
                      <a:pt x="165" y="201"/>
                    </a:lnTo>
                    <a:lnTo>
                      <a:pt x="151" y="186"/>
                    </a:lnTo>
                    <a:lnTo>
                      <a:pt x="120" y="160"/>
                    </a:lnTo>
                    <a:lnTo>
                      <a:pt x="90" y="135"/>
                    </a:lnTo>
                    <a:lnTo>
                      <a:pt x="75" y="122"/>
                    </a:lnTo>
                    <a:lnTo>
                      <a:pt x="60" y="109"/>
                    </a:lnTo>
                    <a:lnTo>
                      <a:pt x="47" y="95"/>
                    </a:lnTo>
                    <a:lnTo>
                      <a:pt x="34" y="79"/>
                    </a:lnTo>
                    <a:lnTo>
                      <a:pt x="28" y="71"/>
                    </a:lnTo>
                    <a:lnTo>
                      <a:pt x="22" y="62"/>
                    </a:lnTo>
                    <a:lnTo>
                      <a:pt x="17" y="53"/>
                    </a:lnTo>
                    <a:lnTo>
                      <a:pt x="13" y="43"/>
                    </a:lnTo>
                    <a:lnTo>
                      <a:pt x="9" y="34"/>
                    </a:lnTo>
                    <a:lnTo>
                      <a:pt x="6" y="23"/>
                    </a:lnTo>
                    <a:lnTo>
                      <a:pt x="2" y="12"/>
                    </a:lnTo>
                    <a:lnTo>
                      <a:pt x="0" y="0"/>
                    </a:lnTo>
                    <a:lnTo>
                      <a:pt x="10" y="2"/>
                    </a:lnTo>
                    <a:lnTo>
                      <a:pt x="18" y="4"/>
                    </a:lnTo>
                    <a:lnTo>
                      <a:pt x="27" y="6"/>
                    </a:lnTo>
                    <a:lnTo>
                      <a:pt x="35" y="10"/>
                    </a:lnTo>
                    <a:lnTo>
                      <a:pt x="50" y="17"/>
                    </a:lnTo>
                    <a:lnTo>
                      <a:pt x="64" y="26"/>
                    </a:lnTo>
                    <a:lnTo>
                      <a:pt x="76" y="36"/>
                    </a:lnTo>
                    <a:lnTo>
                      <a:pt x="87" y="46"/>
                    </a:lnTo>
                    <a:lnTo>
                      <a:pt x="98" y="58"/>
                    </a:lnTo>
                    <a:lnTo>
                      <a:pt x="109" y="70"/>
                    </a:lnTo>
                    <a:lnTo>
                      <a:pt x="128" y="95"/>
                    </a:lnTo>
                    <a:lnTo>
                      <a:pt x="149" y="119"/>
                    </a:lnTo>
                    <a:lnTo>
                      <a:pt x="159" y="131"/>
                    </a:lnTo>
                    <a:lnTo>
                      <a:pt x="171" y="141"/>
                    </a:lnTo>
                    <a:lnTo>
                      <a:pt x="184" y="151"/>
                    </a:lnTo>
                    <a:lnTo>
                      <a:pt x="197" y="159"/>
                    </a:lnTo>
                    <a:lnTo>
                      <a:pt x="203" y="160"/>
                    </a:lnTo>
                    <a:lnTo>
                      <a:pt x="207" y="160"/>
                    </a:lnTo>
                    <a:lnTo>
                      <a:pt x="210" y="160"/>
                    </a:lnTo>
                    <a:lnTo>
                      <a:pt x="213" y="159"/>
                    </a:lnTo>
                    <a:lnTo>
                      <a:pt x="217" y="155"/>
                    </a:lnTo>
                    <a:lnTo>
                      <a:pt x="220" y="150"/>
                    </a:lnTo>
                    <a:lnTo>
                      <a:pt x="223" y="144"/>
                    </a:lnTo>
                    <a:lnTo>
                      <a:pt x="225" y="138"/>
                    </a:lnTo>
                    <a:lnTo>
                      <a:pt x="227" y="136"/>
                    </a:lnTo>
                    <a:lnTo>
                      <a:pt x="229" y="134"/>
                    </a:lnTo>
                    <a:lnTo>
                      <a:pt x="231" y="132"/>
                    </a:lnTo>
                    <a:lnTo>
                      <a:pt x="234" y="131"/>
                    </a:lnTo>
                    <a:lnTo>
                      <a:pt x="240" y="135"/>
                    </a:lnTo>
                    <a:lnTo>
                      <a:pt x="246" y="139"/>
                    </a:lnTo>
                    <a:lnTo>
                      <a:pt x="251" y="144"/>
                    </a:lnTo>
                    <a:lnTo>
                      <a:pt x="255" y="150"/>
                    </a:lnTo>
                    <a:lnTo>
                      <a:pt x="264" y="161"/>
                    </a:lnTo>
                    <a:lnTo>
                      <a:pt x="272" y="174"/>
                    </a:lnTo>
                    <a:lnTo>
                      <a:pt x="279" y="185"/>
                    </a:lnTo>
                    <a:lnTo>
                      <a:pt x="288" y="197"/>
                    </a:lnTo>
                    <a:lnTo>
                      <a:pt x="292" y="202"/>
                    </a:lnTo>
                    <a:lnTo>
                      <a:pt x="297" y="208"/>
                    </a:lnTo>
                    <a:lnTo>
                      <a:pt x="303" y="212"/>
                    </a:lnTo>
                    <a:lnTo>
                      <a:pt x="309" y="216"/>
                    </a:lnTo>
                    <a:lnTo>
                      <a:pt x="313" y="208"/>
                    </a:lnTo>
                    <a:lnTo>
                      <a:pt x="317" y="202"/>
                    </a:lnTo>
                    <a:lnTo>
                      <a:pt x="323" y="198"/>
                    </a:lnTo>
                    <a:lnTo>
                      <a:pt x="327" y="196"/>
                    </a:lnTo>
                    <a:lnTo>
                      <a:pt x="333" y="195"/>
                    </a:lnTo>
                    <a:lnTo>
                      <a:pt x="338" y="195"/>
                    </a:lnTo>
                    <a:lnTo>
                      <a:pt x="345" y="196"/>
                    </a:lnTo>
                    <a:lnTo>
                      <a:pt x="350" y="196"/>
                    </a:lnTo>
                    <a:lnTo>
                      <a:pt x="362" y="198"/>
                    </a:lnTo>
                    <a:lnTo>
                      <a:pt x="371" y="199"/>
                    </a:lnTo>
                    <a:lnTo>
                      <a:pt x="375" y="198"/>
                    </a:lnTo>
                    <a:lnTo>
                      <a:pt x="379" y="196"/>
                    </a:lnTo>
                    <a:lnTo>
                      <a:pt x="383" y="193"/>
                    </a:lnTo>
                    <a:lnTo>
                      <a:pt x="384" y="188"/>
                    </a:lnTo>
                    <a:lnTo>
                      <a:pt x="391" y="193"/>
                    </a:lnTo>
                    <a:lnTo>
                      <a:pt x="397" y="198"/>
                    </a:lnTo>
                    <a:lnTo>
                      <a:pt x="403" y="204"/>
                    </a:lnTo>
                    <a:lnTo>
                      <a:pt x="408" y="211"/>
                    </a:lnTo>
                    <a:lnTo>
                      <a:pt x="412" y="218"/>
                    </a:lnTo>
                    <a:lnTo>
                      <a:pt x="416" y="225"/>
                    </a:lnTo>
                    <a:lnTo>
                      <a:pt x="419" y="234"/>
                    </a:lnTo>
                    <a:lnTo>
                      <a:pt x="422" y="243"/>
                    </a:lnTo>
                    <a:lnTo>
                      <a:pt x="412" y="245"/>
                    </a:lnTo>
                    <a:lnTo>
                      <a:pt x="404" y="246"/>
                    </a:lnTo>
                    <a:lnTo>
                      <a:pt x="396" y="246"/>
                    </a:lnTo>
                    <a:lnTo>
                      <a:pt x="389" y="245"/>
                    </a:lnTo>
                    <a:lnTo>
                      <a:pt x="376" y="243"/>
                    </a:lnTo>
                    <a:lnTo>
                      <a:pt x="365" y="239"/>
                    </a:lnTo>
                    <a:lnTo>
                      <a:pt x="354" y="235"/>
                    </a:lnTo>
                    <a:lnTo>
                      <a:pt x="344" y="231"/>
                    </a:lnTo>
                    <a:lnTo>
                      <a:pt x="332" y="226"/>
                    </a:lnTo>
                    <a:lnTo>
                      <a:pt x="318" y="224"/>
                    </a:lnTo>
                    <a:lnTo>
                      <a:pt x="314" y="229"/>
                    </a:lnTo>
                    <a:lnTo>
                      <a:pt x="310" y="233"/>
                    </a:lnTo>
                    <a:lnTo>
                      <a:pt x="308" y="237"/>
                    </a:lnTo>
                    <a:lnTo>
                      <a:pt x="306" y="242"/>
                    </a:lnTo>
                    <a:lnTo>
                      <a:pt x="303" y="253"/>
                    </a:lnTo>
                    <a:lnTo>
                      <a:pt x="302" y="264"/>
                    </a:lnTo>
                    <a:lnTo>
                      <a:pt x="299" y="275"/>
                    </a:lnTo>
                    <a:lnTo>
                      <a:pt x="296" y="287"/>
                    </a:lnTo>
                    <a:lnTo>
                      <a:pt x="294" y="293"/>
                    </a:lnTo>
                    <a:lnTo>
                      <a:pt x="291" y="298"/>
                    </a:lnTo>
                    <a:lnTo>
                      <a:pt x="287" y="303"/>
                    </a:lnTo>
                    <a:lnTo>
                      <a:pt x="282" y="309"/>
                    </a:lnTo>
                    <a:lnTo>
                      <a:pt x="277" y="305"/>
                    </a:lnTo>
                    <a:lnTo>
                      <a:pt x="274" y="301"/>
                    </a:lnTo>
                    <a:lnTo>
                      <a:pt x="270" y="298"/>
                    </a:lnTo>
                    <a:lnTo>
                      <a:pt x="265" y="295"/>
                    </a:lnTo>
                    <a:lnTo>
                      <a:pt x="255" y="290"/>
                    </a:lnTo>
                    <a:lnTo>
                      <a:pt x="245" y="284"/>
                    </a:lnTo>
                    <a:lnTo>
                      <a:pt x="235" y="279"/>
                    </a:lnTo>
                    <a:lnTo>
                      <a:pt x="227" y="272"/>
                    </a:lnTo>
                    <a:lnTo>
                      <a:pt x="224" y="269"/>
                    </a:lnTo>
                    <a:lnTo>
                      <a:pt x="220" y="263"/>
                    </a:lnTo>
                    <a:lnTo>
                      <a:pt x="217" y="259"/>
                    </a:lnTo>
                    <a:lnTo>
                      <a:pt x="215" y="253"/>
                    </a:lnTo>
                    <a:lnTo>
                      <a:pt x="219" y="250"/>
                    </a:lnTo>
                    <a:lnTo>
                      <a:pt x="223" y="249"/>
                    </a:lnTo>
                    <a:lnTo>
                      <a:pt x="226" y="248"/>
                    </a:lnTo>
                    <a:lnTo>
                      <a:pt x="228" y="248"/>
                    </a:lnTo>
                    <a:lnTo>
                      <a:pt x="234" y="251"/>
                    </a:lnTo>
                    <a:lnTo>
                      <a:pt x="239" y="256"/>
                    </a:lnTo>
                    <a:lnTo>
                      <a:pt x="247" y="261"/>
                    </a:lnTo>
                    <a:lnTo>
                      <a:pt x="255" y="264"/>
                    </a:lnTo>
                    <a:lnTo>
                      <a:pt x="260" y="265"/>
                    </a:lnTo>
                    <a:lnTo>
                      <a:pt x="267" y="265"/>
                    </a:lnTo>
                    <a:lnTo>
                      <a:pt x="273" y="264"/>
                    </a:lnTo>
                    <a:lnTo>
                      <a:pt x="282" y="262"/>
                    </a:lnTo>
                    <a:lnTo>
                      <a:pt x="284" y="261"/>
                    </a:lnTo>
                    <a:lnTo>
                      <a:pt x="285" y="260"/>
                    </a:lnTo>
                    <a:lnTo>
                      <a:pt x="287" y="259"/>
                    </a:lnTo>
                    <a:lnTo>
                      <a:pt x="288" y="257"/>
                    </a:lnTo>
                    <a:lnTo>
                      <a:pt x="289" y="253"/>
                    </a:lnTo>
                    <a:lnTo>
                      <a:pt x="290" y="248"/>
                    </a:lnTo>
                    <a:lnTo>
                      <a:pt x="291" y="242"/>
                    </a:lnTo>
                    <a:lnTo>
                      <a:pt x="292" y="238"/>
                    </a:lnTo>
                    <a:lnTo>
                      <a:pt x="293" y="237"/>
                    </a:lnTo>
                    <a:lnTo>
                      <a:pt x="295" y="235"/>
                    </a:lnTo>
                    <a:lnTo>
                      <a:pt x="297" y="235"/>
                    </a:lnTo>
                    <a:lnTo>
                      <a:pt x="299" y="234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70" name="Freeform 401"/>
              <p:cNvSpPr>
                <a:spLocks/>
              </p:cNvSpPr>
              <p:nvPr/>
            </p:nvSpPr>
            <p:spPr bwMode="auto">
              <a:xfrm>
                <a:off x="2349500" y="6143625"/>
                <a:ext cx="39688" cy="30163"/>
              </a:xfrm>
              <a:custGeom>
                <a:avLst/>
                <a:gdLst>
                  <a:gd name="T0" fmla="*/ 16 w 75"/>
                  <a:gd name="T1" fmla="*/ 0 h 57"/>
                  <a:gd name="T2" fmla="*/ 19 w 75"/>
                  <a:gd name="T3" fmla="*/ 1 h 57"/>
                  <a:gd name="T4" fmla="*/ 21 w 75"/>
                  <a:gd name="T5" fmla="*/ 2 h 57"/>
                  <a:gd name="T6" fmla="*/ 23 w 75"/>
                  <a:gd name="T7" fmla="*/ 3 h 57"/>
                  <a:gd name="T8" fmla="*/ 25 w 75"/>
                  <a:gd name="T9" fmla="*/ 5 h 57"/>
                  <a:gd name="T10" fmla="*/ 25 w 75"/>
                  <a:gd name="T11" fmla="*/ 8 h 57"/>
                  <a:gd name="T12" fmla="*/ 24 w 75"/>
                  <a:gd name="T13" fmla="*/ 11 h 57"/>
                  <a:gd name="T14" fmla="*/ 21 w 75"/>
                  <a:gd name="T15" fmla="*/ 14 h 57"/>
                  <a:gd name="T16" fmla="*/ 19 w 75"/>
                  <a:gd name="T17" fmla="*/ 17 h 57"/>
                  <a:gd name="T18" fmla="*/ 17 w 75"/>
                  <a:gd name="T19" fmla="*/ 19 h 57"/>
                  <a:gd name="T20" fmla="*/ 16 w 75"/>
                  <a:gd name="T21" fmla="*/ 18 h 57"/>
                  <a:gd name="T22" fmla="*/ 16 w 75"/>
                  <a:gd name="T23" fmla="*/ 17 h 57"/>
                  <a:gd name="T24" fmla="*/ 17 w 75"/>
                  <a:gd name="T25" fmla="*/ 14 h 57"/>
                  <a:gd name="T26" fmla="*/ 17 w 75"/>
                  <a:gd name="T27" fmla="*/ 12 h 57"/>
                  <a:gd name="T28" fmla="*/ 16 w 75"/>
                  <a:gd name="T29" fmla="*/ 11 h 57"/>
                  <a:gd name="T30" fmla="*/ 14 w 75"/>
                  <a:gd name="T31" fmla="*/ 10 h 57"/>
                  <a:gd name="T32" fmla="*/ 12 w 75"/>
                  <a:gd name="T33" fmla="*/ 11 h 57"/>
                  <a:gd name="T34" fmla="*/ 11 w 75"/>
                  <a:gd name="T35" fmla="*/ 13 h 57"/>
                  <a:gd name="T36" fmla="*/ 10 w 75"/>
                  <a:gd name="T37" fmla="*/ 17 h 57"/>
                  <a:gd name="T38" fmla="*/ 8 w 75"/>
                  <a:gd name="T39" fmla="*/ 19 h 57"/>
                  <a:gd name="T40" fmla="*/ 7 w 75"/>
                  <a:gd name="T41" fmla="*/ 19 h 57"/>
                  <a:gd name="T42" fmla="*/ 4 w 75"/>
                  <a:gd name="T43" fmla="*/ 19 h 57"/>
                  <a:gd name="T44" fmla="*/ 3 w 75"/>
                  <a:gd name="T45" fmla="*/ 18 h 57"/>
                  <a:gd name="T46" fmla="*/ 5 w 75"/>
                  <a:gd name="T47" fmla="*/ 16 h 57"/>
                  <a:gd name="T48" fmla="*/ 8 w 75"/>
                  <a:gd name="T49" fmla="*/ 13 h 57"/>
                  <a:gd name="T50" fmla="*/ 9 w 75"/>
                  <a:gd name="T51" fmla="*/ 12 h 57"/>
                  <a:gd name="T52" fmla="*/ 8 w 75"/>
                  <a:gd name="T53" fmla="*/ 10 h 57"/>
                  <a:gd name="T54" fmla="*/ 5 w 75"/>
                  <a:gd name="T55" fmla="*/ 10 h 57"/>
                  <a:gd name="T56" fmla="*/ 4 w 75"/>
                  <a:gd name="T57" fmla="*/ 8 h 57"/>
                  <a:gd name="T58" fmla="*/ 5 w 75"/>
                  <a:gd name="T59" fmla="*/ 5 h 57"/>
                  <a:gd name="T60" fmla="*/ 3 w 75"/>
                  <a:gd name="T61" fmla="*/ 4 h 57"/>
                  <a:gd name="T62" fmla="*/ 1 w 75"/>
                  <a:gd name="T63" fmla="*/ 3 h 57"/>
                  <a:gd name="T64" fmla="*/ 0 w 75"/>
                  <a:gd name="T65" fmla="*/ 1 h 57"/>
                  <a:gd name="T66" fmla="*/ 2 w 75"/>
                  <a:gd name="T67" fmla="*/ 1 h 57"/>
                  <a:gd name="T68" fmla="*/ 5 w 75"/>
                  <a:gd name="T69" fmla="*/ 1 h 57"/>
                  <a:gd name="T70" fmla="*/ 8 w 75"/>
                  <a:gd name="T71" fmla="*/ 3 h 57"/>
                  <a:gd name="T72" fmla="*/ 9 w 75"/>
                  <a:gd name="T73" fmla="*/ 5 h 57"/>
                  <a:gd name="T74" fmla="*/ 9 w 75"/>
                  <a:gd name="T75" fmla="*/ 8 h 57"/>
                  <a:gd name="T76" fmla="*/ 11 w 75"/>
                  <a:gd name="T77" fmla="*/ 8 h 57"/>
                  <a:gd name="T78" fmla="*/ 14 w 75"/>
                  <a:gd name="T79" fmla="*/ 3 h 57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0" t="0" r="r" b="b"/>
                <a:pathLst>
                  <a:path w="75" h="57">
                    <a:moveTo>
                      <a:pt x="44" y="1"/>
                    </a:moveTo>
                    <a:lnTo>
                      <a:pt x="49" y="0"/>
                    </a:lnTo>
                    <a:lnTo>
                      <a:pt x="54" y="1"/>
                    </a:lnTo>
                    <a:lnTo>
                      <a:pt x="57" y="2"/>
                    </a:lnTo>
                    <a:lnTo>
                      <a:pt x="60" y="4"/>
                    </a:lnTo>
                    <a:lnTo>
                      <a:pt x="62" y="7"/>
                    </a:lnTo>
                    <a:lnTo>
                      <a:pt x="65" y="9"/>
                    </a:lnTo>
                    <a:lnTo>
                      <a:pt x="68" y="10"/>
                    </a:lnTo>
                    <a:lnTo>
                      <a:pt x="73" y="11"/>
                    </a:lnTo>
                    <a:lnTo>
                      <a:pt x="74" y="16"/>
                    </a:lnTo>
                    <a:lnTo>
                      <a:pt x="75" y="20"/>
                    </a:lnTo>
                    <a:lnTo>
                      <a:pt x="75" y="24"/>
                    </a:lnTo>
                    <a:lnTo>
                      <a:pt x="74" y="28"/>
                    </a:lnTo>
                    <a:lnTo>
                      <a:pt x="72" y="34"/>
                    </a:lnTo>
                    <a:lnTo>
                      <a:pt x="67" y="38"/>
                    </a:lnTo>
                    <a:lnTo>
                      <a:pt x="64" y="42"/>
                    </a:lnTo>
                    <a:lnTo>
                      <a:pt x="60" y="47"/>
                    </a:lnTo>
                    <a:lnTo>
                      <a:pt x="56" y="52"/>
                    </a:lnTo>
                    <a:lnTo>
                      <a:pt x="54" y="57"/>
                    </a:lnTo>
                    <a:lnTo>
                      <a:pt x="50" y="56"/>
                    </a:lnTo>
                    <a:lnTo>
                      <a:pt x="48" y="55"/>
                    </a:lnTo>
                    <a:lnTo>
                      <a:pt x="47" y="54"/>
                    </a:lnTo>
                    <a:lnTo>
                      <a:pt x="46" y="53"/>
                    </a:lnTo>
                    <a:lnTo>
                      <a:pt x="47" y="50"/>
                    </a:lnTo>
                    <a:lnTo>
                      <a:pt x="49" y="47"/>
                    </a:lnTo>
                    <a:lnTo>
                      <a:pt x="52" y="42"/>
                    </a:lnTo>
                    <a:lnTo>
                      <a:pt x="52" y="38"/>
                    </a:lnTo>
                    <a:lnTo>
                      <a:pt x="52" y="36"/>
                    </a:lnTo>
                    <a:lnTo>
                      <a:pt x="50" y="34"/>
                    </a:lnTo>
                    <a:lnTo>
                      <a:pt x="48" y="32"/>
                    </a:lnTo>
                    <a:lnTo>
                      <a:pt x="44" y="29"/>
                    </a:lnTo>
                    <a:lnTo>
                      <a:pt x="42" y="30"/>
                    </a:lnTo>
                    <a:lnTo>
                      <a:pt x="39" y="31"/>
                    </a:lnTo>
                    <a:lnTo>
                      <a:pt x="37" y="33"/>
                    </a:lnTo>
                    <a:lnTo>
                      <a:pt x="36" y="34"/>
                    </a:lnTo>
                    <a:lnTo>
                      <a:pt x="34" y="39"/>
                    </a:lnTo>
                    <a:lnTo>
                      <a:pt x="32" y="44"/>
                    </a:lnTo>
                    <a:lnTo>
                      <a:pt x="30" y="50"/>
                    </a:lnTo>
                    <a:lnTo>
                      <a:pt x="27" y="54"/>
                    </a:lnTo>
                    <a:lnTo>
                      <a:pt x="25" y="56"/>
                    </a:lnTo>
                    <a:lnTo>
                      <a:pt x="23" y="57"/>
                    </a:lnTo>
                    <a:lnTo>
                      <a:pt x="20" y="57"/>
                    </a:lnTo>
                    <a:lnTo>
                      <a:pt x="17" y="57"/>
                    </a:lnTo>
                    <a:lnTo>
                      <a:pt x="13" y="57"/>
                    </a:lnTo>
                    <a:lnTo>
                      <a:pt x="10" y="56"/>
                    </a:lnTo>
                    <a:lnTo>
                      <a:pt x="9" y="55"/>
                    </a:lnTo>
                    <a:lnTo>
                      <a:pt x="10" y="53"/>
                    </a:lnTo>
                    <a:lnTo>
                      <a:pt x="15" y="48"/>
                    </a:lnTo>
                    <a:lnTo>
                      <a:pt x="21" y="42"/>
                    </a:lnTo>
                    <a:lnTo>
                      <a:pt x="23" y="40"/>
                    </a:lnTo>
                    <a:lnTo>
                      <a:pt x="25" y="37"/>
                    </a:lnTo>
                    <a:lnTo>
                      <a:pt x="27" y="35"/>
                    </a:lnTo>
                    <a:lnTo>
                      <a:pt x="26" y="33"/>
                    </a:lnTo>
                    <a:lnTo>
                      <a:pt x="25" y="31"/>
                    </a:lnTo>
                    <a:lnTo>
                      <a:pt x="21" y="30"/>
                    </a:lnTo>
                    <a:lnTo>
                      <a:pt x="16" y="30"/>
                    </a:lnTo>
                    <a:lnTo>
                      <a:pt x="7" y="29"/>
                    </a:lnTo>
                    <a:lnTo>
                      <a:pt x="12" y="23"/>
                    </a:lnTo>
                    <a:lnTo>
                      <a:pt x="14" y="17"/>
                    </a:lnTo>
                    <a:lnTo>
                      <a:pt x="14" y="15"/>
                    </a:lnTo>
                    <a:lnTo>
                      <a:pt x="13" y="13"/>
                    </a:lnTo>
                    <a:lnTo>
                      <a:pt x="10" y="12"/>
                    </a:lnTo>
                    <a:lnTo>
                      <a:pt x="7" y="11"/>
                    </a:lnTo>
                    <a:lnTo>
                      <a:pt x="3" y="8"/>
                    </a:lnTo>
                    <a:lnTo>
                      <a:pt x="1" y="5"/>
                    </a:lnTo>
                    <a:lnTo>
                      <a:pt x="0" y="4"/>
                    </a:lnTo>
                    <a:lnTo>
                      <a:pt x="0" y="3"/>
                    </a:lnTo>
                    <a:lnTo>
                      <a:pt x="5" y="2"/>
                    </a:lnTo>
                    <a:lnTo>
                      <a:pt x="12" y="3"/>
                    </a:lnTo>
                    <a:lnTo>
                      <a:pt x="16" y="4"/>
                    </a:lnTo>
                    <a:lnTo>
                      <a:pt x="19" y="7"/>
                    </a:lnTo>
                    <a:lnTo>
                      <a:pt x="23" y="9"/>
                    </a:lnTo>
                    <a:lnTo>
                      <a:pt x="25" y="12"/>
                    </a:lnTo>
                    <a:lnTo>
                      <a:pt x="27" y="15"/>
                    </a:lnTo>
                    <a:lnTo>
                      <a:pt x="28" y="19"/>
                    </a:lnTo>
                    <a:lnTo>
                      <a:pt x="28" y="24"/>
                    </a:lnTo>
                    <a:lnTo>
                      <a:pt x="26" y="29"/>
                    </a:lnTo>
                    <a:lnTo>
                      <a:pt x="32" y="23"/>
                    </a:lnTo>
                    <a:lnTo>
                      <a:pt x="37" y="17"/>
                    </a:lnTo>
                    <a:lnTo>
                      <a:pt x="41" y="9"/>
                    </a:lnTo>
                    <a:lnTo>
                      <a:pt x="44" y="1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71" name="Ærø"/>
              <p:cNvSpPr>
                <a:spLocks/>
              </p:cNvSpPr>
              <p:nvPr/>
            </p:nvSpPr>
            <p:spPr bwMode="auto">
              <a:xfrm>
                <a:off x="2349500" y="6143625"/>
                <a:ext cx="39688" cy="30163"/>
              </a:xfrm>
              <a:custGeom>
                <a:avLst/>
                <a:gdLst>
                  <a:gd name="T0" fmla="*/ 16 w 75"/>
                  <a:gd name="T1" fmla="*/ 0 h 57"/>
                  <a:gd name="T2" fmla="*/ 19 w 75"/>
                  <a:gd name="T3" fmla="*/ 1 h 57"/>
                  <a:gd name="T4" fmla="*/ 21 w 75"/>
                  <a:gd name="T5" fmla="*/ 2 h 57"/>
                  <a:gd name="T6" fmla="*/ 23 w 75"/>
                  <a:gd name="T7" fmla="*/ 3 h 57"/>
                  <a:gd name="T8" fmla="*/ 25 w 75"/>
                  <a:gd name="T9" fmla="*/ 5 h 57"/>
                  <a:gd name="T10" fmla="*/ 25 w 75"/>
                  <a:gd name="T11" fmla="*/ 8 h 57"/>
                  <a:gd name="T12" fmla="*/ 24 w 75"/>
                  <a:gd name="T13" fmla="*/ 11 h 57"/>
                  <a:gd name="T14" fmla="*/ 21 w 75"/>
                  <a:gd name="T15" fmla="*/ 14 h 57"/>
                  <a:gd name="T16" fmla="*/ 19 w 75"/>
                  <a:gd name="T17" fmla="*/ 17 h 57"/>
                  <a:gd name="T18" fmla="*/ 17 w 75"/>
                  <a:gd name="T19" fmla="*/ 19 h 57"/>
                  <a:gd name="T20" fmla="*/ 16 w 75"/>
                  <a:gd name="T21" fmla="*/ 18 h 57"/>
                  <a:gd name="T22" fmla="*/ 16 w 75"/>
                  <a:gd name="T23" fmla="*/ 17 h 57"/>
                  <a:gd name="T24" fmla="*/ 17 w 75"/>
                  <a:gd name="T25" fmla="*/ 14 h 57"/>
                  <a:gd name="T26" fmla="*/ 17 w 75"/>
                  <a:gd name="T27" fmla="*/ 12 h 57"/>
                  <a:gd name="T28" fmla="*/ 16 w 75"/>
                  <a:gd name="T29" fmla="*/ 11 h 57"/>
                  <a:gd name="T30" fmla="*/ 14 w 75"/>
                  <a:gd name="T31" fmla="*/ 10 h 57"/>
                  <a:gd name="T32" fmla="*/ 12 w 75"/>
                  <a:gd name="T33" fmla="*/ 11 h 57"/>
                  <a:gd name="T34" fmla="*/ 11 w 75"/>
                  <a:gd name="T35" fmla="*/ 13 h 57"/>
                  <a:gd name="T36" fmla="*/ 10 w 75"/>
                  <a:gd name="T37" fmla="*/ 17 h 57"/>
                  <a:gd name="T38" fmla="*/ 8 w 75"/>
                  <a:gd name="T39" fmla="*/ 19 h 57"/>
                  <a:gd name="T40" fmla="*/ 7 w 75"/>
                  <a:gd name="T41" fmla="*/ 19 h 57"/>
                  <a:gd name="T42" fmla="*/ 4 w 75"/>
                  <a:gd name="T43" fmla="*/ 19 h 57"/>
                  <a:gd name="T44" fmla="*/ 3 w 75"/>
                  <a:gd name="T45" fmla="*/ 18 h 57"/>
                  <a:gd name="T46" fmla="*/ 5 w 75"/>
                  <a:gd name="T47" fmla="*/ 16 h 57"/>
                  <a:gd name="T48" fmla="*/ 8 w 75"/>
                  <a:gd name="T49" fmla="*/ 13 h 57"/>
                  <a:gd name="T50" fmla="*/ 9 w 75"/>
                  <a:gd name="T51" fmla="*/ 12 h 57"/>
                  <a:gd name="T52" fmla="*/ 8 w 75"/>
                  <a:gd name="T53" fmla="*/ 10 h 57"/>
                  <a:gd name="T54" fmla="*/ 5 w 75"/>
                  <a:gd name="T55" fmla="*/ 10 h 57"/>
                  <a:gd name="T56" fmla="*/ 4 w 75"/>
                  <a:gd name="T57" fmla="*/ 8 h 57"/>
                  <a:gd name="T58" fmla="*/ 5 w 75"/>
                  <a:gd name="T59" fmla="*/ 5 h 57"/>
                  <a:gd name="T60" fmla="*/ 3 w 75"/>
                  <a:gd name="T61" fmla="*/ 4 h 57"/>
                  <a:gd name="T62" fmla="*/ 1 w 75"/>
                  <a:gd name="T63" fmla="*/ 3 h 57"/>
                  <a:gd name="T64" fmla="*/ 0 w 75"/>
                  <a:gd name="T65" fmla="*/ 1 h 57"/>
                  <a:gd name="T66" fmla="*/ 2 w 75"/>
                  <a:gd name="T67" fmla="*/ 1 h 57"/>
                  <a:gd name="T68" fmla="*/ 5 w 75"/>
                  <a:gd name="T69" fmla="*/ 1 h 57"/>
                  <a:gd name="T70" fmla="*/ 8 w 75"/>
                  <a:gd name="T71" fmla="*/ 3 h 57"/>
                  <a:gd name="T72" fmla="*/ 9 w 75"/>
                  <a:gd name="T73" fmla="*/ 5 h 57"/>
                  <a:gd name="T74" fmla="*/ 9 w 75"/>
                  <a:gd name="T75" fmla="*/ 8 h 57"/>
                  <a:gd name="T76" fmla="*/ 11 w 75"/>
                  <a:gd name="T77" fmla="*/ 8 h 57"/>
                  <a:gd name="T78" fmla="*/ 14 w 75"/>
                  <a:gd name="T79" fmla="*/ 3 h 57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0" t="0" r="r" b="b"/>
                <a:pathLst>
                  <a:path w="75" h="57">
                    <a:moveTo>
                      <a:pt x="44" y="1"/>
                    </a:moveTo>
                    <a:lnTo>
                      <a:pt x="49" y="0"/>
                    </a:lnTo>
                    <a:lnTo>
                      <a:pt x="54" y="1"/>
                    </a:lnTo>
                    <a:lnTo>
                      <a:pt x="57" y="2"/>
                    </a:lnTo>
                    <a:lnTo>
                      <a:pt x="60" y="4"/>
                    </a:lnTo>
                    <a:lnTo>
                      <a:pt x="62" y="7"/>
                    </a:lnTo>
                    <a:lnTo>
                      <a:pt x="65" y="9"/>
                    </a:lnTo>
                    <a:lnTo>
                      <a:pt x="68" y="10"/>
                    </a:lnTo>
                    <a:lnTo>
                      <a:pt x="73" y="11"/>
                    </a:lnTo>
                    <a:lnTo>
                      <a:pt x="74" y="16"/>
                    </a:lnTo>
                    <a:lnTo>
                      <a:pt x="75" y="20"/>
                    </a:lnTo>
                    <a:lnTo>
                      <a:pt x="75" y="24"/>
                    </a:lnTo>
                    <a:lnTo>
                      <a:pt x="74" y="28"/>
                    </a:lnTo>
                    <a:lnTo>
                      <a:pt x="72" y="34"/>
                    </a:lnTo>
                    <a:lnTo>
                      <a:pt x="67" y="38"/>
                    </a:lnTo>
                    <a:lnTo>
                      <a:pt x="64" y="42"/>
                    </a:lnTo>
                    <a:lnTo>
                      <a:pt x="60" y="47"/>
                    </a:lnTo>
                    <a:lnTo>
                      <a:pt x="56" y="52"/>
                    </a:lnTo>
                    <a:lnTo>
                      <a:pt x="54" y="57"/>
                    </a:lnTo>
                    <a:lnTo>
                      <a:pt x="50" y="56"/>
                    </a:lnTo>
                    <a:lnTo>
                      <a:pt x="48" y="55"/>
                    </a:lnTo>
                    <a:lnTo>
                      <a:pt x="47" y="54"/>
                    </a:lnTo>
                    <a:lnTo>
                      <a:pt x="46" y="53"/>
                    </a:lnTo>
                    <a:lnTo>
                      <a:pt x="47" y="50"/>
                    </a:lnTo>
                    <a:lnTo>
                      <a:pt x="49" y="47"/>
                    </a:lnTo>
                    <a:lnTo>
                      <a:pt x="52" y="42"/>
                    </a:lnTo>
                    <a:lnTo>
                      <a:pt x="52" y="38"/>
                    </a:lnTo>
                    <a:lnTo>
                      <a:pt x="52" y="36"/>
                    </a:lnTo>
                    <a:lnTo>
                      <a:pt x="50" y="34"/>
                    </a:lnTo>
                    <a:lnTo>
                      <a:pt x="48" y="32"/>
                    </a:lnTo>
                    <a:lnTo>
                      <a:pt x="44" y="29"/>
                    </a:lnTo>
                    <a:lnTo>
                      <a:pt x="42" y="30"/>
                    </a:lnTo>
                    <a:lnTo>
                      <a:pt x="39" y="31"/>
                    </a:lnTo>
                    <a:lnTo>
                      <a:pt x="37" y="33"/>
                    </a:lnTo>
                    <a:lnTo>
                      <a:pt x="36" y="34"/>
                    </a:lnTo>
                    <a:lnTo>
                      <a:pt x="34" y="39"/>
                    </a:lnTo>
                    <a:lnTo>
                      <a:pt x="32" y="44"/>
                    </a:lnTo>
                    <a:lnTo>
                      <a:pt x="30" y="50"/>
                    </a:lnTo>
                    <a:lnTo>
                      <a:pt x="27" y="54"/>
                    </a:lnTo>
                    <a:lnTo>
                      <a:pt x="25" y="56"/>
                    </a:lnTo>
                    <a:lnTo>
                      <a:pt x="23" y="57"/>
                    </a:lnTo>
                    <a:lnTo>
                      <a:pt x="20" y="57"/>
                    </a:lnTo>
                    <a:lnTo>
                      <a:pt x="17" y="57"/>
                    </a:lnTo>
                    <a:lnTo>
                      <a:pt x="13" y="57"/>
                    </a:lnTo>
                    <a:lnTo>
                      <a:pt x="10" y="56"/>
                    </a:lnTo>
                    <a:lnTo>
                      <a:pt x="9" y="55"/>
                    </a:lnTo>
                    <a:lnTo>
                      <a:pt x="10" y="53"/>
                    </a:lnTo>
                    <a:lnTo>
                      <a:pt x="15" y="48"/>
                    </a:lnTo>
                    <a:lnTo>
                      <a:pt x="21" y="42"/>
                    </a:lnTo>
                    <a:lnTo>
                      <a:pt x="23" y="40"/>
                    </a:lnTo>
                    <a:lnTo>
                      <a:pt x="25" y="37"/>
                    </a:lnTo>
                    <a:lnTo>
                      <a:pt x="27" y="35"/>
                    </a:lnTo>
                    <a:lnTo>
                      <a:pt x="26" y="33"/>
                    </a:lnTo>
                    <a:lnTo>
                      <a:pt x="25" y="31"/>
                    </a:lnTo>
                    <a:lnTo>
                      <a:pt x="21" y="30"/>
                    </a:lnTo>
                    <a:lnTo>
                      <a:pt x="16" y="30"/>
                    </a:lnTo>
                    <a:lnTo>
                      <a:pt x="7" y="29"/>
                    </a:lnTo>
                    <a:lnTo>
                      <a:pt x="12" y="23"/>
                    </a:lnTo>
                    <a:lnTo>
                      <a:pt x="14" y="17"/>
                    </a:lnTo>
                    <a:lnTo>
                      <a:pt x="14" y="15"/>
                    </a:lnTo>
                    <a:lnTo>
                      <a:pt x="13" y="13"/>
                    </a:lnTo>
                    <a:lnTo>
                      <a:pt x="10" y="12"/>
                    </a:lnTo>
                    <a:lnTo>
                      <a:pt x="7" y="11"/>
                    </a:lnTo>
                    <a:lnTo>
                      <a:pt x="3" y="8"/>
                    </a:lnTo>
                    <a:lnTo>
                      <a:pt x="1" y="5"/>
                    </a:lnTo>
                    <a:lnTo>
                      <a:pt x="0" y="4"/>
                    </a:lnTo>
                    <a:lnTo>
                      <a:pt x="0" y="3"/>
                    </a:lnTo>
                    <a:lnTo>
                      <a:pt x="5" y="2"/>
                    </a:lnTo>
                    <a:lnTo>
                      <a:pt x="12" y="3"/>
                    </a:lnTo>
                    <a:lnTo>
                      <a:pt x="16" y="4"/>
                    </a:lnTo>
                    <a:lnTo>
                      <a:pt x="19" y="7"/>
                    </a:lnTo>
                    <a:lnTo>
                      <a:pt x="23" y="9"/>
                    </a:lnTo>
                    <a:lnTo>
                      <a:pt x="25" y="12"/>
                    </a:lnTo>
                    <a:lnTo>
                      <a:pt x="27" y="15"/>
                    </a:lnTo>
                    <a:lnTo>
                      <a:pt x="28" y="19"/>
                    </a:lnTo>
                    <a:lnTo>
                      <a:pt x="28" y="24"/>
                    </a:lnTo>
                    <a:lnTo>
                      <a:pt x="26" y="29"/>
                    </a:lnTo>
                    <a:lnTo>
                      <a:pt x="32" y="23"/>
                    </a:lnTo>
                    <a:lnTo>
                      <a:pt x="37" y="17"/>
                    </a:lnTo>
                    <a:lnTo>
                      <a:pt x="41" y="9"/>
                    </a:lnTo>
                    <a:lnTo>
                      <a:pt x="44" y="1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72" name="Freeform 403"/>
              <p:cNvSpPr>
                <a:spLocks/>
              </p:cNvSpPr>
              <p:nvPr/>
            </p:nvSpPr>
            <p:spPr bwMode="auto">
              <a:xfrm>
                <a:off x="2322513" y="6145213"/>
                <a:ext cx="20638" cy="28575"/>
              </a:xfrm>
              <a:custGeom>
                <a:avLst/>
                <a:gdLst>
                  <a:gd name="T0" fmla="*/ 12 w 40"/>
                  <a:gd name="T1" fmla="*/ 3 h 55"/>
                  <a:gd name="T2" fmla="*/ 13 w 40"/>
                  <a:gd name="T3" fmla="*/ 5 h 55"/>
                  <a:gd name="T4" fmla="*/ 13 w 40"/>
                  <a:gd name="T5" fmla="*/ 6 h 55"/>
                  <a:gd name="T6" fmla="*/ 13 w 40"/>
                  <a:gd name="T7" fmla="*/ 7 h 55"/>
                  <a:gd name="T8" fmla="*/ 13 w 40"/>
                  <a:gd name="T9" fmla="*/ 9 h 55"/>
                  <a:gd name="T10" fmla="*/ 12 w 40"/>
                  <a:gd name="T11" fmla="*/ 10 h 55"/>
                  <a:gd name="T12" fmla="*/ 11 w 40"/>
                  <a:gd name="T13" fmla="*/ 12 h 55"/>
                  <a:gd name="T14" fmla="*/ 10 w 40"/>
                  <a:gd name="T15" fmla="*/ 13 h 55"/>
                  <a:gd name="T16" fmla="*/ 8 w 40"/>
                  <a:gd name="T17" fmla="*/ 15 h 55"/>
                  <a:gd name="T18" fmla="*/ 7 w 40"/>
                  <a:gd name="T19" fmla="*/ 16 h 55"/>
                  <a:gd name="T20" fmla="*/ 6 w 40"/>
                  <a:gd name="T21" fmla="*/ 18 h 55"/>
                  <a:gd name="T22" fmla="*/ 5 w 40"/>
                  <a:gd name="T23" fmla="*/ 15 h 55"/>
                  <a:gd name="T24" fmla="*/ 4 w 40"/>
                  <a:gd name="T25" fmla="*/ 12 h 55"/>
                  <a:gd name="T26" fmla="*/ 2 w 40"/>
                  <a:gd name="T27" fmla="*/ 9 h 55"/>
                  <a:gd name="T28" fmla="*/ 0 w 40"/>
                  <a:gd name="T29" fmla="*/ 3 h 55"/>
                  <a:gd name="T30" fmla="*/ 2 w 40"/>
                  <a:gd name="T31" fmla="*/ 2 h 55"/>
                  <a:gd name="T32" fmla="*/ 4 w 40"/>
                  <a:gd name="T33" fmla="*/ 1 h 55"/>
                  <a:gd name="T34" fmla="*/ 5 w 40"/>
                  <a:gd name="T35" fmla="*/ 0 h 55"/>
                  <a:gd name="T36" fmla="*/ 6 w 40"/>
                  <a:gd name="T37" fmla="*/ 0 h 55"/>
                  <a:gd name="T38" fmla="*/ 8 w 40"/>
                  <a:gd name="T39" fmla="*/ 0 h 55"/>
                  <a:gd name="T40" fmla="*/ 9 w 40"/>
                  <a:gd name="T41" fmla="*/ 1 h 55"/>
                  <a:gd name="T42" fmla="*/ 11 w 40"/>
                  <a:gd name="T43" fmla="*/ 2 h 55"/>
                  <a:gd name="T44" fmla="*/ 12 w 40"/>
                  <a:gd name="T45" fmla="*/ 3 h 55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40" h="55">
                    <a:moveTo>
                      <a:pt x="38" y="9"/>
                    </a:moveTo>
                    <a:lnTo>
                      <a:pt x="39" y="14"/>
                    </a:lnTo>
                    <a:lnTo>
                      <a:pt x="40" y="18"/>
                    </a:lnTo>
                    <a:lnTo>
                      <a:pt x="40" y="22"/>
                    </a:lnTo>
                    <a:lnTo>
                      <a:pt x="39" y="26"/>
                    </a:lnTo>
                    <a:lnTo>
                      <a:pt x="37" y="32"/>
                    </a:lnTo>
                    <a:lnTo>
                      <a:pt x="33" y="36"/>
                    </a:lnTo>
                    <a:lnTo>
                      <a:pt x="30" y="40"/>
                    </a:lnTo>
                    <a:lnTo>
                      <a:pt x="26" y="45"/>
                    </a:lnTo>
                    <a:lnTo>
                      <a:pt x="22" y="50"/>
                    </a:lnTo>
                    <a:lnTo>
                      <a:pt x="19" y="55"/>
                    </a:lnTo>
                    <a:lnTo>
                      <a:pt x="16" y="47"/>
                    </a:lnTo>
                    <a:lnTo>
                      <a:pt x="12" y="37"/>
                    </a:lnTo>
                    <a:lnTo>
                      <a:pt x="7" y="26"/>
                    </a:lnTo>
                    <a:lnTo>
                      <a:pt x="0" y="9"/>
                    </a:lnTo>
                    <a:lnTo>
                      <a:pt x="6" y="5"/>
                    </a:lnTo>
                    <a:lnTo>
                      <a:pt x="11" y="2"/>
                    </a:lnTo>
                    <a:lnTo>
                      <a:pt x="15" y="0"/>
                    </a:lnTo>
                    <a:lnTo>
                      <a:pt x="19" y="0"/>
                    </a:lnTo>
                    <a:lnTo>
                      <a:pt x="24" y="0"/>
                    </a:lnTo>
                    <a:lnTo>
                      <a:pt x="29" y="2"/>
                    </a:lnTo>
                    <a:lnTo>
                      <a:pt x="33" y="5"/>
                    </a:lnTo>
                    <a:lnTo>
                      <a:pt x="38" y="9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73" name="Ærø"/>
              <p:cNvSpPr>
                <a:spLocks/>
              </p:cNvSpPr>
              <p:nvPr/>
            </p:nvSpPr>
            <p:spPr bwMode="auto">
              <a:xfrm>
                <a:off x="2322513" y="6145213"/>
                <a:ext cx="20638" cy="28575"/>
              </a:xfrm>
              <a:custGeom>
                <a:avLst/>
                <a:gdLst>
                  <a:gd name="T0" fmla="*/ 12 w 40"/>
                  <a:gd name="T1" fmla="*/ 3 h 55"/>
                  <a:gd name="T2" fmla="*/ 13 w 40"/>
                  <a:gd name="T3" fmla="*/ 5 h 55"/>
                  <a:gd name="T4" fmla="*/ 13 w 40"/>
                  <a:gd name="T5" fmla="*/ 6 h 55"/>
                  <a:gd name="T6" fmla="*/ 13 w 40"/>
                  <a:gd name="T7" fmla="*/ 7 h 55"/>
                  <a:gd name="T8" fmla="*/ 13 w 40"/>
                  <a:gd name="T9" fmla="*/ 9 h 55"/>
                  <a:gd name="T10" fmla="*/ 12 w 40"/>
                  <a:gd name="T11" fmla="*/ 10 h 55"/>
                  <a:gd name="T12" fmla="*/ 11 w 40"/>
                  <a:gd name="T13" fmla="*/ 12 h 55"/>
                  <a:gd name="T14" fmla="*/ 10 w 40"/>
                  <a:gd name="T15" fmla="*/ 13 h 55"/>
                  <a:gd name="T16" fmla="*/ 8 w 40"/>
                  <a:gd name="T17" fmla="*/ 15 h 55"/>
                  <a:gd name="T18" fmla="*/ 7 w 40"/>
                  <a:gd name="T19" fmla="*/ 16 h 55"/>
                  <a:gd name="T20" fmla="*/ 6 w 40"/>
                  <a:gd name="T21" fmla="*/ 18 h 55"/>
                  <a:gd name="T22" fmla="*/ 5 w 40"/>
                  <a:gd name="T23" fmla="*/ 15 h 55"/>
                  <a:gd name="T24" fmla="*/ 4 w 40"/>
                  <a:gd name="T25" fmla="*/ 12 h 55"/>
                  <a:gd name="T26" fmla="*/ 2 w 40"/>
                  <a:gd name="T27" fmla="*/ 9 h 55"/>
                  <a:gd name="T28" fmla="*/ 0 w 40"/>
                  <a:gd name="T29" fmla="*/ 3 h 55"/>
                  <a:gd name="T30" fmla="*/ 2 w 40"/>
                  <a:gd name="T31" fmla="*/ 2 h 55"/>
                  <a:gd name="T32" fmla="*/ 4 w 40"/>
                  <a:gd name="T33" fmla="*/ 1 h 55"/>
                  <a:gd name="T34" fmla="*/ 5 w 40"/>
                  <a:gd name="T35" fmla="*/ 0 h 55"/>
                  <a:gd name="T36" fmla="*/ 6 w 40"/>
                  <a:gd name="T37" fmla="*/ 0 h 55"/>
                  <a:gd name="T38" fmla="*/ 8 w 40"/>
                  <a:gd name="T39" fmla="*/ 0 h 55"/>
                  <a:gd name="T40" fmla="*/ 9 w 40"/>
                  <a:gd name="T41" fmla="*/ 1 h 55"/>
                  <a:gd name="T42" fmla="*/ 11 w 40"/>
                  <a:gd name="T43" fmla="*/ 2 h 55"/>
                  <a:gd name="T44" fmla="*/ 12 w 40"/>
                  <a:gd name="T45" fmla="*/ 3 h 55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40" h="55">
                    <a:moveTo>
                      <a:pt x="38" y="9"/>
                    </a:moveTo>
                    <a:lnTo>
                      <a:pt x="39" y="14"/>
                    </a:lnTo>
                    <a:lnTo>
                      <a:pt x="40" y="18"/>
                    </a:lnTo>
                    <a:lnTo>
                      <a:pt x="40" y="22"/>
                    </a:lnTo>
                    <a:lnTo>
                      <a:pt x="39" y="26"/>
                    </a:lnTo>
                    <a:lnTo>
                      <a:pt x="37" y="32"/>
                    </a:lnTo>
                    <a:lnTo>
                      <a:pt x="33" y="36"/>
                    </a:lnTo>
                    <a:lnTo>
                      <a:pt x="30" y="40"/>
                    </a:lnTo>
                    <a:lnTo>
                      <a:pt x="26" y="45"/>
                    </a:lnTo>
                    <a:lnTo>
                      <a:pt x="22" y="50"/>
                    </a:lnTo>
                    <a:lnTo>
                      <a:pt x="19" y="55"/>
                    </a:lnTo>
                    <a:lnTo>
                      <a:pt x="16" y="47"/>
                    </a:lnTo>
                    <a:lnTo>
                      <a:pt x="12" y="37"/>
                    </a:lnTo>
                    <a:lnTo>
                      <a:pt x="7" y="26"/>
                    </a:lnTo>
                    <a:lnTo>
                      <a:pt x="0" y="9"/>
                    </a:lnTo>
                    <a:lnTo>
                      <a:pt x="6" y="5"/>
                    </a:lnTo>
                    <a:lnTo>
                      <a:pt x="11" y="2"/>
                    </a:lnTo>
                    <a:lnTo>
                      <a:pt x="15" y="0"/>
                    </a:lnTo>
                    <a:lnTo>
                      <a:pt x="19" y="0"/>
                    </a:lnTo>
                    <a:lnTo>
                      <a:pt x="24" y="0"/>
                    </a:lnTo>
                    <a:lnTo>
                      <a:pt x="29" y="2"/>
                    </a:lnTo>
                    <a:lnTo>
                      <a:pt x="33" y="5"/>
                    </a:lnTo>
                    <a:lnTo>
                      <a:pt x="38" y="9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</p:grpSp>
      <p:grpSp>
        <p:nvGrpSpPr>
          <p:cNvPr id="111" name="Sjælland"/>
          <p:cNvGrpSpPr>
            <a:grpSpLocks/>
          </p:cNvGrpSpPr>
          <p:nvPr/>
        </p:nvGrpSpPr>
        <p:grpSpPr>
          <a:xfrm>
            <a:off x="2878139" y="4486460"/>
            <a:ext cx="1401762" cy="1941513"/>
            <a:chOff x="2681288" y="4540250"/>
            <a:chExt cx="1401762" cy="1941513"/>
          </a:xfrm>
          <a:solidFill>
            <a:schemeClr val="bg1"/>
          </a:solidFill>
        </p:grpSpPr>
        <p:sp>
          <p:nvSpPr>
            <p:cNvPr id="112" name="Kalundborg"/>
            <p:cNvSpPr>
              <a:spLocks/>
            </p:cNvSpPr>
            <p:nvPr/>
          </p:nvSpPr>
          <p:spPr bwMode="auto">
            <a:xfrm>
              <a:off x="2681288" y="4873625"/>
              <a:ext cx="465137" cy="422275"/>
            </a:xfrm>
            <a:custGeom>
              <a:avLst/>
              <a:gdLst>
                <a:gd name="T0" fmla="*/ 76 w 878"/>
                <a:gd name="T1" fmla="*/ 25 h 798"/>
                <a:gd name="T2" fmla="*/ 115 w 878"/>
                <a:gd name="T3" fmla="*/ 16 h 798"/>
                <a:gd name="T4" fmla="*/ 154 w 878"/>
                <a:gd name="T5" fmla="*/ 6 h 798"/>
                <a:gd name="T6" fmla="*/ 163 w 878"/>
                <a:gd name="T7" fmla="*/ 21 h 798"/>
                <a:gd name="T8" fmla="*/ 167 w 878"/>
                <a:gd name="T9" fmla="*/ 26 h 798"/>
                <a:gd name="T10" fmla="*/ 174 w 878"/>
                <a:gd name="T11" fmla="*/ 18 h 798"/>
                <a:gd name="T12" fmla="*/ 183 w 878"/>
                <a:gd name="T13" fmla="*/ 22 h 798"/>
                <a:gd name="T14" fmla="*/ 196 w 878"/>
                <a:gd name="T15" fmla="*/ 25 h 798"/>
                <a:gd name="T16" fmla="*/ 209 w 878"/>
                <a:gd name="T17" fmla="*/ 13 h 798"/>
                <a:gd name="T18" fmla="*/ 212 w 878"/>
                <a:gd name="T19" fmla="*/ 10 h 798"/>
                <a:gd name="T20" fmla="*/ 221 w 878"/>
                <a:gd name="T21" fmla="*/ 6 h 798"/>
                <a:gd name="T22" fmla="*/ 220 w 878"/>
                <a:gd name="T23" fmla="*/ 1 h 798"/>
                <a:gd name="T24" fmla="*/ 233 w 878"/>
                <a:gd name="T25" fmla="*/ 2 h 798"/>
                <a:gd name="T26" fmla="*/ 243 w 878"/>
                <a:gd name="T27" fmla="*/ 15 h 798"/>
                <a:gd name="T28" fmla="*/ 249 w 878"/>
                <a:gd name="T29" fmla="*/ 25 h 798"/>
                <a:gd name="T30" fmla="*/ 264 w 878"/>
                <a:gd name="T31" fmla="*/ 24 h 798"/>
                <a:gd name="T32" fmla="*/ 250 w 878"/>
                <a:gd name="T33" fmla="*/ 64 h 798"/>
                <a:gd name="T34" fmla="*/ 250 w 878"/>
                <a:gd name="T35" fmla="*/ 86 h 798"/>
                <a:gd name="T36" fmla="*/ 241 w 878"/>
                <a:gd name="T37" fmla="*/ 102 h 798"/>
                <a:gd name="T38" fmla="*/ 247 w 878"/>
                <a:gd name="T39" fmla="*/ 112 h 798"/>
                <a:gd name="T40" fmla="*/ 263 w 878"/>
                <a:gd name="T41" fmla="*/ 147 h 798"/>
                <a:gd name="T42" fmla="*/ 282 w 878"/>
                <a:gd name="T43" fmla="*/ 165 h 798"/>
                <a:gd name="T44" fmla="*/ 282 w 878"/>
                <a:gd name="T45" fmla="*/ 179 h 798"/>
                <a:gd name="T46" fmla="*/ 291 w 878"/>
                <a:gd name="T47" fmla="*/ 183 h 798"/>
                <a:gd name="T48" fmla="*/ 248 w 878"/>
                <a:gd name="T49" fmla="*/ 184 h 798"/>
                <a:gd name="T50" fmla="*/ 226 w 878"/>
                <a:gd name="T51" fmla="*/ 194 h 798"/>
                <a:gd name="T52" fmla="*/ 241 w 878"/>
                <a:gd name="T53" fmla="*/ 207 h 798"/>
                <a:gd name="T54" fmla="*/ 267 w 878"/>
                <a:gd name="T55" fmla="*/ 213 h 798"/>
                <a:gd name="T56" fmla="*/ 267 w 878"/>
                <a:gd name="T57" fmla="*/ 221 h 798"/>
                <a:gd name="T58" fmla="*/ 264 w 878"/>
                <a:gd name="T59" fmla="*/ 245 h 798"/>
                <a:gd name="T60" fmla="*/ 245 w 878"/>
                <a:gd name="T61" fmla="*/ 265 h 798"/>
                <a:gd name="T62" fmla="*/ 232 w 878"/>
                <a:gd name="T63" fmla="*/ 250 h 798"/>
                <a:gd name="T64" fmla="*/ 210 w 878"/>
                <a:gd name="T65" fmla="*/ 262 h 798"/>
                <a:gd name="T66" fmla="*/ 197 w 878"/>
                <a:gd name="T67" fmla="*/ 255 h 798"/>
                <a:gd name="T68" fmla="*/ 187 w 878"/>
                <a:gd name="T69" fmla="*/ 257 h 798"/>
                <a:gd name="T70" fmla="*/ 166 w 878"/>
                <a:gd name="T71" fmla="*/ 264 h 798"/>
                <a:gd name="T72" fmla="*/ 153 w 878"/>
                <a:gd name="T73" fmla="*/ 242 h 798"/>
                <a:gd name="T74" fmla="*/ 139 w 878"/>
                <a:gd name="T75" fmla="*/ 225 h 798"/>
                <a:gd name="T76" fmla="*/ 134 w 878"/>
                <a:gd name="T77" fmla="*/ 212 h 798"/>
                <a:gd name="T78" fmla="*/ 129 w 878"/>
                <a:gd name="T79" fmla="*/ 211 h 798"/>
                <a:gd name="T80" fmla="*/ 125 w 878"/>
                <a:gd name="T81" fmla="*/ 224 h 798"/>
                <a:gd name="T82" fmla="*/ 112 w 878"/>
                <a:gd name="T83" fmla="*/ 228 h 798"/>
                <a:gd name="T84" fmla="*/ 105 w 878"/>
                <a:gd name="T85" fmla="*/ 214 h 798"/>
                <a:gd name="T86" fmla="*/ 116 w 878"/>
                <a:gd name="T87" fmla="*/ 200 h 798"/>
                <a:gd name="T88" fmla="*/ 125 w 878"/>
                <a:gd name="T89" fmla="*/ 203 h 798"/>
                <a:gd name="T90" fmla="*/ 141 w 878"/>
                <a:gd name="T91" fmla="*/ 200 h 798"/>
                <a:gd name="T92" fmla="*/ 143 w 878"/>
                <a:gd name="T93" fmla="*/ 179 h 798"/>
                <a:gd name="T94" fmla="*/ 121 w 878"/>
                <a:gd name="T95" fmla="*/ 132 h 798"/>
                <a:gd name="T96" fmla="*/ 82 w 878"/>
                <a:gd name="T97" fmla="*/ 108 h 798"/>
                <a:gd name="T98" fmla="*/ 40 w 878"/>
                <a:gd name="T99" fmla="*/ 100 h 798"/>
                <a:gd name="T100" fmla="*/ 27 w 878"/>
                <a:gd name="T101" fmla="*/ 90 h 798"/>
                <a:gd name="T102" fmla="*/ 51 w 878"/>
                <a:gd name="T103" fmla="*/ 83 h 798"/>
                <a:gd name="T104" fmla="*/ 95 w 878"/>
                <a:gd name="T105" fmla="*/ 92 h 798"/>
                <a:gd name="T106" fmla="*/ 109 w 878"/>
                <a:gd name="T107" fmla="*/ 83 h 798"/>
                <a:gd name="T108" fmla="*/ 103 w 878"/>
                <a:gd name="T109" fmla="*/ 80 h 798"/>
                <a:gd name="T110" fmla="*/ 101 w 878"/>
                <a:gd name="T111" fmla="*/ 90 h 798"/>
                <a:gd name="T112" fmla="*/ 74 w 878"/>
                <a:gd name="T113" fmla="*/ 62 h 798"/>
                <a:gd name="T114" fmla="*/ 55 w 878"/>
                <a:gd name="T115" fmla="*/ 40 h 798"/>
                <a:gd name="T116" fmla="*/ 40 w 878"/>
                <a:gd name="T117" fmla="*/ 36 h 798"/>
                <a:gd name="T118" fmla="*/ 14 w 878"/>
                <a:gd name="T119" fmla="*/ 37 h 798"/>
                <a:gd name="T120" fmla="*/ 1 w 878"/>
                <a:gd name="T121" fmla="*/ 23 h 798"/>
                <a:gd name="T122" fmla="*/ 21 w 878"/>
                <a:gd name="T123" fmla="*/ 15 h 798"/>
                <a:gd name="T124" fmla="*/ 44 w 878"/>
                <a:gd name="T125" fmla="*/ 17 h 79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878" h="798">
                  <a:moveTo>
                    <a:pt x="162" y="41"/>
                  </a:moveTo>
                  <a:lnTo>
                    <a:pt x="172" y="50"/>
                  </a:lnTo>
                  <a:lnTo>
                    <a:pt x="182" y="57"/>
                  </a:lnTo>
                  <a:lnTo>
                    <a:pt x="191" y="63"/>
                  </a:lnTo>
                  <a:lnTo>
                    <a:pt x="201" y="68"/>
                  </a:lnTo>
                  <a:lnTo>
                    <a:pt x="210" y="71"/>
                  </a:lnTo>
                  <a:lnTo>
                    <a:pt x="220" y="74"/>
                  </a:lnTo>
                  <a:lnTo>
                    <a:pt x="228" y="76"/>
                  </a:lnTo>
                  <a:lnTo>
                    <a:pt x="238" y="77"/>
                  </a:lnTo>
                  <a:lnTo>
                    <a:pt x="247" y="77"/>
                  </a:lnTo>
                  <a:lnTo>
                    <a:pt x="255" y="77"/>
                  </a:lnTo>
                  <a:lnTo>
                    <a:pt x="265" y="76"/>
                  </a:lnTo>
                  <a:lnTo>
                    <a:pt x="274" y="74"/>
                  </a:lnTo>
                  <a:lnTo>
                    <a:pt x="292" y="70"/>
                  </a:lnTo>
                  <a:lnTo>
                    <a:pt x="310" y="64"/>
                  </a:lnTo>
                  <a:lnTo>
                    <a:pt x="345" y="49"/>
                  </a:lnTo>
                  <a:lnTo>
                    <a:pt x="381" y="33"/>
                  </a:lnTo>
                  <a:lnTo>
                    <a:pt x="400" y="27"/>
                  </a:lnTo>
                  <a:lnTo>
                    <a:pt x="418" y="21"/>
                  </a:lnTo>
                  <a:lnTo>
                    <a:pt x="427" y="19"/>
                  </a:lnTo>
                  <a:lnTo>
                    <a:pt x="435" y="18"/>
                  </a:lnTo>
                  <a:lnTo>
                    <a:pt x="445" y="17"/>
                  </a:lnTo>
                  <a:lnTo>
                    <a:pt x="454" y="17"/>
                  </a:lnTo>
                  <a:lnTo>
                    <a:pt x="460" y="18"/>
                  </a:lnTo>
                  <a:lnTo>
                    <a:pt x="463" y="20"/>
                  </a:lnTo>
                  <a:lnTo>
                    <a:pt x="466" y="24"/>
                  </a:lnTo>
                  <a:lnTo>
                    <a:pt x="469" y="28"/>
                  </a:lnTo>
                  <a:lnTo>
                    <a:pt x="472" y="36"/>
                  </a:lnTo>
                  <a:lnTo>
                    <a:pt x="475" y="45"/>
                  </a:lnTo>
                  <a:lnTo>
                    <a:pt x="480" y="53"/>
                  </a:lnTo>
                  <a:lnTo>
                    <a:pt x="485" y="60"/>
                  </a:lnTo>
                  <a:lnTo>
                    <a:pt x="488" y="64"/>
                  </a:lnTo>
                  <a:lnTo>
                    <a:pt x="492" y="65"/>
                  </a:lnTo>
                  <a:lnTo>
                    <a:pt x="498" y="66"/>
                  </a:lnTo>
                  <a:lnTo>
                    <a:pt x="504" y="66"/>
                  </a:lnTo>
                  <a:lnTo>
                    <a:pt x="500" y="71"/>
                  </a:lnTo>
                  <a:lnTo>
                    <a:pt x="498" y="74"/>
                  </a:lnTo>
                  <a:lnTo>
                    <a:pt x="498" y="77"/>
                  </a:lnTo>
                  <a:lnTo>
                    <a:pt x="498" y="78"/>
                  </a:lnTo>
                  <a:lnTo>
                    <a:pt x="499" y="79"/>
                  </a:lnTo>
                  <a:lnTo>
                    <a:pt x="500" y="79"/>
                  </a:lnTo>
                  <a:lnTo>
                    <a:pt x="503" y="78"/>
                  </a:lnTo>
                  <a:lnTo>
                    <a:pt x="505" y="77"/>
                  </a:lnTo>
                  <a:lnTo>
                    <a:pt x="511" y="73"/>
                  </a:lnTo>
                  <a:lnTo>
                    <a:pt x="517" y="66"/>
                  </a:lnTo>
                  <a:lnTo>
                    <a:pt x="518" y="63"/>
                  </a:lnTo>
                  <a:lnTo>
                    <a:pt x="520" y="58"/>
                  </a:lnTo>
                  <a:lnTo>
                    <a:pt x="520" y="54"/>
                  </a:lnTo>
                  <a:lnTo>
                    <a:pt x="520" y="50"/>
                  </a:lnTo>
                  <a:lnTo>
                    <a:pt x="524" y="51"/>
                  </a:lnTo>
                  <a:lnTo>
                    <a:pt x="528" y="54"/>
                  </a:lnTo>
                  <a:lnTo>
                    <a:pt x="532" y="58"/>
                  </a:lnTo>
                  <a:lnTo>
                    <a:pt x="537" y="63"/>
                  </a:lnTo>
                  <a:lnTo>
                    <a:pt x="541" y="66"/>
                  </a:lnTo>
                  <a:lnTo>
                    <a:pt x="545" y="67"/>
                  </a:lnTo>
                  <a:lnTo>
                    <a:pt x="547" y="67"/>
                  </a:lnTo>
                  <a:lnTo>
                    <a:pt x="549" y="65"/>
                  </a:lnTo>
                  <a:lnTo>
                    <a:pt x="550" y="61"/>
                  </a:lnTo>
                  <a:lnTo>
                    <a:pt x="552" y="58"/>
                  </a:lnTo>
                  <a:lnTo>
                    <a:pt x="562" y="63"/>
                  </a:lnTo>
                  <a:lnTo>
                    <a:pt x="570" y="68"/>
                  </a:lnTo>
                  <a:lnTo>
                    <a:pt x="576" y="71"/>
                  </a:lnTo>
                  <a:lnTo>
                    <a:pt x="580" y="73"/>
                  </a:lnTo>
                  <a:lnTo>
                    <a:pt x="586" y="74"/>
                  </a:lnTo>
                  <a:lnTo>
                    <a:pt x="592" y="74"/>
                  </a:lnTo>
                  <a:lnTo>
                    <a:pt x="597" y="66"/>
                  </a:lnTo>
                  <a:lnTo>
                    <a:pt x="602" y="59"/>
                  </a:lnTo>
                  <a:lnTo>
                    <a:pt x="609" y="54"/>
                  </a:lnTo>
                  <a:lnTo>
                    <a:pt x="618" y="50"/>
                  </a:lnTo>
                  <a:lnTo>
                    <a:pt x="621" y="50"/>
                  </a:lnTo>
                  <a:lnTo>
                    <a:pt x="625" y="50"/>
                  </a:lnTo>
                  <a:lnTo>
                    <a:pt x="626" y="39"/>
                  </a:lnTo>
                  <a:lnTo>
                    <a:pt x="626" y="30"/>
                  </a:lnTo>
                  <a:lnTo>
                    <a:pt x="626" y="26"/>
                  </a:lnTo>
                  <a:lnTo>
                    <a:pt x="628" y="21"/>
                  </a:lnTo>
                  <a:lnTo>
                    <a:pt x="630" y="19"/>
                  </a:lnTo>
                  <a:lnTo>
                    <a:pt x="633" y="17"/>
                  </a:lnTo>
                  <a:lnTo>
                    <a:pt x="634" y="23"/>
                  </a:lnTo>
                  <a:lnTo>
                    <a:pt x="636" y="28"/>
                  </a:lnTo>
                  <a:lnTo>
                    <a:pt x="636" y="30"/>
                  </a:lnTo>
                  <a:lnTo>
                    <a:pt x="638" y="32"/>
                  </a:lnTo>
                  <a:lnTo>
                    <a:pt x="639" y="33"/>
                  </a:lnTo>
                  <a:lnTo>
                    <a:pt x="642" y="33"/>
                  </a:lnTo>
                  <a:lnTo>
                    <a:pt x="642" y="30"/>
                  </a:lnTo>
                  <a:lnTo>
                    <a:pt x="644" y="27"/>
                  </a:lnTo>
                  <a:lnTo>
                    <a:pt x="647" y="24"/>
                  </a:lnTo>
                  <a:lnTo>
                    <a:pt x="651" y="21"/>
                  </a:lnTo>
                  <a:lnTo>
                    <a:pt x="661" y="17"/>
                  </a:lnTo>
                  <a:lnTo>
                    <a:pt x="670" y="15"/>
                  </a:lnTo>
                  <a:lnTo>
                    <a:pt x="678" y="13"/>
                  </a:lnTo>
                  <a:lnTo>
                    <a:pt x="680" y="12"/>
                  </a:lnTo>
                  <a:lnTo>
                    <a:pt x="673" y="11"/>
                  </a:lnTo>
                  <a:lnTo>
                    <a:pt x="658" y="9"/>
                  </a:lnTo>
                  <a:lnTo>
                    <a:pt x="658" y="6"/>
                  </a:lnTo>
                  <a:lnTo>
                    <a:pt x="659" y="4"/>
                  </a:lnTo>
                  <a:lnTo>
                    <a:pt x="660" y="3"/>
                  </a:lnTo>
                  <a:lnTo>
                    <a:pt x="662" y="1"/>
                  </a:lnTo>
                  <a:lnTo>
                    <a:pt x="667" y="0"/>
                  </a:lnTo>
                  <a:lnTo>
                    <a:pt x="673" y="0"/>
                  </a:lnTo>
                  <a:lnTo>
                    <a:pt x="680" y="0"/>
                  </a:lnTo>
                  <a:lnTo>
                    <a:pt x="687" y="1"/>
                  </a:lnTo>
                  <a:lnTo>
                    <a:pt x="693" y="1"/>
                  </a:lnTo>
                  <a:lnTo>
                    <a:pt x="699" y="1"/>
                  </a:lnTo>
                  <a:lnTo>
                    <a:pt x="699" y="7"/>
                  </a:lnTo>
                  <a:lnTo>
                    <a:pt x="701" y="12"/>
                  </a:lnTo>
                  <a:lnTo>
                    <a:pt x="703" y="17"/>
                  </a:lnTo>
                  <a:lnTo>
                    <a:pt x="705" y="20"/>
                  </a:lnTo>
                  <a:lnTo>
                    <a:pt x="711" y="28"/>
                  </a:lnTo>
                  <a:lnTo>
                    <a:pt x="719" y="33"/>
                  </a:lnTo>
                  <a:lnTo>
                    <a:pt x="722" y="36"/>
                  </a:lnTo>
                  <a:lnTo>
                    <a:pt x="725" y="40"/>
                  </a:lnTo>
                  <a:lnTo>
                    <a:pt x="728" y="44"/>
                  </a:lnTo>
                  <a:lnTo>
                    <a:pt x="730" y="48"/>
                  </a:lnTo>
                  <a:lnTo>
                    <a:pt x="732" y="53"/>
                  </a:lnTo>
                  <a:lnTo>
                    <a:pt x="732" y="59"/>
                  </a:lnTo>
                  <a:lnTo>
                    <a:pt x="732" y="66"/>
                  </a:lnTo>
                  <a:lnTo>
                    <a:pt x="731" y="74"/>
                  </a:lnTo>
                  <a:lnTo>
                    <a:pt x="737" y="75"/>
                  </a:lnTo>
                  <a:lnTo>
                    <a:pt x="742" y="75"/>
                  </a:lnTo>
                  <a:lnTo>
                    <a:pt x="747" y="75"/>
                  </a:lnTo>
                  <a:lnTo>
                    <a:pt x="752" y="75"/>
                  </a:lnTo>
                  <a:lnTo>
                    <a:pt x="761" y="73"/>
                  </a:lnTo>
                  <a:lnTo>
                    <a:pt x="769" y="70"/>
                  </a:lnTo>
                  <a:lnTo>
                    <a:pt x="776" y="69"/>
                  </a:lnTo>
                  <a:lnTo>
                    <a:pt x="783" y="68"/>
                  </a:lnTo>
                  <a:lnTo>
                    <a:pt x="786" y="68"/>
                  </a:lnTo>
                  <a:lnTo>
                    <a:pt x="789" y="69"/>
                  </a:lnTo>
                  <a:lnTo>
                    <a:pt x="792" y="71"/>
                  </a:lnTo>
                  <a:lnTo>
                    <a:pt x="796" y="74"/>
                  </a:lnTo>
                  <a:lnTo>
                    <a:pt x="795" y="88"/>
                  </a:lnTo>
                  <a:lnTo>
                    <a:pt x="791" y="103"/>
                  </a:lnTo>
                  <a:lnTo>
                    <a:pt x="787" y="115"/>
                  </a:lnTo>
                  <a:lnTo>
                    <a:pt x="782" y="129"/>
                  </a:lnTo>
                  <a:lnTo>
                    <a:pt x="768" y="154"/>
                  </a:lnTo>
                  <a:lnTo>
                    <a:pt x="756" y="179"/>
                  </a:lnTo>
                  <a:lnTo>
                    <a:pt x="750" y="192"/>
                  </a:lnTo>
                  <a:lnTo>
                    <a:pt x="745" y="204"/>
                  </a:lnTo>
                  <a:lnTo>
                    <a:pt x="743" y="216"/>
                  </a:lnTo>
                  <a:lnTo>
                    <a:pt x="742" y="228"/>
                  </a:lnTo>
                  <a:lnTo>
                    <a:pt x="742" y="234"/>
                  </a:lnTo>
                  <a:lnTo>
                    <a:pt x="743" y="240"/>
                  </a:lnTo>
                  <a:lnTo>
                    <a:pt x="744" y="247"/>
                  </a:lnTo>
                  <a:lnTo>
                    <a:pt x="746" y="252"/>
                  </a:lnTo>
                  <a:lnTo>
                    <a:pt x="749" y="258"/>
                  </a:lnTo>
                  <a:lnTo>
                    <a:pt x="753" y="265"/>
                  </a:lnTo>
                  <a:lnTo>
                    <a:pt x="758" y="271"/>
                  </a:lnTo>
                  <a:lnTo>
                    <a:pt x="764" y="277"/>
                  </a:lnTo>
                  <a:lnTo>
                    <a:pt x="746" y="287"/>
                  </a:lnTo>
                  <a:lnTo>
                    <a:pt x="730" y="296"/>
                  </a:lnTo>
                  <a:lnTo>
                    <a:pt x="726" y="299"/>
                  </a:lnTo>
                  <a:lnTo>
                    <a:pt x="723" y="304"/>
                  </a:lnTo>
                  <a:lnTo>
                    <a:pt x="721" y="307"/>
                  </a:lnTo>
                  <a:lnTo>
                    <a:pt x="719" y="311"/>
                  </a:lnTo>
                  <a:lnTo>
                    <a:pt x="717" y="316"/>
                  </a:lnTo>
                  <a:lnTo>
                    <a:pt x="716" y="322"/>
                  </a:lnTo>
                  <a:lnTo>
                    <a:pt x="715" y="328"/>
                  </a:lnTo>
                  <a:lnTo>
                    <a:pt x="715" y="334"/>
                  </a:lnTo>
                  <a:lnTo>
                    <a:pt x="725" y="334"/>
                  </a:lnTo>
                  <a:lnTo>
                    <a:pt x="735" y="334"/>
                  </a:lnTo>
                  <a:lnTo>
                    <a:pt x="739" y="335"/>
                  </a:lnTo>
                  <a:lnTo>
                    <a:pt x="743" y="336"/>
                  </a:lnTo>
                  <a:lnTo>
                    <a:pt x="746" y="338"/>
                  </a:lnTo>
                  <a:lnTo>
                    <a:pt x="747" y="343"/>
                  </a:lnTo>
                  <a:lnTo>
                    <a:pt x="755" y="366"/>
                  </a:lnTo>
                  <a:lnTo>
                    <a:pt x="762" y="389"/>
                  </a:lnTo>
                  <a:lnTo>
                    <a:pt x="770" y="410"/>
                  </a:lnTo>
                  <a:lnTo>
                    <a:pt x="782" y="430"/>
                  </a:lnTo>
                  <a:lnTo>
                    <a:pt x="787" y="440"/>
                  </a:lnTo>
                  <a:lnTo>
                    <a:pt x="793" y="448"/>
                  </a:lnTo>
                  <a:lnTo>
                    <a:pt x="801" y="456"/>
                  </a:lnTo>
                  <a:lnTo>
                    <a:pt x="808" y="464"/>
                  </a:lnTo>
                  <a:lnTo>
                    <a:pt x="817" y="471"/>
                  </a:lnTo>
                  <a:lnTo>
                    <a:pt x="825" y="477"/>
                  </a:lnTo>
                  <a:lnTo>
                    <a:pt x="835" y="484"/>
                  </a:lnTo>
                  <a:lnTo>
                    <a:pt x="845" y="489"/>
                  </a:lnTo>
                  <a:lnTo>
                    <a:pt x="846" y="496"/>
                  </a:lnTo>
                  <a:lnTo>
                    <a:pt x="845" y="504"/>
                  </a:lnTo>
                  <a:lnTo>
                    <a:pt x="843" y="508"/>
                  </a:lnTo>
                  <a:lnTo>
                    <a:pt x="841" y="513"/>
                  </a:lnTo>
                  <a:lnTo>
                    <a:pt x="838" y="517"/>
                  </a:lnTo>
                  <a:lnTo>
                    <a:pt x="837" y="523"/>
                  </a:lnTo>
                  <a:lnTo>
                    <a:pt x="836" y="529"/>
                  </a:lnTo>
                  <a:lnTo>
                    <a:pt x="837" y="537"/>
                  </a:lnTo>
                  <a:lnTo>
                    <a:pt x="845" y="537"/>
                  </a:lnTo>
                  <a:lnTo>
                    <a:pt x="852" y="536"/>
                  </a:lnTo>
                  <a:lnTo>
                    <a:pt x="859" y="534"/>
                  </a:lnTo>
                  <a:lnTo>
                    <a:pt x="864" y="533"/>
                  </a:lnTo>
                  <a:lnTo>
                    <a:pt x="868" y="532"/>
                  </a:lnTo>
                  <a:lnTo>
                    <a:pt x="871" y="533"/>
                  </a:lnTo>
                  <a:lnTo>
                    <a:pt x="875" y="537"/>
                  </a:lnTo>
                  <a:lnTo>
                    <a:pt x="878" y="546"/>
                  </a:lnTo>
                  <a:lnTo>
                    <a:pt x="872" y="548"/>
                  </a:lnTo>
                  <a:lnTo>
                    <a:pt x="866" y="550"/>
                  </a:lnTo>
                  <a:lnTo>
                    <a:pt x="860" y="551"/>
                  </a:lnTo>
                  <a:lnTo>
                    <a:pt x="854" y="552"/>
                  </a:lnTo>
                  <a:lnTo>
                    <a:pt x="840" y="554"/>
                  </a:lnTo>
                  <a:lnTo>
                    <a:pt x="824" y="554"/>
                  </a:lnTo>
                  <a:lnTo>
                    <a:pt x="792" y="552"/>
                  </a:lnTo>
                  <a:lnTo>
                    <a:pt x="760" y="551"/>
                  </a:lnTo>
                  <a:lnTo>
                    <a:pt x="744" y="551"/>
                  </a:lnTo>
                  <a:lnTo>
                    <a:pt x="729" y="553"/>
                  </a:lnTo>
                  <a:lnTo>
                    <a:pt x="715" y="555"/>
                  </a:lnTo>
                  <a:lnTo>
                    <a:pt x="702" y="560"/>
                  </a:lnTo>
                  <a:lnTo>
                    <a:pt x="696" y="563"/>
                  </a:lnTo>
                  <a:lnTo>
                    <a:pt x="690" y="567"/>
                  </a:lnTo>
                  <a:lnTo>
                    <a:pt x="685" y="571"/>
                  </a:lnTo>
                  <a:lnTo>
                    <a:pt x="680" y="575"/>
                  </a:lnTo>
                  <a:lnTo>
                    <a:pt x="676" y="581"/>
                  </a:lnTo>
                  <a:lnTo>
                    <a:pt x="671" y="587"/>
                  </a:lnTo>
                  <a:lnTo>
                    <a:pt x="668" y="594"/>
                  </a:lnTo>
                  <a:lnTo>
                    <a:pt x="666" y="603"/>
                  </a:lnTo>
                  <a:lnTo>
                    <a:pt x="677" y="604"/>
                  </a:lnTo>
                  <a:lnTo>
                    <a:pt x="687" y="605"/>
                  </a:lnTo>
                  <a:lnTo>
                    <a:pt x="697" y="608"/>
                  </a:lnTo>
                  <a:lnTo>
                    <a:pt x="705" y="611"/>
                  </a:lnTo>
                  <a:lnTo>
                    <a:pt x="722" y="620"/>
                  </a:lnTo>
                  <a:lnTo>
                    <a:pt x="739" y="628"/>
                  </a:lnTo>
                  <a:lnTo>
                    <a:pt x="746" y="632"/>
                  </a:lnTo>
                  <a:lnTo>
                    <a:pt x="755" y="636"/>
                  </a:lnTo>
                  <a:lnTo>
                    <a:pt x="763" y="639"/>
                  </a:lnTo>
                  <a:lnTo>
                    <a:pt x="771" y="641"/>
                  </a:lnTo>
                  <a:lnTo>
                    <a:pt x="781" y="642"/>
                  </a:lnTo>
                  <a:lnTo>
                    <a:pt x="790" y="641"/>
                  </a:lnTo>
                  <a:lnTo>
                    <a:pt x="801" y="639"/>
                  </a:lnTo>
                  <a:lnTo>
                    <a:pt x="812" y="635"/>
                  </a:lnTo>
                  <a:lnTo>
                    <a:pt x="806" y="641"/>
                  </a:lnTo>
                  <a:lnTo>
                    <a:pt x="802" y="645"/>
                  </a:lnTo>
                  <a:lnTo>
                    <a:pt x="799" y="649"/>
                  </a:lnTo>
                  <a:lnTo>
                    <a:pt x="798" y="653"/>
                  </a:lnTo>
                  <a:lnTo>
                    <a:pt x="798" y="656"/>
                  </a:lnTo>
                  <a:lnTo>
                    <a:pt x="798" y="660"/>
                  </a:lnTo>
                  <a:lnTo>
                    <a:pt x="800" y="663"/>
                  </a:lnTo>
                  <a:lnTo>
                    <a:pt x="802" y="666"/>
                  </a:lnTo>
                  <a:lnTo>
                    <a:pt x="815" y="677"/>
                  </a:lnTo>
                  <a:lnTo>
                    <a:pt x="828" y="692"/>
                  </a:lnTo>
                  <a:lnTo>
                    <a:pt x="821" y="697"/>
                  </a:lnTo>
                  <a:lnTo>
                    <a:pt x="813" y="704"/>
                  </a:lnTo>
                  <a:lnTo>
                    <a:pt x="807" y="710"/>
                  </a:lnTo>
                  <a:lnTo>
                    <a:pt x="802" y="719"/>
                  </a:lnTo>
                  <a:lnTo>
                    <a:pt x="792" y="735"/>
                  </a:lnTo>
                  <a:lnTo>
                    <a:pt x="784" y="752"/>
                  </a:lnTo>
                  <a:lnTo>
                    <a:pt x="779" y="761"/>
                  </a:lnTo>
                  <a:lnTo>
                    <a:pt x="773" y="769"/>
                  </a:lnTo>
                  <a:lnTo>
                    <a:pt x="767" y="776"/>
                  </a:lnTo>
                  <a:lnTo>
                    <a:pt x="761" y="783"/>
                  </a:lnTo>
                  <a:lnTo>
                    <a:pt x="753" y="788"/>
                  </a:lnTo>
                  <a:lnTo>
                    <a:pt x="745" y="792"/>
                  </a:lnTo>
                  <a:lnTo>
                    <a:pt x="735" y="795"/>
                  </a:lnTo>
                  <a:lnTo>
                    <a:pt x="723" y="798"/>
                  </a:lnTo>
                  <a:lnTo>
                    <a:pt x="719" y="782"/>
                  </a:lnTo>
                  <a:lnTo>
                    <a:pt x="713" y="766"/>
                  </a:lnTo>
                  <a:lnTo>
                    <a:pt x="710" y="760"/>
                  </a:lnTo>
                  <a:lnTo>
                    <a:pt x="705" y="754"/>
                  </a:lnTo>
                  <a:lnTo>
                    <a:pt x="702" y="752"/>
                  </a:lnTo>
                  <a:lnTo>
                    <a:pt x="699" y="750"/>
                  </a:lnTo>
                  <a:lnTo>
                    <a:pt x="695" y="749"/>
                  </a:lnTo>
                  <a:lnTo>
                    <a:pt x="690" y="749"/>
                  </a:lnTo>
                  <a:lnTo>
                    <a:pt x="681" y="753"/>
                  </a:lnTo>
                  <a:lnTo>
                    <a:pt x="671" y="759"/>
                  </a:lnTo>
                  <a:lnTo>
                    <a:pt x="663" y="764"/>
                  </a:lnTo>
                  <a:lnTo>
                    <a:pt x="654" y="770"/>
                  </a:lnTo>
                  <a:lnTo>
                    <a:pt x="646" y="775"/>
                  </a:lnTo>
                  <a:lnTo>
                    <a:pt x="638" y="781"/>
                  </a:lnTo>
                  <a:lnTo>
                    <a:pt x="628" y="786"/>
                  </a:lnTo>
                  <a:lnTo>
                    <a:pt x="618" y="789"/>
                  </a:lnTo>
                  <a:lnTo>
                    <a:pt x="613" y="788"/>
                  </a:lnTo>
                  <a:lnTo>
                    <a:pt x="610" y="786"/>
                  </a:lnTo>
                  <a:lnTo>
                    <a:pt x="607" y="784"/>
                  </a:lnTo>
                  <a:lnTo>
                    <a:pt x="604" y="782"/>
                  </a:lnTo>
                  <a:lnTo>
                    <a:pt x="600" y="776"/>
                  </a:lnTo>
                  <a:lnTo>
                    <a:pt x="596" y="770"/>
                  </a:lnTo>
                  <a:lnTo>
                    <a:pt x="590" y="765"/>
                  </a:lnTo>
                  <a:lnTo>
                    <a:pt x="585" y="761"/>
                  </a:lnTo>
                  <a:lnTo>
                    <a:pt x="582" y="759"/>
                  </a:lnTo>
                  <a:lnTo>
                    <a:pt x="578" y="758"/>
                  </a:lnTo>
                  <a:lnTo>
                    <a:pt x="573" y="756"/>
                  </a:lnTo>
                  <a:lnTo>
                    <a:pt x="568" y="756"/>
                  </a:lnTo>
                  <a:lnTo>
                    <a:pt x="567" y="763"/>
                  </a:lnTo>
                  <a:lnTo>
                    <a:pt x="564" y="768"/>
                  </a:lnTo>
                  <a:lnTo>
                    <a:pt x="561" y="772"/>
                  </a:lnTo>
                  <a:lnTo>
                    <a:pt x="557" y="775"/>
                  </a:lnTo>
                  <a:lnTo>
                    <a:pt x="552" y="779"/>
                  </a:lnTo>
                  <a:lnTo>
                    <a:pt x="547" y="781"/>
                  </a:lnTo>
                  <a:lnTo>
                    <a:pt x="541" y="783"/>
                  </a:lnTo>
                  <a:lnTo>
                    <a:pt x="536" y="785"/>
                  </a:lnTo>
                  <a:lnTo>
                    <a:pt x="523" y="787"/>
                  </a:lnTo>
                  <a:lnTo>
                    <a:pt x="510" y="789"/>
                  </a:lnTo>
                  <a:lnTo>
                    <a:pt x="498" y="793"/>
                  </a:lnTo>
                  <a:lnTo>
                    <a:pt x="487" y="798"/>
                  </a:lnTo>
                  <a:lnTo>
                    <a:pt x="481" y="792"/>
                  </a:lnTo>
                  <a:lnTo>
                    <a:pt x="477" y="786"/>
                  </a:lnTo>
                  <a:lnTo>
                    <a:pt x="472" y="779"/>
                  </a:lnTo>
                  <a:lnTo>
                    <a:pt x="469" y="770"/>
                  </a:lnTo>
                  <a:lnTo>
                    <a:pt x="465" y="752"/>
                  </a:lnTo>
                  <a:lnTo>
                    <a:pt x="461" y="734"/>
                  </a:lnTo>
                  <a:lnTo>
                    <a:pt x="459" y="725"/>
                  </a:lnTo>
                  <a:lnTo>
                    <a:pt x="457" y="716"/>
                  </a:lnTo>
                  <a:lnTo>
                    <a:pt x="453" y="708"/>
                  </a:lnTo>
                  <a:lnTo>
                    <a:pt x="449" y="701"/>
                  </a:lnTo>
                  <a:lnTo>
                    <a:pt x="445" y="694"/>
                  </a:lnTo>
                  <a:lnTo>
                    <a:pt x="439" y="690"/>
                  </a:lnTo>
                  <a:lnTo>
                    <a:pt x="431" y="686"/>
                  </a:lnTo>
                  <a:lnTo>
                    <a:pt x="422" y="684"/>
                  </a:lnTo>
                  <a:lnTo>
                    <a:pt x="417" y="674"/>
                  </a:lnTo>
                  <a:lnTo>
                    <a:pt x="411" y="667"/>
                  </a:lnTo>
                  <a:lnTo>
                    <a:pt x="407" y="664"/>
                  </a:lnTo>
                  <a:lnTo>
                    <a:pt x="403" y="661"/>
                  </a:lnTo>
                  <a:lnTo>
                    <a:pt x="397" y="660"/>
                  </a:lnTo>
                  <a:lnTo>
                    <a:pt x="389" y="660"/>
                  </a:lnTo>
                  <a:lnTo>
                    <a:pt x="399" y="647"/>
                  </a:lnTo>
                  <a:lnTo>
                    <a:pt x="406" y="635"/>
                  </a:lnTo>
                  <a:lnTo>
                    <a:pt x="403" y="637"/>
                  </a:lnTo>
                  <a:lnTo>
                    <a:pt x="399" y="640"/>
                  </a:lnTo>
                  <a:lnTo>
                    <a:pt x="397" y="641"/>
                  </a:lnTo>
                  <a:lnTo>
                    <a:pt x="394" y="640"/>
                  </a:lnTo>
                  <a:lnTo>
                    <a:pt x="392" y="639"/>
                  </a:lnTo>
                  <a:lnTo>
                    <a:pt x="390" y="635"/>
                  </a:lnTo>
                  <a:lnTo>
                    <a:pt x="390" y="632"/>
                  </a:lnTo>
                  <a:lnTo>
                    <a:pt x="389" y="627"/>
                  </a:lnTo>
                  <a:lnTo>
                    <a:pt x="386" y="632"/>
                  </a:lnTo>
                  <a:lnTo>
                    <a:pt x="384" y="637"/>
                  </a:lnTo>
                  <a:lnTo>
                    <a:pt x="384" y="643"/>
                  </a:lnTo>
                  <a:lnTo>
                    <a:pt x="384" y="649"/>
                  </a:lnTo>
                  <a:lnTo>
                    <a:pt x="384" y="655"/>
                  </a:lnTo>
                  <a:lnTo>
                    <a:pt x="383" y="662"/>
                  </a:lnTo>
                  <a:lnTo>
                    <a:pt x="381" y="665"/>
                  </a:lnTo>
                  <a:lnTo>
                    <a:pt x="380" y="669"/>
                  </a:lnTo>
                  <a:lnTo>
                    <a:pt x="376" y="672"/>
                  </a:lnTo>
                  <a:lnTo>
                    <a:pt x="373" y="675"/>
                  </a:lnTo>
                  <a:lnTo>
                    <a:pt x="363" y="675"/>
                  </a:lnTo>
                  <a:lnTo>
                    <a:pt x="353" y="675"/>
                  </a:lnTo>
                  <a:lnTo>
                    <a:pt x="348" y="676"/>
                  </a:lnTo>
                  <a:lnTo>
                    <a:pt x="345" y="677"/>
                  </a:lnTo>
                  <a:lnTo>
                    <a:pt x="342" y="680"/>
                  </a:lnTo>
                  <a:lnTo>
                    <a:pt x="341" y="684"/>
                  </a:lnTo>
                  <a:lnTo>
                    <a:pt x="336" y="683"/>
                  </a:lnTo>
                  <a:lnTo>
                    <a:pt x="333" y="682"/>
                  </a:lnTo>
                  <a:lnTo>
                    <a:pt x="329" y="680"/>
                  </a:lnTo>
                  <a:lnTo>
                    <a:pt x="327" y="677"/>
                  </a:lnTo>
                  <a:lnTo>
                    <a:pt x="322" y="672"/>
                  </a:lnTo>
                  <a:lnTo>
                    <a:pt x="319" y="666"/>
                  </a:lnTo>
                  <a:lnTo>
                    <a:pt x="316" y="659"/>
                  </a:lnTo>
                  <a:lnTo>
                    <a:pt x="315" y="650"/>
                  </a:lnTo>
                  <a:lnTo>
                    <a:pt x="316" y="641"/>
                  </a:lnTo>
                  <a:lnTo>
                    <a:pt x="318" y="632"/>
                  </a:lnTo>
                  <a:lnTo>
                    <a:pt x="321" y="624"/>
                  </a:lnTo>
                  <a:lnTo>
                    <a:pt x="326" y="616"/>
                  </a:lnTo>
                  <a:lnTo>
                    <a:pt x="331" y="610"/>
                  </a:lnTo>
                  <a:lnTo>
                    <a:pt x="338" y="605"/>
                  </a:lnTo>
                  <a:lnTo>
                    <a:pt x="341" y="603"/>
                  </a:lnTo>
                  <a:lnTo>
                    <a:pt x="345" y="601"/>
                  </a:lnTo>
                  <a:lnTo>
                    <a:pt x="349" y="600"/>
                  </a:lnTo>
                  <a:lnTo>
                    <a:pt x="353" y="599"/>
                  </a:lnTo>
                  <a:lnTo>
                    <a:pt x="359" y="599"/>
                  </a:lnTo>
                  <a:lnTo>
                    <a:pt x="363" y="600"/>
                  </a:lnTo>
                  <a:lnTo>
                    <a:pt x="368" y="601"/>
                  </a:lnTo>
                  <a:lnTo>
                    <a:pt x="373" y="603"/>
                  </a:lnTo>
                  <a:lnTo>
                    <a:pt x="373" y="606"/>
                  </a:lnTo>
                  <a:lnTo>
                    <a:pt x="374" y="608"/>
                  </a:lnTo>
                  <a:lnTo>
                    <a:pt x="375" y="609"/>
                  </a:lnTo>
                  <a:lnTo>
                    <a:pt x="378" y="610"/>
                  </a:lnTo>
                  <a:lnTo>
                    <a:pt x="383" y="611"/>
                  </a:lnTo>
                  <a:lnTo>
                    <a:pt x="389" y="611"/>
                  </a:lnTo>
                  <a:lnTo>
                    <a:pt x="395" y="611"/>
                  </a:lnTo>
                  <a:lnTo>
                    <a:pt x="403" y="610"/>
                  </a:lnTo>
                  <a:lnTo>
                    <a:pt x="409" y="610"/>
                  </a:lnTo>
                  <a:lnTo>
                    <a:pt x="414" y="610"/>
                  </a:lnTo>
                  <a:lnTo>
                    <a:pt x="423" y="601"/>
                  </a:lnTo>
                  <a:lnTo>
                    <a:pt x="432" y="586"/>
                  </a:lnTo>
                  <a:lnTo>
                    <a:pt x="435" y="579"/>
                  </a:lnTo>
                  <a:lnTo>
                    <a:pt x="437" y="572"/>
                  </a:lnTo>
                  <a:lnTo>
                    <a:pt x="437" y="569"/>
                  </a:lnTo>
                  <a:lnTo>
                    <a:pt x="435" y="566"/>
                  </a:lnTo>
                  <a:lnTo>
                    <a:pt x="433" y="564"/>
                  </a:lnTo>
                  <a:lnTo>
                    <a:pt x="430" y="562"/>
                  </a:lnTo>
                  <a:lnTo>
                    <a:pt x="429" y="536"/>
                  </a:lnTo>
                  <a:lnTo>
                    <a:pt x="427" y="513"/>
                  </a:lnTo>
                  <a:lnTo>
                    <a:pt x="422" y="492"/>
                  </a:lnTo>
                  <a:lnTo>
                    <a:pt x="415" y="472"/>
                  </a:lnTo>
                  <a:lnTo>
                    <a:pt x="408" y="454"/>
                  </a:lnTo>
                  <a:lnTo>
                    <a:pt x="399" y="437"/>
                  </a:lnTo>
                  <a:lnTo>
                    <a:pt x="388" y="423"/>
                  </a:lnTo>
                  <a:lnTo>
                    <a:pt x="376" y="408"/>
                  </a:lnTo>
                  <a:lnTo>
                    <a:pt x="364" y="395"/>
                  </a:lnTo>
                  <a:lnTo>
                    <a:pt x="350" y="383"/>
                  </a:lnTo>
                  <a:lnTo>
                    <a:pt x="335" y="372"/>
                  </a:lnTo>
                  <a:lnTo>
                    <a:pt x="320" y="362"/>
                  </a:lnTo>
                  <a:lnTo>
                    <a:pt x="304" y="352"/>
                  </a:lnTo>
                  <a:lnTo>
                    <a:pt x="287" y="343"/>
                  </a:lnTo>
                  <a:lnTo>
                    <a:pt x="269" y="334"/>
                  </a:lnTo>
                  <a:lnTo>
                    <a:pt x="251" y="326"/>
                  </a:lnTo>
                  <a:lnTo>
                    <a:pt x="246" y="323"/>
                  </a:lnTo>
                  <a:lnTo>
                    <a:pt x="240" y="319"/>
                  </a:lnTo>
                  <a:lnTo>
                    <a:pt x="233" y="316"/>
                  </a:lnTo>
                  <a:lnTo>
                    <a:pt x="227" y="314"/>
                  </a:lnTo>
                  <a:lnTo>
                    <a:pt x="212" y="311"/>
                  </a:lnTo>
                  <a:lnTo>
                    <a:pt x="196" y="308"/>
                  </a:lnTo>
                  <a:lnTo>
                    <a:pt x="163" y="305"/>
                  </a:lnTo>
                  <a:lnTo>
                    <a:pt x="130" y="302"/>
                  </a:lnTo>
                  <a:lnTo>
                    <a:pt x="120" y="299"/>
                  </a:lnTo>
                  <a:lnTo>
                    <a:pt x="110" y="296"/>
                  </a:lnTo>
                  <a:lnTo>
                    <a:pt x="102" y="293"/>
                  </a:lnTo>
                  <a:lnTo>
                    <a:pt x="94" y="288"/>
                  </a:lnTo>
                  <a:lnTo>
                    <a:pt x="91" y="286"/>
                  </a:lnTo>
                  <a:lnTo>
                    <a:pt x="88" y="283"/>
                  </a:lnTo>
                  <a:lnTo>
                    <a:pt x="86" y="278"/>
                  </a:lnTo>
                  <a:lnTo>
                    <a:pt x="84" y="274"/>
                  </a:lnTo>
                  <a:lnTo>
                    <a:pt x="82" y="270"/>
                  </a:lnTo>
                  <a:lnTo>
                    <a:pt x="81" y="265"/>
                  </a:lnTo>
                  <a:lnTo>
                    <a:pt x="81" y="259"/>
                  </a:lnTo>
                  <a:lnTo>
                    <a:pt x="81" y="253"/>
                  </a:lnTo>
                  <a:lnTo>
                    <a:pt x="91" y="251"/>
                  </a:lnTo>
                  <a:lnTo>
                    <a:pt x="102" y="250"/>
                  </a:lnTo>
                  <a:lnTo>
                    <a:pt x="113" y="249"/>
                  </a:lnTo>
                  <a:lnTo>
                    <a:pt x="126" y="248"/>
                  </a:lnTo>
                  <a:lnTo>
                    <a:pt x="152" y="249"/>
                  </a:lnTo>
                  <a:lnTo>
                    <a:pt x="180" y="250"/>
                  </a:lnTo>
                  <a:lnTo>
                    <a:pt x="206" y="253"/>
                  </a:lnTo>
                  <a:lnTo>
                    <a:pt x="232" y="257"/>
                  </a:lnTo>
                  <a:lnTo>
                    <a:pt x="255" y="263"/>
                  </a:lnTo>
                  <a:lnTo>
                    <a:pt x="275" y="269"/>
                  </a:lnTo>
                  <a:lnTo>
                    <a:pt x="279" y="273"/>
                  </a:lnTo>
                  <a:lnTo>
                    <a:pt x="281" y="276"/>
                  </a:lnTo>
                  <a:lnTo>
                    <a:pt x="285" y="277"/>
                  </a:lnTo>
                  <a:lnTo>
                    <a:pt x="289" y="278"/>
                  </a:lnTo>
                  <a:lnTo>
                    <a:pt x="293" y="277"/>
                  </a:lnTo>
                  <a:lnTo>
                    <a:pt x="298" y="276"/>
                  </a:lnTo>
                  <a:lnTo>
                    <a:pt x="303" y="274"/>
                  </a:lnTo>
                  <a:lnTo>
                    <a:pt x="308" y="271"/>
                  </a:lnTo>
                  <a:lnTo>
                    <a:pt x="318" y="264"/>
                  </a:lnTo>
                  <a:lnTo>
                    <a:pt x="325" y="255"/>
                  </a:lnTo>
                  <a:lnTo>
                    <a:pt x="328" y="250"/>
                  </a:lnTo>
                  <a:lnTo>
                    <a:pt x="330" y="246"/>
                  </a:lnTo>
                  <a:lnTo>
                    <a:pt x="332" y="242"/>
                  </a:lnTo>
                  <a:lnTo>
                    <a:pt x="332" y="236"/>
                  </a:lnTo>
                  <a:lnTo>
                    <a:pt x="326" y="235"/>
                  </a:lnTo>
                  <a:lnTo>
                    <a:pt x="321" y="235"/>
                  </a:lnTo>
                  <a:lnTo>
                    <a:pt x="315" y="236"/>
                  </a:lnTo>
                  <a:lnTo>
                    <a:pt x="312" y="238"/>
                  </a:lnTo>
                  <a:lnTo>
                    <a:pt x="310" y="240"/>
                  </a:lnTo>
                  <a:lnTo>
                    <a:pt x="308" y="243"/>
                  </a:lnTo>
                  <a:lnTo>
                    <a:pt x="307" y="246"/>
                  </a:lnTo>
                  <a:lnTo>
                    <a:pt x="306" y="249"/>
                  </a:lnTo>
                  <a:lnTo>
                    <a:pt x="305" y="256"/>
                  </a:lnTo>
                  <a:lnTo>
                    <a:pt x="305" y="263"/>
                  </a:lnTo>
                  <a:lnTo>
                    <a:pt x="304" y="265"/>
                  </a:lnTo>
                  <a:lnTo>
                    <a:pt x="303" y="267"/>
                  </a:lnTo>
                  <a:lnTo>
                    <a:pt x="302" y="269"/>
                  </a:lnTo>
                  <a:lnTo>
                    <a:pt x="301" y="269"/>
                  </a:lnTo>
                  <a:lnTo>
                    <a:pt x="295" y="258"/>
                  </a:lnTo>
                  <a:lnTo>
                    <a:pt x="289" y="248"/>
                  </a:lnTo>
                  <a:lnTo>
                    <a:pt x="282" y="238"/>
                  </a:lnTo>
                  <a:lnTo>
                    <a:pt x="274" y="230"/>
                  </a:lnTo>
                  <a:lnTo>
                    <a:pt x="258" y="215"/>
                  </a:lnTo>
                  <a:lnTo>
                    <a:pt x="239" y="200"/>
                  </a:lnTo>
                  <a:lnTo>
                    <a:pt x="221" y="186"/>
                  </a:lnTo>
                  <a:lnTo>
                    <a:pt x="204" y="170"/>
                  </a:lnTo>
                  <a:lnTo>
                    <a:pt x="196" y="162"/>
                  </a:lnTo>
                  <a:lnTo>
                    <a:pt x="189" y="152"/>
                  </a:lnTo>
                  <a:lnTo>
                    <a:pt x="184" y="143"/>
                  </a:lnTo>
                  <a:lnTo>
                    <a:pt x="179" y="131"/>
                  </a:lnTo>
                  <a:lnTo>
                    <a:pt x="175" y="126"/>
                  </a:lnTo>
                  <a:lnTo>
                    <a:pt x="171" y="123"/>
                  </a:lnTo>
                  <a:lnTo>
                    <a:pt x="166" y="119"/>
                  </a:lnTo>
                  <a:lnTo>
                    <a:pt x="160" y="117"/>
                  </a:lnTo>
                  <a:lnTo>
                    <a:pt x="153" y="115"/>
                  </a:lnTo>
                  <a:lnTo>
                    <a:pt x="146" y="114"/>
                  </a:lnTo>
                  <a:lnTo>
                    <a:pt x="139" y="114"/>
                  </a:lnTo>
                  <a:lnTo>
                    <a:pt x="130" y="115"/>
                  </a:lnTo>
                  <a:lnTo>
                    <a:pt x="127" y="112"/>
                  </a:lnTo>
                  <a:lnTo>
                    <a:pt x="123" y="110"/>
                  </a:lnTo>
                  <a:lnTo>
                    <a:pt x="119" y="109"/>
                  </a:lnTo>
                  <a:lnTo>
                    <a:pt x="112" y="107"/>
                  </a:lnTo>
                  <a:lnTo>
                    <a:pt x="100" y="106"/>
                  </a:lnTo>
                  <a:lnTo>
                    <a:pt x="85" y="105"/>
                  </a:lnTo>
                  <a:lnTo>
                    <a:pt x="70" y="106"/>
                  </a:lnTo>
                  <a:lnTo>
                    <a:pt x="57" y="107"/>
                  </a:lnTo>
                  <a:lnTo>
                    <a:pt x="52" y="109"/>
                  </a:lnTo>
                  <a:lnTo>
                    <a:pt x="47" y="110"/>
                  </a:lnTo>
                  <a:lnTo>
                    <a:pt x="43" y="112"/>
                  </a:lnTo>
                  <a:lnTo>
                    <a:pt x="41" y="115"/>
                  </a:lnTo>
                  <a:lnTo>
                    <a:pt x="29" y="106"/>
                  </a:lnTo>
                  <a:lnTo>
                    <a:pt x="16" y="98"/>
                  </a:lnTo>
                  <a:lnTo>
                    <a:pt x="10" y="94"/>
                  </a:lnTo>
                  <a:lnTo>
                    <a:pt x="6" y="89"/>
                  </a:lnTo>
                  <a:lnTo>
                    <a:pt x="2" y="83"/>
                  </a:lnTo>
                  <a:lnTo>
                    <a:pt x="0" y="74"/>
                  </a:lnTo>
                  <a:lnTo>
                    <a:pt x="2" y="70"/>
                  </a:lnTo>
                  <a:lnTo>
                    <a:pt x="5" y="67"/>
                  </a:lnTo>
                  <a:lnTo>
                    <a:pt x="9" y="64"/>
                  </a:lnTo>
                  <a:lnTo>
                    <a:pt x="13" y="61"/>
                  </a:lnTo>
                  <a:lnTo>
                    <a:pt x="22" y="57"/>
                  </a:lnTo>
                  <a:lnTo>
                    <a:pt x="32" y="54"/>
                  </a:lnTo>
                  <a:lnTo>
                    <a:pt x="43" y="51"/>
                  </a:lnTo>
                  <a:lnTo>
                    <a:pt x="53" y="49"/>
                  </a:lnTo>
                  <a:lnTo>
                    <a:pt x="64" y="46"/>
                  </a:lnTo>
                  <a:lnTo>
                    <a:pt x="72" y="41"/>
                  </a:lnTo>
                  <a:lnTo>
                    <a:pt x="75" y="44"/>
                  </a:lnTo>
                  <a:lnTo>
                    <a:pt x="80" y="46"/>
                  </a:lnTo>
                  <a:lnTo>
                    <a:pt x="84" y="48"/>
                  </a:lnTo>
                  <a:lnTo>
                    <a:pt x="90" y="49"/>
                  </a:lnTo>
                  <a:lnTo>
                    <a:pt x="103" y="51"/>
                  </a:lnTo>
                  <a:lnTo>
                    <a:pt x="117" y="52"/>
                  </a:lnTo>
                  <a:lnTo>
                    <a:pt x="132" y="51"/>
                  </a:lnTo>
                  <a:lnTo>
                    <a:pt x="145" y="49"/>
                  </a:lnTo>
                  <a:lnTo>
                    <a:pt x="150" y="48"/>
                  </a:lnTo>
                  <a:lnTo>
                    <a:pt x="155" y="46"/>
                  </a:lnTo>
                  <a:lnTo>
                    <a:pt x="160" y="44"/>
                  </a:lnTo>
                  <a:lnTo>
                    <a:pt x="162" y="41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13" name="Kalundborg kant"/>
            <p:cNvSpPr>
              <a:spLocks/>
            </p:cNvSpPr>
            <p:nvPr/>
          </p:nvSpPr>
          <p:spPr bwMode="auto">
            <a:xfrm>
              <a:off x="2681288" y="4873625"/>
              <a:ext cx="465137" cy="422275"/>
            </a:xfrm>
            <a:custGeom>
              <a:avLst/>
              <a:gdLst>
                <a:gd name="T0" fmla="*/ 76 w 878"/>
                <a:gd name="T1" fmla="*/ 25 h 798"/>
                <a:gd name="T2" fmla="*/ 115 w 878"/>
                <a:gd name="T3" fmla="*/ 16 h 798"/>
                <a:gd name="T4" fmla="*/ 154 w 878"/>
                <a:gd name="T5" fmla="*/ 6 h 798"/>
                <a:gd name="T6" fmla="*/ 163 w 878"/>
                <a:gd name="T7" fmla="*/ 21 h 798"/>
                <a:gd name="T8" fmla="*/ 167 w 878"/>
                <a:gd name="T9" fmla="*/ 26 h 798"/>
                <a:gd name="T10" fmla="*/ 174 w 878"/>
                <a:gd name="T11" fmla="*/ 18 h 798"/>
                <a:gd name="T12" fmla="*/ 183 w 878"/>
                <a:gd name="T13" fmla="*/ 22 h 798"/>
                <a:gd name="T14" fmla="*/ 196 w 878"/>
                <a:gd name="T15" fmla="*/ 25 h 798"/>
                <a:gd name="T16" fmla="*/ 209 w 878"/>
                <a:gd name="T17" fmla="*/ 13 h 798"/>
                <a:gd name="T18" fmla="*/ 212 w 878"/>
                <a:gd name="T19" fmla="*/ 10 h 798"/>
                <a:gd name="T20" fmla="*/ 221 w 878"/>
                <a:gd name="T21" fmla="*/ 6 h 798"/>
                <a:gd name="T22" fmla="*/ 220 w 878"/>
                <a:gd name="T23" fmla="*/ 1 h 798"/>
                <a:gd name="T24" fmla="*/ 233 w 878"/>
                <a:gd name="T25" fmla="*/ 2 h 798"/>
                <a:gd name="T26" fmla="*/ 243 w 878"/>
                <a:gd name="T27" fmla="*/ 15 h 798"/>
                <a:gd name="T28" fmla="*/ 249 w 878"/>
                <a:gd name="T29" fmla="*/ 25 h 798"/>
                <a:gd name="T30" fmla="*/ 264 w 878"/>
                <a:gd name="T31" fmla="*/ 24 h 798"/>
                <a:gd name="T32" fmla="*/ 250 w 878"/>
                <a:gd name="T33" fmla="*/ 64 h 798"/>
                <a:gd name="T34" fmla="*/ 250 w 878"/>
                <a:gd name="T35" fmla="*/ 86 h 798"/>
                <a:gd name="T36" fmla="*/ 241 w 878"/>
                <a:gd name="T37" fmla="*/ 102 h 798"/>
                <a:gd name="T38" fmla="*/ 247 w 878"/>
                <a:gd name="T39" fmla="*/ 112 h 798"/>
                <a:gd name="T40" fmla="*/ 263 w 878"/>
                <a:gd name="T41" fmla="*/ 147 h 798"/>
                <a:gd name="T42" fmla="*/ 282 w 878"/>
                <a:gd name="T43" fmla="*/ 165 h 798"/>
                <a:gd name="T44" fmla="*/ 282 w 878"/>
                <a:gd name="T45" fmla="*/ 179 h 798"/>
                <a:gd name="T46" fmla="*/ 291 w 878"/>
                <a:gd name="T47" fmla="*/ 183 h 798"/>
                <a:gd name="T48" fmla="*/ 248 w 878"/>
                <a:gd name="T49" fmla="*/ 184 h 798"/>
                <a:gd name="T50" fmla="*/ 226 w 878"/>
                <a:gd name="T51" fmla="*/ 194 h 798"/>
                <a:gd name="T52" fmla="*/ 241 w 878"/>
                <a:gd name="T53" fmla="*/ 207 h 798"/>
                <a:gd name="T54" fmla="*/ 267 w 878"/>
                <a:gd name="T55" fmla="*/ 213 h 798"/>
                <a:gd name="T56" fmla="*/ 267 w 878"/>
                <a:gd name="T57" fmla="*/ 221 h 798"/>
                <a:gd name="T58" fmla="*/ 264 w 878"/>
                <a:gd name="T59" fmla="*/ 245 h 798"/>
                <a:gd name="T60" fmla="*/ 245 w 878"/>
                <a:gd name="T61" fmla="*/ 265 h 798"/>
                <a:gd name="T62" fmla="*/ 232 w 878"/>
                <a:gd name="T63" fmla="*/ 250 h 798"/>
                <a:gd name="T64" fmla="*/ 210 w 878"/>
                <a:gd name="T65" fmla="*/ 262 h 798"/>
                <a:gd name="T66" fmla="*/ 197 w 878"/>
                <a:gd name="T67" fmla="*/ 255 h 798"/>
                <a:gd name="T68" fmla="*/ 187 w 878"/>
                <a:gd name="T69" fmla="*/ 257 h 798"/>
                <a:gd name="T70" fmla="*/ 166 w 878"/>
                <a:gd name="T71" fmla="*/ 264 h 798"/>
                <a:gd name="T72" fmla="*/ 153 w 878"/>
                <a:gd name="T73" fmla="*/ 242 h 798"/>
                <a:gd name="T74" fmla="*/ 139 w 878"/>
                <a:gd name="T75" fmla="*/ 225 h 798"/>
                <a:gd name="T76" fmla="*/ 134 w 878"/>
                <a:gd name="T77" fmla="*/ 212 h 798"/>
                <a:gd name="T78" fmla="*/ 129 w 878"/>
                <a:gd name="T79" fmla="*/ 211 h 798"/>
                <a:gd name="T80" fmla="*/ 125 w 878"/>
                <a:gd name="T81" fmla="*/ 224 h 798"/>
                <a:gd name="T82" fmla="*/ 112 w 878"/>
                <a:gd name="T83" fmla="*/ 228 h 798"/>
                <a:gd name="T84" fmla="*/ 105 w 878"/>
                <a:gd name="T85" fmla="*/ 214 h 798"/>
                <a:gd name="T86" fmla="*/ 116 w 878"/>
                <a:gd name="T87" fmla="*/ 200 h 798"/>
                <a:gd name="T88" fmla="*/ 125 w 878"/>
                <a:gd name="T89" fmla="*/ 203 h 798"/>
                <a:gd name="T90" fmla="*/ 141 w 878"/>
                <a:gd name="T91" fmla="*/ 200 h 798"/>
                <a:gd name="T92" fmla="*/ 143 w 878"/>
                <a:gd name="T93" fmla="*/ 179 h 798"/>
                <a:gd name="T94" fmla="*/ 121 w 878"/>
                <a:gd name="T95" fmla="*/ 132 h 798"/>
                <a:gd name="T96" fmla="*/ 82 w 878"/>
                <a:gd name="T97" fmla="*/ 108 h 798"/>
                <a:gd name="T98" fmla="*/ 40 w 878"/>
                <a:gd name="T99" fmla="*/ 100 h 798"/>
                <a:gd name="T100" fmla="*/ 27 w 878"/>
                <a:gd name="T101" fmla="*/ 90 h 798"/>
                <a:gd name="T102" fmla="*/ 51 w 878"/>
                <a:gd name="T103" fmla="*/ 83 h 798"/>
                <a:gd name="T104" fmla="*/ 95 w 878"/>
                <a:gd name="T105" fmla="*/ 92 h 798"/>
                <a:gd name="T106" fmla="*/ 109 w 878"/>
                <a:gd name="T107" fmla="*/ 83 h 798"/>
                <a:gd name="T108" fmla="*/ 103 w 878"/>
                <a:gd name="T109" fmla="*/ 80 h 798"/>
                <a:gd name="T110" fmla="*/ 101 w 878"/>
                <a:gd name="T111" fmla="*/ 90 h 798"/>
                <a:gd name="T112" fmla="*/ 74 w 878"/>
                <a:gd name="T113" fmla="*/ 62 h 798"/>
                <a:gd name="T114" fmla="*/ 55 w 878"/>
                <a:gd name="T115" fmla="*/ 40 h 798"/>
                <a:gd name="T116" fmla="*/ 40 w 878"/>
                <a:gd name="T117" fmla="*/ 36 h 798"/>
                <a:gd name="T118" fmla="*/ 14 w 878"/>
                <a:gd name="T119" fmla="*/ 37 h 798"/>
                <a:gd name="T120" fmla="*/ 1 w 878"/>
                <a:gd name="T121" fmla="*/ 23 h 798"/>
                <a:gd name="T122" fmla="*/ 21 w 878"/>
                <a:gd name="T123" fmla="*/ 15 h 798"/>
                <a:gd name="T124" fmla="*/ 44 w 878"/>
                <a:gd name="T125" fmla="*/ 17 h 79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878" h="798">
                  <a:moveTo>
                    <a:pt x="162" y="41"/>
                  </a:moveTo>
                  <a:lnTo>
                    <a:pt x="172" y="50"/>
                  </a:lnTo>
                  <a:lnTo>
                    <a:pt x="182" y="57"/>
                  </a:lnTo>
                  <a:lnTo>
                    <a:pt x="191" y="63"/>
                  </a:lnTo>
                  <a:lnTo>
                    <a:pt x="201" y="68"/>
                  </a:lnTo>
                  <a:lnTo>
                    <a:pt x="210" y="71"/>
                  </a:lnTo>
                  <a:lnTo>
                    <a:pt x="220" y="74"/>
                  </a:lnTo>
                  <a:lnTo>
                    <a:pt x="228" y="76"/>
                  </a:lnTo>
                  <a:lnTo>
                    <a:pt x="238" y="77"/>
                  </a:lnTo>
                  <a:lnTo>
                    <a:pt x="247" y="77"/>
                  </a:lnTo>
                  <a:lnTo>
                    <a:pt x="255" y="77"/>
                  </a:lnTo>
                  <a:lnTo>
                    <a:pt x="265" y="76"/>
                  </a:lnTo>
                  <a:lnTo>
                    <a:pt x="274" y="74"/>
                  </a:lnTo>
                  <a:lnTo>
                    <a:pt x="292" y="70"/>
                  </a:lnTo>
                  <a:lnTo>
                    <a:pt x="310" y="64"/>
                  </a:lnTo>
                  <a:lnTo>
                    <a:pt x="345" y="49"/>
                  </a:lnTo>
                  <a:lnTo>
                    <a:pt x="381" y="33"/>
                  </a:lnTo>
                  <a:lnTo>
                    <a:pt x="400" y="27"/>
                  </a:lnTo>
                  <a:lnTo>
                    <a:pt x="418" y="21"/>
                  </a:lnTo>
                  <a:lnTo>
                    <a:pt x="427" y="19"/>
                  </a:lnTo>
                  <a:lnTo>
                    <a:pt x="435" y="18"/>
                  </a:lnTo>
                  <a:lnTo>
                    <a:pt x="445" y="17"/>
                  </a:lnTo>
                  <a:lnTo>
                    <a:pt x="454" y="17"/>
                  </a:lnTo>
                  <a:lnTo>
                    <a:pt x="460" y="18"/>
                  </a:lnTo>
                  <a:lnTo>
                    <a:pt x="463" y="20"/>
                  </a:lnTo>
                  <a:lnTo>
                    <a:pt x="466" y="24"/>
                  </a:lnTo>
                  <a:lnTo>
                    <a:pt x="469" y="28"/>
                  </a:lnTo>
                  <a:lnTo>
                    <a:pt x="472" y="36"/>
                  </a:lnTo>
                  <a:lnTo>
                    <a:pt x="475" y="45"/>
                  </a:lnTo>
                  <a:lnTo>
                    <a:pt x="480" y="53"/>
                  </a:lnTo>
                  <a:lnTo>
                    <a:pt x="485" y="60"/>
                  </a:lnTo>
                  <a:lnTo>
                    <a:pt x="488" y="64"/>
                  </a:lnTo>
                  <a:lnTo>
                    <a:pt x="492" y="65"/>
                  </a:lnTo>
                  <a:lnTo>
                    <a:pt x="498" y="66"/>
                  </a:lnTo>
                  <a:lnTo>
                    <a:pt x="504" y="66"/>
                  </a:lnTo>
                  <a:lnTo>
                    <a:pt x="500" y="71"/>
                  </a:lnTo>
                  <a:lnTo>
                    <a:pt x="498" y="74"/>
                  </a:lnTo>
                  <a:lnTo>
                    <a:pt x="498" y="77"/>
                  </a:lnTo>
                  <a:lnTo>
                    <a:pt x="498" y="78"/>
                  </a:lnTo>
                  <a:lnTo>
                    <a:pt x="499" y="79"/>
                  </a:lnTo>
                  <a:lnTo>
                    <a:pt x="500" y="79"/>
                  </a:lnTo>
                  <a:lnTo>
                    <a:pt x="503" y="78"/>
                  </a:lnTo>
                  <a:lnTo>
                    <a:pt x="505" y="77"/>
                  </a:lnTo>
                  <a:lnTo>
                    <a:pt x="511" y="73"/>
                  </a:lnTo>
                  <a:lnTo>
                    <a:pt x="517" y="66"/>
                  </a:lnTo>
                  <a:lnTo>
                    <a:pt x="518" y="63"/>
                  </a:lnTo>
                  <a:lnTo>
                    <a:pt x="520" y="58"/>
                  </a:lnTo>
                  <a:lnTo>
                    <a:pt x="520" y="54"/>
                  </a:lnTo>
                  <a:lnTo>
                    <a:pt x="520" y="50"/>
                  </a:lnTo>
                  <a:lnTo>
                    <a:pt x="524" y="51"/>
                  </a:lnTo>
                  <a:lnTo>
                    <a:pt x="528" y="54"/>
                  </a:lnTo>
                  <a:lnTo>
                    <a:pt x="532" y="58"/>
                  </a:lnTo>
                  <a:lnTo>
                    <a:pt x="537" y="63"/>
                  </a:lnTo>
                  <a:lnTo>
                    <a:pt x="541" y="66"/>
                  </a:lnTo>
                  <a:lnTo>
                    <a:pt x="545" y="67"/>
                  </a:lnTo>
                  <a:lnTo>
                    <a:pt x="547" y="67"/>
                  </a:lnTo>
                  <a:lnTo>
                    <a:pt x="549" y="65"/>
                  </a:lnTo>
                  <a:lnTo>
                    <a:pt x="550" y="61"/>
                  </a:lnTo>
                  <a:lnTo>
                    <a:pt x="552" y="58"/>
                  </a:lnTo>
                  <a:lnTo>
                    <a:pt x="562" y="63"/>
                  </a:lnTo>
                  <a:lnTo>
                    <a:pt x="570" y="68"/>
                  </a:lnTo>
                  <a:lnTo>
                    <a:pt x="576" y="71"/>
                  </a:lnTo>
                  <a:lnTo>
                    <a:pt x="580" y="73"/>
                  </a:lnTo>
                  <a:lnTo>
                    <a:pt x="586" y="74"/>
                  </a:lnTo>
                  <a:lnTo>
                    <a:pt x="592" y="74"/>
                  </a:lnTo>
                  <a:lnTo>
                    <a:pt x="597" y="66"/>
                  </a:lnTo>
                  <a:lnTo>
                    <a:pt x="602" y="59"/>
                  </a:lnTo>
                  <a:lnTo>
                    <a:pt x="609" y="54"/>
                  </a:lnTo>
                  <a:lnTo>
                    <a:pt x="618" y="50"/>
                  </a:lnTo>
                  <a:lnTo>
                    <a:pt x="621" y="50"/>
                  </a:lnTo>
                  <a:lnTo>
                    <a:pt x="625" y="50"/>
                  </a:lnTo>
                  <a:lnTo>
                    <a:pt x="626" y="39"/>
                  </a:lnTo>
                  <a:lnTo>
                    <a:pt x="626" y="30"/>
                  </a:lnTo>
                  <a:lnTo>
                    <a:pt x="626" y="26"/>
                  </a:lnTo>
                  <a:lnTo>
                    <a:pt x="628" y="21"/>
                  </a:lnTo>
                  <a:lnTo>
                    <a:pt x="630" y="19"/>
                  </a:lnTo>
                  <a:lnTo>
                    <a:pt x="633" y="17"/>
                  </a:lnTo>
                  <a:lnTo>
                    <a:pt x="634" y="23"/>
                  </a:lnTo>
                  <a:lnTo>
                    <a:pt x="636" y="28"/>
                  </a:lnTo>
                  <a:lnTo>
                    <a:pt x="636" y="30"/>
                  </a:lnTo>
                  <a:lnTo>
                    <a:pt x="638" y="32"/>
                  </a:lnTo>
                  <a:lnTo>
                    <a:pt x="639" y="33"/>
                  </a:lnTo>
                  <a:lnTo>
                    <a:pt x="642" y="33"/>
                  </a:lnTo>
                  <a:lnTo>
                    <a:pt x="642" y="30"/>
                  </a:lnTo>
                  <a:lnTo>
                    <a:pt x="644" y="27"/>
                  </a:lnTo>
                  <a:lnTo>
                    <a:pt x="647" y="24"/>
                  </a:lnTo>
                  <a:lnTo>
                    <a:pt x="651" y="21"/>
                  </a:lnTo>
                  <a:lnTo>
                    <a:pt x="661" y="17"/>
                  </a:lnTo>
                  <a:lnTo>
                    <a:pt x="670" y="15"/>
                  </a:lnTo>
                  <a:lnTo>
                    <a:pt x="678" y="13"/>
                  </a:lnTo>
                  <a:lnTo>
                    <a:pt x="680" y="12"/>
                  </a:lnTo>
                  <a:lnTo>
                    <a:pt x="673" y="11"/>
                  </a:lnTo>
                  <a:lnTo>
                    <a:pt x="658" y="9"/>
                  </a:lnTo>
                  <a:lnTo>
                    <a:pt x="658" y="6"/>
                  </a:lnTo>
                  <a:lnTo>
                    <a:pt x="659" y="4"/>
                  </a:lnTo>
                  <a:lnTo>
                    <a:pt x="660" y="3"/>
                  </a:lnTo>
                  <a:lnTo>
                    <a:pt x="662" y="1"/>
                  </a:lnTo>
                  <a:lnTo>
                    <a:pt x="667" y="0"/>
                  </a:lnTo>
                  <a:lnTo>
                    <a:pt x="673" y="0"/>
                  </a:lnTo>
                  <a:lnTo>
                    <a:pt x="680" y="0"/>
                  </a:lnTo>
                  <a:lnTo>
                    <a:pt x="687" y="1"/>
                  </a:lnTo>
                  <a:lnTo>
                    <a:pt x="693" y="1"/>
                  </a:lnTo>
                  <a:lnTo>
                    <a:pt x="699" y="1"/>
                  </a:lnTo>
                  <a:lnTo>
                    <a:pt x="699" y="7"/>
                  </a:lnTo>
                  <a:lnTo>
                    <a:pt x="701" y="12"/>
                  </a:lnTo>
                  <a:lnTo>
                    <a:pt x="703" y="17"/>
                  </a:lnTo>
                  <a:lnTo>
                    <a:pt x="705" y="20"/>
                  </a:lnTo>
                  <a:lnTo>
                    <a:pt x="711" y="28"/>
                  </a:lnTo>
                  <a:lnTo>
                    <a:pt x="719" y="33"/>
                  </a:lnTo>
                  <a:lnTo>
                    <a:pt x="722" y="36"/>
                  </a:lnTo>
                  <a:lnTo>
                    <a:pt x="725" y="40"/>
                  </a:lnTo>
                  <a:lnTo>
                    <a:pt x="728" y="44"/>
                  </a:lnTo>
                  <a:lnTo>
                    <a:pt x="730" y="48"/>
                  </a:lnTo>
                  <a:lnTo>
                    <a:pt x="732" y="53"/>
                  </a:lnTo>
                  <a:lnTo>
                    <a:pt x="732" y="59"/>
                  </a:lnTo>
                  <a:lnTo>
                    <a:pt x="732" y="66"/>
                  </a:lnTo>
                  <a:lnTo>
                    <a:pt x="731" y="74"/>
                  </a:lnTo>
                  <a:lnTo>
                    <a:pt x="737" y="75"/>
                  </a:lnTo>
                  <a:lnTo>
                    <a:pt x="742" y="75"/>
                  </a:lnTo>
                  <a:lnTo>
                    <a:pt x="747" y="75"/>
                  </a:lnTo>
                  <a:lnTo>
                    <a:pt x="752" y="75"/>
                  </a:lnTo>
                  <a:lnTo>
                    <a:pt x="761" y="73"/>
                  </a:lnTo>
                  <a:lnTo>
                    <a:pt x="769" y="70"/>
                  </a:lnTo>
                  <a:lnTo>
                    <a:pt x="776" y="69"/>
                  </a:lnTo>
                  <a:lnTo>
                    <a:pt x="783" y="68"/>
                  </a:lnTo>
                  <a:lnTo>
                    <a:pt x="786" y="68"/>
                  </a:lnTo>
                  <a:lnTo>
                    <a:pt x="789" y="69"/>
                  </a:lnTo>
                  <a:lnTo>
                    <a:pt x="792" y="71"/>
                  </a:lnTo>
                  <a:lnTo>
                    <a:pt x="796" y="74"/>
                  </a:lnTo>
                  <a:lnTo>
                    <a:pt x="795" y="88"/>
                  </a:lnTo>
                  <a:lnTo>
                    <a:pt x="791" y="103"/>
                  </a:lnTo>
                  <a:lnTo>
                    <a:pt x="787" y="115"/>
                  </a:lnTo>
                  <a:lnTo>
                    <a:pt x="782" y="129"/>
                  </a:lnTo>
                  <a:lnTo>
                    <a:pt x="768" y="154"/>
                  </a:lnTo>
                  <a:lnTo>
                    <a:pt x="756" y="179"/>
                  </a:lnTo>
                  <a:lnTo>
                    <a:pt x="750" y="192"/>
                  </a:lnTo>
                  <a:lnTo>
                    <a:pt x="745" y="204"/>
                  </a:lnTo>
                  <a:lnTo>
                    <a:pt x="743" y="216"/>
                  </a:lnTo>
                  <a:lnTo>
                    <a:pt x="742" y="228"/>
                  </a:lnTo>
                  <a:lnTo>
                    <a:pt x="742" y="234"/>
                  </a:lnTo>
                  <a:lnTo>
                    <a:pt x="743" y="240"/>
                  </a:lnTo>
                  <a:lnTo>
                    <a:pt x="744" y="247"/>
                  </a:lnTo>
                  <a:lnTo>
                    <a:pt x="746" y="252"/>
                  </a:lnTo>
                  <a:lnTo>
                    <a:pt x="749" y="258"/>
                  </a:lnTo>
                  <a:lnTo>
                    <a:pt x="753" y="265"/>
                  </a:lnTo>
                  <a:lnTo>
                    <a:pt x="758" y="271"/>
                  </a:lnTo>
                  <a:lnTo>
                    <a:pt x="764" y="277"/>
                  </a:lnTo>
                  <a:lnTo>
                    <a:pt x="746" y="287"/>
                  </a:lnTo>
                  <a:lnTo>
                    <a:pt x="730" y="296"/>
                  </a:lnTo>
                  <a:lnTo>
                    <a:pt x="726" y="299"/>
                  </a:lnTo>
                  <a:lnTo>
                    <a:pt x="723" y="304"/>
                  </a:lnTo>
                  <a:lnTo>
                    <a:pt x="721" y="307"/>
                  </a:lnTo>
                  <a:lnTo>
                    <a:pt x="719" y="311"/>
                  </a:lnTo>
                  <a:lnTo>
                    <a:pt x="717" y="316"/>
                  </a:lnTo>
                  <a:lnTo>
                    <a:pt x="716" y="322"/>
                  </a:lnTo>
                  <a:lnTo>
                    <a:pt x="715" y="328"/>
                  </a:lnTo>
                  <a:lnTo>
                    <a:pt x="715" y="334"/>
                  </a:lnTo>
                  <a:lnTo>
                    <a:pt x="725" y="334"/>
                  </a:lnTo>
                  <a:lnTo>
                    <a:pt x="735" y="334"/>
                  </a:lnTo>
                  <a:lnTo>
                    <a:pt x="739" y="335"/>
                  </a:lnTo>
                  <a:lnTo>
                    <a:pt x="743" y="336"/>
                  </a:lnTo>
                  <a:lnTo>
                    <a:pt x="746" y="338"/>
                  </a:lnTo>
                  <a:lnTo>
                    <a:pt x="747" y="343"/>
                  </a:lnTo>
                  <a:lnTo>
                    <a:pt x="755" y="366"/>
                  </a:lnTo>
                  <a:lnTo>
                    <a:pt x="762" y="389"/>
                  </a:lnTo>
                  <a:lnTo>
                    <a:pt x="770" y="410"/>
                  </a:lnTo>
                  <a:lnTo>
                    <a:pt x="782" y="430"/>
                  </a:lnTo>
                  <a:lnTo>
                    <a:pt x="787" y="440"/>
                  </a:lnTo>
                  <a:lnTo>
                    <a:pt x="793" y="448"/>
                  </a:lnTo>
                  <a:lnTo>
                    <a:pt x="801" y="456"/>
                  </a:lnTo>
                  <a:lnTo>
                    <a:pt x="808" y="464"/>
                  </a:lnTo>
                  <a:lnTo>
                    <a:pt x="817" y="471"/>
                  </a:lnTo>
                  <a:lnTo>
                    <a:pt x="825" y="477"/>
                  </a:lnTo>
                  <a:lnTo>
                    <a:pt x="835" y="484"/>
                  </a:lnTo>
                  <a:lnTo>
                    <a:pt x="845" y="489"/>
                  </a:lnTo>
                  <a:lnTo>
                    <a:pt x="846" y="496"/>
                  </a:lnTo>
                  <a:lnTo>
                    <a:pt x="845" y="504"/>
                  </a:lnTo>
                  <a:lnTo>
                    <a:pt x="843" y="508"/>
                  </a:lnTo>
                  <a:lnTo>
                    <a:pt x="841" y="513"/>
                  </a:lnTo>
                  <a:lnTo>
                    <a:pt x="838" y="517"/>
                  </a:lnTo>
                  <a:lnTo>
                    <a:pt x="837" y="523"/>
                  </a:lnTo>
                  <a:lnTo>
                    <a:pt x="836" y="529"/>
                  </a:lnTo>
                  <a:lnTo>
                    <a:pt x="837" y="537"/>
                  </a:lnTo>
                  <a:lnTo>
                    <a:pt x="845" y="537"/>
                  </a:lnTo>
                  <a:lnTo>
                    <a:pt x="852" y="536"/>
                  </a:lnTo>
                  <a:lnTo>
                    <a:pt x="859" y="534"/>
                  </a:lnTo>
                  <a:lnTo>
                    <a:pt x="864" y="533"/>
                  </a:lnTo>
                  <a:lnTo>
                    <a:pt x="868" y="532"/>
                  </a:lnTo>
                  <a:lnTo>
                    <a:pt x="871" y="533"/>
                  </a:lnTo>
                  <a:lnTo>
                    <a:pt x="875" y="537"/>
                  </a:lnTo>
                  <a:lnTo>
                    <a:pt x="878" y="546"/>
                  </a:lnTo>
                  <a:lnTo>
                    <a:pt x="872" y="548"/>
                  </a:lnTo>
                  <a:lnTo>
                    <a:pt x="866" y="550"/>
                  </a:lnTo>
                  <a:lnTo>
                    <a:pt x="860" y="551"/>
                  </a:lnTo>
                  <a:lnTo>
                    <a:pt x="854" y="552"/>
                  </a:lnTo>
                  <a:lnTo>
                    <a:pt x="840" y="554"/>
                  </a:lnTo>
                  <a:lnTo>
                    <a:pt x="824" y="554"/>
                  </a:lnTo>
                  <a:lnTo>
                    <a:pt x="792" y="552"/>
                  </a:lnTo>
                  <a:lnTo>
                    <a:pt x="760" y="551"/>
                  </a:lnTo>
                  <a:lnTo>
                    <a:pt x="744" y="551"/>
                  </a:lnTo>
                  <a:lnTo>
                    <a:pt x="729" y="553"/>
                  </a:lnTo>
                  <a:lnTo>
                    <a:pt x="715" y="555"/>
                  </a:lnTo>
                  <a:lnTo>
                    <a:pt x="702" y="560"/>
                  </a:lnTo>
                  <a:lnTo>
                    <a:pt x="696" y="563"/>
                  </a:lnTo>
                  <a:lnTo>
                    <a:pt x="690" y="567"/>
                  </a:lnTo>
                  <a:lnTo>
                    <a:pt x="685" y="571"/>
                  </a:lnTo>
                  <a:lnTo>
                    <a:pt x="680" y="575"/>
                  </a:lnTo>
                  <a:lnTo>
                    <a:pt x="676" y="581"/>
                  </a:lnTo>
                  <a:lnTo>
                    <a:pt x="671" y="587"/>
                  </a:lnTo>
                  <a:lnTo>
                    <a:pt x="668" y="594"/>
                  </a:lnTo>
                  <a:lnTo>
                    <a:pt x="666" y="603"/>
                  </a:lnTo>
                  <a:lnTo>
                    <a:pt x="677" y="604"/>
                  </a:lnTo>
                  <a:lnTo>
                    <a:pt x="687" y="605"/>
                  </a:lnTo>
                  <a:lnTo>
                    <a:pt x="697" y="608"/>
                  </a:lnTo>
                  <a:lnTo>
                    <a:pt x="705" y="611"/>
                  </a:lnTo>
                  <a:lnTo>
                    <a:pt x="722" y="620"/>
                  </a:lnTo>
                  <a:lnTo>
                    <a:pt x="739" y="628"/>
                  </a:lnTo>
                  <a:lnTo>
                    <a:pt x="746" y="632"/>
                  </a:lnTo>
                  <a:lnTo>
                    <a:pt x="755" y="636"/>
                  </a:lnTo>
                  <a:lnTo>
                    <a:pt x="763" y="639"/>
                  </a:lnTo>
                  <a:lnTo>
                    <a:pt x="771" y="641"/>
                  </a:lnTo>
                  <a:lnTo>
                    <a:pt x="781" y="642"/>
                  </a:lnTo>
                  <a:lnTo>
                    <a:pt x="790" y="641"/>
                  </a:lnTo>
                  <a:lnTo>
                    <a:pt x="801" y="639"/>
                  </a:lnTo>
                  <a:lnTo>
                    <a:pt x="812" y="635"/>
                  </a:lnTo>
                  <a:lnTo>
                    <a:pt x="806" y="641"/>
                  </a:lnTo>
                  <a:lnTo>
                    <a:pt x="802" y="645"/>
                  </a:lnTo>
                  <a:lnTo>
                    <a:pt x="799" y="649"/>
                  </a:lnTo>
                  <a:lnTo>
                    <a:pt x="798" y="653"/>
                  </a:lnTo>
                  <a:lnTo>
                    <a:pt x="798" y="656"/>
                  </a:lnTo>
                  <a:lnTo>
                    <a:pt x="798" y="660"/>
                  </a:lnTo>
                  <a:lnTo>
                    <a:pt x="800" y="663"/>
                  </a:lnTo>
                  <a:lnTo>
                    <a:pt x="802" y="666"/>
                  </a:lnTo>
                  <a:lnTo>
                    <a:pt x="815" y="677"/>
                  </a:lnTo>
                  <a:lnTo>
                    <a:pt x="828" y="692"/>
                  </a:lnTo>
                  <a:lnTo>
                    <a:pt x="821" y="697"/>
                  </a:lnTo>
                  <a:lnTo>
                    <a:pt x="813" y="704"/>
                  </a:lnTo>
                  <a:lnTo>
                    <a:pt x="807" y="710"/>
                  </a:lnTo>
                  <a:lnTo>
                    <a:pt x="802" y="719"/>
                  </a:lnTo>
                  <a:lnTo>
                    <a:pt x="792" y="735"/>
                  </a:lnTo>
                  <a:lnTo>
                    <a:pt x="784" y="752"/>
                  </a:lnTo>
                  <a:lnTo>
                    <a:pt x="779" y="761"/>
                  </a:lnTo>
                  <a:lnTo>
                    <a:pt x="773" y="769"/>
                  </a:lnTo>
                  <a:lnTo>
                    <a:pt x="767" y="776"/>
                  </a:lnTo>
                  <a:lnTo>
                    <a:pt x="761" y="783"/>
                  </a:lnTo>
                  <a:lnTo>
                    <a:pt x="753" y="788"/>
                  </a:lnTo>
                  <a:lnTo>
                    <a:pt x="745" y="792"/>
                  </a:lnTo>
                  <a:lnTo>
                    <a:pt x="735" y="795"/>
                  </a:lnTo>
                  <a:lnTo>
                    <a:pt x="723" y="798"/>
                  </a:lnTo>
                  <a:lnTo>
                    <a:pt x="719" y="782"/>
                  </a:lnTo>
                  <a:lnTo>
                    <a:pt x="713" y="766"/>
                  </a:lnTo>
                  <a:lnTo>
                    <a:pt x="710" y="760"/>
                  </a:lnTo>
                  <a:lnTo>
                    <a:pt x="705" y="754"/>
                  </a:lnTo>
                  <a:lnTo>
                    <a:pt x="702" y="752"/>
                  </a:lnTo>
                  <a:lnTo>
                    <a:pt x="699" y="750"/>
                  </a:lnTo>
                  <a:lnTo>
                    <a:pt x="695" y="749"/>
                  </a:lnTo>
                  <a:lnTo>
                    <a:pt x="690" y="749"/>
                  </a:lnTo>
                  <a:lnTo>
                    <a:pt x="681" y="753"/>
                  </a:lnTo>
                  <a:lnTo>
                    <a:pt x="671" y="759"/>
                  </a:lnTo>
                  <a:lnTo>
                    <a:pt x="663" y="764"/>
                  </a:lnTo>
                  <a:lnTo>
                    <a:pt x="654" y="770"/>
                  </a:lnTo>
                  <a:lnTo>
                    <a:pt x="646" y="775"/>
                  </a:lnTo>
                  <a:lnTo>
                    <a:pt x="638" y="781"/>
                  </a:lnTo>
                  <a:lnTo>
                    <a:pt x="628" y="786"/>
                  </a:lnTo>
                  <a:lnTo>
                    <a:pt x="618" y="789"/>
                  </a:lnTo>
                  <a:lnTo>
                    <a:pt x="613" y="788"/>
                  </a:lnTo>
                  <a:lnTo>
                    <a:pt x="610" y="786"/>
                  </a:lnTo>
                  <a:lnTo>
                    <a:pt x="607" y="784"/>
                  </a:lnTo>
                  <a:lnTo>
                    <a:pt x="604" y="782"/>
                  </a:lnTo>
                  <a:lnTo>
                    <a:pt x="600" y="776"/>
                  </a:lnTo>
                  <a:lnTo>
                    <a:pt x="596" y="770"/>
                  </a:lnTo>
                  <a:lnTo>
                    <a:pt x="590" y="765"/>
                  </a:lnTo>
                  <a:lnTo>
                    <a:pt x="585" y="761"/>
                  </a:lnTo>
                  <a:lnTo>
                    <a:pt x="582" y="759"/>
                  </a:lnTo>
                  <a:lnTo>
                    <a:pt x="578" y="758"/>
                  </a:lnTo>
                  <a:lnTo>
                    <a:pt x="573" y="756"/>
                  </a:lnTo>
                  <a:lnTo>
                    <a:pt x="568" y="756"/>
                  </a:lnTo>
                  <a:lnTo>
                    <a:pt x="567" y="763"/>
                  </a:lnTo>
                  <a:lnTo>
                    <a:pt x="564" y="768"/>
                  </a:lnTo>
                  <a:lnTo>
                    <a:pt x="561" y="772"/>
                  </a:lnTo>
                  <a:lnTo>
                    <a:pt x="557" y="775"/>
                  </a:lnTo>
                  <a:lnTo>
                    <a:pt x="552" y="779"/>
                  </a:lnTo>
                  <a:lnTo>
                    <a:pt x="547" y="781"/>
                  </a:lnTo>
                  <a:lnTo>
                    <a:pt x="541" y="783"/>
                  </a:lnTo>
                  <a:lnTo>
                    <a:pt x="536" y="785"/>
                  </a:lnTo>
                  <a:lnTo>
                    <a:pt x="523" y="787"/>
                  </a:lnTo>
                  <a:lnTo>
                    <a:pt x="510" y="789"/>
                  </a:lnTo>
                  <a:lnTo>
                    <a:pt x="498" y="793"/>
                  </a:lnTo>
                  <a:lnTo>
                    <a:pt x="487" y="798"/>
                  </a:lnTo>
                  <a:lnTo>
                    <a:pt x="481" y="792"/>
                  </a:lnTo>
                  <a:lnTo>
                    <a:pt x="477" y="786"/>
                  </a:lnTo>
                  <a:lnTo>
                    <a:pt x="472" y="779"/>
                  </a:lnTo>
                  <a:lnTo>
                    <a:pt x="469" y="770"/>
                  </a:lnTo>
                  <a:lnTo>
                    <a:pt x="465" y="752"/>
                  </a:lnTo>
                  <a:lnTo>
                    <a:pt x="461" y="734"/>
                  </a:lnTo>
                  <a:lnTo>
                    <a:pt x="459" y="725"/>
                  </a:lnTo>
                  <a:lnTo>
                    <a:pt x="457" y="716"/>
                  </a:lnTo>
                  <a:lnTo>
                    <a:pt x="453" y="708"/>
                  </a:lnTo>
                  <a:lnTo>
                    <a:pt x="449" y="701"/>
                  </a:lnTo>
                  <a:lnTo>
                    <a:pt x="445" y="694"/>
                  </a:lnTo>
                  <a:lnTo>
                    <a:pt x="439" y="690"/>
                  </a:lnTo>
                  <a:lnTo>
                    <a:pt x="431" y="686"/>
                  </a:lnTo>
                  <a:lnTo>
                    <a:pt x="422" y="684"/>
                  </a:lnTo>
                  <a:lnTo>
                    <a:pt x="417" y="674"/>
                  </a:lnTo>
                  <a:lnTo>
                    <a:pt x="411" y="667"/>
                  </a:lnTo>
                  <a:lnTo>
                    <a:pt x="407" y="664"/>
                  </a:lnTo>
                  <a:lnTo>
                    <a:pt x="403" y="661"/>
                  </a:lnTo>
                  <a:lnTo>
                    <a:pt x="397" y="660"/>
                  </a:lnTo>
                  <a:lnTo>
                    <a:pt x="389" y="660"/>
                  </a:lnTo>
                  <a:lnTo>
                    <a:pt x="399" y="647"/>
                  </a:lnTo>
                  <a:lnTo>
                    <a:pt x="406" y="635"/>
                  </a:lnTo>
                  <a:lnTo>
                    <a:pt x="403" y="637"/>
                  </a:lnTo>
                  <a:lnTo>
                    <a:pt x="399" y="640"/>
                  </a:lnTo>
                  <a:lnTo>
                    <a:pt x="397" y="641"/>
                  </a:lnTo>
                  <a:lnTo>
                    <a:pt x="394" y="640"/>
                  </a:lnTo>
                  <a:lnTo>
                    <a:pt x="392" y="639"/>
                  </a:lnTo>
                  <a:lnTo>
                    <a:pt x="390" y="635"/>
                  </a:lnTo>
                  <a:lnTo>
                    <a:pt x="390" y="632"/>
                  </a:lnTo>
                  <a:lnTo>
                    <a:pt x="389" y="627"/>
                  </a:lnTo>
                  <a:lnTo>
                    <a:pt x="386" y="632"/>
                  </a:lnTo>
                  <a:lnTo>
                    <a:pt x="384" y="637"/>
                  </a:lnTo>
                  <a:lnTo>
                    <a:pt x="384" y="643"/>
                  </a:lnTo>
                  <a:lnTo>
                    <a:pt x="384" y="649"/>
                  </a:lnTo>
                  <a:lnTo>
                    <a:pt x="384" y="655"/>
                  </a:lnTo>
                  <a:lnTo>
                    <a:pt x="383" y="662"/>
                  </a:lnTo>
                  <a:lnTo>
                    <a:pt x="381" y="665"/>
                  </a:lnTo>
                  <a:lnTo>
                    <a:pt x="380" y="669"/>
                  </a:lnTo>
                  <a:lnTo>
                    <a:pt x="376" y="672"/>
                  </a:lnTo>
                  <a:lnTo>
                    <a:pt x="373" y="675"/>
                  </a:lnTo>
                  <a:lnTo>
                    <a:pt x="363" y="675"/>
                  </a:lnTo>
                  <a:lnTo>
                    <a:pt x="353" y="675"/>
                  </a:lnTo>
                  <a:lnTo>
                    <a:pt x="348" y="676"/>
                  </a:lnTo>
                  <a:lnTo>
                    <a:pt x="345" y="677"/>
                  </a:lnTo>
                  <a:lnTo>
                    <a:pt x="342" y="680"/>
                  </a:lnTo>
                  <a:lnTo>
                    <a:pt x="341" y="684"/>
                  </a:lnTo>
                  <a:lnTo>
                    <a:pt x="336" y="683"/>
                  </a:lnTo>
                  <a:lnTo>
                    <a:pt x="333" y="682"/>
                  </a:lnTo>
                  <a:lnTo>
                    <a:pt x="329" y="680"/>
                  </a:lnTo>
                  <a:lnTo>
                    <a:pt x="327" y="677"/>
                  </a:lnTo>
                  <a:lnTo>
                    <a:pt x="322" y="672"/>
                  </a:lnTo>
                  <a:lnTo>
                    <a:pt x="319" y="666"/>
                  </a:lnTo>
                  <a:lnTo>
                    <a:pt x="316" y="659"/>
                  </a:lnTo>
                  <a:lnTo>
                    <a:pt x="315" y="650"/>
                  </a:lnTo>
                  <a:lnTo>
                    <a:pt x="316" y="641"/>
                  </a:lnTo>
                  <a:lnTo>
                    <a:pt x="318" y="632"/>
                  </a:lnTo>
                  <a:lnTo>
                    <a:pt x="321" y="624"/>
                  </a:lnTo>
                  <a:lnTo>
                    <a:pt x="326" y="616"/>
                  </a:lnTo>
                  <a:lnTo>
                    <a:pt x="331" y="610"/>
                  </a:lnTo>
                  <a:lnTo>
                    <a:pt x="338" y="605"/>
                  </a:lnTo>
                  <a:lnTo>
                    <a:pt x="341" y="603"/>
                  </a:lnTo>
                  <a:lnTo>
                    <a:pt x="345" y="601"/>
                  </a:lnTo>
                  <a:lnTo>
                    <a:pt x="349" y="600"/>
                  </a:lnTo>
                  <a:lnTo>
                    <a:pt x="353" y="599"/>
                  </a:lnTo>
                  <a:lnTo>
                    <a:pt x="359" y="599"/>
                  </a:lnTo>
                  <a:lnTo>
                    <a:pt x="363" y="600"/>
                  </a:lnTo>
                  <a:lnTo>
                    <a:pt x="368" y="601"/>
                  </a:lnTo>
                  <a:lnTo>
                    <a:pt x="373" y="603"/>
                  </a:lnTo>
                  <a:lnTo>
                    <a:pt x="373" y="606"/>
                  </a:lnTo>
                  <a:lnTo>
                    <a:pt x="374" y="608"/>
                  </a:lnTo>
                  <a:lnTo>
                    <a:pt x="375" y="609"/>
                  </a:lnTo>
                  <a:lnTo>
                    <a:pt x="378" y="610"/>
                  </a:lnTo>
                  <a:lnTo>
                    <a:pt x="383" y="611"/>
                  </a:lnTo>
                  <a:lnTo>
                    <a:pt x="389" y="611"/>
                  </a:lnTo>
                  <a:lnTo>
                    <a:pt x="395" y="611"/>
                  </a:lnTo>
                  <a:lnTo>
                    <a:pt x="403" y="610"/>
                  </a:lnTo>
                  <a:lnTo>
                    <a:pt x="409" y="610"/>
                  </a:lnTo>
                  <a:lnTo>
                    <a:pt x="414" y="610"/>
                  </a:lnTo>
                  <a:lnTo>
                    <a:pt x="423" y="601"/>
                  </a:lnTo>
                  <a:lnTo>
                    <a:pt x="432" y="586"/>
                  </a:lnTo>
                  <a:lnTo>
                    <a:pt x="435" y="579"/>
                  </a:lnTo>
                  <a:lnTo>
                    <a:pt x="437" y="572"/>
                  </a:lnTo>
                  <a:lnTo>
                    <a:pt x="437" y="569"/>
                  </a:lnTo>
                  <a:lnTo>
                    <a:pt x="435" y="566"/>
                  </a:lnTo>
                  <a:lnTo>
                    <a:pt x="433" y="564"/>
                  </a:lnTo>
                  <a:lnTo>
                    <a:pt x="430" y="562"/>
                  </a:lnTo>
                  <a:lnTo>
                    <a:pt x="429" y="536"/>
                  </a:lnTo>
                  <a:lnTo>
                    <a:pt x="427" y="513"/>
                  </a:lnTo>
                  <a:lnTo>
                    <a:pt x="422" y="492"/>
                  </a:lnTo>
                  <a:lnTo>
                    <a:pt x="415" y="472"/>
                  </a:lnTo>
                  <a:lnTo>
                    <a:pt x="408" y="454"/>
                  </a:lnTo>
                  <a:lnTo>
                    <a:pt x="399" y="437"/>
                  </a:lnTo>
                  <a:lnTo>
                    <a:pt x="388" y="423"/>
                  </a:lnTo>
                  <a:lnTo>
                    <a:pt x="376" y="408"/>
                  </a:lnTo>
                  <a:lnTo>
                    <a:pt x="364" y="395"/>
                  </a:lnTo>
                  <a:lnTo>
                    <a:pt x="350" y="383"/>
                  </a:lnTo>
                  <a:lnTo>
                    <a:pt x="335" y="372"/>
                  </a:lnTo>
                  <a:lnTo>
                    <a:pt x="320" y="362"/>
                  </a:lnTo>
                  <a:lnTo>
                    <a:pt x="304" y="352"/>
                  </a:lnTo>
                  <a:lnTo>
                    <a:pt x="287" y="343"/>
                  </a:lnTo>
                  <a:lnTo>
                    <a:pt x="269" y="334"/>
                  </a:lnTo>
                  <a:lnTo>
                    <a:pt x="251" y="326"/>
                  </a:lnTo>
                  <a:lnTo>
                    <a:pt x="246" y="323"/>
                  </a:lnTo>
                  <a:lnTo>
                    <a:pt x="240" y="319"/>
                  </a:lnTo>
                  <a:lnTo>
                    <a:pt x="233" y="316"/>
                  </a:lnTo>
                  <a:lnTo>
                    <a:pt x="227" y="314"/>
                  </a:lnTo>
                  <a:lnTo>
                    <a:pt x="212" y="311"/>
                  </a:lnTo>
                  <a:lnTo>
                    <a:pt x="196" y="308"/>
                  </a:lnTo>
                  <a:lnTo>
                    <a:pt x="163" y="305"/>
                  </a:lnTo>
                  <a:lnTo>
                    <a:pt x="130" y="302"/>
                  </a:lnTo>
                  <a:lnTo>
                    <a:pt x="120" y="299"/>
                  </a:lnTo>
                  <a:lnTo>
                    <a:pt x="110" y="296"/>
                  </a:lnTo>
                  <a:lnTo>
                    <a:pt x="102" y="293"/>
                  </a:lnTo>
                  <a:lnTo>
                    <a:pt x="94" y="288"/>
                  </a:lnTo>
                  <a:lnTo>
                    <a:pt x="91" y="286"/>
                  </a:lnTo>
                  <a:lnTo>
                    <a:pt x="88" y="283"/>
                  </a:lnTo>
                  <a:lnTo>
                    <a:pt x="86" y="278"/>
                  </a:lnTo>
                  <a:lnTo>
                    <a:pt x="84" y="274"/>
                  </a:lnTo>
                  <a:lnTo>
                    <a:pt x="82" y="270"/>
                  </a:lnTo>
                  <a:lnTo>
                    <a:pt x="81" y="265"/>
                  </a:lnTo>
                  <a:lnTo>
                    <a:pt x="81" y="259"/>
                  </a:lnTo>
                  <a:lnTo>
                    <a:pt x="81" y="253"/>
                  </a:lnTo>
                  <a:lnTo>
                    <a:pt x="91" y="251"/>
                  </a:lnTo>
                  <a:lnTo>
                    <a:pt x="102" y="250"/>
                  </a:lnTo>
                  <a:lnTo>
                    <a:pt x="113" y="249"/>
                  </a:lnTo>
                  <a:lnTo>
                    <a:pt x="126" y="248"/>
                  </a:lnTo>
                  <a:lnTo>
                    <a:pt x="152" y="249"/>
                  </a:lnTo>
                  <a:lnTo>
                    <a:pt x="180" y="250"/>
                  </a:lnTo>
                  <a:lnTo>
                    <a:pt x="206" y="253"/>
                  </a:lnTo>
                  <a:lnTo>
                    <a:pt x="232" y="257"/>
                  </a:lnTo>
                  <a:lnTo>
                    <a:pt x="255" y="263"/>
                  </a:lnTo>
                  <a:lnTo>
                    <a:pt x="275" y="269"/>
                  </a:lnTo>
                  <a:lnTo>
                    <a:pt x="279" y="273"/>
                  </a:lnTo>
                  <a:lnTo>
                    <a:pt x="281" y="276"/>
                  </a:lnTo>
                  <a:lnTo>
                    <a:pt x="285" y="277"/>
                  </a:lnTo>
                  <a:lnTo>
                    <a:pt x="289" y="278"/>
                  </a:lnTo>
                  <a:lnTo>
                    <a:pt x="293" y="277"/>
                  </a:lnTo>
                  <a:lnTo>
                    <a:pt x="298" y="276"/>
                  </a:lnTo>
                  <a:lnTo>
                    <a:pt x="303" y="274"/>
                  </a:lnTo>
                  <a:lnTo>
                    <a:pt x="308" y="271"/>
                  </a:lnTo>
                  <a:lnTo>
                    <a:pt x="318" y="264"/>
                  </a:lnTo>
                  <a:lnTo>
                    <a:pt x="325" y="255"/>
                  </a:lnTo>
                  <a:lnTo>
                    <a:pt x="328" y="250"/>
                  </a:lnTo>
                  <a:lnTo>
                    <a:pt x="330" y="246"/>
                  </a:lnTo>
                  <a:lnTo>
                    <a:pt x="332" y="242"/>
                  </a:lnTo>
                  <a:lnTo>
                    <a:pt x="332" y="236"/>
                  </a:lnTo>
                  <a:lnTo>
                    <a:pt x="326" y="235"/>
                  </a:lnTo>
                  <a:lnTo>
                    <a:pt x="321" y="235"/>
                  </a:lnTo>
                  <a:lnTo>
                    <a:pt x="315" y="236"/>
                  </a:lnTo>
                  <a:lnTo>
                    <a:pt x="312" y="238"/>
                  </a:lnTo>
                  <a:lnTo>
                    <a:pt x="310" y="240"/>
                  </a:lnTo>
                  <a:lnTo>
                    <a:pt x="308" y="243"/>
                  </a:lnTo>
                  <a:lnTo>
                    <a:pt x="307" y="246"/>
                  </a:lnTo>
                  <a:lnTo>
                    <a:pt x="306" y="249"/>
                  </a:lnTo>
                  <a:lnTo>
                    <a:pt x="305" y="256"/>
                  </a:lnTo>
                  <a:lnTo>
                    <a:pt x="305" y="263"/>
                  </a:lnTo>
                  <a:lnTo>
                    <a:pt x="304" y="265"/>
                  </a:lnTo>
                  <a:lnTo>
                    <a:pt x="303" y="267"/>
                  </a:lnTo>
                  <a:lnTo>
                    <a:pt x="302" y="269"/>
                  </a:lnTo>
                  <a:lnTo>
                    <a:pt x="301" y="269"/>
                  </a:lnTo>
                  <a:lnTo>
                    <a:pt x="295" y="258"/>
                  </a:lnTo>
                  <a:lnTo>
                    <a:pt x="289" y="248"/>
                  </a:lnTo>
                  <a:lnTo>
                    <a:pt x="282" y="238"/>
                  </a:lnTo>
                  <a:lnTo>
                    <a:pt x="274" y="230"/>
                  </a:lnTo>
                  <a:lnTo>
                    <a:pt x="258" y="215"/>
                  </a:lnTo>
                  <a:lnTo>
                    <a:pt x="239" y="200"/>
                  </a:lnTo>
                  <a:lnTo>
                    <a:pt x="221" y="186"/>
                  </a:lnTo>
                  <a:lnTo>
                    <a:pt x="204" y="170"/>
                  </a:lnTo>
                  <a:lnTo>
                    <a:pt x="196" y="162"/>
                  </a:lnTo>
                  <a:lnTo>
                    <a:pt x="189" y="152"/>
                  </a:lnTo>
                  <a:lnTo>
                    <a:pt x="184" y="143"/>
                  </a:lnTo>
                  <a:lnTo>
                    <a:pt x="179" y="131"/>
                  </a:lnTo>
                  <a:lnTo>
                    <a:pt x="175" y="126"/>
                  </a:lnTo>
                  <a:lnTo>
                    <a:pt x="171" y="123"/>
                  </a:lnTo>
                  <a:lnTo>
                    <a:pt x="166" y="119"/>
                  </a:lnTo>
                  <a:lnTo>
                    <a:pt x="160" y="117"/>
                  </a:lnTo>
                  <a:lnTo>
                    <a:pt x="153" y="115"/>
                  </a:lnTo>
                  <a:lnTo>
                    <a:pt x="146" y="114"/>
                  </a:lnTo>
                  <a:lnTo>
                    <a:pt x="139" y="114"/>
                  </a:lnTo>
                  <a:lnTo>
                    <a:pt x="130" y="115"/>
                  </a:lnTo>
                  <a:lnTo>
                    <a:pt x="127" y="112"/>
                  </a:lnTo>
                  <a:lnTo>
                    <a:pt x="123" y="110"/>
                  </a:lnTo>
                  <a:lnTo>
                    <a:pt x="119" y="109"/>
                  </a:lnTo>
                  <a:lnTo>
                    <a:pt x="112" y="107"/>
                  </a:lnTo>
                  <a:lnTo>
                    <a:pt x="100" y="106"/>
                  </a:lnTo>
                  <a:lnTo>
                    <a:pt x="85" y="105"/>
                  </a:lnTo>
                  <a:lnTo>
                    <a:pt x="70" y="106"/>
                  </a:lnTo>
                  <a:lnTo>
                    <a:pt x="57" y="107"/>
                  </a:lnTo>
                  <a:lnTo>
                    <a:pt x="52" y="109"/>
                  </a:lnTo>
                  <a:lnTo>
                    <a:pt x="47" y="110"/>
                  </a:lnTo>
                  <a:lnTo>
                    <a:pt x="43" y="112"/>
                  </a:lnTo>
                  <a:lnTo>
                    <a:pt x="41" y="115"/>
                  </a:lnTo>
                  <a:lnTo>
                    <a:pt x="29" y="106"/>
                  </a:lnTo>
                  <a:lnTo>
                    <a:pt x="16" y="98"/>
                  </a:lnTo>
                  <a:lnTo>
                    <a:pt x="10" y="94"/>
                  </a:lnTo>
                  <a:lnTo>
                    <a:pt x="6" y="89"/>
                  </a:lnTo>
                  <a:lnTo>
                    <a:pt x="2" y="83"/>
                  </a:lnTo>
                  <a:lnTo>
                    <a:pt x="0" y="74"/>
                  </a:lnTo>
                  <a:lnTo>
                    <a:pt x="2" y="70"/>
                  </a:lnTo>
                  <a:lnTo>
                    <a:pt x="5" y="67"/>
                  </a:lnTo>
                  <a:lnTo>
                    <a:pt x="9" y="64"/>
                  </a:lnTo>
                  <a:lnTo>
                    <a:pt x="13" y="61"/>
                  </a:lnTo>
                  <a:lnTo>
                    <a:pt x="22" y="57"/>
                  </a:lnTo>
                  <a:lnTo>
                    <a:pt x="32" y="54"/>
                  </a:lnTo>
                  <a:lnTo>
                    <a:pt x="43" y="51"/>
                  </a:lnTo>
                  <a:lnTo>
                    <a:pt x="53" y="49"/>
                  </a:lnTo>
                  <a:lnTo>
                    <a:pt x="64" y="46"/>
                  </a:lnTo>
                  <a:lnTo>
                    <a:pt x="72" y="41"/>
                  </a:lnTo>
                  <a:lnTo>
                    <a:pt x="75" y="44"/>
                  </a:lnTo>
                  <a:lnTo>
                    <a:pt x="80" y="46"/>
                  </a:lnTo>
                  <a:lnTo>
                    <a:pt x="84" y="48"/>
                  </a:lnTo>
                  <a:lnTo>
                    <a:pt x="90" y="49"/>
                  </a:lnTo>
                  <a:lnTo>
                    <a:pt x="103" y="51"/>
                  </a:lnTo>
                  <a:lnTo>
                    <a:pt x="117" y="52"/>
                  </a:lnTo>
                  <a:lnTo>
                    <a:pt x="132" y="51"/>
                  </a:lnTo>
                  <a:lnTo>
                    <a:pt x="145" y="49"/>
                  </a:lnTo>
                  <a:lnTo>
                    <a:pt x="150" y="48"/>
                  </a:lnTo>
                  <a:lnTo>
                    <a:pt x="155" y="46"/>
                  </a:lnTo>
                  <a:lnTo>
                    <a:pt x="160" y="44"/>
                  </a:lnTo>
                  <a:lnTo>
                    <a:pt x="162" y="41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14" name="Solrød"/>
            <p:cNvSpPr>
              <a:spLocks/>
            </p:cNvSpPr>
            <p:nvPr/>
          </p:nvSpPr>
          <p:spPr bwMode="auto">
            <a:xfrm>
              <a:off x="3662363" y="5046663"/>
              <a:ext cx="209550" cy="166688"/>
            </a:xfrm>
            <a:custGeom>
              <a:avLst/>
              <a:gdLst>
                <a:gd name="T0" fmla="*/ 59 w 398"/>
                <a:gd name="T1" fmla="*/ 97 h 317"/>
                <a:gd name="T2" fmla="*/ 54 w 398"/>
                <a:gd name="T3" fmla="*/ 94 h 317"/>
                <a:gd name="T4" fmla="*/ 42 w 398"/>
                <a:gd name="T5" fmla="*/ 92 h 317"/>
                <a:gd name="T6" fmla="*/ 27 w 398"/>
                <a:gd name="T7" fmla="*/ 91 h 317"/>
                <a:gd name="T8" fmla="*/ 12 w 398"/>
                <a:gd name="T9" fmla="*/ 89 h 317"/>
                <a:gd name="T10" fmla="*/ 3 w 398"/>
                <a:gd name="T11" fmla="*/ 85 h 317"/>
                <a:gd name="T12" fmla="*/ 0 w 398"/>
                <a:gd name="T13" fmla="*/ 81 h 317"/>
                <a:gd name="T14" fmla="*/ 2 w 398"/>
                <a:gd name="T15" fmla="*/ 78 h 317"/>
                <a:gd name="T16" fmla="*/ 3 w 398"/>
                <a:gd name="T17" fmla="*/ 71 h 317"/>
                <a:gd name="T18" fmla="*/ 5 w 398"/>
                <a:gd name="T19" fmla="*/ 64 h 317"/>
                <a:gd name="T20" fmla="*/ 8 w 398"/>
                <a:gd name="T21" fmla="*/ 62 h 317"/>
                <a:gd name="T22" fmla="*/ 13 w 398"/>
                <a:gd name="T23" fmla="*/ 64 h 317"/>
                <a:gd name="T24" fmla="*/ 16 w 398"/>
                <a:gd name="T25" fmla="*/ 64 h 317"/>
                <a:gd name="T26" fmla="*/ 21 w 398"/>
                <a:gd name="T27" fmla="*/ 58 h 317"/>
                <a:gd name="T28" fmla="*/ 31 w 398"/>
                <a:gd name="T29" fmla="*/ 55 h 317"/>
                <a:gd name="T30" fmla="*/ 43 w 398"/>
                <a:gd name="T31" fmla="*/ 55 h 317"/>
                <a:gd name="T32" fmla="*/ 61 w 398"/>
                <a:gd name="T33" fmla="*/ 55 h 317"/>
                <a:gd name="T34" fmla="*/ 73 w 398"/>
                <a:gd name="T35" fmla="*/ 58 h 317"/>
                <a:gd name="T36" fmla="*/ 63 w 398"/>
                <a:gd name="T37" fmla="*/ 52 h 317"/>
                <a:gd name="T38" fmla="*/ 40 w 398"/>
                <a:gd name="T39" fmla="*/ 40 h 317"/>
                <a:gd name="T40" fmla="*/ 19 w 398"/>
                <a:gd name="T41" fmla="*/ 27 h 317"/>
                <a:gd name="T42" fmla="*/ 21 w 398"/>
                <a:gd name="T43" fmla="*/ 24 h 317"/>
                <a:gd name="T44" fmla="*/ 23 w 398"/>
                <a:gd name="T45" fmla="*/ 18 h 317"/>
                <a:gd name="T46" fmla="*/ 26 w 398"/>
                <a:gd name="T47" fmla="*/ 13 h 317"/>
                <a:gd name="T48" fmla="*/ 30 w 398"/>
                <a:gd name="T49" fmla="*/ 11 h 317"/>
                <a:gd name="T50" fmla="*/ 48 w 398"/>
                <a:gd name="T51" fmla="*/ 15 h 317"/>
                <a:gd name="T52" fmla="*/ 53 w 398"/>
                <a:gd name="T53" fmla="*/ 13 h 317"/>
                <a:gd name="T54" fmla="*/ 55 w 398"/>
                <a:gd name="T55" fmla="*/ 8 h 317"/>
                <a:gd name="T56" fmla="*/ 65 w 398"/>
                <a:gd name="T57" fmla="*/ 3 h 317"/>
                <a:gd name="T58" fmla="*/ 66 w 398"/>
                <a:gd name="T59" fmla="*/ 7 h 317"/>
                <a:gd name="T60" fmla="*/ 69 w 398"/>
                <a:gd name="T61" fmla="*/ 7 h 317"/>
                <a:gd name="T62" fmla="*/ 74 w 398"/>
                <a:gd name="T63" fmla="*/ 3 h 317"/>
                <a:gd name="T64" fmla="*/ 80 w 398"/>
                <a:gd name="T65" fmla="*/ 0 h 317"/>
                <a:gd name="T66" fmla="*/ 89 w 398"/>
                <a:gd name="T67" fmla="*/ 2 h 317"/>
                <a:gd name="T68" fmla="*/ 105 w 398"/>
                <a:gd name="T69" fmla="*/ 11 h 317"/>
                <a:gd name="T70" fmla="*/ 121 w 398"/>
                <a:gd name="T71" fmla="*/ 20 h 317"/>
                <a:gd name="T72" fmla="*/ 132 w 398"/>
                <a:gd name="T73" fmla="*/ 19 h 317"/>
                <a:gd name="T74" fmla="*/ 125 w 398"/>
                <a:gd name="T75" fmla="*/ 28 h 317"/>
                <a:gd name="T76" fmla="*/ 102 w 398"/>
                <a:gd name="T77" fmla="*/ 46 h 317"/>
                <a:gd name="T78" fmla="*/ 85 w 398"/>
                <a:gd name="T79" fmla="*/ 62 h 317"/>
                <a:gd name="T80" fmla="*/ 75 w 398"/>
                <a:gd name="T81" fmla="*/ 73 h 317"/>
                <a:gd name="T82" fmla="*/ 68 w 398"/>
                <a:gd name="T83" fmla="*/ 70 h 317"/>
                <a:gd name="T84" fmla="*/ 67 w 398"/>
                <a:gd name="T85" fmla="*/ 67 h 317"/>
                <a:gd name="T86" fmla="*/ 70 w 398"/>
                <a:gd name="T87" fmla="*/ 65 h 317"/>
                <a:gd name="T88" fmla="*/ 74 w 398"/>
                <a:gd name="T89" fmla="*/ 64 h 317"/>
                <a:gd name="T90" fmla="*/ 72 w 398"/>
                <a:gd name="T91" fmla="*/ 62 h 317"/>
                <a:gd name="T92" fmla="*/ 62 w 398"/>
                <a:gd name="T93" fmla="*/ 62 h 317"/>
                <a:gd name="T94" fmla="*/ 61 w 398"/>
                <a:gd name="T95" fmla="*/ 68 h 317"/>
                <a:gd name="T96" fmla="*/ 63 w 398"/>
                <a:gd name="T97" fmla="*/ 71 h 317"/>
                <a:gd name="T98" fmla="*/ 67 w 398"/>
                <a:gd name="T99" fmla="*/ 73 h 317"/>
                <a:gd name="T100" fmla="*/ 71 w 398"/>
                <a:gd name="T101" fmla="*/ 77 h 317"/>
                <a:gd name="T102" fmla="*/ 69 w 398"/>
                <a:gd name="T103" fmla="*/ 81 h 317"/>
                <a:gd name="T104" fmla="*/ 66 w 398"/>
                <a:gd name="T105" fmla="*/ 81 h 317"/>
                <a:gd name="T106" fmla="*/ 62 w 398"/>
                <a:gd name="T107" fmla="*/ 78 h 317"/>
                <a:gd name="T108" fmla="*/ 60 w 398"/>
                <a:gd name="T109" fmla="*/ 79 h 317"/>
                <a:gd name="T110" fmla="*/ 61 w 398"/>
                <a:gd name="T111" fmla="*/ 82 h 317"/>
                <a:gd name="T112" fmla="*/ 70 w 398"/>
                <a:gd name="T113" fmla="*/ 84 h 317"/>
                <a:gd name="T114" fmla="*/ 71 w 398"/>
                <a:gd name="T115" fmla="*/ 89 h 317"/>
                <a:gd name="T116" fmla="*/ 67 w 398"/>
                <a:gd name="T117" fmla="*/ 96 h 317"/>
                <a:gd name="T118" fmla="*/ 65 w 398"/>
                <a:gd name="T119" fmla="*/ 101 h 317"/>
                <a:gd name="T120" fmla="*/ 67 w 398"/>
                <a:gd name="T121" fmla="*/ 105 h 317"/>
                <a:gd name="T122" fmla="*/ 61 w 398"/>
                <a:gd name="T123" fmla="*/ 102 h 317"/>
                <a:gd name="T124" fmla="*/ 59 w 398"/>
                <a:gd name="T125" fmla="*/ 100 h 317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398" h="317">
                  <a:moveTo>
                    <a:pt x="179" y="301"/>
                  </a:moveTo>
                  <a:lnTo>
                    <a:pt x="178" y="297"/>
                  </a:lnTo>
                  <a:lnTo>
                    <a:pt x="177" y="294"/>
                  </a:lnTo>
                  <a:lnTo>
                    <a:pt x="175" y="290"/>
                  </a:lnTo>
                  <a:lnTo>
                    <a:pt x="171" y="287"/>
                  </a:lnTo>
                  <a:lnTo>
                    <a:pt x="163" y="283"/>
                  </a:lnTo>
                  <a:lnTo>
                    <a:pt x="152" y="280"/>
                  </a:lnTo>
                  <a:lnTo>
                    <a:pt x="141" y="278"/>
                  </a:lnTo>
                  <a:lnTo>
                    <a:pt x="127" y="277"/>
                  </a:lnTo>
                  <a:lnTo>
                    <a:pt x="112" y="276"/>
                  </a:lnTo>
                  <a:lnTo>
                    <a:pt x="97" y="275"/>
                  </a:lnTo>
                  <a:lnTo>
                    <a:pt x="81" y="274"/>
                  </a:lnTo>
                  <a:lnTo>
                    <a:pt x="66" y="273"/>
                  </a:lnTo>
                  <a:lnTo>
                    <a:pt x="50" y="270"/>
                  </a:lnTo>
                  <a:lnTo>
                    <a:pt x="37" y="268"/>
                  </a:lnTo>
                  <a:lnTo>
                    <a:pt x="24" y="264"/>
                  </a:lnTo>
                  <a:lnTo>
                    <a:pt x="13" y="259"/>
                  </a:lnTo>
                  <a:lnTo>
                    <a:pt x="9" y="256"/>
                  </a:lnTo>
                  <a:lnTo>
                    <a:pt x="5" y="253"/>
                  </a:lnTo>
                  <a:lnTo>
                    <a:pt x="2" y="248"/>
                  </a:lnTo>
                  <a:lnTo>
                    <a:pt x="0" y="244"/>
                  </a:lnTo>
                  <a:lnTo>
                    <a:pt x="3" y="242"/>
                  </a:lnTo>
                  <a:lnTo>
                    <a:pt x="5" y="239"/>
                  </a:lnTo>
                  <a:lnTo>
                    <a:pt x="6" y="236"/>
                  </a:lnTo>
                  <a:lnTo>
                    <a:pt x="7" y="231"/>
                  </a:lnTo>
                  <a:lnTo>
                    <a:pt x="9" y="223"/>
                  </a:lnTo>
                  <a:lnTo>
                    <a:pt x="9" y="214"/>
                  </a:lnTo>
                  <a:lnTo>
                    <a:pt x="10" y="204"/>
                  </a:lnTo>
                  <a:lnTo>
                    <a:pt x="12" y="196"/>
                  </a:lnTo>
                  <a:lnTo>
                    <a:pt x="15" y="192"/>
                  </a:lnTo>
                  <a:lnTo>
                    <a:pt x="17" y="190"/>
                  </a:lnTo>
                  <a:lnTo>
                    <a:pt x="20" y="188"/>
                  </a:lnTo>
                  <a:lnTo>
                    <a:pt x="24" y="187"/>
                  </a:lnTo>
                  <a:lnTo>
                    <a:pt x="29" y="190"/>
                  </a:lnTo>
                  <a:lnTo>
                    <a:pt x="35" y="192"/>
                  </a:lnTo>
                  <a:lnTo>
                    <a:pt x="39" y="194"/>
                  </a:lnTo>
                  <a:lnTo>
                    <a:pt x="43" y="194"/>
                  </a:lnTo>
                  <a:lnTo>
                    <a:pt x="46" y="194"/>
                  </a:lnTo>
                  <a:lnTo>
                    <a:pt x="49" y="192"/>
                  </a:lnTo>
                  <a:lnTo>
                    <a:pt x="52" y="190"/>
                  </a:lnTo>
                  <a:lnTo>
                    <a:pt x="55" y="188"/>
                  </a:lnTo>
                  <a:lnTo>
                    <a:pt x="63" y="176"/>
                  </a:lnTo>
                  <a:lnTo>
                    <a:pt x="72" y="163"/>
                  </a:lnTo>
                  <a:lnTo>
                    <a:pt x="83" y="165"/>
                  </a:lnTo>
                  <a:lnTo>
                    <a:pt x="94" y="167"/>
                  </a:lnTo>
                  <a:lnTo>
                    <a:pt x="103" y="168"/>
                  </a:lnTo>
                  <a:lnTo>
                    <a:pt x="112" y="168"/>
                  </a:lnTo>
                  <a:lnTo>
                    <a:pt x="129" y="167"/>
                  </a:lnTo>
                  <a:lnTo>
                    <a:pt x="146" y="166"/>
                  </a:lnTo>
                  <a:lnTo>
                    <a:pt x="165" y="165"/>
                  </a:lnTo>
                  <a:lnTo>
                    <a:pt x="185" y="166"/>
                  </a:lnTo>
                  <a:lnTo>
                    <a:pt x="196" y="168"/>
                  </a:lnTo>
                  <a:lnTo>
                    <a:pt x="208" y="170"/>
                  </a:lnTo>
                  <a:lnTo>
                    <a:pt x="221" y="174"/>
                  </a:lnTo>
                  <a:lnTo>
                    <a:pt x="236" y="179"/>
                  </a:lnTo>
                  <a:lnTo>
                    <a:pt x="211" y="168"/>
                  </a:lnTo>
                  <a:lnTo>
                    <a:pt x="189" y="157"/>
                  </a:lnTo>
                  <a:lnTo>
                    <a:pt x="166" y="144"/>
                  </a:lnTo>
                  <a:lnTo>
                    <a:pt x="144" y="131"/>
                  </a:lnTo>
                  <a:lnTo>
                    <a:pt x="122" y="120"/>
                  </a:lnTo>
                  <a:lnTo>
                    <a:pt x="100" y="106"/>
                  </a:lnTo>
                  <a:lnTo>
                    <a:pt x="79" y="94"/>
                  </a:lnTo>
                  <a:lnTo>
                    <a:pt x="57" y="81"/>
                  </a:lnTo>
                  <a:lnTo>
                    <a:pt x="60" y="79"/>
                  </a:lnTo>
                  <a:lnTo>
                    <a:pt x="62" y="77"/>
                  </a:lnTo>
                  <a:lnTo>
                    <a:pt x="64" y="73"/>
                  </a:lnTo>
                  <a:lnTo>
                    <a:pt x="65" y="69"/>
                  </a:lnTo>
                  <a:lnTo>
                    <a:pt x="68" y="62"/>
                  </a:lnTo>
                  <a:lnTo>
                    <a:pt x="70" y="55"/>
                  </a:lnTo>
                  <a:lnTo>
                    <a:pt x="72" y="47"/>
                  </a:lnTo>
                  <a:lnTo>
                    <a:pt x="77" y="40"/>
                  </a:lnTo>
                  <a:lnTo>
                    <a:pt x="79" y="38"/>
                  </a:lnTo>
                  <a:lnTo>
                    <a:pt x="82" y="36"/>
                  </a:lnTo>
                  <a:lnTo>
                    <a:pt x="85" y="33"/>
                  </a:lnTo>
                  <a:lnTo>
                    <a:pt x="89" y="32"/>
                  </a:lnTo>
                  <a:lnTo>
                    <a:pt x="107" y="37"/>
                  </a:lnTo>
                  <a:lnTo>
                    <a:pt x="125" y="41"/>
                  </a:lnTo>
                  <a:lnTo>
                    <a:pt x="144" y="44"/>
                  </a:lnTo>
                  <a:lnTo>
                    <a:pt x="162" y="49"/>
                  </a:lnTo>
                  <a:lnTo>
                    <a:pt x="161" y="43"/>
                  </a:lnTo>
                  <a:lnTo>
                    <a:pt x="161" y="39"/>
                  </a:lnTo>
                  <a:lnTo>
                    <a:pt x="161" y="35"/>
                  </a:lnTo>
                  <a:lnTo>
                    <a:pt x="162" y="30"/>
                  </a:lnTo>
                  <a:lnTo>
                    <a:pt x="165" y="25"/>
                  </a:lnTo>
                  <a:lnTo>
                    <a:pt x="170" y="21"/>
                  </a:lnTo>
                  <a:lnTo>
                    <a:pt x="182" y="15"/>
                  </a:lnTo>
                  <a:lnTo>
                    <a:pt x="195" y="8"/>
                  </a:lnTo>
                  <a:lnTo>
                    <a:pt x="196" y="15"/>
                  </a:lnTo>
                  <a:lnTo>
                    <a:pt x="197" y="18"/>
                  </a:lnTo>
                  <a:lnTo>
                    <a:pt x="199" y="21"/>
                  </a:lnTo>
                  <a:lnTo>
                    <a:pt x="201" y="22"/>
                  </a:lnTo>
                  <a:lnTo>
                    <a:pt x="204" y="21"/>
                  </a:lnTo>
                  <a:lnTo>
                    <a:pt x="207" y="20"/>
                  </a:lnTo>
                  <a:lnTo>
                    <a:pt x="211" y="18"/>
                  </a:lnTo>
                  <a:lnTo>
                    <a:pt x="215" y="16"/>
                  </a:lnTo>
                  <a:lnTo>
                    <a:pt x="224" y="9"/>
                  </a:lnTo>
                  <a:lnTo>
                    <a:pt x="233" y="4"/>
                  </a:lnTo>
                  <a:lnTo>
                    <a:pt x="238" y="2"/>
                  </a:lnTo>
                  <a:lnTo>
                    <a:pt x="242" y="0"/>
                  </a:lnTo>
                  <a:lnTo>
                    <a:pt x="247" y="0"/>
                  </a:lnTo>
                  <a:lnTo>
                    <a:pt x="251" y="0"/>
                  </a:lnTo>
                  <a:lnTo>
                    <a:pt x="269" y="6"/>
                  </a:lnTo>
                  <a:lnTo>
                    <a:pt x="286" y="15"/>
                  </a:lnTo>
                  <a:lnTo>
                    <a:pt x="302" y="23"/>
                  </a:lnTo>
                  <a:lnTo>
                    <a:pt x="317" y="32"/>
                  </a:lnTo>
                  <a:lnTo>
                    <a:pt x="333" y="42"/>
                  </a:lnTo>
                  <a:lnTo>
                    <a:pt x="347" y="50"/>
                  </a:lnTo>
                  <a:lnTo>
                    <a:pt x="364" y="59"/>
                  </a:lnTo>
                  <a:lnTo>
                    <a:pt x="382" y="65"/>
                  </a:lnTo>
                  <a:lnTo>
                    <a:pt x="390" y="62"/>
                  </a:lnTo>
                  <a:lnTo>
                    <a:pt x="398" y="57"/>
                  </a:lnTo>
                  <a:lnTo>
                    <a:pt x="398" y="61"/>
                  </a:lnTo>
                  <a:lnTo>
                    <a:pt x="398" y="65"/>
                  </a:lnTo>
                  <a:lnTo>
                    <a:pt x="376" y="84"/>
                  </a:lnTo>
                  <a:lnTo>
                    <a:pt x="353" y="102"/>
                  </a:lnTo>
                  <a:lnTo>
                    <a:pt x="330" y="120"/>
                  </a:lnTo>
                  <a:lnTo>
                    <a:pt x="308" y="138"/>
                  </a:lnTo>
                  <a:lnTo>
                    <a:pt x="286" y="157"/>
                  </a:lnTo>
                  <a:lnTo>
                    <a:pt x="265" y="176"/>
                  </a:lnTo>
                  <a:lnTo>
                    <a:pt x="255" y="186"/>
                  </a:lnTo>
                  <a:lnTo>
                    <a:pt x="245" y="197"/>
                  </a:lnTo>
                  <a:lnTo>
                    <a:pt x="236" y="208"/>
                  </a:lnTo>
                  <a:lnTo>
                    <a:pt x="227" y="220"/>
                  </a:lnTo>
                  <a:lnTo>
                    <a:pt x="220" y="216"/>
                  </a:lnTo>
                  <a:lnTo>
                    <a:pt x="210" y="212"/>
                  </a:lnTo>
                  <a:lnTo>
                    <a:pt x="206" y="210"/>
                  </a:lnTo>
                  <a:lnTo>
                    <a:pt x="203" y="207"/>
                  </a:lnTo>
                  <a:lnTo>
                    <a:pt x="202" y="205"/>
                  </a:lnTo>
                  <a:lnTo>
                    <a:pt x="202" y="202"/>
                  </a:lnTo>
                  <a:lnTo>
                    <a:pt x="202" y="199"/>
                  </a:lnTo>
                  <a:lnTo>
                    <a:pt x="203" y="196"/>
                  </a:lnTo>
                  <a:lnTo>
                    <a:pt x="211" y="196"/>
                  </a:lnTo>
                  <a:lnTo>
                    <a:pt x="219" y="195"/>
                  </a:lnTo>
                  <a:lnTo>
                    <a:pt x="222" y="194"/>
                  </a:lnTo>
                  <a:lnTo>
                    <a:pt x="224" y="192"/>
                  </a:lnTo>
                  <a:lnTo>
                    <a:pt x="226" y="190"/>
                  </a:lnTo>
                  <a:lnTo>
                    <a:pt x="227" y="187"/>
                  </a:lnTo>
                  <a:lnTo>
                    <a:pt x="217" y="187"/>
                  </a:lnTo>
                  <a:lnTo>
                    <a:pt x="207" y="187"/>
                  </a:lnTo>
                  <a:lnTo>
                    <a:pt x="197" y="187"/>
                  </a:lnTo>
                  <a:lnTo>
                    <a:pt x="186" y="187"/>
                  </a:lnTo>
                  <a:lnTo>
                    <a:pt x="184" y="195"/>
                  </a:lnTo>
                  <a:lnTo>
                    <a:pt x="183" y="201"/>
                  </a:lnTo>
                  <a:lnTo>
                    <a:pt x="184" y="205"/>
                  </a:lnTo>
                  <a:lnTo>
                    <a:pt x="185" y="209"/>
                  </a:lnTo>
                  <a:lnTo>
                    <a:pt x="187" y="211"/>
                  </a:lnTo>
                  <a:lnTo>
                    <a:pt x="189" y="215"/>
                  </a:lnTo>
                  <a:lnTo>
                    <a:pt x="194" y="216"/>
                  </a:lnTo>
                  <a:lnTo>
                    <a:pt x="197" y="218"/>
                  </a:lnTo>
                  <a:lnTo>
                    <a:pt x="203" y="221"/>
                  </a:lnTo>
                  <a:lnTo>
                    <a:pt x="209" y="225"/>
                  </a:lnTo>
                  <a:lnTo>
                    <a:pt x="211" y="228"/>
                  </a:lnTo>
                  <a:lnTo>
                    <a:pt x="213" y="232"/>
                  </a:lnTo>
                  <a:lnTo>
                    <a:pt x="213" y="238"/>
                  </a:lnTo>
                  <a:lnTo>
                    <a:pt x="211" y="244"/>
                  </a:lnTo>
                  <a:lnTo>
                    <a:pt x="208" y="245"/>
                  </a:lnTo>
                  <a:lnTo>
                    <a:pt x="205" y="245"/>
                  </a:lnTo>
                  <a:lnTo>
                    <a:pt x="203" y="245"/>
                  </a:lnTo>
                  <a:lnTo>
                    <a:pt x="200" y="244"/>
                  </a:lnTo>
                  <a:lnTo>
                    <a:pt x="196" y="241"/>
                  </a:lnTo>
                  <a:lnTo>
                    <a:pt x="191" y="238"/>
                  </a:lnTo>
                  <a:lnTo>
                    <a:pt x="187" y="236"/>
                  </a:lnTo>
                  <a:lnTo>
                    <a:pt x="184" y="235"/>
                  </a:lnTo>
                  <a:lnTo>
                    <a:pt x="182" y="236"/>
                  </a:lnTo>
                  <a:lnTo>
                    <a:pt x="181" y="238"/>
                  </a:lnTo>
                  <a:lnTo>
                    <a:pt x="180" y="240"/>
                  </a:lnTo>
                  <a:lnTo>
                    <a:pt x="179" y="244"/>
                  </a:lnTo>
                  <a:lnTo>
                    <a:pt x="184" y="248"/>
                  </a:lnTo>
                  <a:lnTo>
                    <a:pt x="193" y="250"/>
                  </a:lnTo>
                  <a:lnTo>
                    <a:pt x="201" y="251"/>
                  </a:lnTo>
                  <a:lnTo>
                    <a:pt x="211" y="253"/>
                  </a:lnTo>
                  <a:lnTo>
                    <a:pt x="213" y="259"/>
                  </a:lnTo>
                  <a:lnTo>
                    <a:pt x="213" y="264"/>
                  </a:lnTo>
                  <a:lnTo>
                    <a:pt x="213" y="269"/>
                  </a:lnTo>
                  <a:lnTo>
                    <a:pt x="211" y="275"/>
                  </a:lnTo>
                  <a:lnTo>
                    <a:pt x="207" y="282"/>
                  </a:lnTo>
                  <a:lnTo>
                    <a:pt x="202" y="289"/>
                  </a:lnTo>
                  <a:lnTo>
                    <a:pt x="198" y="296"/>
                  </a:lnTo>
                  <a:lnTo>
                    <a:pt x="196" y="302"/>
                  </a:lnTo>
                  <a:lnTo>
                    <a:pt x="196" y="305"/>
                  </a:lnTo>
                  <a:lnTo>
                    <a:pt x="197" y="308"/>
                  </a:lnTo>
                  <a:lnTo>
                    <a:pt x="199" y="313"/>
                  </a:lnTo>
                  <a:lnTo>
                    <a:pt x="203" y="317"/>
                  </a:lnTo>
                  <a:lnTo>
                    <a:pt x="197" y="314"/>
                  </a:lnTo>
                  <a:lnTo>
                    <a:pt x="189" y="310"/>
                  </a:lnTo>
                  <a:lnTo>
                    <a:pt x="185" y="309"/>
                  </a:lnTo>
                  <a:lnTo>
                    <a:pt x="182" y="307"/>
                  </a:lnTo>
                  <a:lnTo>
                    <a:pt x="180" y="304"/>
                  </a:lnTo>
                  <a:lnTo>
                    <a:pt x="179" y="301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15" name="Solrød kant"/>
            <p:cNvSpPr>
              <a:spLocks/>
            </p:cNvSpPr>
            <p:nvPr/>
          </p:nvSpPr>
          <p:spPr bwMode="auto">
            <a:xfrm>
              <a:off x="3662363" y="5046663"/>
              <a:ext cx="209550" cy="166688"/>
            </a:xfrm>
            <a:custGeom>
              <a:avLst/>
              <a:gdLst>
                <a:gd name="T0" fmla="*/ 59 w 398"/>
                <a:gd name="T1" fmla="*/ 97 h 317"/>
                <a:gd name="T2" fmla="*/ 54 w 398"/>
                <a:gd name="T3" fmla="*/ 94 h 317"/>
                <a:gd name="T4" fmla="*/ 42 w 398"/>
                <a:gd name="T5" fmla="*/ 92 h 317"/>
                <a:gd name="T6" fmla="*/ 27 w 398"/>
                <a:gd name="T7" fmla="*/ 91 h 317"/>
                <a:gd name="T8" fmla="*/ 12 w 398"/>
                <a:gd name="T9" fmla="*/ 89 h 317"/>
                <a:gd name="T10" fmla="*/ 3 w 398"/>
                <a:gd name="T11" fmla="*/ 85 h 317"/>
                <a:gd name="T12" fmla="*/ 0 w 398"/>
                <a:gd name="T13" fmla="*/ 81 h 317"/>
                <a:gd name="T14" fmla="*/ 2 w 398"/>
                <a:gd name="T15" fmla="*/ 78 h 317"/>
                <a:gd name="T16" fmla="*/ 3 w 398"/>
                <a:gd name="T17" fmla="*/ 71 h 317"/>
                <a:gd name="T18" fmla="*/ 5 w 398"/>
                <a:gd name="T19" fmla="*/ 64 h 317"/>
                <a:gd name="T20" fmla="*/ 8 w 398"/>
                <a:gd name="T21" fmla="*/ 62 h 317"/>
                <a:gd name="T22" fmla="*/ 13 w 398"/>
                <a:gd name="T23" fmla="*/ 64 h 317"/>
                <a:gd name="T24" fmla="*/ 16 w 398"/>
                <a:gd name="T25" fmla="*/ 64 h 317"/>
                <a:gd name="T26" fmla="*/ 21 w 398"/>
                <a:gd name="T27" fmla="*/ 58 h 317"/>
                <a:gd name="T28" fmla="*/ 31 w 398"/>
                <a:gd name="T29" fmla="*/ 55 h 317"/>
                <a:gd name="T30" fmla="*/ 43 w 398"/>
                <a:gd name="T31" fmla="*/ 55 h 317"/>
                <a:gd name="T32" fmla="*/ 61 w 398"/>
                <a:gd name="T33" fmla="*/ 55 h 317"/>
                <a:gd name="T34" fmla="*/ 73 w 398"/>
                <a:gd name="T35" fmla="*/ 58 h 317"/>
                <a:gd name="T36" fmla="*/ 63 w 398"/>
                <a:gd name="T37" fmla="*/ 52 h 317"/>
                <a:gd name="T38" fmla="*/ 40 w 398"/>
                <a:gd name="T39" fmla="*/ 40 h 317"/>
                <a:gd name="T40" fmla="*/ 19 w 398"/>
                <a:gd name="T41" fmla="*/ 27 h 317"/>
                <a:gd name="T42" fmla="*/ 21 w 398"/>
                <a:gd name="T43" fmla="*/ 24 h 317"/>
                <a:gd name="T44" fmla="*/ 23 w 398"/>
                <a:gd name="T45" fmla="*/ 18 h 317"/>
                <a:gd name="T46" fmla="*/ 26 w 398"/>
                <a:gd name="T47" fmla="*/ 13 h 317"/>
                <a:gd name="T48" fmla="*/ 30 w 398"/>
                <a:gd name="T49" fmla="*/ 11 h 317"/>
                <a:gd name="T50" fmla="*/ 48 w 398"/>
                <a:gd name="T51" fmla="*/ 15 h 317"/>
                <a:gd name="T52" fmla="*/ 53 w 398"/>
                <a:gd name="T53" fmla="*/ 13 h 317"/>
                <a:gd name="T54" fmla="*/ 55 w 398"/>
                <a:gd name="T55" fmla="*/ 8 h 317"/>
                <a:gd name="T56" fmla="*/ 65 w 398"/>
                <a:gd name="T57" fmla="*/ 3 h 317"/>
                <a:gd name="T58" fmla="*/ 66 w 398"/>
                <a:gd name="T59" fmla="*/ 7 h 317"/>
                <a:gd name="T60" fmla="*/ 69 w 398"/>
                <a:gd name="T61" fmla="*/ 7 h 317"/>
                <a:gd name="T62" fmla="*/ 74 w 398"/>
                <a:gd name="T63" fmla="*/ 3 h 317"/>
                <a:gd name="T64" fmla="*/ 80 w 398"/>
                <a:gd name="T65" fmla="*/ 0 h 317"/>
                <a:gd name="T66" fmla="*/ 89 w 398"/>
                <a:gd name="T67" fmla="*/ 2 h 317"/>
                <a:gd name="T68" fmla="*/ 105 w 398"/>
                <a:gd name="T69" fmla="*/ 11 h 317"/>
                <a:gd name="T70" fmla="*/ 121 w 398"/>
                <a:gd name="T71" fmla="*/ 20 h 317"/>
                <a:gd name="T72" fmla="*/ 132 w 398"/>
                <a:gd name="T73" fmla="*/ 19 h 317"/>
                <a:gd name="T74" fmla="*/ 125 w 398"/>
                <a:gd name="T75" fmla="*/ 28 h 317"/>
                <a:gd name="T76" fmla="*/ 102 w 398"/>
                <a:gd name="T77" fmla="*/ 46 h 317"/>
                <a:gd name="T78" fmla="*/ 85 w 398"/>
                <a:gd name="T79" fmla="*/ 62 h 317"/>
                <a:gd name="T80" fmla="*/ 75 w 398"/>
                <a:gd name="T81" fmla="*/ 73 h 317"/>
                <a:gd name="T82" fmla="*/ 68 w 398"/>
                <a:gd name="T83" fmla="*/ 70 h 317"/>
                <a:gd name="T84" fmla="*/ 67 w 398"/>
                <a:gd name="T85" fmla="*/ 67 h 317"/>
                <a:gd name="T86" fmla="*/ 70 w 398"/>
                <a:gd name="T87" fmla="*/ 65 h 317"/>
                <a:gd name="T88" fmla="*/ 74 w 398"/>
                <a:gd name="T89" fmla="*/ 64 h 317"/>
                <a:gd name="T90" fmla="*/ 72 w 398"/>
                <a:gd name="T91" fmla="*/ 62 h 317"/>
                <a:gd name="T92" fmla="*/ 62 w 398"/>
                <a:gd name="T93" fmla="*/ 62 h 317"/>
                <a:gd name="T94" fmla="*/ 61 w 398"/>
                <a:gd name="T95" fmla="*/ 68 h 317"/>
                <a:gd name="T96" fmla="*/ 63 w 398"/>
                <a:gd name="T97" fmla="*/ 71 h 317"/>
                <a:gd name="T98" fmla="*/ 67 w 398"/>
                <a:gd name="T99" fmla="*/ 73 h 317"/>
                <a:gd name="T100" fmla="*/ 71 w 398"/>
                <a:gd name="T101" fmla="*/ 77 h 317"/>
                <a:gd name="T102" fmla="*/ 69 w 398"/>
                <a:gd name="T103" fmla="*/ 81 h 317"/>
                <a:gd name="T104" fmla="*/ 66 w 398"/>
                <a:gd name="T105" fmla="*/ 81 h 317"/>
                <a:gd name="T106" fmla="*/ 62 w 398"/>
                <a:gd name="T107" fmla="*/ 78 h 317"/>
                <a:gd name="T108" fmla="*/ 60 w 398"/>
                <a:gd name="T109" fmla="*/ 79 h 317"/>
                <a:gd name="T110" fmla="*/ 61 w 398"/>
                <a:gd name="T111" fmla="*/ 82 h 317"/>
                <a:gd name="T112" fmla="*/ 70 w 398"/>
                <a:gd name="T113" fmla="*/ 84 h 317"/>
                <a:gd name="T114" fmla="*/ 71 w 398"/>
                <a:gd name="T115" fmla="*/ 89 h 317"/>
                <a:gd name="T116" fmla="*/ 67 w 398"/>
                <a:gd name="T117" fmla="*/ 96 h 317"/>
                <a:gd name="T118" fmla="*/ 65 w 398"/>
                <a:gd name="T119" fmla="*/ 101 h 317"/>
                <a:gd name="T120" fmla="*/ 67 w 398"/>
                <a:gd name="T121" fmla="*/ 105 h 317"/>
                <a:gd name="T122" fmla="*/ 61 w 398"/>
                <a:gd name="T123" fmla="*/ 102 h 317"/>
                <a:gd name="T124" fmla="*/ 59 w 398"/>
                <a:gd name="T125" fmla="*/ 100 h 317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398" h="317">
                  <a:moveTo>
                    <a:pt x="179" y="301"/>
                  </a:moveTo>
                  <a:lnTo>
                    <a:pt x="178" y="297"/>
                  </a:lnTo>
                  <a:lnTo>
                    <a:pt x="177" y="294"/>
                  </a:lnTo>
                  <a:lnTo>
                    <a:pt x="175" y="290"/>
                  </a:lnTo>
                  <a:lnTo>
                    <a:pt x="171" y="287"/>
                  </a:lnTo>
                  <a:lnTo>
                    <a:pt x="163" y="283"/>
                  </a:lnTo>
                  <a:lnTo>
                    <a:pt x="152" y="280"/>
                  </a:lnTo>
                  <a:lnTo>
                    <a:pt x="141" y="278"/>
                  </a:lnTo>
                  <a:lnTo>
                    <a:pt x="127" y="277"/>
                  </a:lnTo>
                  <a:lnTo>
                    <a:pt x="112" y="276"/>
                  </a:lnTo>
                  <a:lnTo>
                    <a:pt x="97" y="275"/>
                  </a:lnTo>
                  <a:lnTo>
                    <a:pt x="81" y="274"/>
                  </a:lnTo>
                  <a:lnTo>
                    <a:pt x="66" y="273"/>
                  </a:lnTo>
                  <a:lnTo>
                    <a:pt x="50" y="270"/>
                  </a:lnTo>
                  <a:lnTo>
                    <a:pt x="37" y="268"/>
                  </a:lnTo>
                  <a:lnTo>
                    <a:pt x="24" y="264"/>
                  </a:lnTo>
                  <a:lnTo>
                    <a:pt x="13" y="259"/>
                  </a:lnTo>
                  <a:lnTo>
                    <a:pt x="9" y="256"/>
                  </a:lnTo>
                  <a:lnTo>
                    <a:pt x="5" y="253"/>
                  </a:lnTo>
                  <a:lnTo>
                    <a:pt x="2" y="248"/>
                  </a:lnTo>
                  <a:lnTo>
                    <a:pt x="0" y="244"/>
                  </a:lnTo>
                  <a:lnTo>
                    <a:pt x="3" y="242"/>
                  </a:lnTo>
                  <a:lnTo>
                    <a:pt x="5" y="239"/>
                  </a:lnTo>
                  <a:lnTo>
                    <a:pt x="6" y="236"/>
                  </a:lnTo>
                  <a:lnTo>
                    <a:pt x="7" y="231"/>
                  </a:lnTo>
                  <a:lnTo>
                    <a:pt x="9" y="223"/>
                  </a:lnTo>
                  <a:lnTo>
                    <a:pt x="9" y="214"/>
                  </a:lnTo>
                  <a:lnTo>
                    <a:pt x="10" y="204"/>
                  </a:lnTo>
                  <a:lnTo>
                    <a:pt x="12" y="196"/>
                  </a:lnTo>
                  <a:lnTo>
                    <a:pt x="15" y="192"/>
                  </a:lnTo>
                  <a:lnTo>
                    <a:pt x="17" y="190"/>
                  </a:lnTo>
                  <a:lnTo>
                    <a:pt x="20" y="188"/>
                  </a:lnTo>
                  <a:lnTo>
                    <a:pt x="24" y="187"/>
                  </a:lnTo>
                  <a:lnTo>
                    <a:pt x="29" y="190"/>
                  </a:lnTo>
                  <a:lnTo>
                    <a:pt x="35" y="192"/>
                  </a:lnTo>
                  <a:lnTo>
                    <a:pt x="39" y="194"/>
                  </a:lnTo>
                  <a:lnTo>
                    <a:pt x="43" y="194"/>
                  </a:lnTo>
                  <a:lnTo>
                    <a:pt x="46" y="194"/>
                  </a:lnTo>
                  <a:lnTo>
                    <a:pt x="49" y="192"/>
                  </a:lnTo>
                  <a:lnTo>
                    <a:pt x="52" y="190"/>
                  </a:lnTo>
                  <a:lnTo>
                    <a:pt x="55" y="188"/>
                  </a:lnTo>
                  <a:lnTo>
                    <a:pt x="63" y="176"/>
                  </a:lnTo>
                  <a:lnTo>
                    <a:pt x="72" y="163"/>
                  </a:lnTo>
                  <a:lnTo>
                    <a:pt x="83" y="165"/>
                  </a:lnTo>
                  <a:lnTo>
                    <a:pt x="94" y="167"/>
                  </a:lnTo>
                  <a:lnTo>
                    <a:pt x="103" y="168"/>
                  </a:lnTo>
                  <a:lnTo>
                    <a:pt x="112" y="168"/>
                  </a:lnTo>
                  <a:lnTo>
                    <a:pt x="129" y="167"/>
                  </a:lnTo>
                  <a:lnTo>
                    <a:pt x="146" y="166"/>
                  </a:lnTo>
                  <a:lnTo>
                    <a:pt x="165" y="165"/>
                  </a:lnTo>
                  <a:lnTo>
                    <a:pt x="185" y="166"/>
                  </a:lnTo>
                  <a:lnTo>
                    <a:pt x="196" y="168"/>
                  </a:lnTo>
                  <a:lnTo>
                    <a:pt x="208" y="170"/>
                  </a:lnTo>
                  <a:lnTo>
                    <a:pt x="221" y="174"/>
                  </a:lnTo>
                  <a:lnTo>
                    <a:pt x="236" y="179"/>
                  </a:lnTo>
                  <a:lnTo>
                    <a:pt x="211" y="168"/>
                  </a:lnTo>
                  <a:lnTo>
                    <a:pt x="189" y="157"/>
                  </a:lnTo>
                  <a:lnTo>
                    <a:pt x="166" y="144"/>
                  </a:lnTo>
                  <a:lnTo>
                    <a:pt x="144" y="131"/>
                  </a:lnTo>
                  <a:lnTo>
                    <a:pt x="122" y="120"/>
                  </a:lnTo>
                  <a:lnTo>
                    <a:pt x="100" y="106"/>
                  </a:lnTo>
                  <a:lnTo>
                    <a:pt x="79" y="94"/>
                  </a:lnTo>
                  <a:lnTo>
                    <a:pt x="57" y="81"/>
                  </a:lnTo>
                  <a:lnTo>
                    <a:pt x="60" y="79"/>
                  </a:lnTo>
                  <a:lnTo>
                    <a:pt x="62" y="77"/>
                  </a:lnTo>
                  <a:lnTo>
                    <a:pt x="64" y="73"/>
                  </a:lnTo>
                  <a:lnTo>
                    <a:pt x="65" y="69"/>
                  </a:lnTo>
                  <a:lnTo>
                    <a:pt x="68" y="62"/>
                  </a:lnTo>
                  <a:lnTo>
                    <a:pt x="70" y="55"/>
                  </a:lnTo>
                  <a:lnTo>
                    <a:pt x="72" y="47"/>
                  </a:lnTo>
                  <a:lnTo>
                    <a:pt x="77" y="40"/>
                  </a:lnTo>
                  <a:lnTo>
                    <a:pt x="79" y="38"/>
                  </a:lnTo>
                  <a:lnTo>
                    <a:pt x="82" y="36"/>
                  </a:lnTo>
                  <a:lnTo>
                    <a:pt x="85" y="33"/>
                  </a:lnTo>
                  <a:lnTo>
                    <a:pt x="89" y="32"/>
                  </a:lnTo>
                  <a:lnTo>
                    <a:pt x="107" y="37"/>
                  </a:lnTo>
                  <a:lnTo>
                    <a:pt x="125" y="41"/>
                  </a:lnTo>
                  <a:lnTo>
                    <a:pt x="144" y="44"/>
                  </a:lnTo>
                  <a:lnTo>
                    <a:pt x="162" y="49"/>
                  </a:lnTo>
                  <a:lnTo>
                    <a:pt x="161" y="43"/>
                  </a:lnTo>
                  <a:lnTo>
                    <a:pt x="161" y="39"/>
                  </a:lnTo>
                  <a:lnTo>
                    <a:pt x="161" y="35"/>
                  </a:lnTo>
                  <a:lnTo>
                    <a:pt x="162" y="30"/>
                  </a:lnTo>
                  <a:lnTo>
                    <a:pt x="165" y="25"/>
                  </a:lnTo>
                  <a:lnTo>
                    <a:pt x="170" y="21"/>
                  </a:lnTo>
                  <a:lnTo>
                    <a:pt x="182" y="15"/>
                  </a:lnTo>
                  <a:lnTo>
                    <a:pt x="195" y="8"/>
                  </a:lnTo>
                  <a:lnTo>
                    <a:pt x="196" y="15"/>
                  </a:lnTo>
                  <a:lnTo>
                    <a:pt x="197" y="18"/>
                  </a:lnTo>
                  <a:lnTo>
                    <a:pt x="199" y="21"/>
                  </a:lnTo>
                  <a:lnTo>
                    <a:pt x="201" y="22"/>
                  </a:lnTo>
                  <a:lnTo>
                    <a:pt x="204" y="21"/>
                  </a:lnTo>
                  <a:lnTo>
                    <a:pt x="207" y="20"/>
                  </a:lnTo>
                  <a:lnTo>
                    <a:pt x="211" y="18"/>
                  </a:lnTo>
                  <a:lnTo>
                    <a:pt x="215" y="16"/>
                  </a:lnTo>
                  <a:lnTo>
                    <a:pt x="224" y="9"/>
                  </a:lnTo>
                  <a:lnTo>
                    <a:pt x="233" y="4"/>
                  </a:lnTo>
                  <a:lnTo>
                    <a:pt x="238" y="2"/>
                  </a:lnTo>
                  <a:lnTo>
                    <a:pt x="242" y="0"/>
                  </a:lnTo>
                  <a:lnTo>
                    <a:pt x="247" y="0"/>
                  </a:lnTo>
                  <a:lnTo>
                    <a:pt x="251" y="0"/>
                  </a:lnTo>
                  <a:lnTo>
                    <a:pt x="269" y="6"/>
                  </a:lnTo>
                  <a:lnTo>
                    <a:pt x="286" y="15"/>
                  </a:lnTo>
                  <a:lnTo>
                    <a:pt x="302" y="23"/>
                  </a:lnTo>
                  <a:lnTo>
                    <a:pt x="317" y="32"/>
                  </a:lnTo>
                  <a:lnTo>
                    <a:pt x="333" y="42"/>
                  </a:lnTo>
                  <a:lnTo>
                    <a:pt x="347" y="50"/>
                  </a:lnTo>
                  <a:lnTo>
                    <a:pt x="364" y="59"/>
                  </a:lnTo>
                  <a:lnTo>
                    <a:pt x="382" y="65"/>
                  </a:lnTo>
                  <a:lnTo>
                    <a:pt x="390" y="62"/>
                  </a:lnTo>
                  <a:lnTo>
                    <a:pt x="398" y="57"/>
                  </a:lnTo>
                  <a:lnTo>
                    <a:pt x="398" y="61"/>
                  </a:lnTo>
                  <a:lnTo>
                    <a:pt x="398" y="65"/>
                  </a:lnTo>
                  <a:lnTo>
                    <a:pt x="376" y="84"/>
                  </a:lnTo>
                  <a:lnTo>
                    <a:pt x="353" y="102"/>
                  </a:lnTo>
                  <a:lnTo>
                    <a:pt x="330" y="120"/>
                  </a:lnTo>
                  <a:lnTo>
                    <a:pt x="308" y="138"/>
                  </a:lnTo>
                  <a:lnTo>
                    <a:pt x="286" y="157"/>
                  </a:lnTo>
                  <a:lnTo>
                    <a:pt x="265" y="176"/>
                  </a:lnTo>
                  <a:lnTo>
                    <a:pt x="255" y="186"/>
                  </a:lnTo>
                  <a:lnTo>
                    <a:pt x="245" y="197"/>
                  </a:lnTo>
                  <a:lnTo>
                    <a:pt x="236" y="208"/>
                  </a:lnTo>
                  <a:lnTo>
                    <a:pt x="227" y="220"/>
                  </a:lnTo>
                  <a:lnTo>
                    <a:pt x="220" y="216"/>
                  </a:lnTo>
                  <a:lnTo>
                    <a:pt x="210" y="212"/>
                  </a:lnTo>
                  <a:lnTo>
                    <a:pt x="206" y="210"/>
                  </a:lnTo>
                  <a:lnTo>
                    <a:pt x="203" y="207"/>
                  </a:lnTo>
                  <a:lnTo>
                    <a:pt x="202" y="205"/>
                  </a:lnTo>
                  <a:lnTo>
                    <a:pt x="202" y="202"/>
                  </a:lnTo>
                  <a:lnTo>
                    <a:pt x="202" y="199"/>
                  </a:lnTo>
                  <a:lnTo>
                    <a:pt x="203" y="196"/>
                  </a:lnTo>
                  <a:lnTo>
                    <a:pt x="211" y="196"/>
                  </a:lnTo>
                  <a:lnTo>
                    <a:pt x="219" y="195"/>
                  </a:lnTo>
                  <a:lnTo>
                    <a:pt x="222" y="194"/>
                  </a:lnTo>
                  <a:lnTo>
                    <a:pt x="224" y="192"/>
                  </a:lnTo>
                  <a:lnTo>
                    <a:pt x="226" y="190"/>
                  </a:lnTo>
                  <a:lnTo>
                    <a:pt x="227" y="187"/>
                  </a:lnTo>
                  <a:lnTo>
                    <a:pt x="217" y="187"/>
                  </a:lnTo>
                  <a:lnTo>
                    <a:pt x="207" y="187"/>
                  </a:lnTo>
                  <a:lnTo>
                    <a:pt x="197" y="187"/>
                  </a:lnTo>
                  <a:lnTo>
                    <a:pt x="186" y="187"/>
                  </a:lnTo>
                  <a:lnTo>
                    <a:pt x="184" y="195"/>
                  </a:lnTo>
                  <a:lnTo>
                    <a:pt x="183" y="201"/>
                  </a:lnTo>
                  <a:lnTo>
                    <a:pt x="184" y="205"/>
                  </a:lnTo>
                  <a:lnTo>
                    <a:pt x="185" y="209"/>
                  </a:lnTo>
                  <a:lnTo>
                    <a:pt x="187" y="211"/>
                  </a:lnTo>
                  <a:lnTo>
                    <a:pt x="189" y="215"/>
                  </a:lnTo>
                  <a:lnTo>
                    <a:pt x="194" y="216"/>
                  </a:lnTo>
                  <a:lnTo>
                    <a:pt x="197" y="218"/>
                  </a:lnTo>
                  <a:lnTo>
                    <a:pt x="203" y="221"/>
                  </a:lnTo>
                  <a:lnTo>
                    <a:pt x="209" y="225"/>
                  </a:lnTo>
                  <a:lnTo>
                    <a:pt x="211" y="228"/>
                  </a:lnTo>
                  <a:lnTo>
                    <a:pt x="213" y="232"/>
                  </a:lnTo>
                  <a:lnTo>
                    <a:pt x="213" y="238"/>
                  </a:lnTo>
                  <a:lnTo>
                    <a:pt x="211" y="244"/>
                  </a:lnTo>
                  <a:lnTo>
                    <a:pt x="208" y="245"/>
                  </a:lnTo>
                  <a:lnTo>
                    <a:pt x="205" y="245"/>
                  </a:lnTo>
                  <a:lnTo>
                    <a:pt x="203" y="245"/>
                  </a:lnTo>
                  <a:lnTo>
                    <a:pt x="200" y="244"/>
                  </a:lnTo>
                  <a:lnTo>
                    <a:pt x="196" y="241"/>
                  </a:lnTo>
                  <a:lnTo>
                    <a:pt x="191" y="238"/>
                  </a:lnTo>
                  <a:lnTo>
                    <a:pt x="187" y="236"/>
                  </a:lnTo>
                  <a:lnTo>
                    <a:pt x="184" y="235"/>
                  </a:lnTo>
                  <a:lnTo>
                    <a:pt x="182" y="236"/>
                  </a:lnTo>
                  <a:lnTo>
                    <a:pt x="181" y="238"/>
                  </a:lnTo>
                  <a:lnTo>
                    <a:pt x="180" y="240"/>
                  </a:lnTo>
                  <a:lnTo>
                    <a:pt x="179" y="244"/>
                  </a:lnTo>
                  <a:lnTo>
                    <a:pt x="184" y="248"/>
                  </a:lnTo>
                  <a:lnTo>
                    <a:pt x="193" y="250"/>
                  </a:lnTo>
                  <a:lnTo>
                    <a:pt x="201" y="251"/>
                  </a:lnTo>
                  <a:lnTo>
                    <a:pt x="211" y="253"/>
                  </a:lnTo>
                  <a:lnTo>
                    <a:pt x="213" y="259"/>
                  </a:lnTo>
                  <a:lnTo>
                    <a:pt x="213" y="264"/>
                  </a:lnTo>
                  <a:lnTo>
                    <a:pt x="213" y="269"/>
                  </a:lnTo>
                  <a:lnTo>
                    <a:pt x="211" y="275"/>
                  </a:lnTo>
                  <a:lnTo>
                    <a:pt x="207" y="282"/>
                  </a:lnTo>
                  <a:lnTo>
                    <a:pt x="202" y="289"/>
                  </a:lnTo>
                  <a:lnTo>
                    <a:pt x="198" y="296"/>
                  </a:lnTo>
                  <a:lnTo>
                    <a:pt x="196" y="302"/>
                  </a:lnTo>
                  <a:lnTo>
                    <a:pt x="196" y="305"/>
                  </a:lnTo>
                  <a:lnTo>
                    <a:pt x="197" y="308"/>
                  </a:lnTo>
                  <a:lnTo>
                    <a:pt x="199" y="313"/>
                  </a:lnTo>
                  <a:lnTo>
                    <a:pt x="203" y="317"/>
                  </a:lnTo>
                  <a:lnTo>
                    <a:pt x="197" y="314"/>
                  </a:lnTo>
                  <a:lnTo>
                    <a:pt x="189" y="310"/>
                  </a:lnTo>
                  <a:lnTo>
                    <a:pt x="185" y="309"/>
                  </a:lnTo>
                  <a:lnTo>
                    <a:pt x="182" y="307"/>
                  </a:lnTo>
                  <a:lnTo>
                    <a:pt x="180" y="304"/>
                  </a:lnTo>
                  <a:lnTo>
                    <a:pt x="179" y="301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16" name="Næstved"/>
            <p:cNvGrpSpPr/>
            <p:nvPr/>
          </p:nvGrpSpPr>
          <p:grpSpPr>
            <a:xfrm>
              <a:off x="3149600" y="5364163"/>
              <a:ext cx="503237" cy="392113"/>
              <a:chOff x="3149600" y="5364163"/>
              <a:chExt cx="503237" cy="392113"/>
            </a:xfrm>
            <a:grpFill/>
          </p:grpSpPr>
          <p:sp>
            <p:nvSpPr>
              <p:cNvPr id="182" name="Næstved"/>
              <p:cNvSpPr>
                <a:spLocks/>
              </p:cNvSpPr>
              <p:nvPr/>
            </p:nvSpPr>
            <p:spPr bwMode="auto">
              <a:xfrm>
                <a:off x="3149600" y="5364163"/>
                <a:ext cx="503237" cy="392113"/>
              </a:xfrm>
              <a:custGeom>
                <a:avLst/>
                <a:gdLst>
                  <a:gd name="T0" fmla="*/ 289 w 951"/>
                  <a:gd name="T1" fmla="*/ 218 h 740"/>
                  <a:gd name="T2" fmla="*/ 280 w 951"/>
                  <a:gd name="T3" fmla="*/ 216 h 740"/>
                  <a:gd name="T4" fmla="*/ 277 w 951"/>
                  <a:gd name="T5" fmla="*/ 220 h 740"/>
                  <a:gd name="T6" fmla="*/ 276 w 951"/>
                  <a:gd name="T7" fmla="*/ 225 h 740"/>
                  <a:gd name="T8" fmla="*/ 267 w 951"/>
                  <a:gd name="T9" fmla="*/ 220 h 740"/>
                  <a:gd name="T10" fmla="*/ 258 w 951"/>
                  <a:gd name="T11" fmla="*/ 216 h 740"/>
                  <a:gd name="T12" fmla="*/ 250 w 951"/>
                  <a:gd name="T13" fmla="*/ 225 h 740"/>
                  <a:gd name="T14" fmla="*/ 240 w 951"/>
                  <a:gd name="T15" fmla="*/ 223 h 740"/>
                  <a:gd name="T16" fmla="*/ 222 w 951"/>
                  <a:gd name="T17" fmla="*/ 237 h 740"/>
                  <a:gd name="T18" fmla="*/ 209 w 951"/>
                  <a:gd name="T19" fmla="*/ 245 h 740"/>
                  <a:gd name="T20" fmla="*/ 172 w 951"/>
                  <a:gd name="T21" fmla="*/ 231 h 740"/>
                  <a:gd name="T22" fmla="*/ 144 w 951"/>
                  <a:gd name="T23" fmla="*/ 221 h 740"/>
                  <a:gd name="T24" fmla="*/ 147 w 951"/>
                  <a:gd name="T25" fmla="*/ 218 h 740"/>
                  <a:gd name="T26" fmla="*/ 157 w 951"/>
                  <a:gd name="T27" fmla="*/ 208 h 740"/>
                  <a:gd name="T28" fmla="*/ 155 w 951"/>
                  <a:gd name="T29" fmla="*/ 200 h 740"/>
                  <a:gd name="T30" fmla="*/ 153 w 951"/>
                  <a:gd name="T31" fmla="*/ 198 h 740"/>
                  <a:gd name="T32" fmla="*/ 140 w 951"/>
                  <a:gd name="T33" fmla="*/ 208 h 740"/>
                  <a:gd name="T34" fmla="*/ 130 w 951"/>
                  <a:gd name="T35" fmla="*/ 197 h 740"/>
                  <a:gd name="T36" fmla="*/ 119 w 951"/>
                  <a:gd name="T37" fmla="*/ 197 h 740"/>
                  <a:gd name="T38" fmla="*/ 110 w 951"/>
                  <a:gd name="T39" fmla="*/ 207 h 740"/>
                  <a:gd name="T40" fmla="*/ 100 w 951"/>
                  <a:gd name="T41" fmla="*/ 204 h 740"/>
                  <a:gd name="T42" fmla="*/ 94 w 951"/>
                  <a:gd name="T43" fmla="*/ 205 h 740"/>
                  <a:gd name="T44" fmla="*/ 80 w 951"/>
                  <a:gd name="T45" fmla="*/ 203 h 740"/>
                  <a:gd name="T46" fmla="*/ 65 w 951"/>
                  <a:gd name="T47" fmla="*/ 201 h 740"/>
                  <a:gd name="T48" fmla="*/ 54 w 951"/>
                  <a:gd name="T49" fmla="*/ 198 h 740"/>
                  <a:gd name="T50" fmla="*/ 43 w 951"/>
                  <a:gd name="T51" fmla="*/ 180 h 740"/>
                  <a:gd name="T52" fmla="*/ 31 w 951"/>
                  <a:gd name="T53" fmla="*/ 157 h 740"/>
                  <a:gd name="T54" fmla="*/ 30 w 951"/>
                  <a:gd name="T55" fmla="*/ 133 h 740"/>
                  <a:gd name="T56" fmla="*/ 21 w 951"/>
                  <a:gd name="T57" fmla="*/ 127 h 740"/>
                  <a:gd name="T58" fmla="*/ 15 w 951"/>
                  <a:gd name="T59" fmla="*/ 104 h 740"/>
                  <a:gd name="T60" fmla="*/ 3 w 951"/>
                  <a:gd name="T61" fmla="*/ 103 h 740"/>
                  <a:gd name="T62" fmla="*/ 3 w 951"/>
                  <a:gd name="T63" fmla="*/ 99 h 740"/>
                  <a:gd name="T64" fmla="*/ 15 w 951"/>
                  <a:gd name="T65" fmla="*/ 76 h 740"/>
                  <a:gd name="T66" fmla="*/ 27 w 951"/>
                  <a:gd name="T67" fmla="*/ 59 h 740"/>
                  <a:gd name="T68" fmla="*/ 35 w 951"/>
                  <a:gd name="T69" fmla="*/ 52 h 740"/>
                  <a:gd name="T70" fmla="*/ 39 w 951"/>
                  <a:gd name="T71" fmla="*/ 41 h 740"/>
                  <a:gd name="T72" fmla="*/ 59 w 951"/>
                  <a:gd name="T73" fmla="*/ 37 h 740"/>
                  <a:gd name="T74" fmla="*/ 68 w 951"/>
                  <a:gd name="T75" fmla="*/ 33 h 740"/>
                  <a:gd name="T76" fmla="*/ 83 w 951"/>
                  <a:gd name="T77" fmla="*/ 29 h 740"/>
                  <a:gd name="T78" fmla="*/ 108 w 951"/>
                  <a:gd name="T79" fmla="*/ 17 h 740"/>
                  <a:gd name="T80" fmla="*/ 141 w 951"/>
                  <a:gd name="T81" fmla="*/ 0 h 740"/>
                  <a:gd name="T82" fmla="*/ 152 w 951"/>
                  <a:gd name="T83" fmla="*/ 16 h 740"/>
                  <a:gd name="T84" fmla="*/ 178 w 951"/>
                  <a:gd name="T85" fmla="*/ 30 h 740"/>
                  <a:gd name="T86" fmla="*/ 215 w 951"/>
                  <a:gd name="T87" fmla="*/ 50 h 740"/>
                  <a:gd name="T88" fmla="*/ 203 w 951"/>
                  <a:gd name="T89" fmla="*/ 54 h 740"/>
                  <a:gd name="T90" fmla="*/ 203 w 951"/>
                  <a:gd name="T91" fmla="*/ 73 h 740"/>
                  <a:gd name="T92" fmla="*/ 192 w 951"/>
                  <a:gd name="T93" fmla="*/ 81 h 740"/>
                  <a:gd name="T94" fmla="*/ 225 w 951"/>
                  <a:gd name="T95" fmla="*/ 107 h 740"/>
                  <a:gd name="T96" fmla="*/ 247 w 951"/>
                  <a:gd name="T97" fmla="*/ 129 h 740"/>
                  <a:gd name="T98" fmla="*/ 259 w 951"/>
                  <a:gd name="T99" fmla="*/ 139 h 740"/>
                  <a:gd name="T100" fmla="*/ 269 w 951"/>
                  <a:gd name="T101" fmla="*/ 134 h 740"/>
                  <a:gd name="T102" fmla="*/ 270 w 951"/>
                  <a:gd name="T103" fmla="*/ 146 h 740"/>
                  <a:gd name="T104" fmla="*/ 275 w 951"/>
                  <a:gd name="T105" fmla="*/ 155 h 740"/>
                  <a:gd name="T106" fmla="*/ 288 w 951"/>
                  <a:gd name="T107" fmla="*/ 163 h 740"/>
                  <a:gd name="T108" fmla="*/ 296 w 951"/>
                  <a:gd name="T109" fmla="*/ 179 h 740"/>
                  <a:gd name="T110" fmla="*/ 305 w 951"/>
                  <a:gd name="T111" fmla="*/ 200 h 740"/>
                  <a:gd name="T112" fmla="*/ 317 w 951"/>
                  <a:gd name="T113" fmla="*/ 209 h 740"/>
                  <a:gd name="T114" fmla="*/ 307 w 951"/>
                  <a:gd name="T115" fmla="*/ 221 h 74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951" h="740">
                    <a:moveTo>
                      <a:pt x="886" y="657"/>
                    </a:moveTo>
                    <a:lnTo>
                      <a:pt x="884" y="655"/>
                    </a:lnTo>
                    <a:lnTo>
                      <a:pt x="880" y="654"/>
                    </a:lnTo>
                    <a:lnTo>
                      <a:pt x="878" y="653"/>
                    </a:lnTo>
                    <a:lnTo>
                      <a:pt x="875" y="653"/>
                    </a:lnTo>
                    <a:lnTo>
                      <a:pt x="868" y="654"/>
                    </a:lnTo>
                    <a:lnTo>
                      <a:pt x="860" y="655"/>
                    </a:lnTo>
                    <a:lnTo>
                      <a:pt x="854" y="656"/>
                    </a:lnTo>
                    <a:lnTo>
                      <a:pt x="847" y="655"/>
                    </a:lnTo>
                    <a:lnTo>
                      <a:pt x="845" y="653"/>
                    </a:lnTo>
                    <a:lnTo>
                      <a:pt x="841" y="651"/>
                    </a:lnTo>
                    <a:lnTo>
                      <a:pt x="839" y="648"/>
                    </a:lnTo>
                    <a:lnTo>
                      <a:pt x="837" y="642"/>
                    </a:lnTo>
                    <a:lnTo>
                      <a:pt x="834" y="644"/>
                    </a:lnTo>
                    <a:lnTo>
                      <a:pt x="832" y="648"/>
                    </a:lnTo>
                    <a:lnTo>
                      <a:pt x="830" y="651"/>
                    </a:lnTo>
                    <a:lnTo>
                      <a:pt x="830" y="655"/>
                    </a:lnTo>
                    <a:lnTo>
                      <a:pt x="830" y="659"/>
                    </a:lnTo>
                    <a:lnTo>
                      <a:pt x="832" y="663"/>
                    </a:lnTo>
                    <a:lnTo>
                      <a:pt x="834" y="666"/>
                    </a:lnTo>
                    <a:lnTo>
                      <a:pt x="837" y="667"/>
                    </a:lnTo>
                    <a:lnTo>
                      <a:pt x="834" y="670"/>
                    </a:lnTo>
                    <a:lnTo>
                      <a:pt x="831" y="672"/>
                    </a:lnTo>
                    <a:lnTo>
                      <a:pt x="828" y="673"/>
                    </a:lnTo>
                    <a:lnTo>
                      <a:pt x="824" y="673"/>
                    </a:lnTo>
                    <a:lnTo>
                      <a:pt x="820" y="672"/>
                    </a:lnTo>
                    <a:lnTo>
                      <a:pt x="816" y="671"/>
                    </a:lnTo>
                    <a:lnTo>
                      <a:pt x="812" y="669"/>
                    </a:lnTo>
                    <a:lnTo>
                      <a:pt x="809" y="666"/>
                    </a:lnTo>
                    <a:lnTo>
                      <a:pt x="801" y="658"/>
                    </a:lnTo>
                    <a:lnTo>
                      <a:pt x="796" y="651"/>
                    </a:lnTo>
                    <a:lnTo>
                      <a:pt x="791" y="642"/>
                    </a:lnTo>
                    <a:lnTo>
                      <a:pt x="789" y="635"/>
                    </a:lnTo>
                    <a:lnTo>
                      <a:pt x="782" y="638"/>
                    </a:lnTo>
                    <a:lnTo>
                      <a:pt x="777" y="641"/>
                    </a:lnTo>
                    <a:lnTo>
                      <a:pt x="773" y="646"/>
                    </a:lnTo>
                    <a:lnTo>
                      <a:pt x="770" y="650"/>
                    </a:lnTo>
                    <a:lnTo>
                      <a:pt x="764" y="659"/>
                    </a:lnTo>
                    <a:lnTo>
                      <a:pt x="759" y="667"/>
                    </a:lnTo>
                    <a:lnTo>
                      <a:pt x="756" y="670"/>
                    </a:lnTo>
                    <a:lnTo>
                      <a:pt x="754" y="672"/>
                    </a:lnTo>
                    <a:lnTo>
                      <a:pt x="751" y="674"/>
                    </a:lnTo>
                    <a:lnTo>
                      <a:pt x="747" y="674"/>
                    </a:lnTo>
                    <a:lnTo>
                      <a:pt x="742" y="672"/>
                    </a:lnTo>
                    <a:lnTo>
                      <a:pt x="737" y="670"/>
                    </a:lnTo>
                    <a:lnTo>
                      <a:pt x="731" y="666"/>
                    </a:lnTo>
                    <a:lnTo>
                      <a:pt x="724" y="659"/>
                    </a:lnTo>
                    <a:lnTo>
                      <a:pt x="720" y="667"/>
                    </a:lnTo>
                    <a:lnTo>
                      <a:pt x="716" y="673"/>
                    </a:lnTo>
                    <a:lnTo>
                      <a:pt x="711" y="678"/>
                    </a:lnTo>
                    <a:lnTo>
                      <a:pt x="706" y="683"/>
                    </a:lnTo>
                    <a:lnTo>
                      <a:pt x="694" y="693"/>
                    </a:lnTo>
                    <a:lnTo>
                      <a:pt x="680" y="700"/>
                    </a:lnTo>
                    <a:lnTo>
                      <a:pt x="667" y="709"/>
                    </a:lnTo>
                    <a:lnTo>
                      <a:pt x="654" y="717"/>
                    </a:lnTo>
                    <a:lnTo>
                      <a:pt x="649" y="722"/>
                    </a:lnTo>
                    <a:lnTo>
                      <a:pt x="643" y="728"/>
                    </a:lnTo>
                    <a:lnTo>
                      <a:pt x="638" y="733"/>
                    </a:lnTo>
                    <a:lnTo>
                      <a:pt x="634" y="740"/>
                    </a:lnTo>
                    <a:lnTo>
                      <a:pt x="626" y="733"/>
                    </a:lnTo>
                    <a:lnTo>
                      <a:pt x="615" y="726"/>
                    </a:lnTo>
                    <a:lnTo>
                      <a:pt x="605" y="720"/>
                    </a:lnTo>
                    <a:lnTo>
                      <a:pt x="593" y="715"/>
                    </a:lnTo>
                    <a:lnTo>
                      <a:pt x="569" y="706"/>
                    </a:lnTo>
                    <a:lnTo>
                      <a:pt x="542" y="697"/>
                    </a:lnTo>
                    <a:lnTo>
                      <a:pt x="516" y="691"/>
                    </a:lnTo>
                    <a:lnTo>
                      <a:pt x="490" y="683"/>
                    </a:lnTo>
                    <a:lnTo>
                      <a:pt x="464" y="676"/>
                    </a:lnTo>
                    <a:lnTo>
                      <a:pt x="439" y="667"/>
                    </a:lnTo>
                    <a:lnTo>
                      <a:pt x="436" y="666"/>
                    </a:lnTo>
                    <a:lnTo>
                      <a:pt x="434" y="663"/>
                    </a:lnTo>
                    <a:lnTo>
                      <a:pt x="433" y="661"/>
                    </a:lnTo>
                    <a:lnTo>
                      <a:pt x="433" y="658"/>
                    </a:lnTo>
                    <a:lnTo>
                      <a:pt x="433" y="655"/>
                    </a:lnTo>
                    <a:lnTo>
                      <a:pt x="434" y="653"/>
                    </a:lnTo>
                    <a:lnTo>
                      <a:pt x="437" y="652"/>
                    </a:lnTo>
                    <a:lnTo>
                      <a:pt x="439" y="651"/>
                    </a:lnTo>
                    <a:lnTo>
                      <a:pt x="440" y="652"/>
                    </a:lnTo>
                    <a:lnTo>
                      <a:pt x="442" y="653"/>
                    </a:lnTo>
                    <a:lnTo>
                      <a:pt x="444" y="652"/>
                    </a:lnTo>
                    <a:lnTo>
                      <a:pt x="447" y="651"/>
                    </a:lnTo>
                    <a:lnTo>
                      <a:pt x="452" y="646"/>
                    </a:lnTo>
                    <a:lnTo>
                      <a:pt x="458" y="639"/>
                    </a:lnTo>
                    <a:lnTo>
                      <a:pt x="470" y="622"/>
                    </a:lnTo>
                    <a:lnTo>
                      <a:pt x="480" y="610"/>
                    </a:lnTo>
                    <a:lnTo>
                      <a:pt x="477" y="606"/>
                    </a:lnTo>
                    <a:lnTo>
                      <a:pt x="474" y="602"/>
                    </a:lnTo>
                    <a:lnTo>
                      <a:pt x="471" y="600"/>
                    </a:lnTo>
                    <a:lnTo>
                      <a:pt x="468" y="599"/>
                    </a:lnTo>
                    <a:lnTo>
                      <a:pt x="466" y="598"/>
                    </a:lnTo>
                    <a:lnTo>
                      <a:pt x="466" y="595"/>
                    </a:lnTo>
                    <a:lnTo>
                      <a:pt x="468" y="592"/>
                    </a:lnTo>
                    <a:lnTo>
                      <a:pt x="472" y="586"/>
                    </a:lnTo>
                    <a:lnTo>
                      <a:pt x="466" y="587"/>
                    </a:lnTo>
                    <a:lnTo>
                      <a:pt x="461" y="590"/>
                    </a:lnTo>
                    <a:lnTo>
                      <a:pt x="458" y="594"/>
                    </a:lnTo>
                    <a:lnTo>
                      <a:pt x="457" y="599"/>
                    </a:lnTo>
                    <a:lnTo>
                      <a:pt x="455" y="612"/>
                    </a:lnTo>
                    <a:lnTo>
                      <a:pt x="456" y="627"/>
                    </a:lnTo>
                    <a:lnTo>
                      <a:pt x="441" y="622"/>
                    </a:lnTo>
                    <a:lnTo>
                      <a:pt x="431" y="621"/>
                    </a:lnTo>
                    <a:lnTo>
                      <a:pt x="421" y="622"/>
                    </a:lnTo>
                    <a:lnTo>
                      <a:pt x="407" y="627"/>
                    </a:lnTo>
                    <a:lnTo>
                      <a:pt x="407" y="618"/>
                    </a:lnTo>
                    <a:lnTo>
                      <a:pt x="404" y="611"/>
                    </a:lnTo>
                    <a:lnTo>
                      <a:pt x="401" y="604"/>
                    </a:lnTo>
                    <a:lnTo>
                      <a:pt x="397" y="599"/>
                    </a:lnTo>
                    <a:lnTo>
                      <a:pt x="390" y="589"/>
                    </a:lnTo>
                    <a:lnTo>
                      <a:pt x="382" y="577"/>
                    </a:lnTo>
                    <a:lnTo>
                      <a:pt x="378" y="577"/>
                    </a:lnTo>
                    <a:lnTo>
                      <a:pt x="374" y="577"/>
                    </a:lnTo>
                    <a:lnTo>
                      <a:pt x="368" y="580"/>
                    </a:lnTo>
                    <a:lnTo>
                      <a:pt x="362" y="584"/>
                    </a:lnTo>
                    <a:lnTo>
                      <a:pt x="358" y="589"/>
                    </a:lnTo>
                    <a:lnTo>
                      <a:pt x="354" y="594"/>
                    </a:lnTo>
                    <a:lnTo>
                      <a:pt x="348" y="606"/>
                    </a:lnTo>
                    <a:lnTo>
                      <a:pt x="342" y="618"/>
                    </a:lnTo>
                    <a:lnTo>
                      <a:pt x="338" y="619"/>
                    </a:lnTo>
                    <a:lnTo>
                      <a:pt x="334" y="620"/>
                    </a:lnTo>
                    <a:lnTo>
                      <a:pt x="331" y="619"/>
                    </a:lnTo>
                    <a:lnTo>
                      <a:pt x="327" y="618"/>
                    </a:lnTo>
                    <a:lnTo>
                      <a:pt x="320" y="616"/>
                    </a:lnTo>
                    <a:lnTo>
                      <a:pt x="314" y="612"/>
                    </a:lnTo>
                    <a:lnTo>
                      <a:pt x="308" y="610"/>
                    </a:lnTo>
                    <a:lnTo>
                      <a:pt x="302" y="609"/>
                    </a:lnTo>
                    <a:lnTo>
                      <a:pt x="299" y="610"/>
                    </a:lnTo>
                    <a:lnTo>
                      <a:pt x="297" y="612"/>
                    </a:lnTo>
                    <a:lnTo>
                      <a:pt x="295" y="614"/>
                    </a:lnTo>
                    <a:lnTo>
                      <a:pt x="293" y="618"/>
                    </a:lnTo>
                    <a:lnTo>
                      <a:pt x="289" y="618"/>
                    </a:lnTo>
                    <a:lnTo>
                      <a:pt x="284" y="618"/>
                    </a:lnTo>
                    <a:lnTo>
                      <a:pt x="281" y="614"/>
                    </a:lnTo>
                    <a:lnTo>
                      <a:pt x="277" y="610"/>
                    </a:lnTo>
                    <a:lnTo>
                      <a:pt x="273" y="608"/>
                    </a:lnTo>
                    <a:lnTo>
                      <a:pt x="269" y="607"/>
                    </a:lnTo>
                    <a:lnTo>
                      <a:pt x="260" y="606"/>
                    </a:lnTo>
                    <a:lnTo>
                      <a:pt x="250" y="606"/>
                    </a:lnTo>
                    <a:lnTo>
                      <a:pt x="239" y="607"/>
                    </a:lnTo>
                    <a:lnTo>
                      <a:pt x="229" y="608"/>
                    </a:lnTo>
                    <a:lnTo>
                      <a:pt x="222" y="607"/>
                    </a:lnTo>
                    <a:lnTo>
                      <a:pt x="216" y="607"/>
                    </a:lnTo>
                    <a:lnTo>
                      <a:pt x="210" y="604"/>
                    </a:lnTo>
                    <a:lnTo>
                      <a:pt x="203" y="602"/>
                    </a:lnTo>
                    <a:lnTo>
                      <a:pt x="196" y="603"/>
                    </a:lnTo>
                    <a:lnTo>
                      <a:pt x="189" y="602"/>
                    </a:lnTo>
                    <a:lnTo>
                      <a:pt x="184" y="600"/>
                    </a:lnTo>
                    <a:lnTo>
                      <a:pt x="179" y="598"/>
                    </a:lnTo>
                    <a:lnTo>
                      <a:pt x="175" y="595"/>
                    </a:lnTo>
                    <a:lnTo>
                      <a:pt x="170" y="594"/>
                    </a:lnTo>
                    <a:lnTo>
                      <a:pt x="163" y="593"/>
                    </a:lnTo>
                    <a:lnTo>
                      <a:pt x="155" y="594"/>
                    </a:lnTo>
                    <a:lnTo>
                      <a:pt x="148" y="586"/>
                    </a:lnTo>
                    <a:lnTo>
                      <a:pt x="139" y="577"/>
                    </a:lnTo>
                    <a:lnTo>
                      <a:pt x="131" y="561"/>
                    </a:lnTo>
                    <a:lnTo>
                      <a:pt x="130" y="550"/>
                    </a:lnTo>
                    <a:lnTo>
                      <a:pt x="128" y="539"/>
                    </a:lnTo>
                    <a:lnTo>
                      <a:pt x="124" y="529"/>
                    </a:lnTo>
                    <a:lnTo>
                      <a:pt x="121" y="520"/>
                    </a:lnTo>
                    <a:lnTo>
                      <a:pt x="112" y="503"/>
                    </a:lnTo>
                    <a:lnTo>
                      <a:pt x="102" y="488"/>
                    </a:lnTo>
                    <a:lnTo>
                      <a:pt x="98" y="479"/>
                    </a:lnTo>
                    <a:lnTo>
                      <a:pt x="94" y="471"/>
                    </a:lnTo>
                    <a:lnTo>
                      <a:pt x="91" y="461"/>
                    </a:lnTo>
                    <a:lnTo>
                      <a:pt x="89" y="451"/>
                    </a:lnTo>
                    <a:lnTo>
                      <a:pt x="86" y="440"/>
                    </a:lnTo>
                    <a:lnTo>
                      <a:pt x="86" y="428"/>
                    </a:lnTo>
                    <a:lnTo>
                      <a:pt x="87" y="414"/>
                    </a:lnTo>
                    <a:lnTo>
                      <a:pt x="90" y="399"/>
                    </a:lnTo>
                    <a:lnTo>
                      <a:pt x="84" y="397"/>
                    </a:lnTo>
                    <a:lnTo>
                      <a:pt x="79" y="395"/>
                    </a:lnTo>
                    <a:lnTo>
                      <a:pt x="74" y="392"/>
                    </a:lnTo>
                    <a:lnTo>
                      <a:pt x="70" y="388"/>
                    </a:lnTo>
                    <a:lnTo>
                      <a:pt x="66" y="383"/>
                    </a:lnTo>
                    <a:lnTo>
                      <a:pt x="63" y="379"/>
                    </a:lnTo>
                    <a:lnTo>
                      <a:pt x="61" y="374"/>
                    </a:lnTo>
                    <a:lnTo>
                      <a:pt x="59" y="369"/>
                    </a:lnTo>
                    <a:lnTo>
                      <a:pt x="54" y="344"/>
                    </a:lnTo>
                    <a:lnTo>
                      <a:pt x="50" y="317"/>
                    </a:lnTo>
                    <a:lnTo>
                      <a:pt x="47" y="315"/>
                    </a:lnTo>
                    <a:lnTo>
                      <a:pt x="45" y="313"/>
                    </a:lnTo>
                    <a:lnTo>
                      <a:pt x="43" y="312"/>
                    </a:lnTo>
                    <a:lnTo>
                      <a:pt x="40" y="311"/>
                    </a:lnTo>
                    <a:lnTo>
                      <a:pt x="32" y="310"/>
                    </a:lnTo>
                    <a:lnTo>
                      <a:pt x="24" y="311"/>
                    </a:lnTo>
                    <a:lnTo>
                      <a:pt x="16" y="311"/>
                    </a:lnTo>
                    <a:lnTo>
                      <a:pt x="9" y="310"/>
                    </a:lnTo>
                    <a:lnTo>
                      <a:pt x="5" y="309"/>
                    </a:lnTo>
                    <a:lnTo>
                      <a:pt x="3" y="306"/>
                    </a:lnTo>
                    <a:lnTo>
                      <a:pt x="1" y="304"/>
                    </a:lnTo>
                    <a:lnTo>
                      <a:pt x="0" y="301"/>
                    </a:lnTo>
                    <a:lnTo>
                      <a:pt x="5" y="299"/>
                    </a:lnTo>
                    <a:lnTo>
                      <a:pt x="10" y="296"/>
                    </a:lnTo>
                    <a:lnTo>
                      <a:pt x="14" y="293"/>
                    </a:lnTo>
                    <a:lnTo>
                      <a:pt x="17" y="289"/>
                    </a:lnTo>
                    <a:lnTo>
                      <a:pt x="24" y="280"/>
                    </a:lnTo>
                    <a:lnTo>
                      <a:pt x="30" y="271"/>
                    </a:lnTo>
                    <a:lnTo>
                      <a:pt x="38" y="251"/>
                    </a:lnTo>
                    <a:lnTo>
                      <a:pt x="45" y="229"/>
                    </a:lnTo>
                    <a:lnTo>
                      <a:pt x="50" y="218"/>
                    </a:lnTo>
                    <a:lnTo>
                      <a:pt x="55" y="209"/>
                    </a:lnTo>
                    <a:lnTo>
                      <a:pt x="60" y="199"/>
                    </a:lnTo>
                    <a:lnTo>
                      <a:pt x="66" y="191"/>
                    </a:lnTo>
                    <a:lnTo>
                      <a:pt x="74" y="183"/>
                    </a:lnTo>
                    <a:lnTo>
                      <a:pt x="82" y="177"/>
                    </a:lnTo>
                    <a:lnTo>
                      <a:pt x="87" y="175"/>
                    </a:lnTo>
                    <a:lnTo>
                      <a:pt x="94" y="173"/>
                    </a:lnTo>
                    <a:lnTo>
                      <a:pt x="99" y="172"/>
                    </a:lnTo>
                    <a:lnTo>
                      <a:pt x="106" y="172"/>
                    </a:lnTo>
                    <a:lnTo>
                      <a:pt x="105" y="163"/>
                    </a:lnTo>
                    <a:lnTo>
                      <a:pt x="106" y="156"/>
                    </a:lnTo>
                    <a:lnTo>
                      <a:pt x="106" y="149"/>
                    </a:lnTo>
                    <a:lnTo>
                      <a:pt x="109" y="143"/>
                    </a:lnTo>
                    <a:lnTo>
                      <a:pt x="110" y="137"/>
                    </a:lnTo>
                    <a:lnTo>
                      <a:pt x="113" y="132"/>
                    </a:lnTo>
                    <a:lnTo>
                      <a:pt x="115" y="126"/>
                    </a:lnTo>
                    <a:lnTo>
                      <a:pt x="118" y="122"/>
                    </a:lnTo>
                    <a:lnTo>
                      <a:pt x="125" y="115"/>
                    </a:lnTo>
                    <a:lnTo>
                      <a:pt x="135" y="109"/>
                    </a:lnTo>
                    <a:lnTo>
                      <a:pt x="144" y="103"/>
                    </a:lnTo>
                    <a:lnTo>
                      <a:pt x="155" y="98"/>
                    </a:lnTo>
                    <a:lnTo>
                      <a:pt x="166" y="103"/>
                    </a:lnTo>
                    <a:lnTo>
                      <a:pt x="176" y="110"/>
                    </a:lnTo>
                    <a:lnTo>
                      <a:pt x="181" y="112"/>
                    </a:lnTo>
                    <a:lnTo>
                      <a:pt x="188" y="114"/>
                    </a:lnTo>
                    <a:lnTo>
                      <a:pt x="195" y="115"/>
                    </a:lnTo>
                    <a:lnTo>
                      <a:pt x="203" y="115"/>
                    </a:lnTo>
                    <a:lnTo>
                      <a:pt x="204" y="106"/>
                    </a:lnTo>
                    <a:lnTo>
                      <a:pt x="204" y="99"/>
                    </a:lnTo>
                    <a:lnTo>
                      <a:pt x="205" y="96"/>
                    </a:lnTo>
                    <a:lnTo>
                      <a:pt x="206" y="93"/>
                    </a:lnTo>
                    <a:lnTo>
                      <a:pt x="209" y="91"/>
                    </a:lnTo>
                    <a:lnTo>
                      <a:pt x="212" y="90"/>
                    </a:lnTo>
                    <a:lnTo>
                      <a:pt x="231" y="90"/>
                    </a:lnTo>
                    <a:lnTo>
                      <a:pt x="248" y="88"/>
                    </a:lnTo>
                    <a:lnTo>
                      <a:pt x="263" y="85"/>
                    </a:lnTo>
                    <a:lnTo>
                      <a:pt x="277" y="80"/>
                    </a:lnTo>
                    <a:lnTo>
                      <a:pt x="290" y="74"/>
                    </a:lnTo>
                    <a:lnTo>
                      <a:pt x="301" y="67"/>
                    </a:lnTo>
                    <a:lnTo>
                      <a:pt x="313" y="59"/>
                    </a:lnTo>
                    <a:lnTo>
                      <a:pt x="323" y="52"/>
                    </a:lnTo>
                    <a:lnTo>
                      <a:pt x="344" y="35"/>
                    </a:lnTo>
                    <a:lnTo>
                      <a:pt x="367" y="20"/>
                    </a:lnTo>
                    <a:lnTo>
                      <a:pt x="379" y="13"/>
                    </a:lnTo>
                    <a:lnTo>
                      <a:pt x="393" y="7"/>
                    </a:lnTo>
                    <a:lnTo>
                      <a:pt x="407" y="3"/>
                    </a:lnTo>
                    <a:lnTo>
                      <a:pt x="423" y="0"/>
                    </a:lnTo>
                    <a:lnTo>
                      <a:pt x="428" y="10"/>
                    </a:lnTo>
                    <a:lnTo>
                      <a:pt x="433" y="19"/>
                    </a:lnTo>
                    <a:lnTo>
                      <a:pt x="438" y="26"/>
                    </a:lnTo>
                    <a:lnTo>
                      <a:pt x="443" y="34"/>
                    </a:lnTo>
                    <a:lnTo>
                      <a:pt x="450" y="41"/>
                    </a:lnTo>
                    <a:lnTo>
                      <a:pt x="456" y="47"/>
                    </a:lnTo>
                    <a:lnTo>
                      <a:pt x="462" y="53"/>
                    </a:lnTo>
                    <a:lnTo>
                      <a:pt x="470" y="58"/>
                    </a:lnTo>
                    <a:lnTo>
                      <a:pt x="484" y="67"/>
                    </a:lnTo>
                    <a:lnTo>
                      <a:pt x="499" y="76"/>
                    </a:lnTo>
                    <a:lnTo>
                      <a:pt x="516" y="83"/>
                    </a:lnTo>
                    <a:lnTo>
                      <a:pt x="533" y="90"/>
                    </a:lnTo>
                    <a:lnTo>
                      <a:pt x="567" y="102"/>
                    </a:lnTo>
                    <a:lnTo>
                      <a:pt x="600" y="117"/>
                    </a:lnTo>
                    <a:lnTo>
                      <a:pt x="616" y="126"/>
                    </a:lnTo>
                    <a:lnTo>
                      <a:pt x="631" y="137"/>
                    </a:lnTo>
                    <a:lnTo>
                      <a:pt x="638" y="142"/>
                    </a:lnTo>
                    <a:lnTo>
                      <a:pt x="646" y="149"/>
                    </a:lnTo>
                    <a:lnTo>
                      <a:pt x="652" y="156"/>
                    </a:lnTo>
                    <a:lnTo>
                      <a:pt x="659" y="163"/>
                    </a:lnTo>
                    <a:lnTo>
                      <a:pt x="647" y="163"/>
                    </a:lnTo>
                    <a:lnTo>
                      <a:pt x="634" y="163"/>
                    </a:lnTo>
                    <a:lnTo>
                      <a:pt x="622" y="163"/>
                    </a:lnTo>
                    <a:lnTo>
                      <a:pt x="610" y="163"/>
                    </a:lnTo>
                    <a:lnTo>
                      <a:pt x="605" y="181"/>
                    </a:lnTo>
                    <a:lnTo>
                      <a:pt x="599" y="195"/>
                    </a:lnTo>
                    <a:lnTo>
                      <a:pt x="598" y="201"/>
                    </a:lnTo>
                    <a:lnTo>
                      <a:pt x="599" y="206"/>
                    </a:lnTo>
                    <a:lnTo>
                      <a:pt x="602" y="213"/>
                    </a:lnTo>
                    <a:lnTo>
                      <a:pt x="610" y="220"/>
                    </a:lnTo>
                    <a:lnTo>
                      <a:pt x="598" y="222"/>
                    </a:lnTo>
                    <a:lnTo>
                      <a:pt x="587" y="225"/>
                    </a:lnTo>
                    <a:lnTo>
                      <a:pt x="582" y="229"/>
                    </a:lnTo>
                    <a:lnTo>
                      <a:pt x="579" y="232"/>
                    </a:lnTo>
                    <a:lnTo>
                      <a:pt x="577" y="237"/>
                    </a:lnTo>
                    <a:lnTo>
                      <a:pt x="577" y="244"/>
                    </a:lnTo>
                    <a:lnTo>
                      <a:pt x="588" y="256"/>
                    </a:lnTo>
                    <a:lnTo>
                      <a:pt x="598" y="266"/>
                    </a:lnTo>
                    <a:lnTo>
                      <a:pt x="611" y="277"/>
                    </a:lnTo>
                    <a:lnTo>
                      <a:pt x="623" y="286"/>
                    </a:lnTo>
                    <a:lnTo>
                      <a:pt x="649" y="304"/>
                    </a:lnTo>
                    <a:lnTo>
                      <a:pt x="675" y="321"/>
                    </a:lnTo>
                    <a:lnTo>
                      <a:pt x="689" y="331"/>
                    </a:lnTo>
                    <a:lnTo>
                      <a:pt x="700" y="339"/>
                    </a:lnTo>
                    <a:lnTo>
                      <a:pt x="713" y="350"/>
                    </a:lnTo>
                    <a:lnTo>
                      <a:pt x="724" y="360"/>
                    </a:lnTo>
                    <a:lnTo>
                      <a:pt x="734" y="372"/>
                    </a:lnTo>
                    <a:lnTo>
                      <a:pt x="742" y="385"/>
                    </a:lnTo>
                    <a:lnTo>
                      <a:pt x="750" y="399"/>
                    </a:lnTo>
                    <a:lnTo>
                      <a:pt x="756" y="415"/>
                    </a:lnTo>
                    <a:lnTo>
                      <a:pt x="762" y="417"/>
                    </a:lnTo>
                    <a:lnTo>
                      <a:pt x="768" y="417"/>
                    </a:lnTo>
                    <a:lnTo>
                      <a:pt x="773" y="417"/>
                    </a:lnTo>
                    <a:lnTo>
                      <a:pt x="777" y="416"/>
                    </a:lnTo>
                    <a:lnTo>
                      <a:pt x="785" y="413"/>
                    </a:lnTo>
                    <a:lnTo>
                      <a:pt x="791" y="408"/>
                    </a:lnTo>
                    <a:lnTo>
                      <a:pt x="796" y="404"/>
                    </a:lnTo>
                    <a:lnTo>
                      <a:pt x="801" y="401"/>
                    </a:lnTo>
                    <a:lnTo>
                      <a:pt x="804" y="401"/>
                    </a:lnTo>
                    <a:lnTo>
                      <a:pt x="807" y="402"/>
                    </a:lnTo>
                    <a:lnTo>
                      <a:pt x="810" y="404"/>
                    </a:lnTo>
                    <a:lnTo>
                      <a:pt x="813" y="407"/>
                    </a:lnTo>
                    <a:lnTo>
                      <a:pt x="814" y="416"/>
                    </a:lnTo>
                    <a:lnTo>
                      <a:pt x="814" y="424"/>
                    </a:lnTo>
                    <a:lnTo>
                      <a:pt x="812" y="431"/>
                    </a:lnTo>
                    <a:lnTo>
                      <a:pt x="810" y="436"/>
                    </a:lnTo>
                    <a:lnTo>
                      <a:pt x="808" y="442"/>
                    </a:lnTo>
                    <a:lnTo>
                      <a:pt x="806" y="448"/>
                    </a:lnTo>
                    <a:lnTo>
                      <a:pt x="805" y="455"/>
                    </a:lnTo>
                    <a:lnTo>
                      <a:pt x="805" y="463"/>
                    </a:lnTo>
                    <a:lnTo>
                      <a:pt x="815" y="464"/>
                    </a:lnTo>
                    <a:lnTo>
                      <a:pt x="825" y="465"/>
                    </a:lnTo>
                    <a:lnTo>
                      <a:pt x="833" y="468"/>
                    </a:lnTo>
                    <a:lnTo>
                      <a:pt x="840" y="471"/>
                    </a:lnTo>
                    <a:lnTo>
                      <a:pt x="847" y="474"/>
                    </a:lnTo>
                    <a:lnTo>
                      <a:pt x="853" y="477"/>
                    </a:lnTo>
                    <a:lnTo>
                      <a:pt x="858" y="481"/>
                    </a:lnTo>
                    <a:lnTo>
                      <a:pt x="864" y="487"/>
                    </a:lnTo>
                    <a:lnTo>
                      <a:pt x="868" y="491"/>
                    </a:lnTo>
                    <a:lnTo>
                      <a:pt x="871" y="497"/>
                    </a:lnTo>
                    <a:lnTo>
                      <a:pt x="874" y="502"/>
                    </a:lnTo>
                    <a:lnTo>
                      <a:pt x="877" y="509"/>
                    </a:lnTo>
                    <a:lnTo>
                      <a:pt x="883" y="521"/>
                    </a:lnTo>
                    <a:lnTo>
                      <a:pt x="887" y="535"/>
                    </a:lnTo>
                    <a:lnTo>
                      <a:pt x="891" y="549"/>
                    </a:lnTo>
                    <a:lnTo>
                      <a:pt x="895" y="562"/>
                    </a:lnTo>
                    <a:lnTo>
                      <a:pt x="900" y="576"/>
                    </a:lnTo>
                    <a:lnTo>
                      <a:pt x="906" y="589"/>
                    </a:lnTo>
                    <a:lnTo>
                      <a:pt x="910" y="595"/>
                    </a:lnTo>
                    <a:lnTo>
                      <a:pt x="914" y="600"/>
                    </a:lnTo>
                    <a:lnTo>
                      <a:pt x="918" y="606"/>
                    </a:lnTo>
                    <a:lnTo>
                      <a:pt x="924" y="611"/>
                    </a:lnTo>
                    <a:lnTo>
                      <a:pt x="930" y="615"/>
                    </a:lnTo>
                    <a:lnTo>
                      <a:pt x="936" y="619"/>
                    </a:lnTo>
                    <a:lnTo>
                      <a:pt x="944" y="623"/>
                    </a:lnTo>
                    <a:lnTo>
                      <a:pt x="951" y="627"/>
                    </a:lnTo>
                    <a:lnTo>
                      <a:pt x="946" y="633"/>
                    </a:lnTo>
                    <a:lnTo>
                      <a:pt x="936" y="642"/>
                    </a:lnTo>
                    <a:lnTo>
                      <a:pt x="932" y="647"/>
                    </a:lnTo>
                    <a:lnTo>
                      <a:pt x="927" y="652"/>
                    </a:lnTo>
                    <a:lnTo>
                      <a:pt x="924" y="657"/>
                    </a:lnTo>
                    <a:lnTo>
                      <a:pt x="921" y="661"/>
                    </a:lnTo>
                    <a:lnTo>
                      <a:pt x="913" y="659"/>
                    </a:lnTo>
                    <a:lnTo>
                      <a:pt x="900" y="658"/>
                    </a:lnTo>
                    <a:lnTo>
                      <a:pt x="890" y="657"/>
                    </a:lnTo>
                    <a:lnTo>
                      <a:pt x="886" y="657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83" name="Næstved kant"/>
              <p:cNvSpPr>
                <a:spLocks/>
              </p:cNvSpPr>
              <p:nvPr/>
            </p:nvSpPr>
            <p:spPr bwMode="auto">
              <a:xfrm>
                <a:off x="3149600" y="5364163"/>
                <a:ext cx="503237" cy="392113"/>
              </a:xfrm>
              <a:custGeom>
                <a:avLst/>
                <a:gdLst>
                  <a:gd name="T0" fmla="*/ 289 w 951"/>
                  <a:gd name="T1" fmla="*/ 218 h 740"/>
                  <a:gd name="T2" fmla="*/ 280 w 951"/>
                  <a:gd name="T3" fmla="*/ 216 h 740"/>
                  <a:gd name="T4" fmla="*/ 277 w 951"/>
                  <a:gd name="T5" fmla="*/ 220 h 740"/>
                  <a:gd name="T6" fmla="*/ 276 w 951"/>
                  <a:gd name="T7" fmla="*/ 225 h 740"/>
                  <a:gd name="T8" fmla="*/ 267 w 951"/>
                  <a:gd name="T9" fmla="*/ 220 h 740"/>
                  <a:gd name="T10" fmla="*/ 258 w 951"/>
                  <a:gd name="T11" fmla="*/ 216 h 740"/>
                  <a:gd name="T12" fmla="*/ 250 w 951"/>
                  <a:gd name="T13" fmla="*/ 225 h 740"/>
                  <a:gd name="T14" fmla="*/ 240 w 951"/>
                  <a:gd name="T15" fmla="*/ 223 h 740"/>
                  <a:gd name="T16" fmla="*/ 222 w 951"/>
                  <a:gd name="T17" fmla="*/ 237 h 740"/>
                  <a:gd name="T18" fmla="*/ 209 w 951"/>
                  <a:gd name="T19" fmla="*/ 245 h 740"/>
                  <a:gd name="T20" fmla="*/ 172 w 951"/>
                  <a:gd name="T21" fmla="*/ 231 h 740"/>
                  <a:gd name="T22" fmla="*/ 144 w 951"/>
                  <a:gd name="T23" fmla="*/ 221 h 740"/>
                  <a:gd name="T24" fmla="*/ 147 w 951"/>
                  <a:gd name="T25" fmla="*/ 218 h 740"/>
                  <a:gd name="T26" fmla="*/ 157 w 951"/>
                  <a:gd name="T27" fmla="*/ 208 h 740"/>
                  <a:gd name="T28" fmla="*/ 155 w 951"/>
                  <a:gd name="T29" fmla="*/ 200 h 740"/>
                  <a:gd name="T30" fmla="*/ 153 w 951"/>
                  <a:gd name="T31" fmla="*/ 198 h 740"/>
                  <a:gd name="T32" fmla="*/ 140 w 951"/>
                  <a:gd name="T33" fmla="*/ 208 h 740"/>
                  <a:gd name="T34" fmla="*/ 130 w 951"/>
                  <a:gd name="T35" fmla="*/ 197 h 740"/>
                  <a:gd name="T36" fmla="*/ 119 w 951"/>
                  <a:gd name="T37" fmla="*/ 197 h 740"/>
                  <a:gd name="T38" fmla="*/ 110 w 951"/>
                  <a:gd name="T39" fmla="*/ 207 h 740"/>
                  <a:gd name="T40" fmla="*/ 100 w 951"/>
                  <a:gd name="T41" fmla="*/ 204 h 740"/>
                  <a:gd name="T42" fmla="*/ 94 w 951"/>
                  <a:gd name="T43" fmla="*/ 205 h 740"/>
                  <a:gd name="T44" fmla="*/ 80 w 951"/>
                  <a:gd name="T45" fmla="*/ 203 h 740"/>
                  <a:gd name="T46" fmla="*/ 65 w 951"/>
                  <a:gd name="T47" fmla="*/ 201 h 740"/>
                  <a:gd name="T48" fmla="*/ 54 w 951"/>
                  <a:gd name="T49" fmla="*/ 198 h 740"/>
                  <a:gd name="T50" fmla="*/ 43 w 951"/>
                  <a:gd name="T51" fmla="*/ 180 h 740"/>
                  <a:gd name="T52" fmla="*/ 31 w 951"/>
                  <a:gd name="T53" fmla="*/ 157 h 740"/>
                  <a:gd name="T54" fmla="*/ 30 w 951"/>
                  <a:gd name="T55" fmla="*/ 133 h 740"/>
                  <a:gd name="T56" fmla="*/ 21 w 951"/>
                  <a:gd name="T57" fmla="*/ 127 h 740"/>
                  <a:gd name="T58" fmla="*/ 15 w 951"/>
                  <a:gd name="T59" fmla="*/ 104 h 740"/>
                  <a:gd name="T60" fmla="*/ 3 w 951"/>
                  <a:gd name="T61" fmla="*/ 103 h 740"/>
                  <a:gd name="T62" fmla="*/ 3 w 951"/>
                  <a:gd name="T63" fmla="*/ 99 h 740"/>
                  <a:gd name="T64" fmla="*/ 15 w 951"/>
                  <a:gd name="T65" fmla="*/ 76 h 740"/>
                  <a:gd name="T66" fmla="*/ 27 w 951"/>
                  <a:gd name="T67" fmla="*/ 59 h 740"/>
                  <a:gd name="T68" fmla="*/ 35 w 951"/>
                  <a:gd name="T69" fmla="*/ 52 h 740"/>
                  <a:gd name="T70" fmla="*/ 39 w 951"/>
                  <a:gd name="T71" fmla="*/ 41 h 740"/>
                  <a:gd name="T72" fmla="*/ 59 w 951"/>
                  <a:gd name="T73" fmla="*/ 37 h 740"/>
                  <a:gd name="T74" fmla="*/ 68 w 951"/>
                  <a:gd name="T75" fmla="*/ 33 h 740"/>
                  <a:gd name="T76" fmla="*/ 83 w 951"/>
                  <a:gd name="T77" fmla="*/ 29 h 740"/>
                  <a:gd name="T78" fmla="*/ 108 w 951"/>
                  <a:gd name="T79" fmla="*/ 17 h 740"/>
                  <a:gd name="T80" fmla="*/ 141 w 951"/>
                  <a:gd name="T81" fmla="*/ 0 h 740"/>
                  <a:gd name="T82" fmla="*/ 152 w 951"/>
                  <a:gd name="T83" fmla="*/ 16 h 740"/>
                  <a:gd name="T84" fmla="*/ 178 w 951"/>
                  <a:gd name="T85" fmla="*/ 30 h 740"/>
                  <a:gd name="T86" fmla="*/ 215 w 951"/>
                  <a:gd name="T87" fmla="*/ 50 h 740"/>
                  <a:gd name="T88" fmla="*/ 203 w 951"/>
                  <a:gd name="T89" fmla="*/ 54 h 740"/>
                  <a:gd name="T90" fmla="*/ 203 w 951"/>
                  <a:gd name="T91" fmla="*/ 73 h 740"/>
                  <a:gd name="T92" fmla="*/ 192 w 951"/>
                  <a:gd name="T93" fmla="*/ 81 h 740"/>
                  <a:gd name="T94" fmla="*/ 225 w 951"/>
                  <a:gd name="T95" fmla="*/ 107 h 740"/>
                  <a:gd name="T96" fmla="*/ 247 w 951"/>
                  <a:gd name="T97" fmla="*/ 129 h 740"/>
                  <a:gd name="T98" fmla="*/ 259 w 951"/>
                  <a:gd name="T99" fmla="*/ 139 h 740"/>
                  <a:gd name="T100" fmla="*/ 269 w 951"/>
                  <a:gd name="T101" fmla="*/ 134 h 740"/>
                  <a:gd name="T102" fmla="*/ 270 w 951"/>
                  <a:gd name="T103" fmla="*/ 146 h 740"/>
                  <a:gd name="T104" fmla="*/ 275 w 951"/>
                  <a:gd name="T105" fmla="*/ 155 h 740"/>
                  <a:gd name="T106" fmla="*/ 288 w 951"/>
                  <a:gd name="T107" fmla="*/ 163 h 740"/>
                  <a:gd name="T108" fmla="*/ 296 w 951"/>
                  <a:gd name="T109" fmla="*/ 179 h 740"/>
                  <a:gd name="T110" fmla="*/ 305 w 951"/>
                  <a:gd name="T111" fmla="*/ 200 h 740"/>
                  <a:gd name="T112" fmla="*/ 317 w 951"/>
                  <a:gd name="T113" fmla="*/ 209 h 740"/>
                  <a:gd name="T114" fmla="*/ 307 w 951"/>
                  <a:gd name="T115" fmla="*/ 221 h 74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951" h="740">
                    <a:moveTo>
                      <a:pt x="886" y="657"/>
                    </a:moveTo>
                    <a:lnTo>
                      <a:pt x="884" y="655"/>
                    </a:lnTo>
                    <a:lnTo>
                      <a:pt x="880" y="654"/>
                    </a:lnTo>
                    <a:lnTo>
                      <a:pt x="878" y="653"/>
                    </a:lnTo>
                    <a:lnTo>
                      <a:pt x="875" y="653"/>
                    </a:lnTo>
                    <a:lnTo>
                      <a:pt x="868" y="654"/>
                    </a:lnTo>
                    <a:lnTo>
                      <a:pt x="860" y="655"/>
                    </a:lnTo>
                    <a:lnTo>
                      <a:pt x="854" y="656"/>
                    </a:lnTo>
                    <a:lnTo>
                      <a:pt x="847" y="655"/>
                    </a:lnTo>
                    <a:lnTo>
                      <a:pt x="845" y="653"/>
                    </a:lnTo>
                    <a:lnTo>
                      <a:pt x="841" y="651"/>
                    </a:lnTo>
                    <a:lnTo>
                      <a:pt x="839" y="648"/>
                    </a:lnTo>
                    <a:lnTo>
                      <a:pt x="837" y="642"/>
                    </a:lnTo>
                    <a:lnTo>
                      <a:pt x="834" y="644"/>
                    </a:lnTo>
                    <a:lnTo>
                      <a:pt x="832" y="648"/>
                    </a:lnTo>
                    <a:lnTo>
                      <a:pt x="830" y="651"/>
                    </a:lnTo>
                    <a:lnTo>
                      <a:pt x="830" y="655"/>
                    </a:lnTo>
                    <a:lnTo>
                      <a:pt x="830" y="659"/>
                    </a:lnTo>
                    <a:lnTo>
                      <a:pt x="832" y="663"/>
                    </a:lnTo>
                    <a:lnTo>
                      <a:pt x="834" y="666"/>
                    </a:lnTo>
                    <a:lnTo>
                      <a:pt x="837" y="667"/>
                    </a:lnTo>
                    <a:lnTo>
                      <a:pt x="834" y="670"/>
                    </a:lnTo>
                    <a:lnTo>
                      <a:pt x="831" y="672"/>
                    </a:lnTo>
                    <a:lnTo>
                      <a:pt x="828" y="673"/>
                    </a:lnTo>
                    <a:lnTo>
                      <a:pt x="824" y="673"/>
                    </a:lnTo>
                    <a:lnTo>
                      <a:pt x="820" y="672"/>
                    </a:lnTo>
                    <a:lnTo>
                      <a:pt x="816" y="671"/>
                    </a:lnTo>
                    <a:lnTo>
                      <a:pt x="812" y="669"/>
                    </a:lnTo>
                    <a:lnTo>
                      <a:pt x="809" y="666"/>
                    </a:lnTo>
                    <a:lnTo>
                      <a:pt x="801" y="658"/>
                    </a:lnTo>
                    <a:lnTo>
                      <a:pt x="796" y="651"/>
                    </a:lnTo>
                    <a:lnTo>
                      <a:pt x="791" y="642"/>
                    </a:lnTo>
                    <a:lnTo>
                      <a:pt x="789" y="635"/>
                    </a:lnTo>
                    <a:lnTo>
                      <a:pt x="782" y="638"/>
                    </a:lnTo>
                    <a:lnTo>
                      <a:pt x="777" y="641"/>
                    </a:lnTo>
                    <a:lnTo>
                      <a:pt x="773" y="646"/>
                    </a:lnTo>
                    <a:lnTo>
                      <a:pt x="770" y="650"/>
                    </a:lnTo>
                    <a:lnTo>
                      <a:pt x="764" y="659"/>
                    </a:lnTo>
                    <a:lnTo>
                      <a:pt x="759" y="667"/>
                    </a:lnTo>
                    <a:lnTo>
                      <a:pt x="756" y="670"/>
                    </a:lnTo>
                    <a:lnTo>
                      <a:pt x="754" y="672"/>
                    </a:lnTo>
                    <a:lnTo>
                      <a:pt x="751" y="674"/>
                    </a:lnTo>
                    <a:lnTo>
                      <a:pt x="747" y="674"/>
                    </a:lnTo>
                    <a:lnTo>
                      <a:pt x="742" y="672"/>
                    </a:lnTo>
                    <a:lnTo>
                      <a:pt x="737" y="670"/>
                    </a:lnTo>
                    <a:lnTo>
                      <a:pt x="731" y="666"/>
                    </a:lnTo>
                    <a:lnTo>
                      <a:pt x="724" y="659"/>
                    </a:lnTo>
                    <a:lnTo>
                      <a:pt x="720" y="667"/>
                    </a:lnTo>
                    <a:lnTo>
                      <a:pt x="716" y="673"/>
                    </a:lnTo>
                    <a:lnTo>
                      <a:pt x="711" y="678"/>
                    </a:lnTo>
                    <a:lnTo>
                      <a:pt x="706" y="683"/>
                    </a:lnTo>
                    <a:lnTo>
                      <a:pt x="694" y="693"/>
                    </a:lnTo>
                    <a:lnTo>
                      <a:pt x="680" y="700"/>
                    </a:lnTo>
                    <a:lnTo>
                      <a:pt x="667" y="709"/>
                    </a:lnTo>
                    <a:lnTo>
                      <a:pt x="654" y="717"/>
                    </a:lnTo>
                    <a:lnTo>
                      <a:pt x="649" y="722"/>
                    </a:lnTo>
                    <a:lnTo>
                      <a:pt x="643" y="728"/>
                    </a:lnTo>
                    <a:lnTo>
                      <a:pt x="638" y="733"/>
                    </a:lnTo>
                    <a:lnTo>
                      <a:pt x="634" y="740"/>
                    </a:lnTo>
                    <a:lnTo>
                      <a:pt x="626" y="733"/>
                    </a:lnTo>
                    <a:lnTo>
                      <a:pt x="615" y="726"/>
                    </a:lnTo>
                    <a:lnTo>
                      <a:pt x="605" y="720"/>
                    </a:lnTo>
                    <a:lnTo>
                      <a:pt x="593" y="715"/>
                    </a:lnTo>
                    <a:lnTo>
                      <a:pt x="569" y="706"/>
                    </a:lnTo>
                    <a:lnTo>
                      <a:pt x="542" y="697"/>
                    </a:lnTo>
                    <a:lnTo>
                      <a:pt x="516" y="691"/>
                    </a:lnTo>
                    <a:lnTo>
                      <a:pt x="490" y="683"/>
                    </a:lnTo>
                    <a:lnTo>
                      <a:pt x="464" y="676"/>
                    </a:lnTo>
                    <a:lnTo>
                      <a:pt x="439" y="667"/>
                    </a:lnTo>
                    <a:lnTo>
                      <a:pt x="436" y="666"/>
                    </a:lnTo>
                    <a:lnTo>
                      <a:pt x="434" y="663"/>
                    </a:lnTo>
                    <a:lnTo>
                      <a:pt x="433" y="661"/>
                    </a:lnTo>
                    <a:lnTo>
                      <a:pt x="433" y="658"/>
                    </a:lnTo>
                    <a:lnTo>
                      <a:pt x="433" y="655"/>
                    </a:lnTo>
                    <a:lnTo>
                      <a:pt x="434" y="653"/>
                    </a:lnTo>
                    <a:lnTo>
                      <a:pt x="437" y="652"/>
                    </a:lnTo>
                    <a:lnTo>
                      <a:pt x="439" y="651"/>
                    </a:lnTo>
                    <a:lnTo>
                      <a:pt x="440" y="652"/>
                    </a:lnTo>
                    <a:lnTo>
                      <a:pt x="442" y="653"/>
                    </a:lnTo>
                    <a:lnTo>
                      <a:pt x="444" y="652"/>
                    </a:lnTo>
                    <a:lnTo>
                      <a:pt x="447" y="651"/>
                    </a:lnTo>
                    <a:lnTo>
                      <a:pt x="452" y="646"/>
                    </a:lnTo>
                    <a:lnTo>
                      <a:pt x="458" y="639"/>
                    </a:lnTo>
                    <a:lnTo>
                      <a:pt x="470" y="622"/>
                    </a:lnTo>
                    <a:lnTo>
                      <a:pt x="480" y="610"/>
                    </a:lnTo>
                    <a:lnTo>
                      <a:pt x="477" y="606"/>
                    </a:lnTo>
                    <a:lnTo>
                      <a:pt x="474" y="602"/>
                    </a:lnTo>
                    <a:lnTo>
                      <a:pt x="471" y="600"/>
                    </a:lnTo>
                    <a:lnTo>
                      <a:pt x="468" y="599"/>
                    </a:lnTo>
                    <a:lnTo>
                      <a:pt x="466" y="598"/>
                    </a:lnTo>
                    <a:lnTo>
                      <a:pt x="466" y="595"/>
                    </a:lnTo>
                    <a:lnTo>
                      <a:pt x="468" y="592"/>
                    </a:lnTo>
                    <a:lnTo>
                      <a:pt x="472" y="586"/>
                    </a:lnTo>
                    <a:lnTo>
                      <a:pt x="466" y="587"/>
                    </a:lnTo>
                    <a:lnTo>
                      <a:pt x="461" y="590"/>
                    </a:lnTo>
                    <a:lnTo>
                      <a:pt x="458" y="594"/>
                    </a:lnTo>
                    <a:lnTo>
                      <a:pt x="457" y="599"/>
                    </a:lnTo>
                    <a:lnTo>
                      <a:pt x="455" y="612"/>
                    </a:lnTo>
                    <a:lnTo>
                      <a:pt x="456" y="627"/>
                    </a:lnTo>
                    <a:lnTo>
                      <a:pt x="441" y="622"/>
                    </a:lnTo>
                    <a:lnTo>
                      <a:pt x="431" y="621"/>
                    </a:lnTo>
                    <a:lnTo>
                      <a:pt x="421" y="622"/>
                    </a:lnTo>
                    <a:lnTo>
                      <a:pt x="407" y="627"/>
                    </a:lnTo>
                    <a:lnTo>
                      <a:pt x="407" y="618"/>
                    </a:lnTo>
                    <a:lnTo>
                      <a:pt x="404" y="611"/>
                    </a:lnTo>
                    <a:lnTo>
                      <a:pt x="401" y="604"/>
                    </a:lnTo>
                    <a:lnTo>
                      <a:pt x="397" y="599"/>
                    </a:lnTo>
                    <a:lnTo>
                      <a:pt x="390" y="589"/>
                    </a:lnTo>
                    <a:lnTo>
                      <a:pt x="382" y="577"/>
                    </a:lnTo>
                    <a:lnTo>
                      <a:pt x="378" y="577"/>
                    </a:lnTo>
                    <a:lnTo>
                      <a:pt x="374" y="577"/>
                    </a:lnTo>
                    <a:lnTo>
                      <a:pt x="368" y="580"/>
                    </a:lnTo>
                    <a:lnTo>
                      <a:pt x="362" y="584"/>
                    </a:lnTo>
                    <a:lnTo>
                      <a:pt x="358" y="589"/>
                    </a:lnTo>
                    <a:lnTo>
                      <a:pt x="354" y="594"/>
                    </a:lnTo>
                    <a:lnTo>
                      <a:pt x="348" y="606"/>
                    </a:lnTo>
                    <a:lnTo>
                      <a:pt x="342" y="618"/>
                    </a:lnTo>
                    <a:lnTo>
                      <a:pt x="338" y="619"/>
                    </a:lnTo>
                    <a:lnTo>
                      <a:pt x="334" y="620"/>
                    </a:lnTo>
                    <a:lnTo>
                      <a:pt x="331" y="619"/>
                    </a:lnTo>
                    <a:lnTo>
                      <a:pt x="327" y="618"/>
                    </a:lnTo>
                    <a:lnTo>
                      <a:pt x="320" y="616"/>
                    </a:lnTo>
                    <a:lnTo>
                      <a:pt x="314" y="612"/>
                    </a:lnTo>
                    <a:lnTo>
                      <a:pt x="308" y="610"/>
                    </a:lnTo>
                    <a:lnTo>
                      <a:pt x="302" y="609"/>
                    </a:lnTo>
                    <a:lnTo>
                      <a:pt x="299" y="610"/>
                    </a:lnTo>
                    <a:lnTo>
                      <a:pt x="297" y="612"/>
                    </a:lnTo>
                    <a:lnTo>
                      <a:pt x="295" y="614"/>
                    </a:lnTo>
                    <a:lnTo>
                      <a:pt x="293" y="618"/>
                    </a:lnTo>
                    <a:lnTo>
                      <a:pt x="289" y="618"/>
                    </a:lnTo>
                    <a:lnTo>
                      <a:pt x="284" y="618"/>
                    </a:lnTo>
                    <a:lnTo>
                      <a:pt x="281" y="614"/>
                    </a:lnTo>
                    <a:lnTo>
                      <a:pt x="277" y="610"/>
                    </a:lnTo>
                    <a:lnTo>
                      <a:pt x="273" y="608"/>
                    </a:lnTo>
                    <a:lnTo>
                      <a:pt x="269" y="607"/>
                    </a:lnTo>
                    <a:lnTo>
                      <a:pt x="260" y="606"/>
                    </a:lnTo>
                    <a:lnTo>
                      <a:pt x="250" y="606"/>
                    </a:lnTo>
                    <a:lnTo>
                      <a:pt x="239" y="607"/>
                    </a:lnTo>
                    <a:lnTo>
                      <a:pt x="229" y="608"/>
                    </a:lnTo>
                    <a:lnTo>
                      <a:pt x="222" y="607"/>
                    </a:lnTo>
                    <a:lnTo>
                      <a:pt x="216" y="607"/>
                    </a:lnTo>
                    <a:lnTo>
                      <a:pt x="210" y="604"/>
                    </a:lnTo>
                    <a:lnTo>
                      <a:pt x="203" y="602"/>
                    </a:lnTo>
                    <a:lnTo>
                      <a:pt x="196" y="603"/>
                    </a:lnTo>
                    <a:lnTo>
                      <a:pt x="189" y="602"/>
                    </a:lnTo>
                    <a:lnTo>
                      <a:pt x="184" y="600"/>
                    </a:lnTo>
                    <a:lnTo>
                      <a:pt x="179" y="598"/>
                    </a:lnTo>
                    <a:lnTo>
                      <a:pt x="175" y="595"/>
                    </a:lnTo>
                    <a:lnTo>
                      <a:pt x="170" y="594"/>
                    </a:lnTo>
                    <a:lnTo>
                      <a:pt x="163" y="593"/>
                    </a:lnTo>
                    <a:lnTo>
                      <a:pt x="155" y="594"/>
                    </a:lnTo>
                    <a:lnTo>
                      <a:pt x="148" y="586"/>
                    </a:lnTo>
                    <a:lnTo>
                      <a:pt x="139" y="577"/>
                    </a:lnTo>
                    <a:lnTo>
                      <a:pt x="131" y="561"/>
                    </a:lnTo>
                    <a:lnTo>
                      <a:pt x="130" y="550"/>
                    </a:lnTo>
                    <a:lnTo>
                      <a:pt x="128" y="539"/>
                    </a:lnTo>
                    <a:lnTo>
                      <a:pt x="124" y="529"/>
                    </a:lnTo>
                    <a:lnTo>
                      <a:pt x="121" y="520"/>
                    </a:lnTo>
                    <a:lnTo>
                      <a:pt x="112" y="503"/>
                    </a:lnTo>
                    <a:lnTo>
                      <a:pt x="102" y="488"/>
                    </a:lnTo>
                    <a:lnTo>
                      <a:pt x="98" y="479"/>
                    </a:lnTo>
                    <a:lnTo>
                      <a:pt x="94" y="471"/>
                    </a:lnTo>
                    <a:lnTo>
                      <a:pt x="91" y="461"/>
                    </a:lnTo>
                    <a:lnTo>
                      <a:pt x="89" y="451"/>
                    </a:lnTo>
                    <a:lnTo>
                      <a:pt x="86" y="440"/>
                    </a:lnTo>
                    <a:lnTo>
                      <a:pt x="86" y="428"/>
                    </a:lnTo>
                    <a:lnTo>
                      <a:pt x="87" y="414"/>
                    </a:lnTo>
                    <a:lnTo>
                      <a:pt x="90" y="399"/>
                    </a:lnTo>
                    <a:lnTo>
                      <a:pt x="84" y="397"/>
                    </a:lnTo>
                    <a:lnTo>
                      <a:pt x="79" y="395"/>
                    </a:lnTo>
                    <a:lnTo>
                      <a:pt x="74" y="392"/>
                    </a:lnTo>
                    <a:lnTo>
                      <a:pt x="70" y="388"/>
                    </a:lnTo>
                    <a:lnTo>
                      <a:pt x="66" y="383"/>
                    </a:lnTo>
                    <a:lnTo>
                      <a:pt x="63" y="379"/>
                    </a:lnTo>
                    <a:lnTo>
                      <a:pt x="61" y="374"/>
                    </a:lnTo>
                    <a:lnTo>
                      <a:pt x="59" y="369"/>
                    </a:lnTo>
                    <a:lnTo>
                      <a:pt x="54" y="344"/>
                    </a:lnTo>
                    <a:lnTo>
                      <a:pt x="50" y="317"/>
                    </a:lnTo>
                    <a:lnTo>
                      <a:pt x="47" y="315"/>
                    </a:lnTo>
                    <a:lnTo>
                      <a:pt x="45" y="313"/>
                    </a:lnTo>
                    <a:lnTo>
                      <a:pt x="43" y="312"/>
                    </a:lnTo>
                    <a:lnTo>
                      <a:pt x="40" y="311"/>
                    </a:lnTo>
                    <a:lnTo>
                      <a:pt x="32" y="310"/>
                    </a:lnTo>
                    <a:lnTo>
                      <a:pt x="24" y="311"/>
                    </a:lnTo>
                    <a:lnTo>
                      <a:pt x="16" y="311"/>
                    </a:lnTo>
                    <a:lnTo>
                      <a:pt x="9" y="310"/>
                    </a:lnTo>
                    <a:lnTo>
                      <a:pt x="5" y="309"/>
                    </a:lnTo>
                    <a:lnTo>
                      <a:pt x="3" y="306"/>
                    </a:lnTo>
                    <a:lnTo>
                      <a:pt x="1" y="304"/>
                    </a:lnTo>
                    <a:lnTo>
                      <a:pt x="0" y="301"/>
                    </a:lnTo>
                    <a:lnTo>
                      <a:pt x="5" y="299"/>
                    </a:lnTo>
                    <a:lnTo>
                      <a:pt x="10" y="296"/>
                    </a:lnTo>
                    <a:lnTo>
                      <a:pt x="14" y="293"/>
                    </a:lnTo>
                    <a:lnTo>
                      <a:pt x="17" y="289"/>
                    </a:lnTo>
                    <a:lnTo>
                      <a:pt x="24" y="280"/>
                    </a:lnTo>
                    <a:lnTo>
                      <a:pt x="30" y="271"/>
                    </a:lnTo>
                    <a:lnTo>
                      <a:pt x="38" y="251"/>
                    </a:lnTo>
                    <a:lnTo>
                      <a:pt x="45" y="229"/>
                    </a:lnTo>
                    <a:lnTo>
                      <a:pt x="50" y="218"/>
                    </a:lnTo>
                    <a:lnTo>
                      <a:pt x="55" y="209"/>
                    </a:lnTo>
                    <a:lnTo>
                      <a:pt x="60" y="199"/>
                    </a:lnTo>
                    <a:lnTo>
                      <a:pt x="66" y="191"/>
                    </a:lnTo>
                    <a:lnTo>
                      <a:pt x="74" y="183"/>
                    </a:lnTo>
                    <a:lnTo>
                      <a:pt x="82" y="177"/>
                    </a:lnTo>
                    <a:lnTo>
                      <a:pt x="87" y="175"/>
                    </a:lnTo>
                    <a:lnTo>
                      <a:pt x="94" y="173"/>
                    </a:lnTo>
                    <a:lnTo>
                      <a:pt x="99" y="172"/>
                    </a:lnTo>
                    <a:lnTo>
                      <a:pt x="106" y="172"/>
                    </a:lnTo>
                    <a:lnTo>
                      <a:pt x="105" y="163"/>
                    </a:lnTo>
                    <a:lnTo>
                      <a:pt x="106" y="156"/>
                    </a:lnTo>
                    <a:lnTo>
                      <a:pt x="106" y="149"/>
                    </a:lnTo>
                    <a:lnTo>
                      <a:pt x="109" y="143"/>
                    </a:lnTo>
                    <a:lnTo>
                      <a:pt x="110" y="137"/>
                    </a:lnTo>
                    <a:lnTo>
                      <a:pt x="113" y="132"/>
                    </a:lnTo>
                    <a:lnTo>
                      <a:pt x="115" y="126"/>
                    </a:lnTo>
                    <a:lnTo>
                      <a:pt x="118" y="122"/>
                    </a:lnTo>
                    <a:lnTo>
                      <a:pt x="125" y="115"/>
                    </a:lnTo>
                    <a:lnTo>
                      <a:pt x="135" y="109"/>
                    </a:lnTo>
                    <a:lnTo>
                      <a:pt x="144" y="103"/>
                    </a:lnTo>
                    <a:lnTo>
                      <a:pt x="155" y="98"/>
                    </a:lnTo>
                    <a:lnTo>
                      <a:pt x="166" y="103"/>
                    </a:lnTo>
                    <a:lnTo>
                      <a:pt x="176" y="110"/>
                    </a:lnTo>
                    <a:lnTo>
                      <a:pt x="181" y="112"/>
                    </a:lnTo>
                    <a:lnTo>
                      <a:pt x="188" y="114"/>
                    </a:lnTo>
                    <a:lnTo>
                      <a:pt x="195" y="115"/>
                    </a:lnTo>
                    <a:lnTo>
                      <a:pt x="203" y="115"/>
                    </a:lnTo>
                    <a:lnTo>
                      <a:pt x="204" y="106"/>
                    </a:lnTo>
                    <a:lnTo>
                      <a:pt x="204" y="99"/>
                    </a:lnTo>
                    <a:lnTo>
                      <a:pt x="205" y="96"/>
                    </a:lnTo>
                    <a:lnTo>
                      <a:pt x="206" y="93"/>
                    </a:lnTo>
                    <a:lnTo>
                      <a:pt x="209" y="91"/>
                    </a:lnTo>
                    <a:lnTo>
                      <a:pt x="212" y="90"/>
                    </a:lnTo>
                    <a:lnTo>
                      <a:pt x="231" y="90"/>
                    </a:lnTo>
                    <a:lnTo>
                      <a:pt x="248" y="88"/>
                    </a:lnTo>
                    <a:lnTo>
                      <a:pt x="263" y="85"/>
                    </a:lnTo>
                    <a:lnTo>
                      <a:pt x="277" y="80"/>
                    </a:lnTo>
                    <a:lnTo>
                      <a:pt x="290" y="74"/>
                    </a:lnTo>
                    <a:lnTo>
                      <a:pt x="301" y="67"/>
                    </a:lnTo>
                    <a:lnTo>
                      <a:pt x="313" y="59"/>
                    </a:lnTo>
                    <a:lnTo>
                      <a:pt x="323" y="52"/>
                    </a:lnTo>
                    <a:lnTo>
                      <a:pt x="344" y="35"/>
                    </a:lnTo>
                    <a:lnTo>
                      <a:pt x="367" y="20"/>
                    </a:lnTo>
                    <a:lnTo>
                      <a:pt x="379" y="13"/>
                    </a:lnTo>
                    <a:lnTo>
                      <a:pt x="393" y="7"/>
                    </a:lnTo>
                    <a:lnTo>
                      <a:pt x="407" y="3"/>
                    </a:lnTo>
                    <a:lnTo>
                      <a:pt x="423" y="0"/>
                    </a:lnTo>
                    <a:lnTo>
                      <a:pt x="428" y="10"/>
                    </a:lnTo>
                    <a:lnTo>
                      <a:pt x="433" y="19"/>
                    </a:lnTo>
                    <a:lnTo>
                      <a:pt x="438" y="26"/>
                    </a:lnTo>
                    <a:lnTo>
                      <a:pt x="443" y="34"/>
                    </a:lnTo>
                    <a:lnTo>
                      <a:pt x="450" y="41"/>
                    </a:lnTo>
                    <a:lnTo>
                      <a:pt x="456" y="47"/>
                    </a:lnTo>
                    <a:lnTo>
                      <a:pt x="462" y="53"/>
                    </a:lnTo>
                    <a:lnTo>
                      <a:pt x="470" y="58"/>
                    </a:lnTo>
                    <a:lnTo>
                      <a:pt x="484" y="67"/>
                    </a:lnTo>
                    <a:lnTo>
                      <a:pt x="499" y="76"/>
                    </a:lnTo>
                    <a:lnTo>
                      <a:pt x="516" y="83"/>
                    </a:lnTo>
                    <a:lnTo>
                      <a:pt x="533" y="90"/>
                    </a:lnTo>
                    <a:lnTo>
                      <a:pt x="567" y="102"/>
                    </a:lnTo>
                    <a:lnTo>
                      <a:pt x="600" y="117"/>
                    </a:lnTo>
                    <a:lnTo>
                      <a:pt x="616" y="126"/>
                    </a:lnTo>
                    <a:lnTo>
                      <a:pt x="631" y="137"/>
                    </a:lnTo>
                    <a:lnTo>
                      <a:pt x="638" y="142"/>
                    </a:lnTo>
                    <a:lnTo>
                      <a:pt x="646" y="149"/>
                    </a:lnTo>
                    <a:lnTo>
                      <a:pt x="652" y="156"/>
                    </a:lnTo>
                    <a:lnTo>
                      <a:pt x="659" y="163"/>
                    </a:lnTo>
                    <a:lnTo>
                      <a:pt x="647" y="163"/>
                    </a:lnTo>
                    <a:lnTo>
                      <a:pt x="634" y="163"/>
                    </a:lnTo>
                    <a:lnTo>
                      <a:pt x="622" y="163"/>
                    </a:lnTo>
                    <a:lnTo>
                      <a:pt x="610" y="163"/>
                    </a:lnTo>
                    <a:lnTo>
                      <a:pt x="605" y="181"/>
                    </a:lnTo>
                    <a:lnTo>
                      <a:pt x="599" y="195"/>
                    </a:lnTo>
                    <a:lnTo>
                      <a:pt x="598" y="201"/>
                    </a:lnTo>
                    <a:lnTo>
                      <a:pt x="599" y="206"/>
                    </a:lnTo>
                    <a:lnTo>
                      <a:pt x="602" y="213"/>
                    </a:lnTo>
                    <a:lnTo>
                      <a:pt x="610" y="220"/>
                    </a:lnTo>
                    <a:lnTo>
                      <a:pt x="598" y="222"/>
                    </a:lnTo>
                    <a:lnTo>
                      <a:pt x="587" y="225"/>
                    </a:lnTo>
                    <a:lnTo>
                      <a:pt x="582" y="229"/>
                    </a:lnTo>
                    <a:lnTo>
                      <a:pt x="579" y="232"/>
                    </a:lnTo>
                    <a:lnTo>
                      <a:pt x="577" y="237"/>
                    </a:lnTo>
                    <a:lnTo>
                      <a:pt x="577" y="244"/>
                    </a:lnTo>
                    <a:lnTo>
                      <a:pt x="588" y="256"/>
                    </a:lnTo>
                    <a:lnTo>
                      <a:pt x="598" y="266"/>
                    </a:lnTo>
                    <a:lnTo>
                      <a:pt x="611" y="277"/>
                    </a:lnTo>
                    <a:lnTo>
                      <a:pt x="623" y="286"/>
                    </a:lnTo>
                    <a:lnTo>
                      <a:pt x="649" y="304"/>
                    </a:lnTo>
                    <a:lnTo>
                      <a:pt x="675" y="321"/>
                    </a:lnTo>
                    <a:lnTo>
                      <a:pt x="689" y="331"/>
                    </a:lnTo>
                    <a:lnTo>
                      <a:pt x="700" y="339"/>
                    </a:lnTo>
                    <a:lnTo>
                      <a:pt x="713" y="350"/>
                    </a:lnTo>
                    <a:lnTo>
                      <a:pt x="724" y="360"/>
                    </a:lnTo>
                    <a:lnTo>
                      <a:pt x="734" y="372"/>
                    </a:lnTo>
                    <a:lnTo>
                      <a:pt x="742" y="385"/>
                    </a:lnTo>
                    <a:lnTo>
                      <a:pt x="750" y="399"/>
                    </a:lnTo>
                    <a:lnTo>
                      <a:pt x="756" y="415"/>
                    </a:lnTo>
                    <a:lnTo>
                      <a:pt x="762" y="417"/>
                    </a:lnTo>
                    <a:lnTo>
                      <a:pt x="768" y="417"/>
                    </a:lnTo>
                    <a:lnTo>
                      <a:pt x="773" y="417"/>
                    </a:lnTo>
                    <a:lnTo>
                      <a:pt x="777" y="416"/>
                    </a:lnTo>
                    <a:lnTo>
                      <a:pt x="785" y="413"/>
                    </a:lnTo>
                    <a:lnTo>
                      <a:pt x="791" y="408"/>
                    </a:lnTo>
                    <a:lnTo>
                      <a:pt x="796" y="404"/>
                    </a:lnTo>
                    <a:lnTo>
                      <a:pt x="801" y="401"/>
                    </a:lnTo>
                    <a:lnTo>
                      <a:pt x="804" y="401"/>
                    </a:lnTo>
                    <a:lnTo>
                      <a:pt x="807" y="402"/>
                    </a:lnTo>
                    <a:lnTo>
                      <a:pt x="810" y="404"/>
                    </a:lnTo>
                    <a:lnTo>
                      <a:pt x="813" y="407"/>
                    </a:lnTo>
                    <a:lnTo>
                      <a:pt x="814" y="416"/>
                    </a:lnTo>
                    <a:lnTo>
                      <a:pt x="814" y="424"/>
                    </a:lnTo>
                    <a:lnTo>
                      <a:pt x="812" y="431"/>
                    </a:lnTo>
                    <a:lnTo>
                      <a:pt x="810" y="436"/>
                    </a:lnTo>
                    <a:lnTo>
                      <a:pt x="808" y="442"/>
                    </a:lnTo>
                    <a:lnTo>
                      <a:pt x="806" y="448"/>
                    </a:lnTo>
                    <a:lnTo>
                      <a:pt x="805" y="455"/>
                    </a:lnTo>
                    <a:lnTo>
                      <a:pt x="805" y="463"/>
                    </a:lnTo>
                    <a:lnTo>
                      <a:pt x="815" y="464"/>
                    </a:lnTo>
                    <a:lnTo>
                      <a:pt x="825" y="465"/>
                    </a:lnTo>
                    <a:lnTo>
                      <a:pt x="833" y="468"/>
                    </a:lnTo>
                    <a:lnTo>
                      <a:pt x="840" y="471"/>
                    </a:lnTo>
                    <a:lnTo>
                      <a:pt x="847" y="474"/>
                    </a:lnTo>
                    <a:lnTo>
                      <a:pt x="853" y="477"/>
                    </a:lnTo>
                    <a:lnTo>
                      <a:pt x="858" y="481"/>
                    </a:lnTo>
                    <a:lnTo>
                      <a:pt x="864" y="487"/>
                    </a:lnTo>
                    <a:lnTo>
                      <a:pt x="868" y="491"/>
                    </a:lnTo>
                    <a:lnTo>
                      <a:pt x="871" y="497"/>
                    </a:lnTo>
                    <a:lnTo>
                      <a:pt x="874" y="502"/>
                    </a:lnTo>
                    <a:lnTo>
                      <a:pt x="877" y="509"/>
                    </a:lnTo>
                    <a:lnTo>
                      <a:pt x="883" y="521"/>
                    </a:lnTo>
                    <a:lnTo>
                      <a:pt x="887" y="535"/>
                    </a:lnTo>
                    <a:lnTo>
                      <a:pt x="891" y="549"/>
                    </a:lnTo>
                    <a:lnTo>
                      <a:pt x="895" y="562"/>
                    </a:lnTo>
                    <a:lnTo>
                      <a:pt x="900" y="576"/>
                    </a:lnTo>
                    <a:lnTo>
                      <a:pt x="906" y="589"/>
                    </a:lnTo>
                    <a:lnTo>
                      <a:pt x="910" y="595"/>
                    </a:lnTo>
                    <a:lnTo>
                      <a:pt x="914" y="600"/>
                    </a:lnTo>
                    <a:lnTo>
                      <a:pt x="918" y="606"/>
                    </a:lnTo>
                    <a:lnTo>
                      <a:pt x="924" y="611"/>
                    </a:lnTo>
                    <a:lnTo>
                      <a:pt x="930" y="615"/>
                    </a:lnTo>
                    <a:lnTo>
                      <a:pt x="936" y="619"/>
                    </a:lnTo>
                    <a:lnTo>
                      <a:pt x="944" y="623"/>
                    </a:lnTo>
                    <a:lnTo>
                      <a:pt x="951" y="627"/>
                    </a:lnTo>
                    <a:lnTo>
                      <a:pt x="946" y="633"/>
                    </a:lnTo>
                    <a:lnTo>
                      <a:pt x="936" y="642"/>
                    </a:lnTo>
                    <a:lnTo>
                      <a:pt x="932" y="647"/>
                    </a:lnTo>
                    <a:lnTo>
                      <a:pt x="927" y="652"/>
                    </a:lnTo>
                    <a:lnTo>
                      <a:pt x="924" y="657"/>
                    </a:lnTo>
                    <a:lnTo>
                      <a:pt x="921" y="661"/>
                    </a:lnTo>
                    <a:lnTo>
                      <a:pt x="913" y="659"/>
                    </a:lnTo>
                    <a:lnTo>
                      <a:pt x="900" y="658"/>
                    </a:lnTo>
                    <a:lnTo>
                      <a:pt x="890" y="657"/>
                    </a:lnTo>
                    <a:lnTo>
                      <a:pt x="886" y="657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84" name="Næstved"/>
              <p:cNvSpPr>
                <a:spLocks/>
              </p:cNvSpPr>
              <p:nvPr/>
            </p:nvSpPr>
            <p:spPr bwMode="auto">
              <a:xfrm>
                <a:off x="3330575" y="5686425"/>
                <a:ext cx="34925" cy="39688"/>
              </a:xfrm>
              <a:custGeom>
                <a:avLst/>
                <a:gdLst>
                  <a:gd name="T0" fmla="*/ 0 w 65"/>
                  <a:gd name="T1" fmla="*/ 9 h 74"/>
                  <a:gd name="T2" fmla="*/ 1 w 65"/>
                  <a:gd name="T3" fmla="*/ 8 h 74"/>
                  <a:gd name="T4" fmla="*/ 2 w 65"/>
                  <a:gd name="T5" fmla="*/ 7 h 74"/>
                  <a:gd name="T6" fmla="*/ 3 w 65"/>
                  <a:gd name="T7" fmla="*/ 6 h 74"/>
                  <a:gd name="T8" fmla="*/ 3 w 65"/>
                  <a:gd name="T9" fmla="*/ 5 h 74"/>
                  <a:gd name="T10" fmla="*/ 4 w 65"/>
                  <a:gd name="T11" fmla="*/ 2 h 74"/>
                  <a:gd name="T12" fmla="*/ 5 w 65"/>
                  <a:gd name="T13" fmla="*/ 0 h 74"/>
                  <a:gd name="T14" fmla="*/ 9 w 65"/>
                  <a:gd name="T15" fmla="*/ 0 h 74"/>
                  <a:gd name="T16" fmla="*/ 10 w 65"/>
                  <a:gd name="T17" fmla="*/ 0 h 74"/>
                  <a:gd name="T18" fmla="*/ 10 w 65"/>
                  <a:gd name="T19" fmla="*/ 1 h 74"/>
                  <a:gd name="T20" fmla="*/ 10 w 65"/>
                  <a:gd name="T21" fmla="*/ 2 h 74"/>
                  <a:gd name="T22" fmla="*/ 9 w 65"/>
                  <a:gd name="T23" fmla="*/ 3 h 74"/>
                  <a:gd name="T24" fmla="*/ 9 w 65"/>
                  <a:gd name="T25" fmla="*/ 5 h 74"/>
                  <a:gd name="T26" fmla="*/ 9 w 65"/>
                  <a:gd name="T27" fmla="*/ 5 h 74"/>
                  <a:gd name="T28" fmla="*/ 9 w 65"/>
                  <a:gd name="T29" fmla="*/ 6 h 74"/>
                  <a:gd name="T30" fmla="*/ 10 w 65"/>
                  <a:gd name="T31" fmla="*/ 6 h 74"/>
                  <a:gd name="T32" fmla="*/ 11 w 65"/>
                  <a:gd name="T33" fmla="*/ 6 h 74"/>
                  <a:gd name="T34" fmla="*/ 12 w 65"/>
                  <a:gd name="T35" fmla="*/ 3 h 74"/>
                  <a:gd name="T36" fmla="*/ 13 w 65"/>
                  <a:gd name="T37" fmla="*/ 3 h 74"/>
                  <a:gd name="T38" fmla="*/ 13 w 65"/>
                  <a:gd name="T39" fmla="*/ 4 h 74"/>
                  <a:gd name="T40" fmla="*/ 13 w 65"/>
                  <a:gd name="T41" fmla="*/ 6 h 74"/>
                  <a:gd name="T42" fmla="*/ 13 w 65"/>
                  <a:gd name="T43" fmla="*/ 8 h 74"/>
                  <a:gd name="T44" fmla="*/ 14 w 65"/>
                  <a:gd name="T45" fmla="*/ 10 h 74"/>
                  <a:gd name="T46" fmla="*/ 14 w 65"/>
                  <a:gd name="T47" fmla="*/ 11 h 74"/>
                  <a:gd name="T48" fmla="*/ 15 w 65"/>
                  <a:gd name="T49" fmla="*/ 11 h 74"/>
                  <a:gd name="T50" fmla="*/ 16 w 65"/>
                  <a:gd name="T51" fmla="*/ 11 h 74"/>
                  <a:gd name="T52" fmla="*/ 17 w 65"/>
                  <a:gd name="T53" fmla="*/ 11 h 74"/>
                  <a:gd name="T54" fmla="*/ 18 w 65"/>
                  <a:gd name="T55" fmla="*/ 14 h 74"/>
                  <a:gd name="T56" fmla="*/ 19 w 65"/>
                  <a:gd name="T57" fmla="*/ 15 h 74"/>
                  <a:gd name="T58" fmla="*/ 20 w 65"/>
                  <a:gd name="T59" fmla="*/ 17 h 74"/>
                  <a:gd name="T60" fmla="*/ 20 w 65"/>
                  <a:gd name="T61" fmla="*/ 18 h 74"/>
                  <a:gd name="T62" fmla="*/ 20 w 65"/>
                  <a:gd name="T63" fmla="*/ 20 h 74"/>
                  <a:gd name="T64" fmla="*/ 21 w 65"/>
                  <a:gd name="T65" fmla="*/ 21 h 74"/>
                  <a:gd name="T66" fmla="*/ 21 w 65"/>
                  <a:gd name="T67" fmla="*/ 23 h 74"/>
                  <a:gd name="T68" fmla="*/ 22 w 65"/>
                  <a:gd name="T69" fmla="*/ 25 h 74"/>
                  <a:gd name="T70" fmla="*/ 16 w 65"/>
                  <a:gd name="T71" fmla="*/ 22 h 74"/>
                  <a:gd name="T72" fmla="*/ 9 w 65"/>
                  <a:gd name="T73" fmla="*/ 19 h 74"/>
                  <a:gd name="T74" fmla="*/ 6 w 65"/>
                  <a:gd name="T75" fmla="*/ 17 h 74"/>
                  <a:gd name="T76" fmla="*/ 3 w 65"/>
                  <a:gd name="T77" fmla="*/ 15 h 74"/>
                  <a:gd name="T78" fmla="*/ 2 w 65"/>
                  <a:gd name="T79" fmla="*/ 14 h 74"/>
                  <a:gd name="T80" fmla="*/ 1 w 65"/>
                  <a:gd name="T81" fmla="*/ 12 h 74"/>
                  <a:gd name="T82" fmla="*/ 0 w 65"/>
                  <a:gd name="T83" fmla="*/ 10 h 74"/>
                  <a:gd name="T84" fmla="*/ 0 w 65"/>
                  <a:gd name="T85" fmla="*/ 9 h 74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65" h="74">
                    <a:moveTo>
                      <a:pt x="0" y="26"/>
                    </a:moveTo>
                    <a:lnTo>
                      <a:pt x="3" y="24"/>
                    </a:lnTo>
                    <a:lnTo>
                      <a:pt x="7" y="22"/>
                    </a:lnTo>
                    <a:lnTo>
                      <a:pt x="8" y="19"/>
                    </a:lnTo>
                    <a:lnTo>
                      <a:pt x="10" y="15"/>
                    </a:lnTo>
                    <a:lnTo>
                      <a:pt x="12" y="7"/>
                    </a:lnTo>
                    <a:lnTo>
                      <a:pt x="16" y="1"/>
                    </a:lnTo>
                    <a:lnTo>
                      <a:pt x="26" y="0"/>
                    </a:lnTo>
                    <a:lnTo>
                      <a:pt x="31" y="1"/>
                    </a:lnTo>
                    <a:lnTo>
                      <a:pt x="31" y="4"/>
                    </a:lnTo>
                    <a:lnTo>
                      <a:pt x="29" y="7"/>
                    </a:lnTo>
                    <a:lnTo>
                      <a:pt x="27" y="10"/>
                    </a:lnTo>
                    <a:lnTo>
                      <a:pt x="26" y="14"/>
                    </a:lnTo>
                    <a:lnTo>
                      <a:pt x="26" y="15"/>
                    </a:lnTo>
                    <a:lnTo>
                      <a:pt x="27" y="17"/>
                    </a:lnTo>
                    <a:lnTo>
                      <a:pt x="29" y="18"/>
                    </a:lnTo>
                    <a:lnTo>
                      <a:pt x="32" y="18"/>
                    </a:lnTo>
                    <a:lnTo>
                      <a:pt x="36" y="10"/>
                    </a:lnTo>
                    <a:lnTo>
                      <a:pt x="37" y="8"/>
                    </a:lnTo>
                    <a:lnTo>
                      <a:pt x="38" y="11"/>
                    </a:lnTo>
                    <a:lnTo>
                      <a:pt x="39" y="17"/>
                    </a:lnTo>
                    <a:lnTo>
                      <a:pt x="39" y="24"/>
                    </a:lnTo>
                    <a:lnTo>
                      <a:pt x="41" y="30"/>
                    </a:lnTo>
                    <a:lnTo>
                      <a:pt x="42" y="32"/>
                    </a:lnTo>
                    <a:lnTo>
                      <a:pt x="45" y="33"/>
                    </a:lnTo>
                    <a:lnTo>
                      <a:pt x="46" y="34"/>
                    </a:lnTo>
                    <a:lnTo>
                      <a:pt x="49" y="33"/>
                    </a:lnTo>
                    <a:lnTo>
                      <a:pt x="54" y="40"/>
                    </a:lnTo>
                    <a:lnTo>
                      <a:pt x="57" y="45"/>
                    </a:lnTo>
                    <a:lnTo>
                      <a:pt x="59" y="50"/>
                    </a:lnTo>
                    <a:lnTo>
                      <a:pt x="60" y="54"/>
                    </a:lnTo>
                    <a:lnTo>
                      <a:pt x="60" y="58"/>
                    </a:lnTo>
                    <a:lnTo>
                      <a:pt x="61" y="63"/>
                    </a:lnTo>
                    <a:lnTo>
                      <a:pt x="62" y="68"/>
                    </a:lnTo>
                    <a:lnTo>
                      <a:pt x="65" y="74"/>
                    </a:lnTo>
                    <a:lnTo>
                      <a:pt x="46" y="65"/>
                    </a:lnTo>
                    <a:lnTo>
                      <a:pt x="27" y="55"/>
                    </a:lnTo>
                    <a:lnTo>
                      <a:pt x="17" y="50"/>
                    </a:lnTo>
                    <a:lnTo>
                      <a:pt x="10" y="44"/>
                    </a:lnTo>
                    <a:lnTo>
                      <a:pt x="7" y="40"/>
                    </a:lnTo>
                    <a:lnTo>
                      <a:pt x="3" y="35"/>
                    </a:lnTo>
                    <a:lnTo>
                      <a:pt x="1" y="31"/>
                    </a:lnTo>
                    <a:lnTo>
                      <a:pt x="0" y="26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85" name="Næstved kant"/>
              <p:cNvSpPr>
                <a:spLocks/>
              </p:cNvSpPr>
              <p:nvPr/>
            </p:nvSpPr>
            <p:spPr bwMode="auto">
              <a:xfrm>
                <a:off x="3330575" y="5686425"/>
                <a:ext cx="34925" cy="39688"/>
              </a:xfrm>
              <a:custGeom>
                <a:avLst/>
                <a:gdLst>
                  <a:gd name="T0" fmla="*/ 0 w 65"/>
                  <a:gd name="T1" fmla="*/ 9 h 74"/>
                  <a:gd name="T2" fmla="*/ 1 w 65"/>
                  <a:gd name="T3" fmla="*/ 8 h 74"/>
                  <a:gd name="T4" fmla="*/ 2 w 65"/>
                  <a:gd name="T5" fmla="*/ 7 h 74"/>
                  <a:gd name="T6" fmla="*/ 3 w 65"/>
                  <a:gd name="T7" fmla="*/ 6 h 74"/>
                  <a:gd name="T8" fmla="*/ 3 w 65"/>
                  <a:gd name="T9" fmla="*/ 5 h 74"/>
                  <a:gd name="T10" fmla="*/ 4 w 65"/>
                  <a:gd name="T11" fmla="*/ 2 h 74"/>
                  <a:gd name="T12" fmla="*/ 5 w 65"/>
                  <a:gd name="T13" fmla="*/ 0 h 74"/>
                  <a:gd name="T14" fmla="*/ 9 w 65"/>
                  <a:gd name="T15" fmla="*/ 0 h 74"/>
                  <a:gd name="T16" fmla="*/ 10 w 65"/>
                  <a:gd name="T17" fmla="*/ 0 h 74"/>
                  <a:gd name="T18" fmla="*/ 10 w 65"/>
                  <a:gd name="T19" fmla="*/ 1 h 74"/>
                  <a:gd name="T20" fmla="*/ 10 w 65"/>
                  <a:gd name="T21" fmla="*/ 2 h 74"/>
                  <a:gd name="T22" fmla="*/ 9 w 65"/>
                  <a:gd name="T23" fmla="*/ 3 h 74"/>
                  <a:gd name="T24" fmla="*/ 9 w 65"/>
                  <a:gd name="T25" fmla="*/ 5 h 74"/>
                  <a:gd name="T26" fmla="*/ 9 w 65"/>
                  <a:gd name="T27" fmla="*/ 5 h 74"/>
                  <a:gd name="T28" fmla="*/ 9 w 65"/>
                  <a:gd name="T29" fmla="*/ 6 h 74"/>
                  <a:gd name="T30" fmla="*/ 10 w 65"/>
                  <a:gd name="T31" fmla="*/ 6 h 74"/>
                  <a:gd name="T32" fmla="*/ 11 w 65"/>
                  <a:gd name="T33" fmla="*/ 6 h 74"/>
                  <a:gd name="T34" fmla="*/ 12 w 65"/>
                  <a:gd name="T35" fmla="*/ 3 h 74"/>
                  <a:gd name="T36" fmla="*/ 13 w 65"/>
                  <a:gd name="T37" fmla="*/ 3 h 74"/>
                  <a:gd name="T38" fmla="*/ 13 w 65"/>
                  <a:gd name="T39" fmla="*/ 4 h 74"/>
                  <a:gd name="T40" fmla="*/ 13 w 65"/>
                  <a:gd name="T41" fmla="*/ 6 h 74"/>
                  <a:gd name="T42" fmla="*/ 13 w 65"/>
                  <a:gd name="T43" fmla="*/ 8 h 74"/>
                  <a:gd name="T44" fmla="*/ 14 w 65"/>
                  <a:gd name="T45" fmla="*/ 10 h 74"/>
                  <a:gd name="T46" fmla="*/ 14 w 65"/>
                  <a:gd name="T47" fmla="*/ 11 h 74"/>
                  <a:gd name="T48" fmla="*/ 15 w 65"/>
                  <a:gd name="T49" fmla="*/ 11 h 74"/>
                  <a:gd name="T50" fmla="*/ 16 w 65"/>
                  <a:gd name="T51" fmla="*/ 11 h 74"/>
                  <a:gd name="T52" fmla="*/ 17 w 65"/>
                  <a:gd name="T53" fmla="*/ 11 h 74"/>
                  <a:gd name="T54" fmla="*/ 18 w 65"/>
                  <a:gd name="T55" fmla="*/ 14 h 74"/>
                  <a:gd name="T56" fmla="*/ 19 w 65"/>
                  <a:gd name="T57" fmla="*/ 15 h 74"/>
                  <a:gd name="T58" fmla="*/ 20 w 65"/>
                  <a:gd name="T59" fmla="*/ 17 h 74"/>
                  <a:gd name="T60" fmla="*/ 20 w 65"/>
                  <a:gd name="T61" fmla="*/ 18 h 74"/>
                  <a:gd name="T62" fmla="*/ 20 w 65"/>
                  <a:gd name="T63" fmla="*/ 20 h 74"/>
                  <a:gd name="T64" fmla="*/ 21 w 65"/>
                  <a:gd name="T65" fmla="*/ 21 h 74"/>
                  <a:gd name="T66" fmla="*/ 21 w 65"/>
                  <a:gd name="T67" fmla="*/ 23 h 74"/>
                  <a:gd name="T68" fmla="*/ 22 w 65"/>
                  <a:gd name="T69" fmla="*/ 25 h 74"/>
                  <a:gd name="T70" fmla="*/ 16 w 65"/>
                  <a:gd name="T71" fmla="*/ 22 h 74"/>
                  <a:gd name="T72" fmla="*/ 9 w 65"/>
                  <a:gd name="T73" fmla="*/ 19 h 74"/>
                  <a:gd name="T74" fmla="*/ 6 w 65"/>
                  <a:gd name="T75" fmla="*/ 17 h 74"/>
                  <a:gd name="T76" fmla="*/ 3 w 65"/>
                  <a:gd name="T77" fmla="*/ 15 h 74"/>
                  <a:gd name="T78" fmla="*/ 2 w 65"/>
                  <a:gd name="T79" fmla="*/ 14 h 74"/>
                  <a:gd name="T80" fmla="*/ 1 w 65"/>
                  <a:gd name="T81" fmla="*/ 12 h 74"/>
                  <a:gd name="T82" fmla="*/ 0 w 65"/>
                  <a:gd name="T83" fmla="*/ 10 h 74"/>
                  <a:gd name="T84" fmla="*/ 0 w 65"/>
                  <a:gd name="T85" fmla="*/ 9 h 74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65" h="74">
                    <a:moveTo>
                      <a:pt x="0" y="26"/>
                    </a:moveTo>
                    <a:lnTo>
                      <a:pt x="3" y="24"/>
                    </a:lnTo>
                    <a:lnTo>
                      <a:pt x="7" y="22"/>
                    </a:lnTo>
                    <a:lnTo>
                      <a:pt x="8" y="19"/>
                    </a:lnTo>
                    <a:lnTo>
                      <a:pt x="10" y="15"/>
                    </a:lnTo>
                    <a:lnTo>
                      <a:pt x="12" y="7"/>
                    </a:lnTo>
                    <a:lnTo>
                      <a:pt x="16" y="1"/>
                    </a:lnTo>
                    <a:lnTo>
                      <a:pt x="26" y="0"/>
                    </a:lnTo>
                    <a:lnTo>
                      <a:pt x="31" y="1"/>
                    </a:lnTo>
                    <a:lnTo>
                      <a:pt x="31" y="4"/>
                    </a:lnTo>
                    <a:lnTo>
                      <a:pt x="29" y="7"/>
                    </a:lnTo>
                    <a:lnTo>
                      <a:pt x="27" y="10"/>
                    </a:lnTo>
                    <a:lnTo>
                      <a:pt x="26" y="14"/>
                    </a:lnTo>
                    <a:lnTo>
                      <a:pt x="26" y="15"/>
                    </a:lnTo>
                    <a:lnTo>
                      <a:pt x="27" y="17"/>
                    </a:lnTo>
                    <a:lnTo>
                      <a:pt x="29" y="18"/>
                    </a:lnTo>
                    <a:lnTo>
                      <a:pt x="32" y="18"/>
                    </a:lnTo>
                    <a:lnTo>
                      <a:pt x="36" y="10"/>
                    </a:lnTo>
                    <a:lnTo>
                      <a:pt x="37" y="8"/>
                    </a:lnTo>
                    <a:lnTo>
                      <a:pt x="38" y="11"/>
                    </a:lnTo>
                    <a:lnTo>
                      <a:pt x="39" y="17"/>
                    </a:lnTo>
                    <a:lnTo>
                      <a:pt x="39" y="24"/>
                    </a:lnTo>
                    <a:lnTo>
                      <a:pt x="41" y="30"/>
                    </a:lnTo>
                    <a:lnTo>
                      <a:pt x="42" y="32"/>
                    </a:lnTo>
                    <a:lnTo>
                      <a:pt x="45" y="33"/>
                    </a:lnTo>
                    <a:lnTo>
                      <a:pt x="46" y="34"/>
                    </a:lnTo>
                    <a:lnTo>
                      <a:pt x="49" y="33"/>
                    </a:lnTo>
                    <a:lnTo>
                      <a:pt x="54" y="40"/>
                    </a:lnTo>
                    <a:lnTo>
                      <a:pt x="57" y="45"/>
                    </a:lnTo>
                    <a:lnTo>
                      <a:pt x="59" y="50"/>
                    </a:lnTo>
                    <a:lnTo>
                      <a:pt x="60" y="54"/>
                    </a:lnTo>
                    <a:lnTo>
                      <a:pt x="60" y="58"/>
                    </a:lnTo>
                    <a:lnTo>
                      <a:pt x="61" y="63"/>
                    </a:lnTo>
                    <a:lnTo>
                      <a:pt x="62" y="68"/>
                    </a:lnTo>
                    <a:lnTo>
                      <a:pt x="65" y="74"/>
                    </a:lnTo>
                    <a:lnTo>
                      <a:pt x="46" y="65"/>
                    </a:lnTo>
                    <a:lnTo>
                      <a:pt x="27" y="55"/>
                    </a:lnTo>
                    <a:lnTo>
                      <a:pt x="17" y="50"/>
                    </a:lnTo>
                    <a:lnTo>
                      <a:pt x="10" y="44"/>
                    </a:lnTo>
                    <a:lnTo>
                      <a:pt x="7" y="40"/>
                    </a:lnTo>
                    <a:lnTo>
                      <a:pt x="3" y="35"/>
                    </a:lnTo>
                    <a:lnTo>
                      <a:pt x="1" y="31"/>
                    </a:lnTo>
                    <a:lnTo>
                      <a:pt x="0" y="26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17" name="Slagelse"/>
            <p:cNvGrpSpPr/>
            <p:nvPr/>
          </p:nvGrpSpPr>
          <p:grpSpPr>
            <a:xfrm>
              <a:off x="2865438" y="5230813"/>
              <a:ext cx="349250" cy="525463"/>
              <a:chOff x="2865438" y="5230813"/>
              <a:chExt cx="349250" cy="525463"/>
            </a:xfrm>
            <a:grpFill/>
          </p:grpSpPr>
          <p:sp>
            <p:nvSpPr>
              <p:cNvPr id="175" name="Slagelse"/>
              <p:cNvSpPr>
                <a:spLocks/>
              </p:cNvSpPr>
              <p:nvPr/>
            </p:nvSpPr>
            <p:spPr bwMode="auto">
              <a:xfrm>
                <a:off x="2933700" y="5592763"/>
                <a:ext cx="65087" cy="111125"/>
              </a:xfrm>
              <a:custGeom>
                <a:avLst/>
                <a:gdLst>
                  <a:gd name="T0" fmla="*/ 13 w 124"/>
                  <a:gd name="T1" fmla="*/ 15 h 211"/>
                  <a:gd name="T2" fmla="*/ 15 w 124"/>
                  <a:gd name="T3" fmla="*/ 13 h 211"/>
                  <a:gd name="T4" fmla="*/ 16 w 124"/>
                  <a:gd name="T5" fmla="*/ 9 h 211"/>
                  <a:gd name="T6" fmla="*/ 15 w 124"/>
                  <a:gd name="T7" fmla="*/ 7 h 211"/>
                  <a:gd name="T8" fmla="*/ 14 w 124"/>
                  <a:gd name="T9" fmla="*/ 4 h 211"/>
                  <a:gd name="T10" fmla="*/ 11 w 124"/>
                  <a:gd name="T11" fmla="*/ 2 h 211"/>
                  <a:gd name="T12" fmla="*/ 7 w 124"/>
                  <a:gd name="T13" fmla="*/ 1 h 211"/>
                  <a:gd name="T14" fmla="*/ 3 w 124"/>
                  <a:gd name="T15" fmla="*/ 0 h 211"/>
                  <a:gd name="T16" fmla="*/ 0 w 124"/>
                  <a:gd name="T17" fmla="*/ 3 h 211"/>
                  <a:gd name="T18" fmla="*/ 1 w 124"/>
                  <a:gd name="T19" fmla="*/ 6 h 211"/>
                  <a:gd name="T20" fmla="*/ 2 w 124"/>
                  <a:gd name="T21" fmla="*/ 9 h 211"/>
                  <a:gd name="T22" fmla="*/ 3 w 124"/>
                  <a:gd name="T23" fmla="*/ 11 h 211"/>
                  <a:gd name="T24" fmla="*/ 2 w 124"/>
                  <a:gd name="T25" fmla="*/ 19 h 211"/>
                  <a:gd name="T26" fmla="*/ 0 w 124"/>
                  <a:gd name="T27" fmla="*/ 28 h 211"/>
                  <a:gd name="T28" fmla="*/ 1 w 124"/>
                  <a:gd name="T29" fmla="*/ 36 h 211"/>
                  <a:gd name="T30" fmla="*/ 3 w 124"/>
                  <a:gd name="T31" fmla="*/ 44 h 211"/>
                  <a:gd name="T32" fmla="*/ 7 w 124"/>
                  <a:gd name="T33" fmla="*/ 51 h 211"/>
                  <a:gd name="T34" fmla="*/ 12 w 124"/>
                  <a:gd name="T35" fmla="*/ 57 h 211"/>
                  <a:gd name="T36" fmla="*/ 19 w 124"/>
                  <a:gd name="T37" fmla="*/ 61 h 211"/>
                  <a:gd name="T38" fmla="*/ 26 w 124"/>
                  <a:gd name="T39" fmla="*/ 64 h 211"/>
                  <a:gd name="T40" fmla="*/ 31 w 124"/>
                  <a:gd name="T41" fmla="*/ 66 h 211"/>
                  <a:gd name="T42" fmla="*/ 33 w 124"/>
                  <a:gd name="T43" fmla="*/ 68 h 211"/>
                  <a:gd name="T44" fmla="*/ 37 w 124"/>
                  <a:gd name="T45" fmla="*/ 70 h 211"/>
                  <a:gd name="T46" fmla="*/ 41 w 124"/>
                  <a:gd name="T47" fmla="*/ 67 h 211"/>
                  <a:gd name="T48" fmla="*/ 41 w 124"/>
                  <a:gd name="T49" fmla="*/ 62 h 211"/>
                  <a:gd name="T50" fmla="*/ 40 w 124"/>
                  <a:gd name="T51" fmla="*/ 60 h 211"/>
                  <a:gd name="T52" fmla="*/ 39 w 124"/>
                  <a:gd name="T53" fmla="*/ 61 h 211"/>
                  <a:gd name="T54" fmla="*/ 39 w 124"/>
                  <a:gd name="T55" fmla="*/ 63 h 211"/>
                  <a:gd name="T56" fmla="*/ 38 w 124"/>
                  <a:gd name="T57" fmla="*/ 64 h 211"/>
                  <a:gd name="T58" fmla="*/ 36 w 124"/>
                  <a:gd name="T59" fmla="*/ 65 h 211"/>
                  <a:gd name="T60" fmla="*/ 35 w 124"/>
                  <a:gd name="T61" fmla="*/ 65 h 211"/>
                  <a:gd name="T62" fmla="*/ 33 w 124"/>
                  <a:gd name="T63" fmla="*/ 64 h 211"/>
                  <a:gd name="T64" fmla="*/ 33 w 124"/>
                  <a:gd name="T65" fmla="*/ 63 h 211"/>
                  <a:gd name="T66" fmla="*/ 33 w 124"/>
                  <a:gd name="T67" fmla="*/ 61 h 211"/>
                  <a:gd name="T68" fmla="*/ 28 w 124"/>
                  <a:gd name="T69" fmla="*/ 48 h 211"/>
                  <a:gd name="T70" fmla="*/ 21 w 124"/>
                  <a:gd name="T71" fmla="*/ 31 h 211"/>
                  <a:gd name="T72" fmla="*/ 15 w 124"/>
                  <a:gd name="T73" fmla="*/ 21 h 211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0" t="0" r="r" b="b"/>
                <a:pathLst>
                  <a:path w="124" h="211">
                    <a:moveTo>
                      <a:pt x="34" y="49"/>
                    </a:moveTo>
                    <a:lnTo>
                      <a:pt x="40" y="45"/>
                    </a:lnTo>
                    <a:lnTo>
                      <a:pt x="43" y="42"/>
                    </a:lnTo>
                    <a:lnTo>
                      <a:pt x="45" y="38"/>
                    </a:lnTo>
                    <a:lnTo>
                      <a:pt x="46" y="33"/>
                    </a:lnTo>
                    <a:lnTo>
                      <a:pt x="47" y="28"/>
                    </a:lnTo>
                    <a:lnTo>
                      <a:pt x="47" y="24"/>
                    </a:lnTo>
                    <a:lnTo>
                      <a:pt x="45" y="20"/>
                    </a:lnTo>
                    <a:lnTo>
                      <a:pt x="44" y="17"/>
                    </a:lnTo>
                    <a:lnTo>
                      <a:pt x="41" y="12"/>
                    </a:lnTo>
                    <a:lnTo>
                      <a:pt x="36" y="9"/>
                    </a:lnTo>
                    <a:lnTo>
                      <a:pt x="32" y="6"/>
                    </a:lnTo>
                    <a:lnTo>
                      <a:pt x="28" y="4"/>
                    </a:lnTo>
                    <a:lnTo>
                      <a:pt x="22" y="2"/>
                    </a:lnTo>
                    <a:lnTo>
                      <a:pt x="16" y="1"/>
                    </a:lnTo>
                    <a:lnTo>
                      <a:pt x="9" y="0"/>
                    </a:lnTo>
                    <a:lnTo>
                      <a:pt x="2" y="1"/>
                    </a:lnTo>
                    <a:lnTo>
                      <a:pt x="1" y="8"/>
                    </a:lnTo>
                    <a:lnTo>
                      <a:pt x="1" y="13"/>
                    </a:lnTo>
                    <a:lnTo>
                      <a:pt x="3" y="18"/>
                    </a:lnTo>
                    <a:lnTo>
                      <a:pt x="5" y="22"/>
                    </a:lnTo>
                    <a:lnTo>
                      <a:pt x="7" y="26"/>
                    </a:lnTo>
                    <a:lnTo>
                      <a:pt x="9" y="29"/>
                    </a:lnTo>
                    <a:lnTo>
                      <a:pt x="10" y="34"/>
                    </a:lnTo>
                    <a:lnTo>
                      <a:pt x="10" y="41"/>
                    </a:lnTo>
                    <a:lnTo>
                      <a:pt x="5" y="56"/>
                    </a:lnTo>
                    <a:lnTo>
                      <a:pt x="2" y="70"/>
                    </a:lnTo>
                    <a:lnTo>
                      <a:pt x="0" y="84"/>
                    </a:lnTo>
                    <a:lnTo>
                      <a:pt x="0" y="98"/>
                    </a:lnTo>
                    <a:lnTo>
                      <a:pt x="2" y="110"/>
                    </a:lnTo>
                    <a:lnTo>
                      <a:pt x="5" y="123"/>
                    </a:lnTo>
                    <a:lnTo>
                      <a:pt x="9" y="133"/>
                    </a:lnTo>
                    <a:lnTo>
                      <a:pt x="14" y="145"/>
                    </a:lnTo>
                    <a:lnTo>
                      <a:pt x="21" y="155"/>
                    </a:lnTo>
                    <a:lnTo>
                      <a:pt x="28" y="164"/>
                    </a:lnTo>
                    <a:lnTo>
                      <a:pt x="37" y="171"/>
                    </a:lnTo>
                    <a:lnTo>
                      <a:pt x="47" y="179"/>
                    </a:lnTo>
                    <a:lnTo>
                      <a:pt x="57" y="185"/>
                    </a:lnTo>
                    <a:lnTo>
                      <a:pt x="68" y="189"/>
                    </a:lnTo>
                    <a:lnTo>
                      <a:pt x="80" y="193"/>
                    </a:lnTo>
                    <a:lnTo>
                      <a:pt x="91" y="196"/>
                    </a:lnTo>
                    <a:lnTo>
                      <a:pt x="94" y="199"/>
                    </a:lnTo>
                    <a:lnTo>
                      <a:pt x="96" y="202"/>
                    </a:lnTo>
                    <a:lnTo>
                      <a:pt x="101" y="205"/>
                    </a:lnTo>
                    <a:lnTo>
                      <a:pt x="104" y="207"/>
                    </a:lnTo>
                    <a:lnTo>
                      <a:pt x="113" y="210"/>
                    </a:lnTo>
                    <a:lnTo>
                      <a:pt x="124" y="211"/>
                    </a:lnTo>
                    <a:lnTo>
                      <a:pt x="124" y="202"/>
                    </a:lnTo>
                    <a:lnTo>
                      <a:pt x="124" y="191"/>
                    </a:lnTo>
                    <a:lnTo>
                      <a:pt x="123" y="187"/>
                    </a:lnTo>
                    <a:lnTo>
                      <a:pt x="122" y="184"/>
                    </a:lnTo>
                    <a:lnTo>
                      <a:pt x="120" y="181"/>
                    </a:lnTo>
                    <a:lnTo>
                      <a:pt x="115" y="179"/>
                    </a:lnTo>
                    <a:lnTo>
                      <a:pt x="117" y="183"/>
                    </a:lnTo>
                    <a:lnTo>
                      <a:pt x="117" y="186"/>
                    </a:lnTo>
                    <a:lnTo>
                      <a:pt x="117" y="189"/>
                    </a:lnTo>
                    <a:lnTo>
                      <a:pt x="116" y="191"/>
                    </a:lnTo>
                    <a:lnTo>
                      <a:pt x="114" y="193"/>
                    </a:lnTo>
                    <a:lnTo>
                      <a:pt x="112" y="195"/>
                    </a:lnTo>
                    <a:lnTo>
                      <a:pt x="110" y="196"/>
                    </a:lnTo>
                    <a:lnTo>
                      <a:pt x="108" y="196"/>
                    </a:lnTo>
                    <a:lnTo>
                      <a:pt x="105" y="196"/>
                    </a:lnTo>
                    <a:lnTo>
                      <a:pt x="103" y="195"/>
                    </a:lnTo>
                    <a:lnTo>
                      <a:pt x="101" y="193"/>
                    </a:lnTo>
                    <a:lnTo>
                      <a:pt x="100" y="191"/>
                    </a:lnTo>
                    <a:lnTo>
                      <a:pt x="99" y="189"/>
                    </a:lnTo>
                    <a:lnTo>
                      <a:pt x="97" y="186"/>
                    </a:lnTo>
                    <a:lnTo>
                      <a:pt x="99" y="183"/>
                    </a:lnTo>
                    <a:lnTo>
                      <a:pt x="100" y="179"/>
                    </a:lnTo>
                    <a:lnTo>
                      <a:pt x="85" y="145"/>
                    </a:lnTo>
                    <a:lnTo>
                      <a:pt x="70" y="111"/>
                    </a:lnTo>
                    <a:lnTo>
                      <a:pt x="62" y="94"/>
                    </a:lnTo>
                    <a:lnTo>
                      <a:pt x="54" y="79"/>
                    </a:lnTo>
                    <a:lnTo>
                      <a:pt x="45" y="63"/>
                    </a:lnTo>
                    <a:lnTo>
                      <a:pt x="34" y="49"/>
                    </a:lnTo>
                    <a:close/>
                  </a:path>
                </a:pathLst>
              </a:custGeom>
              <a:grpFill/>
              <a:ln w="9525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76" name="Slagelse kant"/>
              <p:cNvSpPr>
                <a:spLocks/>
              </p:cNvSpPr>
              <p:nvPr/>
            </p:nvSpPr>
            <p:spPr bwMode="auto">
              <a:xfrm>
                <a:off x="2933700" y="5592763"/>
                <a:ext cx="65087" cy="111125"/>
              </a:xfrm>
              <a:custGeom>
                <a:avLst/>
                <a:gdLst>
                  <a:gd name="T0" fmla="*/ 13 w 124"/>
                  <a:gd name="T1" fmla="*/ 15 h 211"/>
                  <a:gd name="T2" fmla="*/ 15 w 124"/>
                  <a:gd name="T3" fmla="*/ 13 h 211"/>
                  <a:gd name="T4" fmla="*/ 16 w 124"/>
                  <a:gd name="T5" fmla="*/ 9 h 211"/>
                  <a:gd name="T6" fmla="*/ 15 w 124"/>
                  <a:gd name="T7" fmla="*/ 7 h 211"/>
                  <a:gd name="T8" fmla="*/ 14 w 124"/>
                  <a:gd name="T9" fmla="*/ 4 h 211"/>
                  <a:gd name="T10" fmla="*/ 11 w 124"/>
                  <a:gd name="T11" fmla="*/ 2 h 211"/>
                  <a:gd name="T12" fmla="*/ 7 w 124"/>
                  <a:gd name="T13" fmla="*/ 1 h 211"/>
                  <a:gd name="T14" fmla="*/ 3 w 124"/>
                  <a:gd name="T15" fmla="*/ 0 h 211"/>
                  <a:gd name="T16" fmla="*/ 0 w 124"/>
                  <a:gd name="T17" fmla="*/ 3 h 211"/>
                  <a:gd name="T18" fmla="*/ 1 w 124"/>
                  <a:gd name="T19" fmla="*/ 6 h 211"/>
                  <a:gd name="T20" fmla="*/ 2 w 124"/>
                  <a:gd name="T21" fmla="*/ 9 h 211"/>
                  <a:gd name="T22" fmla="*/ 3 w 124"/>
                  <a:gd name="T23" fmla="*/ 11 h 211"/>
                  <a:gd name="T24" fmla="*/ 2 w 124"/>
                  <a:gd name="T25" fmla="*/ 19 h 211"/>
                  <a:gd name="T26" fmla="*/ 0 w 124"/>
                  <a:gd name="T27" fmla="*/ 28 h 211"/>
                  <a:gd name="T28" fmla="*/ 1 w 124"/>
                  <a:gd name="T29" fmla="*/ 36 h 211"/>
                  <a:gd name="T30" fmla="*/ 3 w 124"/>
                  <a:gd name="T31" fmla="*/ 44 h 211"/>
                  <a:gd name="T32" fmla="*/ 7 w 124"/>
                  <a:gd name="T33" fmla="*/ 51 h 211"/>
                  <a:gd name="T34" fmla="*/ 12 w 124"/>
                  <a:gd name="T35" fmla="*/ 57 h 211"/>
                  <a:gd name="T36" fmla="*/ 19 w 124"/>
                  <a:gd name="T37" fmla="*/ 61 h 211"/>
                  <a:gd name="T38" fmla="*/ 26 w 124"/>
                  <a:gd name="T39" fmla="*/ 64 h 211"/>
                  <a:gd name="T40" fmla="*/ 31 w 124"/>
                  <a:gd name="T41" fmla="*/ 66 h 211"/>
                  <a:gd name="T42" fmla="*/ 33 w 124"/>
                  <a:gd name="T43" fmla="*/ 68 h 211"/>
                  <a:gd name="T44" fmla="*/ 37 w 124"/>
                  <a:gd name="T45" fmla="*/ 70 h 211"/>
                  <a:gd name="T46" fmla="*/ 41 w 124"/>
                  <a:gd name="T47" fmla="*/ 67 h 211"/>
                  <a:gd name="T48" fmla="*/ 41 w 124"/>
                  <a:gd name="T49" fmla="*/ 62 h 211"/>
                  <a:gd name="T50" fmla="*/ 40 w 124"/>
                  <a:gd name="T51" fmla="*/ 60 h 211"/>
                  <a:gd name="T52" fmla="*/ 39 w 124"/>
                  <a:gd name="T53" fmla="*/ 61 h 211"/>
                  <a:gd name="T54" fmla="*/ 39 w 124"/>
                  <a:gd name="T55" fmla="*/ 63 h 211"/>
                  <a:gd name="T56" fmla="*/ 38 w 124"/>
                  <a:gd name="T57" fmla="*/ 64 h 211"/>
                  <a:gd name="T58" fmla="*/ 36 w 124"/>
                  <a:gd name="T59" fmla="*/ 65 h 211"/>
                  <a:gd name="T60" fmla="*/ 35 w 124"/>
                  <a:gd name="T61" fmla="*/ 65 h 211"/>
                  <a:gd name="T62" fmla="*/ 33 w 124"/>
                  <a:gd name="T63" fmla="*/ 64 h 211"/>
                  <a:gd name="T64" fmla="*/ 33 w 124"/>
                  <a:gd name="T65" fmla="*/ 63 h 211"/>
                  <a:gd name="T66" fmla="*/ 33 w 124"/>
                  <a:gd name="T67" fmla="*/ 61 h 211"/>
                  <a:gd name="T68" fmla="*/ 28 w 124"/>
                  <a:gd name="T69" fmla="*/ 48 h 211"/>
                  <a:gd name="T70" fmla="*/ 21 w 124"/>
                  <a:gd name="T71" fmla="*/ 31 h 211"/>
                  <a:gd name="T72" fmla="*/ 15 w 124"/>
                  <a:gd name="T73" fmla="*/ 21 h 211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0" t="0" r="r" b="b"/>
                <a:pathLst>
                  <a:path w="124" h="211">
                    <a:moveTo>
                      <a:pt x="34" y="49"/>
                    </a:moveTo>
                    <a:lnTo>
                      <a:pt x="40" y="45"/>
                    </a:lnTo>
                    <a:lnTo>
                      <a:pt x="43" y="42"/>
                    </a:lnTo>
                    <a:lnTo>
                      <a:pt x="45" y="38"/>
                    </a:lnTo>
                    <a:lnTo>
                      <a:pt x="46" y="33"/>
                    </a:lnTo>
                    <a:lnTo>
                      <a:pt x="47" y="28"/>
                    </a:lnTo>
                    <a:lnTo>
                      <a:pt x="47" y="24"/>
                    </a:lnTo>
                    <a:lnTo>
                      <a:pt x="45" y="20"/>
                    </a:lnTo>
                    <a:lnTo>
                      <a:pt x="44" y="17"/>
                    </a:lnTo>
                    <a:lnTo>
                      <a:pt x="41" y="12"/>
                    </a:lnTo>
                    <a:lnTo>
                      <a:pt x="36" y="9"/>
                    </a:lnTo>
                    <a:lnTo>
                      <a:pt x="32" y="6"/>
                    </a:lnTo>
                    <a:lnTo>
                      <a:pt x="28" y="4"/>
                    </a:lnTo>
                    <a:lnTo>
                      <a:pt x="22" y="2"/>
                    </a:lnTo>
                    <a:lnTo>
                      <a:pt x="16" y="1"/>
                    </a:lnTo>
                    <a:lnTo>
                      <a:pt x="9" y="0"/>
                    </a:lnTo>
                    <a:lnTo>
                      <a:pt x="2" y="1"/>
                    </a:lnTo>
                    <a:lnTo>
                      <a:pt x="1" y="8"/>
                    </a:lnTo>
                    <a:lnTo>
                      <a:pt x="1" y="13"/>
                    </a:lnTo>
                    <a:lnTo>
                      <a:pt x="3" y="18"/>
                    </a:lnTo>
                    <a:lnTo>
                      <a:pt x="5" y="22"/>
                    </a:lnTo>
                    <a:lnTo>
                      <a:pt x="7" y="26"/>
                    </a:lnTo>
                    <a:lnTo>
                      <a:pt x="9" y="29"/>
                    </a:lnTo>
                    <a:lnTo>
                      <a:pt x="10" y="34"/>
                    </a:lnTo>
                    <a:lnTo>
                      <a:pt x="10" y="41"/>
                    </a:lnTo>
                    <a:lnTo>
                      <a:pt x="5" y="56"/>
                    </a:lnTo>
                    <a:lnTo>
                      <a:pt x="2" y="70"/>
                    </a:lnTo>
                    <a:lnTo>
                      <a:pt x="0" y="84"/>
                    </a:lnTo>
                    <a:lnTo>
                      <a:pt x="0" y="98"/>
                    </a:lnTo>
                    <a:lnTo>
                      <a:pt x="2" y="110"/>
                    </a:lnTo>
                    <a:lnTo>
                      <a:pt x="5" y="123"/>
                    </a:lnTo>
                    <a:lnTo>
                      <a:pt x="9" y="133"/>
                    </a:lnTo>
                    <a:lnTo>
                      <a:pt x="14" y="145"/>
                    </a:lnTo>
                    <a:lnTo>
                      <a:pt x="21" y="155"/>
                    </a:lnTo>
                    <a:lnTo>
                      <a:pt x="28" y="164"/>
                    </a:lnTo>
                    <a:lnTo>
                      <a:pt x="37" y="171"/>
                    </a:lnTo>
                    <a:lnTo>
                      <a:pt x="47" y="179"/>
                    </a:lnTo>
                    <a:lnTo>
                      <a:pt x="57" y="185"/>
                    </a:lnTo>
                    <a:lnTo>
                      <a:pt x="68" y="189"/>
                    </a:lnTo>
                    <a:lnTo>
                      <a:pt x="80" y="193"/>
                    </a:lnTo>
                    <a:lnTo>
                      <a:pt x="91" y="196"/>
                    </a:lnTo>
                    <a:lnTo>
                      <a:pt x="94" y="199"/>
                    </a:lnTo>
                    <a:lnTo>
                      <a:pt x="96" y="202"/>
                    </a:lnTo>
                    <a:lnTo>
                      <a:pt x="101" y="205"/>
                    </a:lnTo>
                    <a:lnTo>
                      <a:pt x="104" y="207"/>
                    </a:lnTo>
                    <a:lnTo>
                      <a:pt x="113" y="210"/>
                    </a:lnTo>
                    <a:lnTo>
                      <a:pt x="124" y="211"/>
                    </a:lnTo>
                    <a:lnTo>
                      <a:pt x="124" y="202"/>
                    </a:lnTo>
                    <a:lnTo>
                      <a:pt x="124" y="191"/>
                    </a:lnTo>
                    <a:lnTo>
                      <a:pt x="123" y="187"/>
                    </a:lnTo>
                    <a:lnTo>
                      <a:pt x="122" y="184"/>
                    </a:lnTo>
                    <a:lnTo>
                      <a:pt x="120" y="181"/>
                    </a:lnTo>
                    <a:lnTo>
                      <a:pt x="115" y="179"/>
                    </a:lnTo>
                    <a:lnTo>
                      <a:pt x="117" y="183"/>
                    </a:lnTo>
                    <a:lnTo>
                      <a:pt x="117" y="186"/>
                    </a:lnTo>
                    <a:lnTo>
                      <a:pt x="117" y="189"/>
                    </a:lnTo>
                    <a:lnTo>
                      <a:pt x="116" y="191"/>
                    </a:lnTo>
                    <a:lnTo>
                      <a:pt x="114" y="193"/>
                    </a:lnTo>
                    <a:lnTo>
                      <a:pt x="112" y="195"/>
                    </a:lnTo>
                    <a:lnTo>
                      <a:pt x="110" y="196"/>
                    </a:lnTo>
                    <a:lnTo>
                      <a:pt x="108" y="196"/>
                    </a:lnTo>
                    <a:lnTo>
                      <a:pt x="105" y="196"/>
                    </a:lnTo>
                    <a:lnTo>
                      <a:pt x="103" y="195"/>
                    </a:lnTo>
                    <a:lnTo>
                      <a:pt x="101" y="193"/>
                    </a:lnTo>
                    <a:lnTo>
                      <a:pt x="100" y="191"/>
                    </a:lnTo>
                    <a:lnTo>
                      <a:pt x="99" y="189"/>
                    </a:lnTo>
                    <a:lnTo>
                      <a:pt x="97" y="186"/>
                    </a:lnTo>
                    <a:lnTo>
                      <a:pt x="99" y="183"/>
                    </a:lnTo>
                    <a:lnTo>
                      <a:pt x="100" y="179"/>
                    </a:lnTo>
                    <a:lnTo>
                      <a:pt x="85" y="145"/>
                    </a:lnTo>
                    <a:lnTo>
                      <a:pt x="70" y="111"/>
                    </a:lnTo>
                    <a:lnTo>
                      <a:pt x="62" y="94"/>
                    </a:lnTo>
                    <a:lnTo>
                      <a:pt x="54" y="79"/>
                    </a:lnTo>
                    <a:lnTo>
                      <a:pt x="45" y="63"/>
                    </a:lnTo>
                    <a:lnTo>
                      <a:pt x="34" y="49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77" name="Slagelse"/>
              <p:cNvSpPr>
                <a:spLocks/>
              </p:cNvSpPr>
              <p:nvPr/>
            </p:nvSpPr>
            <p:spPr bwMode="auto">
              <a:xfrm>
                <a:off x="2865438" y="5230813"/>
                <a:ext cx="349250" cy="457200"/>
              </a:xfrm>
              <a:custGeom>
                <a:avLst/>
                <a:gdLst>
                  <a:gd name="T0" fmla="*/ 211 w 658"/>
                  <a:gd name="T1" fmla="*/ 272 h 864"/>
                  <a:gd name="T2" fmla="*/ 202 w 658"/>
                  <a:gd name="T3" fmla="*/ 275 h 864"/>
                  <a:gd name="T4" fmla="*/ 209 w 658"/>
                  <a:gd name="T5" fmla="*/ 270 h 864"/>
                  <a:gd name="T6" fmla="*/ 197 w 658"/>
                  <a:gd name="T7" fmla="*/ 263 h 864"/>
                  <a:gd name="T8" fmla="*/ 186 w 658"/>
                  <a:gd name="T9" fmla="*/ 261 h 864"/>
                  <a:gd name="T10" fmla="*/ 197 w 658"/>
                  <a:gd name="T11" fmla="*/ 269 h 864"/>
                  <a:gd name="T12" fmla="*/ 196 w 658"/>
                  <a:gd name="T13" fmla="*/ 276 h 864"/>
                  <a:gd name="T14" fmla="*/ 192 w 658"/>
                  <a:gd name="T15" fmla="*/ 274 h 864"/>
                  <a:gd name="T16" fmla="*/ 199 w 658"/>
                  <a:gd name="T17" fmla="*/ 277 h 864"/>
                  <a:gd name="T18" fmla="*/ 195 w 658"/>
                  <a:gd name="T19" fmla="*/ 282 h 864"/>
                  <a:gd name="T20" fmla="*/ 183 w 658"/>
                  <a:gd name="T21" fmla="*/ 282 h 864"/>
                  <a:gd name="T22" fmla="*/ 175 w 658"/>
                  <a:gd name="T23" fmla="*/ 277 h 864"/>
                  <a:gd name="T24" fmla="*/ 170 w 658"/>
                  <a:gd name="T25" fmla="*/ 267 h 864"/>
                  <a:gd name="T26" fmla="*/ 153 w 658"/>
                  <a:gd name="T27" fmla="*/ 274 h 864"/>
                  <a:gd name="T28" fmla="*/ 157 w 658"/>
                  <a:gd name="T29" fmla="*/ 275 h 864"/>
                  <a:gd name="T30" fmla="*/ 155 w 658"/>
                  <a:gd name="T31" fmla="*/ 285 h 864"/>
                  <a:gd name="T32" fmla="*/ 144 w 658"/>
                  <a:gd name="T33" fmla="*/ 287 h 864"/>
                  <a:gd name="T34" fmla="*/ 146 w 658"/>
                  <a:gd name="T35" fmla="*/ 282 h 864"/>
                  <a:gd name="T36" fmla="*/ 134 w 658"/>
                  <a:gd name="T37" fmla="*/ 270 h 864"/>
                  <a:gd name="T38" fmla="*/ 121 w 658"/>
                  <a:gd name="T39" fmla="*/ 275 h 864"/>
                  <a:gd name="T40" fmla="*/ 114 w 658"/>
                  <a:gd name="T41" fmla="*/ 284 h 864"/>
                  <a:gd name="T42" fmla="*/ 79 w 658"/>
                  <a:gd name="T43" fmla="*/ 259 h 864"/>
                  <a:gd name="T44" fmla="*/ 84 w 658"/>
                  <a:gd name="T45" fmla="*/ 250 h 864"/>
                  <a:gd name="T46" fmla="*/ 80 w 658"/>
                  <a:gd name="T47" fmla="*/ 237 h 864"/>
                  <a:gd name="T48" fmla="*/ 94 w 658"/>
                  <a:gd name="T49" fmla="*/ 240 h 864"/>
                  <a:gd name="T50" fmla="*/ 100 w 658"/>
                  <a:gd name="T51" fmla="*/ 240 h 864"/>
                  <a:gd name="T52" fmla="*/ 103 w 658"/>
                  <a:gd name="T53" fmla="*/ 239 h 864"/>
                  <a:gd name="T54" fmla="*/ 99 w 658"/>
                  <a:gd name="T55" fmla="*/ 233 h 864"/>
                  <a:gd name="T56" fmla="*/ 90 w 658"/>
                  <a:gd name="T57" fmla="*/ 234 h 864"/>
                  <a:gd name="T58" fmla="*/ 81 w 658"/>
                  <a:gd name="T59" fmla="*/ 227 h 864"/>
                  <a:gd name="T60" fmla="*/ 75 w 658"/>
                  <a:gd name="T61" fmla="*/ 214 h 864"/>
                  <a:gd name="T62" fmla="*/ 56 w 658"/>
                  <a:gd name="T63" fmla="*/ 191 h 864"/>
                  <a:gd name="T64" fmla="*/ 13 w 658"/>
                  <a:gd name="T65" fmla="*/ 156 h 864"/>
                  <a:gd name="T66" fmla="*/ 4 w 658"/>
                  <a:gd name="T67" fmla="*/ 133 h 864"/>
                  <a:gd name="T68" fmla="*/ 31 w 658"/>
                  <a:gd name="T69" fmla="*/ 121 h 864"/>
                  <a:gd name="T70" fmla="*/ 55 w 658"/>
                  <a:gd name="T71" fmla="*/ 108 h 864"/>
                  <a:gd name="T72" fmla="*/ 56 w 658"/>
                  <a:gd name="T73" fmla="*/ 90 h 864"/>
                  <a:gd name="T74" fmla="*/ 50 w 658"/>
                  <a:gd name="T75" fmla="*/ 78 h 864"/>
                  <a:gd name="T76" fmla="*/ 57 w 658"/>
                  <a:gd name="T77" fmla="*/ 66 h 864"/>
                  <a:gd name="T78" fmla="*/ 53 w 658"/>
                  <a:gd name="T79" fmla="*/ 54 h 864"/>
                  <a:gd name="T80" fmla="*/ 49 w 658"/>
                  <a:gd name="T81" fmla="*/ 45 h 864"/>
                  <a:gd name="T82" fmla="*/ 71 w 658"/>
                  <a:gd name="T83" fmla="*/ 38 h 864"/>
                  <a:gd name="T84" fmla="*/ 94 w 658"/>
                  <a:gd name="T85" fmla="*/ 43 h 864"/>
                  <a:gd name="T86" fmla="*/ 121 w 658"/>
                  <a:gd name="T87" fmla="*/ 43 h 864"/>
                  <a:gd name="T88" fmla="*/ 139 w 658"/>
                  <a:gd name="T89" fmla="*/ 40 h 864"/>
                  <a:gd name="T90" fmla="*/ 167 w 658"/>
                  <a:gd name="T91" fmla="*/ 7 h 864"/>
                  <a:gd name="T92" fmla="*/ 184 w 658"/>
                  <a:gd name="T93" fmla="*/ 1 h 864"/>
                  <a:gd name="T94" fmla="*/ 192 w 658"/>
                  <a:gd name="T95" fmla="*/ 15 h 864"/>
                  <a:gd name="T96" fmla="*/ 182 w 658"/>
                  <a:gd name="T97" fmla="*/ 23 h 864"/>
                  <a:gd name="T98" fmla="*/ 202 w 658"/>
                  <a:gd name="T99" fmla="*/ 48 h 864"/>
                  <a:gd name="T100" fmla="*/ 199 w 658"/>
                  <a:gd name="T101" fmla="*/ 90 h 864"/>
                  <a:gd name="T102" fmla="*/ 196 w 658"/>
                  <a:gd name="T103" fmla="*/ 102 h 864"/>
                  <a:gd name="T104" fmla="*/ 213 w 658"/>
                  <a:gd name="T105" fmla="*/ 124 h 864"/>
                  <a:gd name="T106" fmla="*/ 178 w 658"/>
                  <a:gd name="T107" fmla="*/ 181 h 864"/>
                  <a:gd name="T108" fmla="*/ 193 w 658"/>
                  <a:gd name="T109" fmla="*/ 201 h 864"/>
                  <a:gd name="T110" fmla="*/ 204 w 658"/>
                  <a:gd name="T111" fmla="*/ 238 h 864"/>
                  <a:gd name="T112" fmla="*/ 213 w 658"/>
                  <a:gd name="T113" fmla="*/ 254 h 864"/>
                  <a:gd name="T114" fmla="*/ 219 w 658"/>
                  <a:gd name="T115" fmla="*/ 270 h 864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658" h="864">
                    <a:moveTo>
                      <a:pt x="658" y="829"/>
                    </a:moveTo>
                    <a:lnTo>
                      <a:pt x="650" y="829"/>
                    </a:lnTo>
                    <a:lnTo>
                      <a:pt x="642" y="829"/>
                    </a:lnTo>
                    <a:lnTo>
                      <a:pt x="634" y="829"/>
                    </a:lnTo>
                    <a:lnTo>
                      <a:pt x="626" y="829"/>
                    </a:lnTo>
                    <a:lnTo>
                      <a:pt x="630" y="821"/>
                    </a:lnTo>
                    <a:lnTo>
                      <a:pt x="631" y="816"/>
                    </a:lnTo>
                    <a:lnTo>
                      <a:pt x="631" y="815"/>
                    </a:lnTo>
                    <a:lnTo>
                      <a:pt x="628" y="819"/>
                    </a:lnTo>
                    <a:lnTo>
                      <a:pt x="622" y="822"/>
                    </a:lnTo>
                    <a:lnTo>
                      <a:pt x="616" y="826"/>
                    </a:lnTo>
                    <a:lnTo>
                      <a:pt x="613" y="828"/>
                    </a:lnTo>
                    <a:lnTo>
                      <a:pt x="610" y="829"/>
                    </a:lnTo>
                    <a:lnTo>
                      <a:pt x="606" y="829"/>
                    </a:lnTo>
                    <a:lnTo>
                      <a:pt x="601" y="829"/>
                    </a:lnTo>
                    <a:lnTo>
                      <a:pt x="603" y="826"/>
                    </a:lnTo>
                    <a:lnTo>
                      <a:pt x="605" y="823"/>
                    </a:lnTo>
                    <a:lnTo>
                      <a:pt x="607" y="820"/>
                    </a:lnTo>
                    <a:lnTo>
                      <a:pt x="610" y="818"/>
                    </a:lnTo>
                    <a:lnTo>
                      <a:pt x="613" y="815"/>
                    </a:lnTo>
                    <a:lnTo>
                      <a:pt x="616" y="814"/>
                    </a:lnTo>
                    <a:lnTo>
                      <a:pt x="621" y="813"/>
                    </a:lnTo>
                    <a:lnTo>
                      <a:pt x="626" y="813"/>
                    </a:lnTo>
                    <a:lnTo>
                      <a:pt x="625" y="810"/>
                    </a:lnTo>
                    <a:lnTo>
                      <a:pt x="622" y="807"/>
                    </a:lnTo>
                    <a:lnTo>
                      <a:pt x="620" y="804"/>
                    </a:lnTo>
                    <a:lnTo>
                      <a:pt x="617" y="802"/>
                    </a:lnTo>
                    <a:lnTo>
                      <a:pt x="614" y="800"/>
                    </a:lnTo>
                    <a:lnTo>
                      <a:pt x="611" y="799"/>
                    </a:lnTo>
                    <a:lnTo>
                      <a:pt x="607" y="797"/>
                    </a:lnTo>
                    <a:lnTo>
                      <a:pt x="601" y="797"/>
                    </a:lnTo>
                    <a:lnTo>
                      <a:pt x="589" y="788"/>
                    </a:lnTo>
                    <a:lnTo>
                      <a:pt x="575" y="777"/>
                    </a:lnTo>
                    <a:lnTo>
                      <a:pt x="572" y="775"/>
                    </a:lnTo>
                    <a:lnTo>
                      <a:pt x="569" y="774"/>
                    </a:lnTo>
                    <a:lnTo>
                      <a:pt x="566" y="773"/>
                    </a:lnTo>
                    <a:lnTo>
                      <a:pt x="562" y="774"/>
                    </a:lnTo>
                    <a:lnTo>
                      <a:pt x="560" y="776"/>
                    </a:lnTo>
                    <a:lnTo>
                      <a:pt x="557" y="779"/>
                    </a:lnTo>
                    <a:lnTo>
                      <a:pt x="555" y="783"/>
                    </a:lnTo>
                    <a:lnTo>
                      <a:pt x="553" y="789"/>
                    </a:lnTo>
                    <a:lnTo>
                      <a:pt x="566" y="792"/>
                    </a:lnTo>
                    <a:lnTo>
                      <a:pt x="578" y="794"/>
                    </a:lnTo>
                    <a:lnTo>
                      <a:pt x="581" y="796"/>
                    </a:lnTo>
                    <a:lnTo>
                      <a:pt x="583" y="797"/>
                    </a:lnTo>
                    <a:lnTo>
                      <a:pt x="586" y="800"/>
                    </a:lnTo>
                    <a:lnTo>
                      <a:pt x="588" y="802"/>
                    </a:lnTo>
                    <a:lnTo>
                      <a:pt x="590" y="806"/>
                    </a:lnTo>
                    <a:lnTo>
                      <a:pt x="592" y="810"/>
                    </a:lnTo>
                    <a:lnTo>
                      <a:pt x="593" y="815"/>
                    </a:lnTo>
                    <a:lnTo>
                      <a:pt x="593" y="822"/>
                    </a:lnTo>
                    <a:lnTo>
                      <a:pt x="593" y="825"/>
                    </a:lnTo>
                    <a:lnTo>
                      <a:pt x="592" y="828"/>
                    </a:lnTo>
                    <a:lnTo>
                      <a:pt x="591" y="829"/>
                    </a:lnTo>
                    <a:lnTo>
                      <a:pt x="589" y="829"/>
                    </a:lnTo>
                    <a:lnTo>
                      <a:pt x="587" y="828"/>
                    </a:lnTo>
                    <a:lnTo>
                      <a:pt x="583" y="825"/>
                    </a:lnTo>
                    <a:lnTo>
                      <a:pt x="580" y="821"/>
                    </a:lnTo>
                    <a:lnTo>
                      <a:pt x="577" y="816"/>
                    </a:lnTo>
                    <a:lnTo>
                      <a:pt x="575" y="814"/>
                    </a:lnTo>
                    <a:lnTo>
                      <a:pt x="573" y="813"/>
                    </a:lnTo>
                    <a:lnTo>
                      <a:pt x="571" y="813"/>
                    </a:lnTo>
                    <a:lnTo>
                      <a:pt x="569" y="813"/>
                    </a:lnTo>
                    <a:lnTo>
                      <a:pt x="573" y="822"/>
                    </a:lnTo>
                    <a:lnTo>
                      <a:pt x="581" y="831"/>
                    </a:lnTo>
                    <a:lnTo>
                      <a:pt x="586" y="834"/>
                    </a:lnTo>
                    <a:lnTo>
                      <a:pt x="589" y="836"/>
                    </a:lnTo>
                    <a:lnTo>
                      <a:pt x="591" y="835"/>
                    </a:lnTo>
                    <a:lnTo>
                      <a:pt x="592" y="834"/>
                    </a:lnTo>
                    <a:lnTo>
                      <a:pt x="593" y="832"/>
                    </a:lnTo>
                    <a:lnTo>
                      <a:pt x="593" y="829"/>
                    </a:lnTo>
                    <a:lnTo>
                      <a:pt x="596" y="830"/>
                    </a:lnTo>
                    <a:lnTo>
                      <a:pt x="598" y="830"/>
                    </a:lnTo>
                    <a:lnTo>
                      <a:pt x="600" y="831"/>
                    </a:lnTo>
                    <a:lnTo>
                      <a:pt x="600" y="833"/>
                    </a:lnTo>
                    <a:lnTo>
                      <a:pt x="600" y="836"/>
                    </a:lnTo>
                    <a:lnTo>
                      <a:pt x="597" y="840"/>
                    </a:lnTo>
                    <a:lnTo>
                      <a:pt x="593" y="844"/>
                    </a:lnTo>
                    <a:lnTo>
                      <a:pt x="588" y="846"/>
                    </a:lnTo>
                    <a:lnTo>
                      <a:pt x="582" y="847"/>
                    </a:lnTo>
                    <a:lnTo>
                      <a:pt x="577" y="846"/>
                    </a:lnTo>
                    <a:lnTo>
                      <a:pt x="576" y="844"/>
                    </a:lnTo>
                    <a:lnTo>
                      <a:pt x="575" y="843"/>
                    </a:lnTo>
                    <a:lnTo>
                      <a:pt x="573" y="842"/>
                    </a:lnTo>
                    <a:lnTo>
                      <a:pt x="571" y="842"/>
                    </a:lnTo>
                    <a:lnTo>
                      <a:pt x="565" y="842"/>
                    </a:lnTo>
                    <a:lnTo>
                      <a:pt x="557" y="844"/>
                    </a:lnTo>
                    <a:lnTo>
                      <a:pt x="548" y="846"/>
                    </a:lnTo>
                    <a:lnTo>
                      <a:pt x="538" y="848"/>
                    </a:lnTo>
                    <a:lnTo>
                      <a:pt x="534" y="848"/>
                    </a:lnTo>
                    <a:lnTo>
                      <a:pt x="529" y="848"/>
                    </a:lnTo>
                    <a:lnTo>
                      <a:pt x="525" y="847"/>
                    </a:lnTo>
                    <a:lnTo>
                      <a:pt x="520" y="846"/>
                    </a:lnTo>
                    <a:lnTo>
                      <a:pt x="522" y="840"/>
                    </a:lnTo>
                    <a:lnTo>
                      <a:pt x="522" y="834"/>
                    </a:lnTo>
                    <a:lnTo>
                      <a:pt x="522" y="830"/>
                    </a:lnTo>
                    <a:lnTo>
                      <a:pt x="521" y="826"/>
                    </a:lnTo>
                    <a:lnTo>
                      <a:pt x="518" y="820"/>
                    </a:lnTo>
                    <a:lnTo>
                      <a:pt x="513" y="815"/>
                    </a:lnTo>
                    <a:lnTo>
                      <a:pt x="509" y="811"/>
                    </a:lnTo>
                    <a:lnTo>
                      <a:pt x="507" y="808"/>
                    </a:lnTo>
                    <a:lnTo>
                      <a:pt x="507" y="806"/>
                    </a:lnTo>
                    <a:lnTo>
                      <a:pt x="508" y="803"/>
                    </a:lnTo>
                    <a:lnTo>
                      <a:pt x="509" y="801"/>
                    </a:lnTo>
                    <a:lnTo>
                      <a:pt x="512" y="797"/>
                    </a:lnTo>
                    <a:lnTo>
                      <a:pt x="503" y="797"/>
                    </a:lnTo>
                    <a:lnTo>
                      <a:pt x="496" y="797"/>
                    </a:lnTo>
                    <a:lnTo>
                      <a:pt x="488" y="799"/>
                    </a:lnTo>
                    <a:lnTo>
                      <a:pt x="480" y="802"/>
                    </a:lnTo>
                    <a:lnTo>
                      <a:pt x="474" y="806"/>
                    </a:lnTo>
                    <a:lnTo>
                      <a:pt x="469" y="810"/>
                    </a:lnTo>
                    <a:lnTo>
                      <a:pt x="458" y="821"/>
                    </a:lnTo>
                    <a:lnTo>
                      <a:pt x="447" y="829"/>
                    </a:lnTo>
                    <a:lnTo>
                      <a:pt x="452" y="830"/>
                    </a:lnTo>
                    <a:lnTo>
                      <a:pt x="456" y="829"/>
                    </a:lnTo>
                    <a:lnTo>
                      <a:pt x="460" y="828"/>
                    </a:lnTo>
                    <a:lnTo>
                      <a:pt x="463" y="826"/>
                    </a:lnTo>
                    <a:lnTo>
                      <a:pt x="466" y="825"/>
                    </a:lnTo>
                    <a:lnTo>
                      <a:pt x="468" y="825"/>
                    </a:lnTo>
                    <a:lnTo>
                      <a:pt x="470" y="826"/>
                    </a:lnTo>
                    <a:lnTo>
                      <a:pt x="472" y="829"/>
                    </a:lnTo>
                    <a:lnTo>
                      <a:pt x="470" y="836"/>
                    </a:lnTo>
                    <a:lnTo>
                      <a:pt x="467" y="841"/>
                    </a:lnTo>
                    <a:lnTo>
                      <a:pt x="464" y="843"/>
                    </a:lnTo>
                    <a:lnTo>
                      <a:pt x="463" y="846"/>
                    </a:lnTo>
                    <a:lnTo>
                      <a:pt x="463" y="849"/>
                    </a:lnTo>
                    <a:lnTo>
                      <a:pt x="463" y="854"/>
                    </a:lnTo>
                    <a:lnTo>
                      <a:pt x="463" y="856"/>
                    </a:lnTo>
                    <a:lnTo>
                      <a:pt x="463" y="859"/>
                    </a:lnTo>
                    <a:lnTo>
                      <a:pt x="462" y="860"/>
                    </a:lnTo>
                    <a:lnTo>
                      <a:pt x="460" y="862"/>
                    </a:lnTo>
                    <a:lnTo>
                      <a:pt x="454" y="863"/>
                    </a:lnTo>
                    <a:lnTo>
                      <a:pt x="447" y="864"/>
                    </a:lnTo>
                    <a:lnTo>
                      <a:pt x="440" y="863"/>
                    </a:lnTo>
                    <a:lnTo>
                      <a:pt x="434" y="862"/>
                    </a:lnTo>
                    <a:lnTo>
                      <a:pt x="432" y="860"/>
                    </a:lnTo>
                    <a:lnTo>
                      <a:pt x="431" y="859"/>
                    </a:lnTo>
                    <a:lnTo>
                      <a:pt x="430" y="856"/>
                    </a:lnTo>
                    <a:lnTo>
                      <a:pt x="431" y="854"/>
                    </a:lnTo>
                    <a:lnTo>
                      <a:pt x="434" y="853"/>
                    </a:lnTo>
                    <a:lnTo>
                      <a:pt x="436" y="852"/>
                    </a:lnTo>
                    <a:lnTo>
                      <a:pt x="437" y="851"/>
                    </a:lnTo>
                    <a:lnTo>
                      <a:pt x="437" y="849"/>
                    </a:lnTo>
                    <a:lnTo>
                      <a:pt x="436" y="846"/>
                    </a:lnTo>
                    <a:lnTo>
                      <a:pt x="433" y="842"/>
                    </a:lnTo>
                    <a:lnTo>
                      <a:pt x="422" y="834"/>
                    </a:lnTo>
                    <a:lnTo>
                      <a:pt x="415" y="829"/>
                    </a:lnTo>
                    <a:lnTo>
                      <a:pt x="415" y="818"/>
                    </a:lnTo>
                    <a:lnTo>
                      <a:pt x="415" y="805"/>
                    </a:lnTo>
                    <a:lnTo>
                      <a:pt x="410" y="808"/>
                    </a:lnTo>
                    <a:lnTo>
                      <a:pt x="406" y="810"/>
                    </a:lnTo>
                    <a:lnTo>
                      <a:pt x="400" y="811"/>
                    </a:lnTo>
                    <a:lnTo>
                      <a:pt x="395" y="812"/>
                    </a:lnTo>
                    <a:lnTo>
                      <a:pt x="386" y="812"/>
                    </a:lnTo>
                    <a:lnTo>
                      <a:pt x="376" y="813"/>
                    </a:lnTo>
                    <a:lnTo>
                      <a:pt x="372" y="813"/>
                    </a:lnTo>
                    <a:lnTo>
                      <a:pt x="369" y="815"/>
                    </a:lnTo>
                    <a:lnTo>
                      <a:pt x="367" y="818"/>
                    </a:lnTo>
                    <a:lnTo>
                      <a:pt x="364" y="821"/>
                    </a:lnTo>
                    <a:lnTo>
                      <a:pt x="363" y="825"/>
                    </a:lnTo>
                    <a:lnTo>
                      <a:pt x="363" y="830"/>
                    </a:lnTo>
                    <a:lnTo>
                      <a:pt x="363" y="838"/>
                    </a:lnTo>
                    <a:lnTo>
                      <a:pt x="366" y="846"/>
                    </a:lnTo>
                    <a:lnTo>
                      <a:pt x="357" y="846"/>
                    </a:lnTo>
                    <a:lnTo>
                      <a:pt x="350" y="846"/>
                    </a:lnTo>
                    <a:lnTo>
                      <a:pt x="347" y="847"/>
                    </a:lnTo>
                    <a:lnTo>
                      <a:pt x="344" y="849"/>
                    </a:lnTo>
                    <a:lnTo>
                      <a:pt x="342" y="851"/>
                    </a:lnTo>
                    <a:lnTo>
                      <a:pt x="341" y="854"/>
                    </a:lnTo>
                    <a:lnTo>
                      <a:pt x="318" y="843"/>
                    </a:lnTo>
                    <a:lnTo>
                      <a:pt x="293" y="833"/>
                    </a:lnTo>
                    <a:lnTo>
                      <a:pt x="268" y="824"/>
                    </a:lnTo>
                    <a:lnTo>
                      <a:pt x="243" y="813"/>
                    </a:lnTo>
                    <a:lnTo>
                      <a:pt x="240" y="799"/>
                    </a:lnTo>
                    <a:lnTo>
                      <a:pt x="236" y="784"/>
                    </a:lnTo>
                    <a:lnTo>
                      <a:pt x="236" y="776"/>
                    </a:lnTo>
                    <a:lnTo>
                      <a:pt x="236" y="769"/>
                    </a:lnTo>
                    <a:lnTo>
                      <a:pt x="237" y="766"/>
                    </a:lnTo>
                    <a:lnTo>
                      <a:pt x="239" y="763"/>
                    </a:lnTo>
                    <a:lnTo>
                      <a:pt x="241" y="760"/>
                    </a:lnTo>
                    <a:lnTo>
                      <a:pt x="243" y="756"/>
                    </a:lnTo>
                    <a:lnTo>
                      <a:pt x="248" y="755"/>
                    </a:lnTo>
                    <a:lnTo>
                      <a:pt x="250" y="754"/>
                    </a:lnTo>
                    <a:lnTo>
                      <a:pt x="250" y="751"/>
                    </a:lnTo>
                    <a:lnTo>
                      <a:pt x="250" y="749"/>
                    </a:lnTo>
                    <a:lnTo>
                      <a:pt x="245" y="743"/>
                    </a:lnTo>
                    <a:lnTo>
                      <a:pt x="241" y="734"/>
                    </a:lnTo>
                    <a:lnTo>
                      <a:pt x="237" y="727"/>
                    </a:lnTo>
                    <a:lnTo>
                      <a:pt x="234" y="720"/>
                    </a:lnTo>
                    <a:lnTo>
                      <a:pt x="235" y="715"/>
                    </a:lnTo>
                    <a:lnTo>
                      <a:pt x="236" y="712"/>
                    </a:lnTo>
                    <a:lnTo>
                      <a:pt x="239" y="710"/>
                    </a:lnTo>
                    <a:lnTo>
                      <a:pt x="243" y="708"/>
                    </a:lnTo>
                    <a:lnTo>
                      <a:pt x="252" y="709"/>
                    </a:lnTo>
                    <a:lnTo>
                      <a:pt x="259" y="712"/>
                    </a:lnTo>
                    <a:lnTo>
                      <a:pt x="265" y="715"/>
                    </a:lnTo>
                    <a:lnTo>
                      <a:pt x="271" y="719"/>
                    </a:lnTo>
                    <a:lnTo>
                      <a:pt x="274" y="720"/>
                    </a:lnTo>
                    <a:lnTo>
                      <a:pt x="277" y="720"/>
                    </a:lnTo>
                    <a:lnTo>
                      <a:pt x="280" y="720"/>
                    </a:lnTo>
                    <a:lnTo>
                      <a:pt x="284" y="720"/>
                    </a:lnTo>
                    <a:lnTo>
                      <a:pt x="288" y="717"/>
                    </a:lnTo>
                    <a:lnTo>
                      <a:pt x="292" y="715"/>
                    </a:lnTo>
                    <a:lnTo>
                      <a:pt x="296" y="712"/>
                    </a:lnTo>
                    <a:lnTo>
                      <a:pt x="300" y="708"/>
                    </a:lnTo>
                    <a:lnTo>
                      <a:pt x="301" y="712"/>
                    </a:lnTo>
                    <a:lnTo>
                      <a:pt x="300" y="716"/>
                    </a:lnTo>
                    <a:lnTo>
                      <a:pt x="299" y="721"/>
                    </a:lnTo>
                    <a:lnTo>
                      <a:pt x="297" y="724"/>
                    </a:lnTo>
                    <a:lnTo>
                      <a:pt x="296" y="727"/>
                    </a:lnTo>
                    <a:lnTo>
                      <a:pt x="296" y="729"/>
                    </a:lnTo>
                    <a:lnTo>
                      <a:pt x="297" y="730"/>
                    </a:lnTo>
                    <a:lnTo>
                      <a:pt x="300" y="732"/>
                    </a:lnTo>
                    <a:lnTo>
                      <a:pt x="303" y="729"/>
                    </a:lnTo>
                    <a:lnTo>
                      <a:pt x="305" y="724"/>
                    </a:lnTo>
                    <a:lnTo>
                      <a:pt x="308" y="717"/>
                    </a:lnTo>
                    <a:lnTo>
                      <a:pt x="310" y="711"/>
                    </a:lnTo>
                    <a:lnTo>
                      <a:pt x="311" y="704"/>
                    </a:lnTo>
                    <a:lnTo>
                      <a:pt x="310" y="697"/>
                    </a:lnTo>
                    <a:lnTo>
                      <a:pt x="309" y="695"/>
                    </a:lnTo>
                    <a:lnTo>
                      <a:pt x="307" y="693"/>
                    </a:lnTo>
                    <a:lnTo>
                      <a:pt x="304" y="692"/>
                    </a:lnTo>
                    <a:lnTo>
                      <a:pt x="300" y="691"/>
                    </a:lnTo>
                    <a:lnTo>
                      <a:pt x="297" y="700"/>
                    </a:lnTo>
                    <a:lnTo>
                      <a:pt x="291" y="706"/>
                    </a:lnTo>
                    <a:lnTo>
                      <a:pt x="284" y="712"/>
                    </a:lnTo>
                    <a:lnTo>
                      <a:pt x="276" y="715"/>
                    </a:lnTo>
                    <a:lnTo>
                      <a:pt x="277" y="712"/>
                    </a:lnTo>
                    <a:lnTo>
                      <a:pt x="276" y="709"/>
                    </a:lnTo>
                    <a:lnTo>
                      <a:pt x="275" y="707"/>
                    </a:lnTo>
                    <a:lnTo>
                      <a:pt x="273" y="705"/>
                    </a:lnTo>
                    <a:lnTo>
                      <a:pt x="269" y="703"/>
                    </a:lnTo>
                    <a:lnTo>
                      <a:pt x="262" y="702"/>
                    </a:lnTo>
                    <a:lnTo>
                      <a:pt x="256" y="701"/>
                    </a:lnTo>
                    <a:lnTo>
                      <a:pt x="251" y="700"/>
                    </a:lnTo>
                    <a:lnTo>
                      <a:pt x="248" y="697"/>
                    </a:lnTo>
                    <a:lnTo>
                      <a:pt x="247" y="696"/>
                    </a:lnTo>
                    <a:lnTo>
                      <a:pt x="244" y="694"/>
                    </a:lnTo>
                    <a:lnTo>
                      <a:pt x="243" y="691"/>
                    </a:lnTo>
                    <a:lnTo>
                      <a:pt x="243" y="682"/>
                    </a:lnTo>
                    <a:lnTo>
                      <a:pt x="243" y="671"/>
                    </a:lnTo>
                    <a:lnTo>
                      <a:pt x="242" y="667"/>
                    </a:lnTo>
                    <a:lnTo>
                      <a:pt x="241" y="664"/>
                    </a:lnTo>
                    <a:lnTo>
                      <a:pt x="239" y="661"/>
                    </a:lnTo>
                    <a:lnTo>
                      <a:pt x="236" y="659"/>
                    </a:lnTo>
                    <a:lnTo>
                      <a:pt x="231" y="653"/>
                    </a:lnTo>
                    <a:lnTo>
                      <a:pt x="228" y="647"/>
                    </a:lnTo>
                    <a:lnTo>
                      <a:pt x="224" y="641"/>
                    </a:lnTo>
                    <a:lnTo>
                      <a:pt x="222" y="632"/>
                    </a:lnTo>
                    <a:lnTo>
                      <a:pt x="220" y="624"/>
                    </a:lnTo>
                    <a:lnTo>
                      <a:pt x="219" y="614"/>
                    </a:lnTo>
                    <a:lnTo>
                      <a:pt x="219" y="605"/>
                    </a:lnTo>
                    <a:lnTo>
                      <a:pt x="219" y="594"/>
                    </a:lnTo>
                    <a:lnTo>
                      <a:pt x="200" y="587"/>
                    </a:lnTo>
                    <a:lnTo>
                      <a:pt x="183" y="580"/>
                    </a:lnTo>
                    <a:lnTo>
                      <a:pt x="166" y="572"/>
                    </a:lnTo>
                    <a:lnTo>
                      <a:pt x="152" y="563"/>
                    </a:lnTo>
                    <a:lnTo>
                      <a:pt x="137" y="553"/>
                    </a:lnTo>
                    <a:lnTo>
                      <a:pt x="123" y="543"/>
                    </a:lnTo>
                    <a:lnTo>
                      <a:pt x="111" y="532"/>
                    </a:lnTo>
                    <a:lnTo>
                      <a:pt x="98" y="522"/>
                    </a:lnTo>
                    <a:lnTo>
                      <a:pt x="75" y="499"/>
                    </a:lnTo>
                    <a:lnTo>
                      <a:pt x="52" y="478"/>
                    </a:lnTo>
                    <a:lnTo>
                      <a:pt x="39" y="468"/>
                    </a:lnTo>
                    <a:lnTo>
                      <a:pt x="26" y="457"/>
                    </a:lnTo>
                    <a:lnTo>
                      <a:pt x="14" y="448"/>
                    </a:lnTo>
                    <a:lnTo>
                      <a:pt x="0" y="439"/>
                    </a:lnTo>
                    <a:lnTo>
                      <a:pt x="1" y="430"/>
                    </a:lnTo>
                    <a:lnTo>
                      <a:pt x="2" y="421"/>
                    </a:lnTo>
                    <a:lnTo>
                      <a:pt x="5" y="413"/>
                    </a:lnTo>
                    <a:lnTo>
                      <a:pt x="7" y="406"/>
                    </a:lnTo>
                    <a:lnTo>
                      <a:pt x="12" y="399"/>
                    </a:lnTo>
                    <a:lnTo>
                      <a:pt x="16" y="394"/>
                    </a:lnTo>
                    <a:lnTo>
                      <a:pt x="20" y="389"/>
                    </a:lnTo>
                    <a:lnTo>
                      <a:pt x="25" y="385"/>
                    </a:lnTo>
                    <a:lnTo>
                      <a:pt x="36" y="378"/>
                    </a:lnTo>
                    <a:lnTo>
                      <a:pt x="49" y="373"/>
                    </a:lnTo>
                    <a:lnTo>
                      <a:pt x="62" y="369"/>
                    </a:lnTo>
                    <a:lnTo>
                      <a:pt x="77" y="366"/>
                    </a:lnTo>
                    <a:lnTo>
                      <a:pt x="92" y="363"/>
                    </a:lnTo>
                    <a:lnTo>
                      <a:pt x="106" y="359"/>
                    </a:lnTo>
                    <a:lnTo>
                      <a:pt x="120" y="354"/>
                    </a:lnTo>
                    <a:lnTo>
                      <a:pt x="135" y="349"/>
                    </a:lnTo>
                    <a:lnTo>
                      <a:pt x="141" y="345"/>
                    </a:lnTo>
                    <a:lnTo>
                      <a:pt x="148" y="342"/>
                    </a:lnTo>
                    <a:lnTo>
                      <a:pt x="154" y="336"/>
                    </a:lnTo>
                    <a:lnTo>
                      <a:pt x="160" y="331"/>
                    </a:lnTo>
                    <a:lnTo>
                      <a:pt x="165" y="325"/>
                    </a:lnTo>
                    <a:lnTo>
                      <a:pt x="170" y="317"/>
                    </a:lnTo>
                    <a:lnTo>
                      <a:pt x="175" y="310"/>
                    </a:lnTo>
                    <a:lnTo>
                      <a:pt x="179" y="302"/>
                    </a:lnTo>
                    <a:lnTo>
                      <a:pt x="180" y="294"/>
                    </a:lnTo>
                    <a:lnTo>
                      <a:pt x="179" y="289"/>
                    </a:lnTo>
                    <a:lnTo>
                      <a:pt x="178" y="284"/>
                    </a:lnTo>
                    <a:lnTo>
                      <a:pt x="175" y="278"/>
                    </a:lnTo>
                    <a:lnTo>
                      <a:pt x="168" y="270"/>
                    </a:lnTo>
                    <a:lnTo>
                      <a:pt x="158" y="263"/>
                    </a:lnTo>
                    <a:lnTo>
                      <a:pt x="155" y="259"/>
                    </a:lnTo>
                    <a:lnTo>
                      <a:pt x="151" y="255"/>
                    </a:lnTo>
                    <a:lnTo>
                      <a:pt x="149" y="252"/>
                    </a:lnTo>
                    <a:lnTo>
                      <a:pt x="146" y="248"/>
                    </a:lnTo>
                    <a:lnTo>
                      <a:pt x="145" y="244"/>
                    </a:lnTo>
                    <a:lnTo>
                      <a:pt x="146" y="239"/>
                    </a:lnTo>
                    <a:lnTo>
                      <a:pt x="150" y="234"/>
                    </a:lnTo>
                    <a:lnTo>
                      <a:pt x="155" y="228"/>
                    </a:lnTo>
                    <a:lnTo>
                      <a:pt x="156" y="230"/>
                    </a:lnTo>
                    <a:lnTo>
                      <a:pt x="158" y="230"/>
                    </a:lnTo>
                    <a:lnTo>
                      <a:pt x="159" y="229"/>
                    </a:lnTo>
                    <a:lnTo>
                      <a:pt x="161" y="227"/>
                    </a:lnTo>
                    <a:lnTo>
                      <a:pt x="164" y="219"/>
                    </a:lnTo>
                    <a:lnTo>
                      <a:pt x="166" y="210"/>
                    </a:lnTo>
                    <a:lnTo>
                      <a:pt x="169" y="198"/>
                    </a:lnTo>
                    <a:lnTo>
                      <a:pt x="171" y="186"/>
                    </a:lnTo>
                    <a:lnTo>
                      <a:pt x="171" y="173"/>
                    </a:lnTo>
                    <a:lnTo>
                      <a:pt x="171" y="164"/>
                    </a:lnTo>
                    <a:lnTo>
                      <a:pt x="170" y="159"/>
                    </a:lnTo>
                    <a:lnTo>
                      <a:pt x="168" y="158"/>
                    </a:lnTo>
                    <a:lnTo>
                      <a:pt x="166" y="158"/>
                    </a:lnTo>
                    <a:lnTo>
                      <a:pt x="164" y="159"/>
                    </a:lnTo>
                    <a:lnTo>
                      <a:pt x="160" y="161"/>
                    </a:lnTo>
                    <a:lnTo>
                      <a:pt x="155" y="164"/>
                    </a:lnTo>
                    <a:lnTo>
                      <a:pt x="155" y="158"/>
                    </a:lnTo>
                    <a:lnTo>
                      <a:pt x="154" y="154"/>
                    </a:lnTo>
                    <a:lnTo>
                      <a:pt x="153" y="150"/>
                    </a:lnTo>
                    <a:lnTo>
                      <a:pt x="151" y="147"/>
                    </a:lnTo>
                    <a:lnTo>
                      <a:pt x="149" y="144"/>
                    </a:lnTo>
                    <a:lnTo>
                      <a:pt x="148" y="139"/>
                    </a:lnTo>
                    <a:lnTo>
                      <a:pt x="146" y="135"/>
                    </a:lnTo>
                    <a:lnTo>
                      <a:pt x="146" y="131"/>
                    </a:lnTo>
                    <a:lnTo>
                      <a:pt x="154" y="132"/>
                    </a:lnTo>
                    <a:lnTo>
                      <a:pt x="161" y="132"/>
                    </a:lnTo>
                    <a:lnTo>
                      <a:pt x="168" y="132"/>
                    </a:lnTo>
                    <a:lnTo>
                      <a:pt x="174" y="132"/>
                    </a:lnTo>
                    <a:lnTo>
                      <a:pt x="184" y="129"/>
                    </a:lnTo>
                    <a:lnTo>
                      <a:pt x="194" y="126"/>
                    </a:lnTo>
                    <a:lnTo>
                      <a:pt x="211" y="115"/>
                    </a:lnTo>
                    <a:lnTo>
                      <a:pt x="228" y="107"/>
                    </a:lnTo>
                    <a:lnTo>
                      <a:pt x="234" y="114"/>
                    </a:lnTo>
                    <a:lnTo>
                      <a:pt x="241" y="120"/>
                    </a:lnTo>
                    <a:lnTo>
                      <a:pt x="249" y="125"/>
                    </a:lnTo>
                    <a:lnTo>
                      <a:pt x="257" y="128"/>
                    </a:lnTo>
                    <a:lnTo>
                      <a:pt x="264" y="129"/>
                    </a:lnTo>
                    <a:lnTo>
                      <a:pt x="273" y="129"/>
                    </a:lnTo>
                    <a:lnTo>
                      <a:pt x="281" y="128"/>
                    </a:lnTo>
                    <a:lnTo>
                      <a:pt x="290" y="125"/>
                    </a:lnTo>
                    <a:lnTo>
                      <a:pt x="305" y="117"/>
                    </a:lnTo>
                    <a:lnTo>
                      <a:pt x="321" y="109"/>
                    </a:lnTo>
                    <a:lnTo>
                      <a:pt x="336" y="99"/>
                    </a:lnTo>
                    <a:lnTo>
                      <a:pt x="350" y="90"/>
                    </a:lnTo>
                    <a:lnTo>
                      <a:pt x="352" y="104"/>
                    </a:lnTo>
                    <a:lnTo>
                      <a:pt x="356" y="116"/>
                    </a:lnTo>
                    <a:lnTo>
                      <a:pt x="361" y="128"/>
                    </a:lnTo>
                    <a:lnTo>
                      <a:pt x="366" y="138"/>
                    </a:lnTo>
                    <a:lnTo>
                      <a:pt x="374" y="137"/>
                    </a:lnTo>
                    <a:lnTo>
                      <a:pt x="382" y="136"/>
                    </a:lnTo>
                    <a:lnTo>
                      <a:pt x="390" y="134"/>
                    </a:lnTo>
                    <a:lnTo>
                      <a:pt x="397" y="132"/>
                    </a:lnTo>
                    <a:lnTo>
                      <a:pt x="403" y="129"/>
                    </a:lnTo>
                    <a:lnTo>
                      <a:pt x="410" y="126"/>
                    </a:lnTo>
                    <a:lnTo>
                      <a:pt x="416" y="121"/>
                    </a:lnTo>
                    <a:lnTo>
                      <a:pt x="421" y="117"/>
                    </a:lnTo>
                    <a:lnTo>
                      <a:pt x="432" y="108"/>
                    </a:lnTo>
                    <a:lnTo>
                      <a:pt x="440" y="97"/>
                    </a:lnTo>
                    <a:lnTo>
                      <a:pt x="449" y="87"/>
                    </a:lnTo>
                    <a:lnTo>
                      <a:pt x="457" y="75"/>
                    </a:lnTo>
                    <a:lnTo>
                      <a:pt x="473" y="52"/>
                    </a:lnTo>
                    <a:lnTo>
                      <a:pt x="490" y="31"/>
                    </a:lnTo>
                    <a:lnTo>
                      <a:pt x="499" y="21"/>
                    </a:lnTo>
                    <a:lnTo>
                      <a:pt x="510" y="13"/>
                    </a:lnTo>
                    <a:lnTo>
                      <a:pt x="516" y="9"/>
                    </a:lnTo>
                    <a:lnTo>
                      <a:pt x="522" y="6"/>
                    </a:lnTo>
                    <a:lnTo>
                      <a:pt x="529" y="2"/>
                    </a:lnTo>
                    <a:lnTo>
                      <a:pt x="536" y="0"/>
                    </a:lnTo>
                    <a:lnTo>
                      <a:pt x="541" y="0"/>
                    </a:lnTo>
                    <a:lnTo>
                      <a:pt x="546" y="1"/>
                    </a:lnTo>
                    <a:lnTo>
                      <a:pt x="550" y="2"/>
                    </a:lnTo>
                    <a:lnTo>
                      <a:pt x="553" y="5"/>
                    </a:lnTo>
                    <a:lnTo>
                      <a:pt x="558" y="10"/>
                    </a:lnTo>
                    <a:lnTo>
                      <a:pt x="561" y="16"/>
                    </a:lnTo>
                    <a:lnTo>
                      <a:pt x="566" y="22"/>
                    </a:lnTo>
                    <a:lnTo>
                      <a:pt x="569" y="30"/>
                    </a:lnTo>
                    <a:lnTo>
                      <a:pt x="572" y="36"/>
                    </a:lnTo>
                    <a:lnTo>
                      <a:pt x="577" y="41"/>
                    </a:lnTo>
                    <a:lnTo>
                      <a:pt x="573" y="46"/>
                    </a:lnTo>
                    <a:lnTo>
                      <a:pt x="568" y="48"/>
                    </a:lnTo>
                    <a:lnTo>
                      <a:pt x="562" y="51"/>
                    </a:lnTo>
                    <a:lnTo>
                      <a:pt x="557" y="53"/>
                    </a:lnTo>
                    <a:lnTo>
                      <a:pt x="552" y="56"/>
                    </a:lnTo>
                    <a:lnTo>
                      <a:pt x="548" y="60"/>
                    </a:lnTo>
                    <a:lnTo>
                      <a:pt x="547" y="64"/>
                    </a:lnTo>
                    <a:lnTo>
                      <a:pt x="546" y="67"/>
                    </a:lnTo>
                    <a:lnTo>
                      <a:pt x="545" y="70"/>
                    </a:lnTo>
                    <a:lnTo>
                      <a:pt x="545" y="74"/>
                    </a:lnTo>
                    <a:lnTo>
                      <a:pt x="558" y="84"/>
                    </a:lnTo>
                    <a:lnTo>
                      <a:pt x="570" y="93"/>
                    </a:lnTo>
                    <a:lnTo>
                      <a:pt x="579" y="103"/>
                    </a:lnTo>
                    <a:lnTo>
                      <a:pt x="588" y="112"/>
                    </a:lnTo>
                    <a:lnTo>
                      <a:pt x="594" y="123"/>
                    </a:lnTo>
                    <a:lnTo>
                      <a:pt x="600" y="133"/>
                    </a:lnTo>
                    <a:lnTo>
                      <a:pt x="605" y="144"/>
                    </a:lnTo>
                    <a:lnTo>
                      <a:pt x="609" y="155"/>
                    </a:lnTo>
                    <a:lnTo>
                      <a:pt x="614" y="179"/>
                    </a:lnTo>
                    <a:lnTo>
                      <a:pt x="617" y="206"/>
                    </a:lnTo>
                    <a:lnTo>
                      <a:pt x="621" y="235"/>
                    </a:lnTo>
                    <a:lnTo>
                      <a:pt x="626" y="269"/>
                    </a:lnTo>
                    <a:lnTo>
                      <a:pt x="615" y="268"/>
                    </a:lnTo>
                    <a:lnTo>
                      <a:pt x="605" y="268"/>
                    </a:lnTo>
                    <a:lnTo>
                      <a:pt x="596" y="269"/>
                    </a:lnTo>
                    <a:lnTo>
                      <a:pt x="588" y="272"/>
                    </a:lnTo>
                    <a:lnTo>
                      <a:pt x="581" y="275"/>
                    </a:lnTo>
                    <a:lnTo>
                      <a:pt x="576" y="280"/>
                    </a:lnTo>
                    <a:lnTo>
                      <a:pt x="572" y="286"/>
                    </a:lnTo>
                    <a:lnTo>
                      <a:pt x="569" y="293"/>
                    </a:lnTo>
                    <a:lnTo>
                      <a:pt x="575" y="296"/>
                    </a:lnTo>
                    <a:lnTo>
                      <a:pt x="581" y="300"/>
                    </a:lnTo>
                    <a:lnTo>
                      <a:pt x="586" y="305"/>
                    </a:lnTo>
                    <a:lnTo>
                      <a:pt x="591" y="310"/>
                    </a:lnTo>
                    <a:lnTo>
                      <a:pt x="599" y="322"/>
                    </a:lnTo>
                    <a:lnTo>
                      <a:pt x="607" y="333"/>
                    </a:lnTo>
                    <a:lnTo>
                      <a:pt x="614" y="345"/>
                    </a:lnTo>
                    <a:lnTo>
                      <a:pt x="621" y="356"/>
                    </a:lnTo>
                    <a:lnTo>
                      <a:pt x="626" y="362"/>
                    </a:lnTo>
                    <a:lnTo>
                      <a:pt x="631" y="367"/>
                    </a:lnTo>
                    <a:lnTo>
                      <a:pt x="636" y="371"/>
                    </a:lnTo>
                    <a:lnTo>
                      <a:pt x="642" y="374"/>
                    </a:lnTo>
                    <a:lnTo>
                      <a:pt x="625" y="396"/>
                    </a:lnTo>
                    <a:lnTo>
                      <a:pt x="608" y="418"/>
                    </a:lnTo>
                    <a:lnTo>
                      <a:pt x="591" y="442"/>
                    </a:lnTo>
                    <a:lnTo>
                      <a:pt x="574" y="465"/>
                    </a:lnTo>
                    <a:lnTo>
                      <a:pt x="559" y="489"/>
                    </a:lnTo>
                    <a:lnTo>
                      <a:pt x="545" y="514"/>
                    </a:lnTo>
                    <a:lnTo>
                      <a:pt x="532" y="542"/>
                    </a:lnTo>
                    <a:lnTo>
                      <a:pt x="520" y="569"/>
                    </a:lnTo>
                    <a:lnTo>
                      <a:pt x="528" y="571"/>
                    </a:lnTo>
                    <a:lnTo>
                      <a:pt x="534" y="573"/>
                    </a:lnTo>
                    <a:lnTo>
                      <a:pt x="540" y="575"/>
                    </a:lnTo>
                    <a:lnTo>
                      <a:pt x="547" y="578"/>
                    </a:lnTo>
                    <a:lnTo>
                      <a:pt x="558" y="585"/>
                    </a:lnTo>
                    <a:lnTo>
                      <a:pt x="568" y="593"/>
                    </a:lnTo>
                    <a:lnTo>
                      <a:pt x="577" y="604"/>
                    </a:lnTo>
                    <a:lnTo>
                      <a:pt x="585" y="615"/>
                    </a:lnTo>
                    <a:lnTo>
                      <a:pt x="591" y="627"/>
                    </a:lnTo>
                    <a:lnTo>
                      <a:pt x="597" y="641"/>
                    </a:lnTo>
                    <a:lnTo>
                      <a:pt x="601" y="654"/>
                    </a:lnTo>
                    <a:lnTo>
                      <a:pt x="606" y="669"/>
                    </a:lnTo>
                    <a:lnTo>
                      <a:pt x="608" y="684"/>
                    </a:lnTo>
                    <a:lnTo>
                      <a:pt x="610" y="699"/>
                    </a:lnTo>
                    <a:lnTo>
                      <a:pt x="611" y="713"/>
                    </a:lnTo>
                    <a:lnTo>
                      <a:pt x="611" y="728"/>
                    </a:lnTo>
                    <a:lnTo>
                      <a:pt x="611" y="743"/>
                    </a:lnTo>
                    <a:lnTo>
                      <a:pt x="610" y="756"/>
                    </a:lnTo>
                    <a:lnTo>
                      <a:pt x="618" y="754"/>
                    </a:lnTo>
                    <a:lnTo>
                      <a:pt x="626" y="754"/>
                    </a:lnTo>
                    <a:lnTo>
                      <a:pt x="631" y="754"/>
                    </a:lnTo>
                    <a:lnTo>
                      <a:pt x="635" y="757"/>
                    </a:lnTo>
                    <a:lnTo>
                      <a:pt x="638" y="761"/>
                    </a:lnTo>
                    <a:lnTo>
                      <a:pt x="640" y="765"/>
                    </a:lnTo>
                    <a:lnTo>
                      <a:pt x="642" y="769"/>
                    </a:lnTo>
                    <a:lnTo>
                      <a:pt x="644" y="774"/>
                    </a:lnTo>
                    <a:lnTo>
                      <a:pt x="646" y="786"/>
                    </a:lnTo>
                    <a:lnTo>
                      <a:pt x="647" y="797"/>
                    </a:lnTo>
                    <a:lnTo>
                      <a:pt x="649" y="803"/>
                    </a:lnTo>
                    <a:lnTo>
                      <a:pt x="651" y="807"/>
                    </a:lnTo>
                    <a:lnTo>
                      <a:pt x="654" y="810"/>
                    </a:lnTo>
                    <a:lnTo>
                      <a:pt x="658" y="812"/>
                    </a:lnTo>
                    <a:lnTo>
                      <a:pt x="658" y="830"/>
                    </a:lnTo>
                    <a:lnTo>
                      <a:pt x="658" y="829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78" name="Slagelse kant"/>
              <p:cNvSpPr>
                <a:spLocks/>
              </p:cNvSpPr>
              <p:nvPr/>
            </p:nvSpPr>
            <p:spPr bwMode="auto">
              <a:xfrm>
                <a:off x="2865438" y="5230813"/>
                <a:ext cx="349250" cy="457200"/>
              </a:xfrm>
              <a:custGeom>
                <a:avLst/>
                <a:gdLst>
                  <a:gd name="T0" fmla="*/ 211 w 658"/>
                  <a:gd name="T1" fmla="*/ 272 h 864"/>
                  <a:gd name="T2" fmla="*/ 202 w 658"/>
                  <a:gd name="T3" fmla="*/ 275 h 864"/>
                  <a:gd name="T4" fmla="*/ 209 w 658"/>
                  <a:gd name="T5" fmla="*/ 270 h 864"/>
                  <a:gd name="T6" fmla="*/ 197 w 658"/>
                  <a:gd name="T7" fmla="*/ 263 h 864"/>
                  <a:gd name="T8" fmla="*/ 186 w 658"/>
                  <a:gd name="T9" fmla="*/ 261 h 864"/>
                  <a:gd name="T10" fmla="*/ 197 w 658"/>
                  <a:gd name="T11" fmla="*/ 269 h 864"/>
                  <a:gd name="T12" fmla="*/ 196 w 658"/>
                  <a:gd name="T13" fmla="*/ 276 h 864"/>
                  <a:gd name="T14" fmla="*/ 192 w 658"/>
                  <a:gd name="T15" fmla="*/ 274 h 864"/>
                  <a:gd name="T16" fmla="*/ 199 w 658"/>
                  <a:gd name="T17" fmla="*/ 277 h 864"/>
                  <a:gd name="T18" fmla="*/ 195 w 658"/>
                  <a:gd name="T19" fmla="*/ 282 h 864"/>
                  <a:gd name="T20" fmla="*/ 183 w 658"/>
                  <a:gd name="T21" fmla="*/ 282 h 864"/>
                  <a:gd name="T22" fmla="*/ 175 w 658"/>
                  <a:gd name="T23" fmla="*/ 277 h 864"/>
                  <a:gd name="T24" fmla="*/ 170 w 658"/>
                  <a:gd name="T25" fmla="*/ 267 h 864"/>
                  <a:gd name="T26" fmla="*/ 153 w 658"/>
                  <a:gd name="T27" fmla="*/ 274 h 864"/>
                  <a:gd name="T28" fmla="*/ 157 w 658"/>
                  <a:gd name="T29" fmla="*/ 275 h 864"/>
                  <a:gd name="T30" fmla="*/ 155 w 658"/>
                  <a:gd name="T31" fmla="*/ 285 h 864"/>
                  <a:gd name="T32" fmla="*/ 144 w 658"/>
                  <a:gd name="T33" fmla="*/ 287 h 864"/>
                  <a:gd name="T34" fmla="*/ 146 w 658"/>
                  <a:gd name="T35" fmla="*/ 282 h 864"/>
                  <a:gd name="T36" fmla="*/ 134 w 658"/>
                  <a:gd name="T37" fmla="*/ 270 h 864"/>
                  <a:gd name="T38" fmla="*/ 121 w 658"/>
                  <a:gd name="T39" fmla="*/ 275 h 864"/>
                  <a:gd name="T40" fmla="*/ 114 w 658"/>
                  <a:gd name="T41" fmla="*/ 284 h 864"/>
                  <a:gd name="T42" fmla="*/ 79 w 658"/>
                  <a:gd name="T43" fmla="*/ 259 h 864"/>
                  <a:gd name="T44" fmla="*/ 84 w 658"/>
                  <a:gd name="T45" fmla="*/ 250 h 864"/>
                  <a:gd name="T46" fmla="*/ 80 w 658"/>
                  <a:gd name="T47" fmla="*/ 237 h 864"/>
                  <a:gd name="T48" fmla="*/ 94 w 658"/>
                  <a:gd name="T49" fmla="*/ 240 h 864"/>
                  <a:gd name="T50" fmla="*/ 100 w 658"/>
                  <a:gd name="T51" fmla="*/ 240 h 864"/>
                  <a:gd name="T52" fmla="*/ 103 w 658"/>
                  <a:gd name="T53" fmla="*/ 239 h 864"/>
                  <a:gd name="T54" fmla="*/ 99 w 658"/>
                  <a:gd name="T55" fmla="*/ 233 h 864"/>
                  <a:gd name="T56" fmla="*/ 90 w 658"/>
                  <a:gd name="T57" fmla="*/ 234 h 864"/>
                  <a:gd name="T58" fmla="*/ 81 w 658"/>
                  <a:gd name="T59" fmla="*/ 227 h 864"/>
                  <a:gd name="T60" fmla="*/ 75 w 658"/>
                  <a:gd name="T61" fmla="*/ 214 h 864"/>
                  <a:gd name="T62" fmla="*/ 56 w 658"/>
                  <a:gd name="T63" fmla="*/ 191 h 864"/>
                  <a:gd name="T64" fmla="*/ 13 w 658"/>
                  <a:gd name="T65" fmla="*/ 156 h 864"/>
                  <a:gd name="T66" fmla="*/ 4 w 658"/>
                  <a:gd name="T67" fmla="*/ 133 h 864"/>
                  <a:gd name="T68" fmla="*/ 31 w 658"/>
                  <a:gd name="T69" fmla="*/ 121 h 864"/>
                  <a:gd name="T70" fmla="*/ 55 w 658"/>
                  <a:gd name="T71" fmla="*/ 108 h 864"/>
                  <a:gd name="T72" fmla="*/ 56 w 658"/>
                  <a:gd name="T73" fmla="*/ 90 h 864"/>
                  <a:gd name="T74" fmla="*/ 50 w 658"/>
                  <a:gd name="T75" fmla="*/ 78 h 864"/>
                  <a:gd name="T76" fmla="*/ 57 w 658"/>
                  <a:gd name="T77" fmla="*/ 66 h 864"/>
                  <a:gd name="T78" fmla="*/ 53 w 658"/>
                  <a:gd name="T79" fmla="*/ 54 h 864"/>
                  <a:gd name="T80" fmla="*/ 49 w 658"/>
                  <a:gd name="T81" fmla="*/ 45 h 864"/>
                  <a:gd name="T82" fmla="*/ 71 w 658"/>
                  <a:gd name="T83" fmla="*/ 38 h 864"/>
                  <a:gd name="T84" fmla="*/ 94 w 658"/>
                  <a:gd name="T85" fmla="*/ 43 h 864"/>
                  <a:gd name="T86" fmla="*/ 121 w 658"/>
                  <a:gd name="T87" fmla="*/ 43 h 864"/>
                  <a:gd name="T88" fmla="*/ 139 w 658"/>
                  <a:gd name="T89" fmla="*/ 40 h 864"/>
                  <a:gd name="T90" fmla="*/ 167 w 658"/>
                  <a:gd name="T91" fmla="*/ 7 h 864"/>
                  <a:gd name="T92" fmla="*/ 184 w 658"/>
                  <a:gd name="T93" fmla="*/ 1 h 864"/>
                  <a:gd name="T94" fmla="*/ 192 w 658"/>
                  <a:gd name="T95" fmla="*/ 15 h 864"/>
                  <a:gd name="T96" fmla="*/ 182 w 658"/>
                  <a:gd name="T97" fmla="*/ 23 h 864"/>
                  <a:gd name="T98" fmla="*/ 202 w 658"/>
                  <a:gd name="T99" fmla="*/ 48 h 864"/>
                  <a:gd name="T100" fmla="*/ 199 w 658"/>
                  <a:gd name="T101" fmla="*/ 90 h 864"/>
                  <a:gd name="T102" fmla="*/ 196 w 658"/>
                  <a:gd name="T103" fmla="*/ 102 h 864"/>
                  <a:gd name="T104" fmla="*/ 213 w 658"/>
                  <a:gd name="T105" fmla="*/ 124 h 864"/>
                  <a:gd name="T106" fmla="*/ 178 w 658"/>
                  <a:gd name="T107" fmla="*/ 181 h 864"/>
                  <a:gd name="T108" fmla="*/ 193 w 658"/>
                  <a:gd name="T109" fmla="*/ 201 h 864"/>
                  <a:gd name="T110" fmla="*/ 204 w 658"/>
                  <a:gd name="T111" fmla="*/ 238 h 864"/>
                  <a:gd name="T112" fmla="*/ 213 w 658"/>
                  <a:gd name="T113" fmla="*/ 254 h 864"/>
                  <a:gd name="T114" fmla="*/ 219 w 658"/>
                  <a:gd name="T115" fmla="*/ 270 h 864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658" h="864">
                    <a:moveTo>
                      <a:pt x="658" y="829"/>
                    </a:moveTo>
                    <a:lnTo>
                      <a:pt x="650" y="829"/>
                    </a:lnTo>
                    <a:lnTo>
                      <a:pt x="642" y="829"/>
                    </a:lnTo>
                    <a:lnTo>
                      <a:pt x="634" y="829"/>
                    </a:lnTo>
                    <a:lnTo>
                      <a:pt x="626" y="829"/>
                    </a:lnTo>
                    <a:lnTo>
                      <a:pt x="630" y="821"/>
                    </a:lnTo>
                    <a:lnTo>
                      <a:pt x="631" y="816"/>
                    </a:lnTo>
                    <a:lnTo>
                      <a:pt x="631" y="815"/>
                    </a:lnTo>
                    <a:lnTo>
                      <a:pt x="628" y="819"/>
                    </a:lnTo>
                    <a:lnTo>
                      <a:pt x="622" y="822"/>
                    </a:lnTo>
                    <a:lnTo>
                      <a:pt x="616" y="826"/>
                    </a:lnTo>
                    <a:lnTo>
                      <a:pt x="613" y="828"/>
                    </a:lnTo>
                    <a:lnTo>
                      <a:pt x="610" y="829"/>
                    </a:lnTo>
                    <a:lnTo>
                      <a:pt x="606" y="829"/>
                    </a:lnTo>
                    <a:lnTo>
                      <a:pt x="601" y="829"/>
                    </a:lnTo>
                    <a:lnTo>
                      <a:pt x="603" y="826"/>
                    </a:lnTo>
                    <a:lnTo>
                      <a:pt x="605" y="823"/>
                    </a:lnTo>
                    <a:lnTo>
                      <a:pt x="607" y="820"/>
                    </a:lnTo>
                    <a:lnTo>
                      <a:pt x="610" y="818"/>
                    </a:lnTo>
                    <a:lnTo>
                      <a:pt x="613" y="815"/>
                    </a:lnTo>
                    <a:lnTo>
                      <a:pt x="616" y="814"/>
                    </a:lnTo>
                    <a:lnTo>
                      <a:pt x="621" y="813"/>
                    </a:lnTo>
                    <a:lnTo>
                      <a:pt x="626" y="813"/>
                    </a:lnTo>
                    <a:lnTo>
                      <a:pt x="625" y="810"/>
                    </a:lnTo>
                    <a:lnTo>
                      <a:pt x="622" y="807"/>
                    </a:lnTo>
                    <a:lnTo>
                      <a:pt x="620" y="804"/>
                    </a:lnTo>
                    <a:lnTo>
                      <a:pt x="617" y="802"/>
                    </a:lnTo>
                    <a:lnTo>
                      <a:pt x="614" y="800"/>
                    </a:lnTo>
                    <a:lnTo>
                      <a:pt x="611" y="799"/>
                    </a:lnTo>
                    <a:lnTo>
                      <a:pt x="607" y="797"/>
                    </a:lnTo>
                    <a:lnTo>
                      <a:pt x="601" y="797"/>
                    </a:lnTo>
                    <a:lnTo>
                      <a:pt x="589" y="788"/>
                    </a:lnTo>
                    <a:lnTo>
                      <a:pt x="575" y="777"/>
                    </a:lnTo>
                    <a:lnTo>
                      <a:pt x="572" y="775"/>
                    </a:lnTo>
                    <a:lnTo>
                      <a:pt x="569" y="774"/>
                    </a:lnTo>
                    <a:lnTo>
                      <a:pt x="566" y="773"/>
                    </a:lnTo>
                    <a:lnTo>
                      <a:pt x="562" y="774"/>
                    </a:lnTo>
                    <a:lnTo>
                      <a:pt x="560" y="776"/>
                    </a:lnTo>
                    <a:lnTo>
                      <a:pt x="557" y="779"/>
                    </a:lnTo>
                    <a:lnTo>
                      <a:pt x="555" y="783"/>
                    </a:lnTo>
                    <a:lnTo>
                      <a:pt x="553" y="789"/>
                    </a:lnTo>
                    <a:lnTo>
                      <a:pt x="566" y="792"/>
                    </a:lnTo>
                    <a:lnTo>
                      <a:pt x="578" y="794"/>
                    </a:lnTo>
                    <a:lnTo>
                      <a:pt x="581" y="796"/>
                    </a:lnTo>
                    <a:lnTo>
                      <a:pt x="583" y="797"/>
                    </a:lnTo>
                    <a:lnTo>
                      <a:pt x="586" y="800"/>
                    </a:lnTo>
                    <a:lnTo>
                      <a:pt x="588" y="802"/>
                    </a:lnTo>
                    <a:lnTo>
                      <a:pt x="590" y="806"/>
                    </a:lnTo>
                    <a:lnTo>
                      <a:pt x="592" y="810"/>
                    </a:lnTo>
                    <a:lnTo>
                      <a:pt x="593" y="815"/>
                    </a:lnTo>
                    <a:lnTo>
                      <a:pt x="593" y="822"/>
                    </a:lnTo>
                    <a:lnTo>
                      <a:pt x="593" y="825"/>
                    </a:lnTo>
                    <a:lnTo>
                      <a:pt x="592" y="828"/>
                    </a:lnTo>
                    <a:lnTo>
                      <a:pt x="591" y="829"/>
                    </a:lnTo>
                    <a:lnTo>
                      <a:pt x="589" y="829"/>
                    </a:lnTo>
                    <a:lnTo>
                      <a:pt x="587" y="828"/>
                    </a:lnTo>
                    <a:lnTo>
                      <a:pt x="583" y="825"/>
                    </a:lnTo>
                    <a:lnTo>
                      <a:pt x="580" y="821"/>
                    </a:lnTo>
                    <a:lnTo>
                      <a:pt x="577" y="816"/>
                    </a:lnTo>
                    <a:lnTo>
                      <a:pt x="575" y="814"/>
                    </a:lnTo>
                    <a:lnTo>
                      <a:pt x="573" y="813"/>
                    </a:lnTo>
                    <a:lnTo>
                      <a:pt x="571" y="813"/>
                    </a:lnTo>
                    <a:lnTo>
                      <a:pt x="569" y="813"/>
                    </a:lnTo>
                    <a:lnTo>
                      <a:pt x="573" y="822"/>
                    </a:lnTo>
                    <a:lnTo>
                      <a:pt x="581" y="831"/>
                    </a:lnTo>
                    <a:lnTo>
                      <a:pt x="586" y="834"/>
                    </a:lnTo>
                    <a:lnTo>
                      <a:pt x="589" y="836"/>
                    </a:lnTo>
                    <a:lnTo>
                      <a:pt x="591" y="835"/>
                    </a:lnTo>
                    <a:lnTo>
                      <a:pt x="592" y="834"/>
                    </a:lnTo>
                    <a:lnTo>
                      <a:pt x="593" y="832"/>
                    </a:lnTo>
                    <a:lnTo>
                      <a:pt x="593" y="829"/>
                    </a:lnTo>
                    <a:lnTo>
                      <a:pt x="596" y="830"/>
                    </a:lnTo>
                    <a:lnTo>
                      <a:pt x="598" y="830"/>
                    </a:lnTo>
                    <a:lnTo>
                      <a:pt x="600" y="831"/>
                    </a:lnTo>
                    <a:lnTo>
                      <a:pt x="600" y="833"/>
                    </a:lnTo>
                    <a:lnTo>
                      <a:pt x="600" y="836"/>
                    </a:lnTo>
                    <a:lnTo>
                      <a:pt x="597" y="840"/>
                    </a:lnTo>
                    <a:lnTo>
                      <a:pt x="593" y="844"/>
                    </a:lnTo>
                    <a:lnTo>
                      <a:pt x="588" y="846"/>
                    </a:lnTo>
                    <a:lnTo>
                      <a:pt x="582" y="847"/>
                    </a:lnTo>
                    <a:lnTo>
                      <a:pt x="577" y="846"/>
                    </a:lnTo>
                    <a:lnTo>
                      <a:pt x="576" y="844"/>
                    </a:lnTo>
                    <a:lnTo>
                      <a:pt x="575" y="843"/>
                    </a:lnTo>
                    <a:lnTo>
                      <a:pt x="573" y="842"/>
                    </a:lnTo>
                    <a:lnTo>
                      <a:pt x="571" y="842"/>
                    </a:lnTo>
                    <a:lnTo>
                      <a:pt x="565" y="842"/>
                    </a:lnTo>
                    <a:lnTo>
                      <a:pt x="557" y="844"/>
                    </a:lnTo>
                    <a:lnTo>
                      <a:pt x="548" y="846"/>
                    </a:lnTo>
                    <a:lnTo>
                      <a:pt x="538" y="848"/>
                    </a:lnTo>
                    <a:lnTo>
                      <a:pt x="534" y="848"/>
                    </a:lnTo>
                    <a:lnTo>
                      <a:pt x="529" y="848"/>
                    </a:lnTo>
                    <a:lnTo>
                      <a:pt x="525" y="847"/>
                    </a:lnTo>
                    <a:lnTo>
                      <a:pt x="520" y="846"/>
                    </a:lnTo>
                    <a:lnTo>
                      <a:pt x="522" y="840"/>
                    </a:lnTo>
                    <a:lnTo>
                      <a:pt x="522" y="834"/>
                    </a:lnTo>
                    <a:lnTo>
                      <a:pt x="522" y="830"/>
                    </a:lnTo>
                    <a:lnTo>
                      <a:pt x="521" y="826"/>
                    </a:lnTo>
                    <a:lnTo>
                      <a:pt x="518" y="820"/>
                    </a:lnTo>
                    <a:lnTo>
                      <a:pt x="513" y="815"/>
                    </a:lnTo>
                    <a:lnTo>
                      <a:pt x="509" y="811"/>
                    </a:lnTo>
                    <a:lnTo>
                      <a:pt x="507" y="808"/>
                    </a:lnTo>
                    <a:lnTo>
                      <a:pt x="507" y="806"/>
                    </a:lnTo>
                    <a:lnTo>
                      <a:pt x="508" y="803"/>
                    </a:lnTo>
                    <a:lnTo>
                      <a:pt x="509" y="801"/>
                    </a:lnTo>
                    <a:lnTo>
                      <a:pt x="512" y="797"/>
                    </a:lnTo>
                    <a:lnTo>
                      <a:pt x="503" y="797"/>
                    </a:lnTo>
                    <a:lnTo>
                      <a:pt x="496" y="797"/>
                    </a:lnTo>
                    <a:lnTo>
                      <a:pt x="488" y="799"/>
                    </a:lnTo>
                    <a:lnTo>
                      <a:pt x="480" y="802"/>
                    </a:lnTo>
                    <a:lnTo>
                      <a:pt x="474" y="806"/>
                    </a:lnTo>
                    <a:lnTo>
                      <a:pt x="469" y="810"/>
                    </a:lnTo>
                    <a:lnTo>
                      <a:pt x="458" y="821"/>
                    </a:lnTo>
                    <a:lnTo>
                      <a:pt x="447" y="829"/>
                    </a:lnTo>
                    <a:lnTo>
                      <a:pt x="452" y="830"/>
                    </a:lnTo>
                    <a:lnTo>
                      <a:pt x="456" y="829"/>
                    </a:lnTo>
                    <a:lnTo>
                      <a:pt x="460" y="828"/>
                    </a:lnTo>
                    <a:lnTo>
                      <a:pt x="463" y="826"/>
                    </a:lnTo>
                    <a:lnTo>
                      <a:pt x="466" y="825"/>
                    </a:lnTo>
                    <a:lnTo>
                      <a:pt x="468" y="825"/>
                    </a:lnTo>
                    <a:lnTo>
                      <a:pt x="470" y="826"/>
                    </a:lnTo>
                    <a:lnTo>
                      <a:pt x="472" y="829"/>
                    </a:lnTo>
                    <a:lnTo>
                      <a:pt x="470" y="836"/>
                    </a:lnTo>
                    <a:lnTo>
                      <a:pt x="467" y="841"/>
                    </a:lnTo>
                    <a:lnTo>
                      <a:pt x="464" y="843"/>
                    </a:lnTo>
                    <a:lnTo>
                      <a:pt x="463" y="846"/>
                    </a:lnTo>
                    <a:lnTo>
                      <a:pt x="463" y="849"/>
                    </a:lnTo>
                    <a:lnTo>
                      <a:pt x="463" y="854"/>
                    </a:lnTo>
                    <a:lnTo>
                      <a:pt x="463" y="856"/>
                    </a:lnTo>
                    <a:lnTo>
                      <a:pt x="463" y="859"/>
                    </a:lnTo>
                    <a:lnTo>
                      <a:pt x="462" y="860"/>
                    </a:lnTo>
                    <a:lnTo>
                      <a:pt x="460" y="862"/>
                    </a:lnTo>
                    <a:lnTo>
                      <a:pt x="454" y="863"/>
                    </a:lnTo>
                    <a:lnTo>
                      <a:pt x="447" y="864"/>
                    </a:lnTo>
                    <a:lnTo>
                      <a:pt x="440" y="863"/>
                    </a:lnTo>
                    <a:lnTo>
                      <a:pt x="434" y="862"/>
                    </a:lnTo>
                    <a:lnTo>
                      <a:pt x="432" y="860"/>
                    </a:lnTo>
                    <a:lnTo>
                      <a:pt x="431" y="859"/>
                    </a:lnTo>
                    <a:lnTo>
                      <a:pt x="430" y="856"/>
                    </a:lnTo>
                    <a:lnTo>
                      <a:pt x="431" y="854"/>
                    </a:lnTo>
                    <a:lnTo>
                      <a:pt x="434" y="853"/>
                    </a:lnTo>
                    <a:lnTo>
                      <a:pt x="436" y="852"/>
                    </a:lnTo>
                    <a:lnTo>
                      <a:pt x="437" y="851"/>
                    </a:lnTo>
                    <a:lnTo>
                      <a:pt x="437" y="849"/>
                    </a:lnTo>
                    <a:lnTo>
                      <a:pt x="436" y="846"/>
                    </a:lnTo>
                    <a:lnTo>
                      <a:pt x="433" y="842"/>
                    </a:lnTo>
                    <a:lnTo>
                      <a:pt x="422" y="834"/>
                    </a:lnTo>
                    <a:lnTo>
                      <a:pt x="415" y="829"/>
                    </a:lnTo>
                    <a:lnTo>
                      <a:pt x="415" y="818"/>
                    </a:lnTo>
                    <a:lnTo>
                      <a:pt x="415" y="805"/>
                    </a:lnTo>
                    <a:lnTo>
                      <a:pt x="410" y="808"/>
                    </a:lnTo>
                    <a:lnTo>
                      <a:pt x="406" y="810"/>
                    </a:lnTo>
                    <a:lnTo>
                      <a:pt x="400" y="811"/>
                    </a:lnTo>
                    <a:lnTo>
                      <a:pt x="395" y="812"/>
                    </a:lnTo>
                    <a:lnTo>
                      <a:pt x="386" y="812"/>
                    </a:lnTo>
                    <a:lnTo>
                      <a:pt x="376" y="813"/>
                    </a:lnTo>
                    <a:lnTo>
                      <a:pt x="372" y="813"/>
                    </a:lnTo>
                    <a:lnTo>
                      <a:pt x="369" y="815"/>
                    </a:lnTo>
                    <a:lnTo>
                      <a:pt x="367" y="818"/>
                    </a:lnTo>
                    <a:lnTo>
                      <a:pt x="364" y="821"/>
                    </a:lnTo>
                    <a:lnTo>
                      <a:pt x="363" y="825"/>
                    </a:lnTo>
                    <a:lnTo>
                      <a:pt x="363" y="830"/>
                    </a:lnTo>
                    <a:lnTo>
                      <a:pt x="363" y="838"/>
                    </a:lnTo>
                    <a:lnTo>
                      <a:pt x="366" y="846"/>
                    </a:lnTo>
                    <a:lnTo>
                      <a:pt x="357" y="846"/>
                    </a:lnTo>
                    <a:lnTo>
                      <a:pt x="350" y="846"/>
                    </a:lnTo>
                    <a:lnTo>
                      <a:pt x="347" y="847"/>
                    </a:lnTo>
                    <a:lnTo>
                      <a:pt x="344" y="849"/>
                    </a:lnTo>
                    <a:lnTo>
                      <a:pt x="342" y="851"/>
                    </a:lnTo>
                    <a:lnTo>
                      <a:pt x="341" y="854"/>
                    </a:lnTo>
                    <a:lnTo>
                      <a:pt x="318" y="843"/>
                    </a:lnTo>
                    <a:lnTo>
                      <a:pt x="293" y="833"/>
                    </a:lnTo>
                    <a:lnTo>
                      <a:pt x="268" y="824"/>
                    </a:lnTo>
                    <a:lnTo>
                      <a:pt x="243" y="813"/>
                    </a:lnTo>
                    <a:lnTo>
                      <a:pt x="240" y="799"/>
                    </a:lnTo>
                    <a:lnTo>
                      <a:pt x="236" y="784"/>
                    </a:lnTo>
                    <a:lnTo>
                      <a:pt x="236" y="776"/>
                    </a:lnTo>
                    <a:lnTo>
                      <a:pt x="236" y="769"/>
                    </a:lnTo>
                    <a:lnTo>
                      <a:pt x="237" y="766"/>
                    </a:lnTo>
                    <a:lnTo>
                      <a:pt x="239" y="763"/>
                    </a:lnTo>
                    <a:lnTo>
                      <a:pt x="241" y="760"/>
                    </a:lnTo>
                    <a:lnTo>
                      <a:pt x="243" y="756"/>
                    </a:lnTo>
                    <a:lnTo>
                      <a:pt x="248" y="755"/>
                    </a:lnTo>
                    <a:lnTo>
                      <a:pt x="250" y="754"/>
                    </a:lnTo>
                    <a:lnTo>
                      <a:pt x="250" y="751"/>
                    </a:lnTo>
                    <a:lnTo>
                      <a:pt x="250" y="749"/>
                    </a:lnTo>
                    <a:lnTo>
                      <a:pt x="245" y="743"/>
                    </a:lnTo>
                    <a:lnTo>
                      <a:pt x="241" y="734"/>
                    </a:lnTo>
                    <a:lnTo>
                      <a:pt x="237" y="727"/>
                    </a:lnTo>
                    <a:lnTo>
                      <a:pt x="234" y="720"/>
                    </a:lnTo>
                    <a:lnTo>
                      <a:pt x="235" y="715"/>
                    </a:lnTo>
                    <a:lnTo>
                      <a:pt x="236" y="712"/>
                    </a:lnTo>
                    <a:lnTo>
                      <a:pt x="239" y="710"/>
                    </a:lnTo>
                    <a:lnTo>
                      <a:pt x="243" y="708"/>
                    </a:lnTo>
                    <a:lnTo>
                      <a:pt x="252" y="709"/>
                    </a:lnTo>
                    <a:lnTo>
                      <a:pt x="259" y="712"/>
                    </a:lnTo>
                    <a:lnTo>
                      <a:pt x="265" y="715"/>
                    </a:lnTo>
                    <a:lnTo>
                      <a:pt x="271" y="719"/>
                    </a:lnTo>
                    <a:lnTo>
                      <a:pt x="274" y="720"/>
                    </a:lnTo>
                    <a:lnTo>
                      <a:pt x="277" y="720"/>
                    </a:lnTo>
                    <a:lnTo>
                      <a:pt x="280" y="720"/>
                    </a:lnTo>
                    <a:lnTo>
                      <a:pt x="284" y="720"/>
                    </a:lnTo>
                    <a:lnTo>
                      <a:pt x="288" y="717"/>
                    </a:lnTo>
                    <a:lnTo>
                      <a:pt x="292" y="715"/>
                    </a:lnTo>
                    <a:lnTo>
                      <a:pt x="296" y="712"/>
                    </a:lnTo>
                    <a:lnTo>
                      <a:pt x="300" y="708"/>
                    </a:lnTo>
                    <a:lnTo>
                      <a:pt x="301" y="712"/>
                    </a:lnTo>
                    <a:lnTo>
                      <a:pt x="300" y="716"/>
                    </a:lnTo>
                    <a:lnTo>
                      <a:pt x="299" y="721"/>
                    </a:lnTo>
                    <a:lnTo>
                      <a:pt x="297" y="724"/>
                    </a:lnTo>
                    <a:lnTo>
                      <a:pt x="296" y="727"/>
                    </a:lnTo>
                    <a:lnTo>
                      <a:pt x="296" y="729"/>
                    </a:lnTo>
                    <a:lnTo>
                      <a:pt x="297" y="730"/>
                    </a:lnTo>
                    <a:lnTo>
                      <a:pt x="300" y="732"/>
                    </a:lnTo>
                    <a:lnTo>
                      <a:pt x="303" y="729"/>
                    </a:lnTo>
                    <a:lnTo>
                      <a:pt x="305" y="724"/>
                    </a:lnTo>
                    <a:lnTo>
                      <a:pt x="308" y="717"/>
                    </a:lnTo>
                    <a:lnTo>
                      <a:pt x="310" y="711"/>
                    </a:lnTo>
                    <a:lnTo>
                      <a:pt x="311" y="704"/>
                    </a:lnTo>
                    <a:lnTo>
                      <a:pt x="310" y="697"/>
                    </a:lnTo>
                    <a:lnTo>
                      <a:pt x="309" y="695"/>
                    </a:lnTo>
                    <a:lnTo>
                      <a:pt x="307" y="693"/>
                    </a:lnTo>
                    <a:lnTo>
                      <a:pt x="304" y="692"/>
                    </a:lnTo>
                    <a:lnTo>
                      <a:pt x="300" y="691"/>
                    </a:lnTo>
                    <a:lnTo>
                      <a:pt x="297" y="700"/>
                    </a:lnTo>
                    <a:lnTo>
                      <a:pt x="291" y="706"/>
                    </a:lnTo>
                    <a:lnTo>
                      <a:pt x="284" y="712"/>
                    </a:lnTo>
                    <a:lnTo>
                      <a:pt x="276" y="715"/>
                    </a:lnTo>
                    <a:lnTo>
                      <a:pt x="277" y="712"/>
                    </a:lnTo>
                    <a:lnTo>
                      <a:pt x="276" y="709"/>
                    </a:lnTo>
                    <a:lnTo>
                      <a:pt x="275" y="707"/>
                    </a:lnTo>
                    <a:lnTo>
                      <a:pt x="273" y="705"/>
                    </a:lnTo>
                    <a:lnTo>
                      <a:pt x="269" y="703"/>
                    </a:lnTo>
                    <a:lnTo>
                      <a:pt x="262" y="702"/>
                    </a:lnTo>
                    <a:lnTo>
                      <a:pt x="256" y="701"/>
                    </a:lnTo>
                    <a:lnTo>
                      <a:pt x="251" y="700"/>
                    </a:lnTo>
                    <a:lnTo>
                      <a:pt x="248" y="697"/>
                    </a:lnTo>
                    <a:lnTo>
                      <a:pt x="247" y="696"/>
                    </a:lnTo>
                    <a:lnTo>
                      <a:pt x="244" y="694"/>
                    </a:lnTo>
                    <a:lnTo>
                      <a:pt x="243" y="691"/>
                    </a:lnTo>
                    <a:lnTo>
                      <a:pt x="243" y="682"/>
                    </a:lnTo>
                    <a:lnTo>
                      <a:pt x="243" y="671"/>
                    </a:lnTo>
                    <a:lnTo>
                      <a:pt x="242" y="667"/>
                    </a:lnTo>
                    <a:lnTo>
                      <a:pt x="241" y="664"/>
                    </a:lnTo>
                    <a:lnTo>
                      <a:pt x="239" y="661"/>
                    </a:lnTo>
                    <a:lnTo>
                      <a:pt x="236" y="659"/>
                    </a:lnTo>
                    <a:lnTo>
                      <a:pt x="231" y="653"/>
                    </a:lnTo>
                    <a:lnTo>
                      <a:pt x="228" y="647"/>
                    </a:lnTo>
                    <a:lnTo>
                      <a:pt x="224" y="641"/>
                    </a:lnTo>
                    <a:lnTo>
                      <a:pt x="222" y="632"/>
                    </a:lnTo>
                    <a:lnTo>
                      <a:pt x="220" y="624"/>
                    </a:lnTo>
                    <a:lnTo>
                      <a:pt x="219" y="614"/>
                    </a:lnTo>
                    <a:lnTo>
                      <a:pt x="219" y="605"/>
                    </a:lnTo>
                    <a:lnTo>
                      <a:pt x="219" y="594"/>
                    </a:lnTo>
                    <a:lnTo>
                      <a:pt x="200" y="587"/>
                    </a:lnTo>
                    <a:lnTo>
                      <a:pt x="183" y="580"/>
                    </a:lnTo>
                    <a:lnTo>
                      <a:pt x="166" y="572"/>
                    </a:lnTo>
                    <a:lnTo>
                      <a:pt x="152" y="563"/>
                    </a:lnTo>
                    <a:lnTo>
                      <a:pt x="137" y="553"/>
                    </a:lnTo>
                    <a:lnTo>
                      <a:pt x="123" y="543"/>
                    </a:lnTo>
                    <a:lnTo>
                      <a:pt x="111" y="532"/>
                    </a:lnTo>
                    <a:lnTo>
                      <a:pt x="98" y="522"/>
                    </a:lnTo>
                    <a:lnTo>
                      <a:pt x="75" y="499"/>
                    </a:lnTo>
                    <a:lnTo>
                      <a:pt x="52" y="478"/>
                    </a:lnTo>
                    <a:lnTo>
                      <a:pt x="39" y="468"/>
                    </a:lnTo>
                    <a:lnTo>
                      <a:pt x="26" y="457"/>
                    </a:lnTo>
                    <a:lnTo>
                      <a:pt x="14" y="448"/>
                    </a:lnTo>
                    <a:lnTo>
                      <a:pt x="0" y="439"/>
                    </a:lnTo>
                    <a:lnTo>
                      <a:pt x="1" y="430"/>
                    </a:lnTo>
                    <a:lnTo>
                      <a:pt x="2" y="421"/>
                    </a:lnTo>
                    <a:lnTo>
                      <a:pt x="5" y="413"/>
                    </a:lnTo>
                    <a:lnTo>
                      <a:pt x="7" y="406"/>
                    </a:lnTo>
                    <a:lnTo>
                      <a:pt x="12" y="399"/>
                    </a:lnTo>
                    <a:lnTo>
                      <a:pt x="16" y="394"/>
                    </a:lnTo>
                    <a:lnTo>
                      <a:pt x="20" y="389"/>
                    </a:lnTo>
                    <a:lnTo>
                      <a:pt x="25" y="385"/>
                    </a:lnTo>
                    <a:lnTo>
                      <a:pt x="36" y="378"/>
                    </a:lnTo>
                    <a:lnTo>
                      <a:pt x="49" y="373"/>
                    </a:lnTo>
                    <a:lnTo>
                      <a:pt x="62" y="369"/>
                    </a:lnTo>
                    <a:lnTo>
                      <a:pt x="77" y="366"/>
                    </a:lnTo>
                    <a:lnTo>
                      <a:pt x="92" y="363"/>
                    </a:lnTo>
                    <a:lnTo>
                      <a:pt x="106" y="359"/>
                    </a:lnTo>
                    <a:lnTo>
                      <a:pt x="120" y="354"/>
                    </a:lnTo>
                    <a:lnTo>
                      <a:pt x="135" y="349"/>
                    </a:lnTo>
                    <a:lnTo>
                      <a:pt x="141" y="345"/>
                    </a:lnTo>
                    <a:lnTo>
                      <a:pt x="148" y="342"/>
                    </a:lnTo>
                    <a:lnTo>
                      <a:pt x="154" y="336"/>
                    </a:lnTo>
                    <a:lnTo>
                      <a:pt x="160" y="331"/>
                    </a:lnTo>
                    <a:lnTo>
                      <a:pt x="165" y="325"/>
                    </a:lnTo>
                    <a:lnTo>
                      <a:pt x="170" y="317"/>
                    </a:lnTo>
                    <a:lnTo>
                      <a:pt x="175" y="310"/>
                    </a:lnTo>
                    <a:lnTo>
                      <a:pt x="179" y="302"/>
                    </a:lnTo>
                    <a:lnTo>
                      <a:pt x="180" y="294"/>
                    </a:lnTo>
                    <a:lnTo>
                      <a:pt x="179" y="289"/>
                    </a:lnTo>
                    <a:lnTo>
                      <a:pt x="178" y="284"/>
                    </a:lnTo>
                    <a:lnTo>
                      <a:pt x="175" y="278"/>
                    </a:lnTo>
                    <a:lnTo>
                      <a:pt x="168" y="270"/>
                    </a:lnTo>
                    <a:lnTo>
                      <a:pt x="158" y="263"/>
                    </a:lnTo>
                    <a:lnTo>
                      <a:pt x="155" y="259"/>
                    </a:lnTo>
                    <a:lnTo>
                      <a:pt x="151" y="255"/>
                    </a:lnTo>
                    <a:lnTo>
                      <a:pt x="149" y="252"/>
                    </a:lnTo>
                    <a:lnTo>
                      <a:pt x="146" y="248"/>
                    </a:lnTo>
                    <a:lnTo>
                      <a:pt x="145" y="244"/>
                    </a:lnTo>
                    <a:lnTo>
                      <a:pt x="146" y="239"/>
                    </a:lnTo>
                    <a:lnTo>
                      <a:pt x="150" y="234"/>
                    </a:lnTo>
                    <a:lnTo>
                      <a:pt x="155" y="228"/>
                    </a:lnTo>
                    <a:lnTo>
                      <a:pt x="156" y="230"/>
                    </a:lnTo>
                    <a:lnTo>
                      <a:pt x="158" y="230"/>
                    </a:lnTo>
                    <a:lnTo>
                      <a:pt x="159" y="229"/>
                    </a:lnTo>
                    <a:lnTo>
                      <a:pt x="161" y="227"/>
                    </a:lnTo>
                    <a:lnTo>
                      <a:pt x="164" y="219"/>
                    </a:lnTo>
                    <a:lnTo>
                      <a:pt x="166" y="210"/>
                    </a:lnTo>
                    <a:lnTo>
                      <a:pt x="169" y="198"/>
                    </a:lnTo>
                    <a:lnTo>
                      <a:pt x="171" y="186"/>
                    </a:lnTo>
                    <a:lnTo>
                      <a:pt x="171" y="173"/>
                    </a:lnTo>
                    <a:lnTo>
                      <a:pt x="171" y="164"/>
                    </a:lnTo>
                    <a:lnTo>
                      <a:pt x="170" y="159"/>
                    </a:lnTo>
                    <a:lnTo>
                      <a:pt x="168" y="158"/>
                    </a:lnTo>
                    <a:lnTo>
                      <a:pt x="166" y="158"/>
                    </a:lnTo>
                    <a:lnTo>
                      <a:pt x="164" y="159"/>
                    </a:lnTo>
                    <a:lnTo>
                      <a:pt x="160" y="161"/>
                    </a:lnTo>
                    <a:lnTo>
                      <a:pt x="155" y="164"/>
                    </a:lnTo>
                    <a:lnTo>
                      <a:pt x="155" y="158"/>
                    </a:lnTo>
                    <a:lnTo>
                      <a:pt x="154" y="154"/>
                    </a:lnTo>
                    <a:lnTo>
                      <a:pt x="153" y="150"/>
                    </a:lnTo>
                    <a:lnTo>
                      <a:pt x="151" y="147"/>
                    </a:lnTo>
                    <a:lnTo>
                      <a:pt x="149" y="144"/>
                    </a:lnTo>
                    <a:lnTo>
                      <a:pt x="148" y="139"/>
                    </a:lnTo>
                    <a:lnTo>
                      <a:pt x="146" y="135"/>
                    </a:lnTo>
                    <a:lnTo>
                      <a:pt x="146" y="131"/>
                    </a:lnTo>
                    <a:lnTo>
                      <a:pt x="154" y="132"/>
                    </a:lnTo>
                    <a:lnTo>
                      <a:pt x="161" y="132"/>
                    </a:lnTo>
                    <a:lnTo>
                      <a:pt x="168" y="132"/>
                    </a:lnTo>
                    <a:lnTo>
                      <a:pt x="174" y="132"/>
                    </a:lnTo>
                    <a:lnTo>
                      <a:pt x="184" y="129"/>
                    </a:lnTo>
                    <a:lnTo>
                      <a:pt x="194" y="126"/>
                    </a:lnTo>
                    <a:lnTo>
                      <a:pt x="211" y="115"/>
                    </a:lnTo>
                    <a:lnTo>
                      <a:pt x="228" y="107"/>
                    </a:lnTo>
                    <a:lnTo>
                      <a:pt x="234" y="114"/>
                    </a:lnTo>
                    <a:lnTo>
                      <a:pt x="241" y="120"/>
                    </a:lnTo>
                    <a:lnTo>
                      <a:pt x="249" y="125"/>
                    </a:lnTo>
                    <a:lnTo>
                      <a:pt x="257" y="128"/>
                    </a:lnTo>
                    <a:lnTo>
                      <a:pt x="264" y="129"/>
                    </a:lnTo>
                    <a:lnTo>
                      <a:pt x="273" y="129"/>
                    </a:lnTo>
                    <a:lnTo>
                      <a:pt x="281" y="128"/>
                    </a:lnTo>
                    <a:lnTo>
                      <a:pt x="290" y="125"/>
                    </a:lnTo>
                    <a:lnTo>
                      <a:pt x="305" y="117"/>
                    </a:lnTo>
                    <a:lnTo>
                      <a:pt x="321" y="109"/>
                    </a:lnTo>
                    <a:lnTo>
                      <a:pt x="336" y="99"/>
                    </a:lnTo>
                    <a:lnTo>
                      <a:pt x="350" y="90"/>
                    </a:lnTo>
                    <a:lnTo>
                      <a:pt x="352" y="104"/>
                    </a:lnTo>
                    <a:lnTo>
                      <a:pt x="356" y="116"/>
                    </a:lnTo>
                    <a:lnTo>
                      <a:pt x="361" y="128"/>
                    </a:lnTo>
                    <a:lnTo>
                      <a:pt x="366" y="138"/>
                    </a:lnTo>
                    <a:lnTo>
                      <a:pt x="374" y="137"/>
                    </a:lnTo>
                    <a:lnTo>
                      <a:pt x="382" y="136"/>
                    </a:lnTo>
                    <a:lnTo>
                      <a:pt x="390" y="134"/>
                    </a:lnTo>
                    <a:lnTo>
                      <a:pt x="397" y="132"/>
                    </a:lnTo>
                    <a:lnTo>
                      <a:pt x="403" y="129"/>
                    </a:lnTo>
                    <a:lnTo>
                      <a:pt x="410" y="126"/>
                    </a:lnTo>
                    <a:lnTo>
                      <a:pt x="416" y="121"/>
                    </a:lnTo>
                    <a:lnTo>
                      <a:pt x="421" y="117"/>
                    </a:lnTo>
                    <a:lnTo>
                      <a:pt x="432" y="108"/>
                    </a:lnTo>
                    <a:lnTo>
                      <a:pt x="440" y="97"/>
                    </a:lnTo>
                    <a:lnTo>
                      <a:pt x="449" y="87"/>
                    </a:lnTo>
                    <a:lnTo>
                      <a:pt x="457" y="75"/>
                    </a:lnTo>
                    <a:lnTo>
                      <a:pt x="473" y="52"/>
                    </a:lnTo>
                    <a:lnTo>
                      <a:pt x="490" y="31"/>
                    </a:lnTo>
                    <a:lnTo>
                      <a:pt x="499" y="21"/>
                    </a:lnTo>
                    <a:lnTo>
                      <a:pt x="510" y="13"/>
                    </a:lnTo>
                    <a:lnTo>
                      <a:pt x="516" y="9"/>
                    </a:lnTo>
                    <a:lnTo>
                      <a:pt x="522" y="6"/>
                    </a:lnTo>
                    <a:lnTo>
                      <a:pt x="529" y="2"/>
                    </a:lnTo>
                    <a:lnTo>
                      <a:pt x="536" y="0"/>
                    </a:lnTo>
                    <a:lnTo>
                      <a:pt x="541" y="0"/>
                    </a:lnTo>
                    <a:lnTo>
                      <a:pt x="546" y="1"/>
                    </a:lnTo>
                    <a:lnTo>
                      <a:pt x="550" y="2"/>
                    </a:lnTo>
                    <a:lnTo>
                      <a:pt x="553" y="5"/>
                    </a:lnTo>
                    <a:lnTo>
                      <a:pt x="558" y="10"/>
                    </a:lnTo>
                    <a:lnTo>
                      <a:pt x="561" y="16"/>
                    </a:lnTo>
                    <a:lnTo>
                      <a:pt x="566" y="22"/>
                    </a:lnTo>
                    <a:lnTo>
                      <a:pt x="569" y="30"/>
                    </a:lnTo>
                    <a:lnTo>
                      <a:pt x="572" y="36"/>
                    </a:lnTo>
                    <a:lnTo>
                      <a:pt x="577" y="41"/>
                    </a:lnTo>
                    <a:lnTo>
                      <a:pt x="573" y="46"/>
                    </a:lnTo>
                    <a:lnTo>
                      <a:pt x="568" y="48"/>
                    </a:lnTo>
                    <a:lnTo>
                      <a:pt x="562" y="51"/>
                    </a:lnTo>
                    <a:lnTo>
                      <a:pt x="557" y="53"/>
                    </a:lnTo>
                    <a:lnTo>
                      <a:pt x="552" y="56"/>
                    </a:lnTo>
                    <a:lnTo>
                      <a:pt x="548" y="60"/>
                    </a:lnTo>
                    <a:lnTo>
                      <a:pt x="547" y="64"/>
                    </a:lnTo>
                    <a:lnTo>
                      <a:pt x="546" y="67"/>
                    </a:lnTo>
                    <a:lnTo>
                      <a:pt x="545" y="70"/>
                    </a:lnTo>
                    <a:lnTo>
                      <a:pt x="545" y="74"/>
                    </a:lnTo>
                    <a:lnTo>
                      <a:pt x="558" y="84"/>
                    </a:lnTo>
                    <a:lnTo>
                      <a:pt x="570" y="93"/>
                    </a:lnTo>
                    <a:lnTo>
                      <a:pt x="579" y="103"/>
                    </a:lnTo>
                    <a:lnTo>
                      <a:pt x="588" y="112"/>
                    </a:lnTo>
                    <a:lnTo>
                      <a:pt x="594" y="123"/>
                    </a:lnTo>
                    <a:lnTo>
                      <a:pt x="600" y="133"/>
                    </a:lnTo>
                    <a:lnTo>
                      <a:pt x="605" y="144"/>
                    </a:lnTo>
                    <a:lnTo>
                      <a:pt x="609" y="155"/>
                    </a:lnTo>
                    <a:lnTo>
                      <a:pt x="614" y="179"/>
                    </a:lnTo>
                    <a:lnTo>
                      <a:pt x="617" y="206"/>
                    </a:lnTo>
                    <a:lnTo>
                      <a:pt x="621" y="235"/>
                    </a:lnTo>
                    <a:lnTo>
                      <a:pt x="626" y="269"/>
                    </a:lnTo>
                    <a:lnTo>
                      <a:pt x="615" y="268"/>
                    </a:lnTo>
                    <a:lnTo>
                      <a:pt x="605" y="268"/>
                    </a:lnTo>
                    <a:lnTo>
                      <a:pt x="596" y="269"/>
                    </a:lnTo>
                    <a:lnTo>
                      <a:pt x="588" y="272"/>
                    </a:lnTo>
                    <a:lnTo>
                      <a:pt x="581" y="275"/>
                    </a:lnTo>
                    <a:lnTo>
                      <a:pt x="576" y="280"/>
                    </a:lnTo>
                    <a:lnTo>
                      <a:pt x="572" y="286"/>
                    </a:lnTo>
                    <a:lnTo>
                      <a:pt x="569" y="293"/>
                    </a:lnTo>
                    <a:lnTo>
                      <a:pt x="575" y="296"/>
                    </a:lnTo>
                    <a:lnTo>
                      <a:pt x="581" y="300"/>
                    </a:lnTo>
                    <a:lnTo>
                      <a:pt x="586" y="305"/>
                    </a:lnTo>
                    <a:lnTo>
                      <a:pt x="591" y="310"/>
                    </a:lnTo>
                    <a:lnTo>
                      <a:pt x="599" y="322"/>
                    </a:lnTo>
                    <a:lnTo>
                      <a:pt x="607" y="333"/>
                    </a:lnTo>
                    <a:lnTo>
                      <a:pt x="614" y="345"/>
                    </a:lnTo>
                    <a:lnTo>
                      <a:pt x="621" y="356"/>
                    </a:lnTo>
                    <a:lnTo>
                      <a:pt x="626" y="362"/>
                    </a:lnTo>
                    <a:lnTo>
                      <a:pt x="631" y="367"/>
                    </a:lnTo>
                    <a:lnTo>
                      <a:pt x="636" y="371"/>
                    </a:lnTo>
                    <a:lnTo>
                      <a:pt x="642" y="374"/>
                    </a:lnTo>
                    <a:lnTo>
                      <a:pt x="625" y="396"/>
                    </a:lnTo>
                    <a:lnTo>
                      <a:pt x="608" y="418"/>
                    </a:lnTo>
                    <a:lnTo>
                      <a:pt x="591" y="442"/>
                    </a:lnTo>
                    <a:lnTo>
                      <a:pt x="574" y="465"/>
                    </a:lnTo>
                    <a:lnTo>
                      <a:pt x="559" y="489"/>
                    </a:lnTo>
                    <a:lnTo>
                      <a:pt x="545" y="514"/>
                    </a:lnTo>
                    <a:lnTo>
                      <a:pt x="532" y="542"/>
                    </a:lnTo>
                    <a:lnTo>
                      <a:pt x="520" y="569"/>
                    </a:lnTo>
                    <a:lnTo>
                      <a:pt x="528" y="571"/>
                    </a:lnTo>
                    <a:lnTo>
                      <a:pt x="534" y="573"/>
                    </a:lnTo>
                    <a:lnTo>
                      <a:pt x="540" y="575"/>
                    </a:lnTo>
                    <a:lnTo>
                      <a:pt x="547" y="578"/>
                    </a:lnTo>
                    <a:lnTo>
                      <a:pt x="558" y="585"/>
                    </a:lnTo>
                    <a:lnTo>
                      <a:pt x="568" y="593"/>
                    </a:lnTo>
                    <a:lnTo>
                      <a:pt x="577" y="604"/>
                    </a:lnTo>
                    <a:lnTo>
                      <a:pt x="585" y="615"/>
                    </a:lnTo>
                    <a:lnTo>
                      <a:pt x="591" y="627"/>
                    </a:lnTo>
                    <a:lnTo>
                      <a:pt x="597" y="641"/>
                    </a:lnTo>
                    <a:lnTo>
                      <a:pt x="601" y="654"/>
                    </a:lnTo>
                    <a:lnTo>
                      <a:pt x="606" y="669"/>
                    </a:lnTo>
                    <a:lnTo>
                      <a:pt x="608" y="684"/>
                    </a:lnTo>
                    <a:lnTo>
                      <a:pt x="610" y="699"/>
                    </a:lnTo>
                    <a:lnTo>
                      <a:pt x="611" y="713"/>
                    </a:lnTo>
                    <a:lnTo>
                      <a:pt x="611" y="728"/>
                    </a:lnTo>
                    <a:lnTo>
                      <a:pt x="611" y="743"/>
                    </a:lnTo>
                    <a:lnTo>
                      <a:pt x="610" y="756"/>
                    </a:lnTo>
                    <a:lnTo>
                      <a:pt x="618" y="754"/>
                    </a:lnTo>
                    <a:lnTo>
                      <a:pt x="626" y="754"/>
                    </a:lnTo>
                    <a:lnTo>
                      <a:pt x="631" y="754"/>
                    </a:lnTo>
                    <a:lnTo>
                      <a:pt x="635" y="757"/>
                    </a:lnTo>
                    <a:lnTo>
                      <a:pt x="638" y="761"/>
                    </a:lnTo>
                    <a:lnTo>
                      <a:pt x="640" y="765"/>
                    </a:lnTo>
                    <a:lnTo>
                      <a:pt x="642" y="769"/>
                    </a:lnTo>
                    <a:lnTo>
                      <a:pt x="644" y="774"/>
                    </a:lnTo>
                    <a:lnTo>
                      <a:pt x="646" y="786"/>
                    </a:lnTo>
                    <a:lnTo>
                      <a:pt x="647" y="797"/>
                    </a:lnTo>
                    <a:lnTo>
                      <a:pt x="649" y="803"/>
                    </a:lnTo>
                    <a:lnTo>
                      <a:pt x="651" y="807"/>
                    </a:lnTo>
                    <a:lnTo>
                      <a:pt x="654" y="810"/>
                    </a:lnTo>
                    <a:lnTo>
                      <a:pt x="658" y="812"/>
                    </a:lnTo>
                    <a:lnTo>
                      <a:pt x="658" y="830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79" name="Slagelse kant"/>
              <p:cNvSpPr>
                <a:spLocks/>
              </p:cNvSpPr>
              <p:nvPr/>
            </p:nvSpPr>
            <p:spPr bwMode="auto">
              <a:xfrm>
                <a:off x="2933700" y="5610225"/>
                <a:ext cx="52387" cy="85725"/>
              </a:xfrm>
              <a:custGeom>
                <a:avLst/>
                <a:gdLst>
                  <a:gd name="T0" fmla="*/ 3 w 100"/>
                  <a:gd name="T1" fmla="*/ 2 h 162"/>
                  <a:gd name="T2" fmla="*/ 5 w 100"/>
                  <a:gd name="T3" fmla="*/ 1 h 162"/>
                  <a:gd name="T4" fmla="*/ 7 w 100"/>
                  <a:gd name="T5" fmla="*/ 0 h 162"/>
                  <a:gd name="T6" fmla="*/ 7 w 100"/>
                  <a:gd name="T7" fmla="*/ 0 h 162"/>
                  <a:gd name="T8" fmla="*/ 8 w 100"/>
                  <a:gd name="T9" fmla="*/ 1 h 162"/>
                  <a:gd name="T10" fmla="*/ 8 w 100"/>
                  <a:gd name="T11" fmla="*/ 2 h 162"/>
                  <a:gd name="T12" fmla="*/ 9 w 100"/>
                  <a:gd name="T13" fmla="*/ 3 h 162"/>
                  <a:gd name="T14" fmla="*/ 10 w 100"/>
                  <a:gd name="T15" fmla="*/ 4 h 162"/>
                  <a:gd name="T16" fmla="*/ 11 w 100"/>
                  <a:gd name="T17" fmla="*/ 5 h 162"/>
                  <a:gd name="T18" fmla="*/ 15 w 100"/>
                  <a:gd name="T19" fmla="*/ 10 h 162"/>
                  <a:gd name="T20" fmla="*/ 18 w 100"/>
                  <a:gd name="T21" fmla="*/ 15 h 162"/>
                  <a:gd name="T22" fmla="*/ 20 w 100"/>
                  <a:gd name="T23" fmla="*/ 20 h 162"/>
                  <a:gd name="T24" fmla="*/ 23 w 100"/>
                  <a:gd name="T25" fmla="*/ 26 h 162"/>
                  <a:gd name="T26" fmla="*/ 28 w 100"/>
                  <a:gd name="T27" fmla="*/ 37 h 162"/>
                  <a:gd name="T28" fmla="*/ 33 w 100"/>
                  <a:gd name="T29" fmla="*/ 48 h 162"/>
                  <a:gd name="T30" fmla="*/ 32 w 100"/>
                  <a:gd name="T31" fmla="*/ 49 h 162"/>
                  <a:gd name="T32" fmla="*/ 31 w 100"/>
                  <a:gd name="T33" fmla="*/ 49 h 162"/>
                  <a:gd name="T34" fmla="*/ 31 w 100"/>
                  <a:gd name="T35" fmla="*/ 50 h 162"/>
                  <a:gd name="T36" fmla="*/ 31 w 100"/>
                  <a:gd name="T37" fmla="*/ 50 h 162"/>
                  <a:gd name="T38" fmla="*/ 30 w 100"/>
                  <a:gd name="T39" fmla="*/ 52 h 162"/>
                  <a:gd name="T40" fmla="*/ 30 w 100"/>
                  <a:gd name="T41" fmla="*/ 54 h 162"/>
                  <a:gd name="T42" fmla="*/ 26 w 100"/>
                  <a:gd name="T43" fmla="*/ 53 h 162"/>
                  <a:gd name="T44" fmla="*/ 22 w 100"/>
                  <a:gd name="T45" fmla="*/ 52 h 162"/>
                  <a:gd name="T46" fmla="*/ 19 w 100"/>
                  <a:gd name="T47" fmla="*/ 50 h 162"/>
                  <a:gd name="T48" fmla="*/ 16 w 100"/>
                  <a:gd name="T49" fmla="*/ 48 h 162"/>
                  <a:gd name="T50" fmla="*/ 12 w 100"/>
                  <a:gd name="T51" fmla="*/ 46 h 162"/>
                  <a:gd name="T52" fmla="*/ 9 w 100"/>
                  <a:gd name="T53" fmla="*/ 43 h 162"/>
                  <a:gd name="T54" fmla="*/ 7 w 100"/>
                  <a:gd name="T55" fmla="*/ 40 h 162"/>
                  <a:gd name="T56" fmla="*/ 5 w 100"/>
                  <a:gd name="T57" fmla="*/ 37 h 162"/>
                  <a:gd name="T58" fmla="*/ 3 w 100"/>
                  <a:gd name="T59" fmla="*/ 33 h 162"/>
                  <a:gd name="T60" fmla="*/ 2 w 100"/>
                  <a:gd name="T61" fmla="*/ 30 h 162"/>
                  <a:gd name="T62" fmla="*/ 1 w 100"/>
                  <a:gd name="T63" fmla="*/ 25 h 162"/>
                  <a:gd name="T64" fmla="*/ 0 w 100"/>
                  <a:gd name="T65" fmla="*/ 21 h 162"/>
                  <a:gd name="T66" fmla="*/ 0 w 100"/>
                  <a:gd name="T67" fmla="*/ 17 h 162"/>
                  <a:gd name="T68" fmla="*/ 1 w 100"/>
                  <a:gd name="T69" fmla="*/ 12 h 162"/>
                  <a:gd name="T70" fmla="*/ 2 w 100"/>
                  <a:gd name="T71" fmla="*/ 7 h 162"/>
                  <a:gd name="T72" fmla="*/ 3 w 100"/>
                  <a:gd name="T73" fmla="*/ 2 h 162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0" t="0" r="r" b="b"/>
                <a:pathLst>
                  <a:path w="100" h="162">
                    <a:moveTo>
                      <a:pt x="10" y="7"/>
                    </a:moveTo>
                    <a:lnTo>
                      <a:pt x="16" y="3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4" y="3"/>
                    </a:lnTo>
                    <a:lnTo>
                      <a:pt x="25" y="6"/>
                    </a:lnTo>
                    <a:lnTo>
                      <a:pt x="27" y="9"/>
                    </a:lnTo>
                    <a:lnTo>
                      <a:pt x="30" y="12"/>
                    </a:lnTo>
                    <a:lnTo>
                      <a:pt x="34" y="15"/>
                    </a:lnTo>
                    <a:lnTo>
                      <a:pt x="45" y="29"/>
                    </a:lnTo>
                    <a:lnTo>
                      <a:pt x="54" y="45"/>
                    </a:lnTo>
                    <a:lnTo>
                      <a:pt x="62" y="60"/>
                    </a:lnTo>
                    <a:lnTo>
                      <a:pt x="70" y="77"/>
                    </a:lnTo>
                    <a:lnTo>
                      <a:pt x="85" y="111"/>
                    </a:lnTo>
                    <a:lnTo>
                      <a:pt x="100" y="145"/>
                    </a:lnTo>
                    <a:lnTo>
                      <a:pt x="97" y="146"/>
                    </a:lnTo>
                    <a:lnTo>
                      <a:pt x="95" y="147"/>
                    </a:lnTo>
                    <a:lnTo>
                      <a:pt x="94" y="149"/>
                    </a:lnTo>
                    <a:lnTo>
                      <a:pt x="93" y="151"/>
                    </a:lnTo>
                    <a:lnTo>
                      <a:pt x="92" y="156"/>
                    </a:lnTo>
                    <a:lnTo>
                      <a:pt x="91" y="162"/>
                    </a:lnTo>
                    <a:lnTo>
                      <a:pt x="80" y="159"/>
                    </a:lnTo>
                    <a:lnTo>
                      <a:pt x="68" y="155"/>
                    </a:lnTo>
                    <a:lnTo>
                      <a:pt x="57" y="151"/>
                    </a:lnTo>
                    <a:lnTo>
                      <a:pt x="47" y="145"/>
                    </a:lnTo>
                    <a:lnTo>
                      <a:pt x="37" y="137"/>
                    </a:lnTo>
                    <a:lnTo>
                      <a:pt x="28" y="130"/>
                    </a:lnTo>
                    <a:lnTo>
                      <a:pt x="21" y="121"/>
                    </a:lnTo>
                    <a:lnTo>
                      <a:pt x="14" y="111"/>
                    </a:lnTo>
                    <a:lnTo>
                      <a:pt x="9" y="99"/>
                    </a:lnTo>
                    <a:lnTo>
                      <a:pt x="5" y="89"/>
                    </a:lnTo>
                    <a:lnTo>
                      <a:pt x="2" y="76"/>
                    </a:lnTo>
                    <a:lnTo>
                      <a:pt x="0" y="64"/>
                    </a:lnTo>
                    <a:lnTo>
                      <a:pt x="0" y="50"/>
                    </a:lnTo>
                    <a:lnTo>
                      <a:pt x="2" y="36"/>
                    </a:lnTo>
                    <a:lnTo>
                      <a:pt x="5" y="22"/>
                    </a:lnTo>
                    <a:lnTo>
                      <a:pt x="10" y="7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80" name="Slagelse"/>
              <p:cNvSpPr>
                <a:spLocks/>
              </p:cNvSpPr>
              <p:nvPr/>
            </p:nvSpPr>
            <p:spPr bwMode="auto">
              <a:xfrm>
                <a:off x="2908300" y="5700713"/>
                <a:ext cx="47625" cy="55563"/>
              </a:xfrm>
              <a:custGeom>
                <a:avLst/>
                <a:gdLst>
                  <a:gd name="T0" fmla="*/ 14 w 90"/>
                  <a:gd name="T1" fmla="*/ 35 h 104"/>
                  <a:gd name="T2" fmla="*/ 12 w 90"/>
                  <a:gd name="T3" fmla="*/ 35 h 104"/>
                  <a:gd name="T4" fmla="*/ 10 w 90"/>
                  <a:gd name="T5" fmla="*/ 34 h 104"/>
                  <a:gd name="T6" fmla="*/ 8 w 90"/>
                  <a:gd name="T7" fmla="*/ 34 h 104"/>
                  <a:gd name="T8" fmla="*/ 7 w 90"/>
                  <a:gd name="T9" fmla="*/ 33 h 104"/>
                  <a:gd name="T10" fmla="*/ 6 w 90"/>
                  <a:gd name="T11" fmla="*/ 32 h 104"/>
                  <a:gd name="T12" fmla="*/ 5 w 90"/>
                  <a:gd name="T13" fmla="*/ 30 h 104"/>
                  <a:gd name="T14" fmla="*/ 5 w 90"/>
                  <a:gd name="T15" fmla="*/ 29 h 104"/>
                  <a:gd name="T16" fmla="*/ 4 w 90"/>
                  <a:gd name="T17" fmla="*/ 27 h 104"/>
                  <a:gd name="T18" fmla="*/ 2 w 90"/>
                  <a:gd name="T19" fmla="*/ 20 h 104"/>
                  <a:gd name="T20" fmla="*/ 0 w 90"/>
                  <a:gd name="T21" fmla="*/ 13 h 104"/>
                  <a:gd name="T22" fmla="*/ 6 w 90"/>
                  <a:gd name="T23" fmla="*/ 8 h 104"/>
                  <a:gd name="T24" fmla="*/ 13 w 90"/>
                  <a:gd name="T25" fmla="*/ 3 h 104"/>
                  <a:gd name="T26" fmla="*/ 15 w 90"/>
                  <a:gd name="T27" fmla="*/ 2 h 104"/>
                  <a:gd name="T28" fmla="*/ 17 w 90"/>
                  <a:gd name="T29" fmla="*/ 1 h 104"/>
                  <a:gd name="T30" fmla="*/ 19 w 90"/>
                  <a:gd name="T31" fmla="*/ 0 h 104"/>
                  <a:gd name="T32" fmla="*/ 21 w 90"/>
                  <a:gd name="T33" fmla="*/ 0 h 104"/>
                  <a:gd name="T34" fmla="*/ 24 w 90"/>
                  <a:gd name="T35" fmla="*/ 0 h 104"/>
                  <a:gd name="T36" fmla="*/ 26 w 90"/>
                  <a:gd name="T37" fmla="*/ 0 h 104"/>
                  <a:gd name="T38" fmla="*/ 28 w 90"/>
                  <a:gd name="T39" fmla="*/ 1 h 104"/>
                  <a:gd name="T40" fmla="*/ 30 w 90"/>
                  <a:gd name="T41" fmla="*/ 2 h 104"/>
                  <a:gd name="T42" fmla="*/ 30 w 90"/>
                  <a:gd name="T43" fmla="*/ 6 h 104"/>
                  <a:gd name="T44" fmla="*/ 30 w 90"/>
                  <a:gd name="T45" fmla="*/ 10 h 104"/>
                  <a:gd name="T46" fmla="*/ 28 w 90"/>
                  <a:gd name="T47" fmla="*/ 11 h 104"/>
                  <a:gd name="T48" fmla="*/ 26 w 90"/>
                  <a:gd name="T49" fmla="*/ 12 h 104"/>
                  <a:gd name="T50" fmla="*/ 25 w 90"/>
                  <a:gd name="T51" fmla="*/ 13 h 104"/>
                  <a:gd name="T52" fmla="*/ 24 w 90"/>
                  <a:gd name="T53" fmla="*/ 14 h 104"/>
                  <a:gd name="T54" fmla="*/ 22 w 90"/>
                  <a:gd name="T55" fmla="*/ 18 h 104"/>
                  <a:gd name="T56" fmla="*/ 20 w 90"/>
                  <a:gd name="T57" fmla="*/ 21 h 104"/>
                  <a:gd name="T58" fmla="*/ 17 w 90"/>
                  <a:gd name="T59" fmla="*/ 28 h 104"/>
                  <a:gd name="T60" fmla="*/ 14 w 90"/>
                  <a:gd name="T61" fmla="*/ 35 h 104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90" h="104">
                    <a:moveTo>
                      <a:pt x="41" y="104"/>
                    </a:moveTo>
                    <a:lnTo>
                      <a:pt x="35" y="103"/>
                    </a:lnTo>
                    <a:lnTo>
                      <a:pt x="30" y="102"/>
                    </a:lnTo>
                    <a:lnTo>
                      <a:pt x="25" y="100"/>
                    </a:lnTo>
                    <a:lnTo>
                      <a:pt x="21" y="97"/>
                    </a:lnTo>
                    <a:lnTo>
                      <a:pt x="18" y="94"/>
                    </a:lnTo>
                    <a:lnTo>
                      <a:pt x="16" y="90"/>
                    </a:lnTo>
                    <a:lnTo>
                      <a:pt x="14" y="85"/>
                    </a:lnTo>
                    <a:lnTo>
                      <a:pt x="12" y="80"/>
                    </a:lnTo>
                    <a:lnTo>
                      <a:pt x="7" y="60"/>
                    </a:lnTo>
                    <a:lnTo>
                      <a:pt x="0" y="39"/>
                    </a:lnTo>
                    <a:lnTo>
                      <a:pt x="19" y="24"/>
                    </a:lnTo>
                    <a:lnTo>
                      <a:pt x="40" y="8"/>
                    </a:lnTo>
                    <a:lnTo>
                      <a:pt x="45" y="5"/>
                    </a:lnTo>
                    <a:lnTo>
                      <a:pt x="52" y="2"/>
                    </a:lnTo>
                    <a:lnTo>
                      <a:pt x="58" y="1"/>
                    </a:lnTo>
                    <a:lnTo>
                      <a:pt x="64" y="0"/>
                    </a:lnTo>
                    <a:lnTo>
                      <a:pt x="71" y="0"/>
                    </a:lnTo>
                    <a:lnTo>
                      <a:pt x="77" y="1"/>
                    </a:lnTo>
                    <a:lnTo>
                      <a:pt x="83" y="3"/>
                    </a:lnTo>
                    <a:lnTo>
                      <a:pt x="90" y="6"/>
                    </a:lnTo>
                    <a:lnTo>
                      <a:pt x="90" y="19"/>
                    </a:lnTo>
                    <a:lnTo>
                      <a:pt x="90" y="31"/>
                    </a:lnTo>
                    <a:lnTo>
                      <a:pt x="84" y="34"/>
                    </a:lnTo>
                    <a:lnTo>
                      <a:pt x="79" y="36"/>
                    </a:lnTo>
                    <a:lnTo>
                      <a:pt x="75" y="39"/>
                    </a:lnTo>
                    <a:lnTo>
                      <a:pt x="72" y="43"/>
                    </a:lnTo>
                    <a:lnTo>
                      <a:pt x="65" y="52"/>
                    </a:lnTo>
                    <a:lnTo>
                      <a:pt x="60" y="62"/>
                    </a:lnTo>
                    <a:lnTo>
                      <a:pt x="51" y="83"/>
                    </a:lnTo>
                    <a:lnTo>
                      <a:pt x="41" y="104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81" name="Slagelse kant"/>
              <p:cNvSpPr>
                <a:spLocks/>
              </p:cNvSpPr>
              <p:nvPr/>
            </p:nvSpPr>
            <p:spPr bwMode="auto">
              <a:xfrm>
                <a:off x="2908300" y="5700713"/>
                <a:ext cx="47625" cy="55563"/>
              </a:xfrm>
              <a:custGeom>
                <a:avLst/>
                <a:gdLst>
                  <a:gd name="T0" fmla="*/ 14 w 90"/>
                  <a:gd name="T1" fmla="*/ 35 h 104"/>
                  <a:gd name="T2" fmla="*/ 12 w 90"/>
                  <a:gd name="T3" fmla="*/ 35 h 104"/>
                  <a:gd name="T4" fmla="*/ 10 w 90"/>
                  <a:gd name="T5" fmla="*/ 34 h 104"/>
                  <a:gd name="T6" fmla="*/ 8 w 90"/>
                  <a:gd name="T7" fmla="*/ 34 h 104"/>
                  <a:gd name="T8" fmla="*/ 7 w 90"/>
                  <a:gd name="T9" fmla="*/ 33 h 104"/>
                  <a:gd name="T10" fmla="*/ 6 w 90"/>
                  <a:gd name="T11" fmla="*/ 32 h 104"/>
                  <a:gd name="T12" fmla="*/ 5 w 90"/>
                  <a:gd name="T13" fmla="*/ 30 h 104"/>
                  <a:gd name="T14" fmla="*/ 5 w 90"/>
                  <a:gd name="T15" fmla="*/ 29 h 104"/>
                  <a:gd name="T16" fmla="*/ 4 w 90"/>
                  <a:gd name="T17" fmla="*/ 27 h 104"/>
                  <a:gd name="T18" fmla="*/ 2 w 90"/>
                  <a:gd name="T19" fmla="*/ 20 h 104"/>
                  <a:gd name="T20" fmla="*/ 0 w 90"/>
                  <a:gd name="T21" fmla="*/ 13 h 104"/>
                  <a:gd name="T22" fmla="*/ 6 w 90"/>
                  <a:gd name="T23" fmla="*/ 8 h 104"/>
                  <a:gd name="T24" fmla="*/ 13 w 90"/>
                  <a:gd name="T25" fmla="*/ 3 h 104"/>
                  <a:gd name="T26" fmla="*/ 15 w 90"/>
                  <a:gd name="T27" fmla="*/ 2 h 104"/>
                  <a:gd name="T28" fmla="*/ 17 w 90"/>
                  <a:gd name="T29" fmla="*/ 1 h 104"/>
                  <a:gd name="T30" fmla="*/ 19 w 90"/>
                  <a:gd name="T31" fmla="*/ 0 h 104"/>
                  <a:gd name="T32" fmla="*/ 21 w 90"/>
                  <a:gd name="T33" fmla="*/ 0 h 104"/>
                  <a:gd name="T34" fmla="*/ 24 w 90"/>
                  <a:gd name="T35" fmla="*/ 0 h 104"/>
                  <a:gd name="T36" fmla="*/ 26 w 90"/>
                  <a:gd name="T37" fmla="*/ 0 h 104"/>
                  <a:gd name="T38" fmla="*/ 28 w 90"/>
                  <a:gd name="T39" fmla="*/ 1 h 104"/>
                  <a:gd name="T40" fmla="*/ 30 w 90"/>
                  <a:gd name="T41" fmla="*/ 2 h 104"/>
                  <a:gd name="T42" fmla="*/ 30 w 90"/>
                  <a:gd name="T43" fmla="*/ 6 h 104"/>
                  <a:gd name="T44" fmla="*/ 30 w 90"/>
                  <a:gd name="T45" fmla="*/ 10 h 104"/>
                  <a:gd name="T46" fmla="*/ 28 w 90"/>
                  <a:gd name="T47" fmla="*/ 11 h 104"/>
                  <a:gd name="T48" fmla="*/ 26 w 90"/>
                  <a:gd name="T49" fmla="*/ 12 h 104"/>
                  <a:gd name="T50" fmla="*/ 25 w 90"/>
                  <a:gd name="T51" fmla="*/ 13 h 104"/>
                  <a:gd name="T52" fmla="*/ 24 w 90"/>
                  <a:gd name="T53" fmla="*/ 14 h 104"/>
                  <a:gd name="T54" fmla="*/ 22 w 90"/>
                  <a:gd name="T55" fmla="*/ 18 h 104"/>
                  <a:gd name="T56" fmla="*/ 20 w 90"/>
                  <a:gd name="T57" fmla="*/ 21 h 104"/>
                  <a:gd name="T58" fmla="*/ 17 w 90"/>
                  <a:gd name="T59" fmla="*/ 28 h 104"/>
                  <a:gd name="T60" fmla="*/ 14 w 90"/>
                  <a:gd name="T61" fmla="*/ 35 h 104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90" h="104">
                    <a:moveTo>
                      <a:pt x="41" y="104"/>
                    </a:moveTo>
                    <a:lnTo>
                      <a:pt x="35" y="103"/>
                    </a:lnTo>
                    <a:lnTo>
                      <a:pt x="30" y="102"/>
                    </a:lnTo>
                    <a:lnTo>
                      <a:pt x="25" y="100"/>
                    </a:lnTo>
                    <a:lnTo>
                      <a:pt x="21" y="97"/>
                    </a:lnTo>
                    <a:lnTo>
                      <a:pt x="18" y="94"/>
                    </a:lnTo>
                    <a:lnTo>
                      <a:pt x="16" y="90"/>
                    </a:lnTo>
                    <a:lnTo>
                      <a:pt x="14" y="85"/>
                    </a:lnTo>
                    <a:lnTo>
                      <a:pt x="12" y="80"/>
                    </a:lnTo>
                    <a:lnTo>
                      <a:pt x="7" y="60"/>
                    </a:lnTo>
                    <a:lnTo>
                      <a:pt x="0" y="39"/>
                    </a:lnTo>
                    <a:lnTo>
                      <a:pt x="19" y="24"/>
                    </a:lnTo>
                    <a:lnTo>
                      <a:pt x="40" y="8"/>
                    </a:lnTo>
                    <a:lnTo>
                      <a:pt x="45" y="5"/>
                    </a:lnTo>
                    <a:lnTo>
                      <a:pt x="52" y="2"/>
                    </a:lnTo>
                    <a:lnTo>
                      <a:pt x="58" y="1"/>
                    </a:lnTo>
                    <a:lnTo>
                      <a:pt x="64" y="0"/>
                    </a:lnTo>
                    <a:lnTo>
                      <a:pt x="71" y="0"/>
                    </a:lnTo>
                    <a:lnTo>
                      <a:pt x="77" y="1"/>
                    </a:lnTo>
                    <a:lnTo>
                      <a:pt x="83" y="3"/>
                    </a:lnTo>
                    <a:lnTo>
                      <a:pt x="90" y="6"/>
                    </a:lnTo>
                    <a:lnTo>
                      <a:pt x="90" y="19"/>
                    </a:lnTo>
                    <a:lnTo>
                      <a:pt x="90" y="31"/>
                    </a:lnTo>
                    <a:lnTo>
                      <a:pt x="84" y="34"/>
                    </a:lnTo>
                    <a:lnTo>
                      <a:pt x="79" y="36"/>
                    </a:lnTo>
                    <a:lnTo>
                      <a:pt x="75" y="39"/>
                    </a:lnTo>
                    <a:lnTo>
                      <a:pt x="72" y="43"/>
                    </a:lnTo>
                    <a:lnTo>
                      <a:pt x="65" y="52"/>
                    </a:lnTo>
                    <a:lnTo>
                      <a:pt x="60" y="62"/>
                    </a:lnTo>
                    <a:lnTo>
                      <a:pt x="51" y="83"/>
                    </a:lnTo>
                    <a:lnTo>
                      <a:pt x="41" y="104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18" name="Holbæk"/>
            <p:cNvSpPr>
              <a:spLocks/>
            </p:cNvSpPr>
            <p:nvPr/>
          </p:nvSpPr>
          <p:spPr bwMode="auto">
            <a:xfrm>
              <a:off x="3071813" y="4778375"/>
              <a:ext cx="387350" cy="431800"/>
            </a:xfrm>
            <a:custGeom>
              <a:avLst/>
              <a:gdLst>
                <a:gd name="T0" fmla="*/ 221 w 732"/>
                <a:gd name="T1" fmla="*/ 109 h 815"/>
                <a:gd name="T2" fmla="*/ 219 w 732"/>
                <a:gd name="T3" fmla="*/ 107 h 815"/>
                <a:gd name="T4" fmla="*/ 219 w 732"/>
                <a:gd name="T5" fmla="*/ 111 h 815"/>
                <a:gd name="T6" fmla="*/ 225 w 732"/>
                <a:gd name="T7" fmla="*/ 118 h 815"/>
                <a:gd name="T8" fmla="*/ 222 w 732"/>
                <a:gd name="T9" fmla="*/ 123 h 815"/>
                <a:gd name="T10" fmla="*/ 212 w 732"/>
                <a:gd name="T11" fmla="*/ 133 h 815"/>
                <a:gd name="T12" fmla="*/ 206 w 732"/>
                <a:gd name="T13" fmla="*/ 152 h 815"/>
                <a:gd name="T14" fmla="*/ 218 w 732"/>
                <a:gd name="T15" fmla="*/ 181 h 815"/>
                <a:gd name="T16" fmla="*/ 231 w 732"/>
                <a:gd name="T17" fmla="*/ 206 h 815"/>
                <a:gd name="T18" fmla="*/ 242 w 732"/>
                <a:gd name="T19" fmla="*/ 213 h 815"/>
                <a:gd name="T20" fmla="*/ 237 w 732"/>
                <a:gd name="T21" fmla="*/ 225 h 815"/>
                <a:gd name="T22" fmla="*/ 220 w 732"/>
                <a:gd name="T23" fmla="*/ 241 h 815"/>
                <a:gd name="T24" fmla="*/ 203 w 732"/>
                <a:gd name="T25" fmla="*/ 243 h 815"/>
                <a:gd name="T26" fmla="*/ 192 w 732"/>
                <a:gd name="T27" fmla="*/ 242 h 815"/>
                <a:gd name="T28" fmla="*/ 187 w 732"/>
                <a:gd name="T29" fmla="*/ 250 h 815"/>
                <a:gd name="T30" fmla="*/ 185 w 732"/>
                <a:gd name="T31" fmla="*/ 266 h 815"/>
                <a:gd name="T32" fmla="*/ 175 w 732"/>
                <a:gd name="T33" fmla="*/ 267 h 815"/>
                <a:gd name="T34" fmla="*/ 166 w 732"/>
                <a:gd name="T35" fmla="*/ 271 h 815"/>
                <a:gd name="T36" fmla="*/ 161 w 732"/>
                <a:gd name="T37" fmla="*/ 268 h 815"/>
                <a:gd name="T38" fmla="*/ 161 w 732"/>
                <a:gd name="T39" fmla="*/ 264 h 815"/>
                <a:gd name="T40" fmla="*/ 157 w 732"/>
                <a:gd name="T41" fmla="*/ 263 h 815"/>
                <a:gd name="T42" fmla="*/ 163 w 732"/>
                <a:gd name="T43" fmla="*/ 253 h 815"/>
                <a:gd name="T44" fmla="*/ 165 w 732"/>
                <a:gd name="T45" fmla="*/ 240 h 815"/>
                <a:gd name="T46" fmla="*/ 161 w 732"/>
                <a:gd name="T47" fmla="*/ 228 h 815"/>
                <a:gd name="T48" fmla="*/ 149 w 732"/>
                <a:gd name="T49" fmla="*/ 224 h 815"/>
                <a:gd name="T50" fmla="*/ 131 w 732"/>
                <a:gd name="T51" fmla="*/ 224 h 815"/>
                <a:gd name="T52" fmla="*/ 111 w 732"/>
                <a:gd name="T53" fmla="*/ 216 h 815"/>
                <a:gd name="T54" fmla="*/ 83 w 732"/>
                <a:gd name="T55" fmla="*/ 207 h 815"/>
                <a:gd name="T56" fmla="*/ 57 w 732"/>
                <a:gd name="T57" fmla="*/ 216 h 815"/>
                <a:gd name="T58" fmla="*/ 37 w 732"/>
                <a:gd name="T59" fmla="*/ 218 h 815"/>
                <a:gd name="T60" fmla="*/ 19 w 732"/>
                <a:gd name="T61" fmla="*/ 202 h 815"/>
                <a:gd name="T62" fmla="*/ 10 w 732"/>
                <a:gd name="T63" fmla="*/ 186 h 815"/>
                <a:gd name="T64" fmla="*/ 8 w 732"/>
                <a:gd name="T65" fmla="*/ 172 h 815"/>
                <a:gd name="T66" fmla="*/ 6 w 732"/>
                <a:gd name="T67" fmla="*/ 167 h 815"/>
                <a:gd name="T68" fmla="*/ 3 w 732"/>
                <a:gd name="T69" fmla="*/ 162 h 815"/>
                <a:gd name="T70" fmla="*/ 12 w 732"/>
                <a:gd name="T71" fmla="*/ 151 h 815"/>
                <a:gd name="T72" fmla="*/ 8 w 732"/>
                <a:gd name="T73" fmla="*/ 143 h 815"/>
                <a:gd name="T74" fmla="*/ 7 w 732"/>
                <a:gd name="T75" fmla="*/ 132 h 815"/>
                <a:gd name="T76" fmla="*/ 16 w 732"/>
                <a:gd name="T77" fmla="*/ 112 h 815"/>
                <a:gd name="T78" fmla="*/ 24 w 732"/>
                <a:gd name="T79" fmla="*/ 90 h 815"/>
                <a:gd name="T80" fmla="*/ 37 w 732"/>
                <a:gd name="T81" fmla="*/ 83 h 815"/>
                <a:gd name="T82" fmla="*/ 50 w 732"/>
                <a:gd name="T83" fmla="*/ 79 h 815"/>
                <a:gd name="T84" fmla="*/ 69 w 732"/>
                <a:gd name="T85" fmla="*/ 66 h 815"/>
                <a:gd name="T86" fmla="*/ 87 w 732"/>
                <a:gd name="T87" fmla="*/ 53 h 815"/>
                <a:gd name="T88" fmla="*/ 100 w 732"/>
                <a:gd name="T89" fmla="*/ 48 h 815"/>
                <a:gd name="T90" fmla="*/ 115 w 732"/>
                <a:gd name="T91" fmla="*/ 45 h 815"/>
                <a:gd name="T92" fmla="*/ 132 w 732"/>
                <a:gd name="T93" fmla="*/ 46 h 815"/>
                <a:gd name="T94" fmla="*/ 144 w 732"/>
                <a:gd name="T95" fmla="*/ 37 h 815"/>
                <a:gd name="T96" fmla="*/ 161 w 732"/>
                <a:gd name="T97" fmla="*/ 25 h 815"/>
                <a:gd name="T98" fmla="*/ 188 w 732"/>
                <a:gd name="T99" fmla="*/ 16 h 815"/>
                <a:gd name="T100" fmla="*/ 223 w 732"/>
                <a:gd name="T101" fmla="*/ 5 h 815"/>
                <a:gd name="T102" fmla="*/ 230 w 732"/>
                <a:gd name="T103" fmla="*/ 4 h 815"/>
                <a:gd name="T104" fmla="*/ 235 w 732"/>
                <a:gd name="T105" fmla="*/ 1 h 815"/>
                <a:gd name="T106" fmla="*/ 241 w 732"/>
                <a:gd name="T107" fmla="*/ 4 h 815"/>
                <a:gd name="T108" fmla="*/ 241 w 732"/>
                <a:gd name="T109" fmla="*/ 17 h 815"/>
                <a:gd name="T110" fmla="*/ 241 w 732"/>
                <a:gd name="T111" fmla="*/ 35 h 815"/>
                <a:gd name="T112" fmla="*/ 234 w 732"/>
                <a:gd name="T113" fmla="*/ 67 h 815"/>
                <a:gd name="T114" fmla="*/ 232 w 732"/>
                <a:gd name="T115" fmla="*/ 91 h 815"/>
                <a:gd name="T116" fmla="*/ 227 w 732"/>
                <a:gd name="T117" fmla="*/ 117 h 815"/>
                <a:gd name="T118" fmla="*/ 225 w 732"/>
                <a:gd name="T119" fmla="*/ 113 h 815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732" h="815">
                  <a:moveTo>
                    <a:pt x="675" y="335"/>
                  </a:moveTo>
                  <a:lnTo>
                    <a:pt x="669" y="333"/>
                  </a:lnTo>
                  <a:lnTo>
                    <a:pt x="664" y="329"/>
                  </a:lnTo>
                  <a:lnTo>
                    <a:pt x="662" y="328"/>
                  </a:lnTo>
                  <a:lnTo>
                    <a:pt x="661" y="325"/>
                  </a:lnTo>
                  <a:lnTo>
                    <a:pt x="659" y="323"/>
                  </a:lnTo>
                  <a:lnTo>
                    <a:pt x="659" y="319"/>
                  </a:lnTo>
                  <a:lnTo>
                    <a:pt x="656" y="320"/>
                  </a:lnTo>
                  <a:lnTo>
                    <a:pt x="655" y="323"/>
                  </a:lnTo>
                  <a:lnTo>
                    <a:pt x="654" y="325"/>
                  </a:lnTo>
                  <a:lnTo>
                    <a:pt x="655" y="327"/>
                  </a:lnTo>
                  <a:lnTo>
                    <a:pt x="658" y="332"/>
                  </a:lnTo>
                  <a:lnTo>
                    <a:pt x="662" y="337"/>
                  </a:lnTo>
                  <a:lnTo>
                    <a:pt x="667" y="345"/>
                  </a:lnTo>
                  <a:lnTo>
                    <a:pt x="673" y="351"/>
                  </a:lnTo>
                  <a:lnTo>
                    <a:pt x="675" y="355"/>
                  </a:lnTo>
                  <a:lnTo>
                    <a:pt x="676" y="359"/>
                  </a:lnTo>
                  <a:lnTo>
                    <a:pt x="676" y="364"/>
                  </a:lnTo>
                  <a:lnTo>
                    <a:pt x="675" y="368"/>
                  </a:lnTo>
                  <a:lnTo>
                    <a:pt x="665" y="370"/>
                  </a:lnTo>
                  <a:lnTo>
                    <a:pt x="657" y="374"/>
                  </a:lnTo>
                  <a:lnTo>
                    <a:pt x="649" y="379"/>
                  </a:lnTo>
                  <a:lnTo>
                    <a:pt x="644" y="386"/>
                  </a:lnTo>
                  <a:lnTo>
                    <a:pt x="635" y="400"/>
                  </a:lnTo>
                  <a:lnTo>
                    <a:pt x="626" y="416"/>
                  </a:lnTo>
                  <a:lnTo>
                    <a:pt x="617" y="424"/>
                  </a:lnTo>
                  <a:lnTo>
                    <a:pt x="609" y="433"/>
                  </a:lnTo>
                  <a:lnTo>
                    <a:pt x="618" y="455"/>
                  </a:lnTo>
                  <a:lnTo>
                    <a:pt x="627" y="476"/>
                  </a:lnTo>
                  <a:lnTo>
                    <a:pt x="636" y="498"/>
                  </a:lnTo>
                  <a:lnTo>
                    <a:pt x="645" y="519"/>
                  </a:lnTo>
                  <a:lnTo>
                    <a:pt x="654" y="542"/>
                  </a:lnTo>
                  <a:lnTo>
                    <a:pt x="662" y="564"/>
                  </a:lnTo>
                  <a:lnTo>
                    <a:pt x="669" y="587"/>
                  </a:lnTo>
                  <a:lnTo>
                    <a:pt x="675" y="612"/>
                  </a:lnTo>
                  <a:lnTo>
                    <a:pt x="694" y="617"/>
                  </a:lnTo>
                  <a:lnTo>
                    <a:pt x="712" y="624"/>
                  </a:lnTo>
                  <a:lnTo>
                    <a:pt x="719" y="629"/>
                  </a:lnTo>
                  <a:lnTo>
                    <a:pt x="725" y="634"/>
                  </a:lnTo>
                  <a:lnTo>
                    <a:pt x="727" y="638"/>
                  </a:lnTo>
                  <a:lnTo>
                    <a:pt x="729" y="643"/>
                  </a:lnTo>
                  <a:lnTo>
                    <a:pt x="731" y="647"/>
                  </a:lnTo>
                  <a:lnTo>
                    <a:pt x="732" y="652"/>
                  </a:lnTo>
                  <a:lnTo>
                    <a:pt x="712" y="673"/>
                  </a:lnTo>
                  <a:lnTo>
                    <a:pt x="690" y="692"/>
                  </a:lnTo>
                  <a:lnTo>
                    <a:pt x="680" y="702"/>
                  </a:lnTo>
                  <a:lnTo>
                    <a:pt x="669" y="712"/>
                  </a:lnTo>
                  <a:lnTo>
                    <a:pt x="660" y="723"/>
                  </a:lnTo>
                  <a:lnTo>
                    <a:pt x="650" y="733"/>
                  </a:lnTo>
                  <a:lnTo>
                    <a:pt x="635" y="732"/>
                  </a:lnTo>
                  <a:lnTo>
                    <a:pt x="621" y="730"/>
                  </a:lnTo>
                  <a:lnTo>
                    <a:pt x="610" y="727"/>
                  </a:lnTo>
                  <a:lnTo>
                    <a:pt x="600" y="725"/>
                  </a:lnTo>
                  <a:lnTo>
                    <a:pt x="592" y="723"/>
                  </a:lnTo>
                  <a:lnTo>
                    <a:pt x="582" y="724"/>
                  </a:lnTo>
                  <a:lnTo>
                    <a:pt x="577" y="725"/>
                  </a:lnTo>
                  <a:lnTo>
                    <a:pt x="573" y="727"/>
                  </a:lnTo>
                  <a:lnTo>
                    <a:pt x="567" y="730"/>
                  </a:lnTo>
                  <a:lnTo>
                    <a:pt x="561" y="733"/>
                  </a:lnTo>
                  <a:lnTo>
                    <a:pt x="561" y="750"/>
                  </a:lnTo>
                  <a:lnTo>
                    <a:pt x="561" y="766"/>
                  </a:lnTo>
                  <a:lnTo>
                    <a:pt x="561" y="783"/>
                  </a:lnTo>
                  <a:lnTo>
                    <a:pt x="561" y="799"/>
                  </a:lnTo>
                  <a:lnTo>
                    <a:pt x="554" y="797"/>
                  </a:lnTo>
                  <a:lnTo>
                    <a:pt x="547" y="797"/>
                  </a:lnTo>
                  <a:lnTo>
                    <a:pt x="541" y="797"/>
                  </a:lnTo>
                  <a:lnTo>
                    <a:pt x="536" y="797"/>
                  </a:lnTo>
                  <a:lnTo>
                    <a:pt x="526" y="801"/>
                  </a:lnTo>
                  <a:lnTo>
                    <a:pt x="518" y="805"/>
                  </a:lnTo>
                  <a:lnTo>
                    <a:pt x="509" y="809"/>
                  </a:lnTo>
                  <a:lnTo>
                    <a:pt x="501" y="812"/>
                  </a:lnTo>
                  <a:lnTo>
                    <a:pt x="497" y="813"/>
                  </a:lnTo>
                  <a:lnTo>
                    <a:pt x="491" y="814"/>
                  </a:lnTo>
                  <a:lnTo>
                    <a:pt x="486" y="815"/>
                  </a:lnTo>
                  <a:lnTo>
                    <a:pt x="480" y="815"/>
                  </a:lnTo>
                  <a:lnTo>
                    <a:pt x="483" y="802"/>
                  </a:lnTo>
                  <a:lnTo>
                    <a:pt x="485" y="794"/>
                  </a:lnTo>
                  <a:lnTo>
                    <a:pt x="484" y="792"/>
                  </a:lnTo>
                  <a:lnTo>
                    <a:pt x="484" y="791"/>
                  </a:lnTo>
                  <a:lnTo>
                    <a:pt x="482" y="791"/>
                  </a:lnTo>
                  <a:lnTo>
                    <a:pt x="480" y="790"/>
                  </a:lnTo>
                  <a:lnTo>
                    <a:pt x="474" y="790"/>
                  </a:lnTo>
                  <a:lnTo>
                    <a:pt x="463" y="790"/>
                  </a:lnTo>
                  <a:lnTo>
                    <a:pt x="470" y="787"/>
                  </a:lnTo>
                  <a:lnTo>
                    <a:pt x="477" y="781"/>
                  </a:lnTo>
                  <a:lnTo>
                    <a:pt x="482" y="774"/>
                  </a:lnTo>
                  <a:lnTo>
                    <a:pt x="486" y="766"/>
                  </a:lnTo>
                  <a:lnTo>
                    <a:pt x="490" y="757"/>
                  </a:lnTo>
                  <a:lnTo>
                    <a:pt x="493" y="748"/>
                  </a:lnTo>
                  <a:lnTo>
                    <a:pt x="495" y="738"/>
                  </a:lnTo>
                  <a:lnTo>
                    <a:pt x="496" y="729"/>
                  </a:lnTo>
                  <a:lnTo>
                    <a:pt x="496" y="720"/>
                  </a:lnTo>
                  <a:lnTo>
                    <a:pt x="495" y="709"/>
                  </a:lnTo>
                  <a:lnTo>
                    <a:pt x="493" y="701"/>
                  </a:lnTo>
                  <a:lnTo>
                    <a:pt x="489" y="692"/>
                  </a:lnTo>
                  <a:lnTo>
                    <a:pt x="484" y="684"/>
                  </a:lnTo>
                  <a:lnTo>
                    <a:pt x="479" y="677"/>
                  </a:lnTo>
                  <a:lnTo>
                    <a:pt x="471" y="672"/>
                  </a:lnTo>
                  <a:lnTo>
                    <a:pt x="463" y="669"/>
                  </a:lnTo>
                  <a:lnTo>
                    <a:pt x="448" y="672"/>
                  </a:lnTo>
                  <a:lnTo>
                    <a:pt x="434" y="673"/>
                  </a:lnTo>
                  <a:lnTo>
                    <a:pt x="420" y="673"/>
                  </a:lnTo>
                  <a:lnTo>
                    <a:pt x="407" y="672"/>
                  </a:lnTo>
                  <a:lnTo>
                    <a:pt x="394" y="670"/>
                  </a:lnTo>
                  <a:lnTo>
                    <a:pt x="381" y="667"/>
                  </a:lnTo>
                  <a:lnTo>
                    <a:pt x="369" y="663"/>
                  </a:lnTo>
                  <a:lnTo>
                    <a:pt x="357" y="658"/>
                  </a:lnTo>
                  <a:lnTo>
                    <a:pt x="334" y="647"/>
                  </a:lnTo>
                  <a:lnTo>
                    <a:pt x="311" y="635"/>
                  </a:lnTo>
                  <a:lnTo>
                    <a:pt x="290" y="623"/>
                  </a:lnTo>
                  <a:lnTo>
                    <a:pt x="268" y="612"/>
                  </a:lnTo>
                  <a:lnTo>
                    <a:pt x="249" y="620"/>
                  </a:lnTo>
                  <a:lnTo>
                    <a:pt x="230" y="627"/>
                  </a:lnTo>
                  <a:lnTo>
                    <a:pt x="211" y="634"/>
                  </a:lnTo>
                  <a:lnTo>
                    <a:pt x="191" y="641"/>
                  </a:lnTo>
                  <a:lnTo>
                    <a:pt x="170" y="646"/>
                  </a:lnTo>
                  <a:lnTo>
                    <a:pt x="148" y="650"/>
                  </a:lnTo>
                  <a:lnTo>
                    <a:pt x="137" y="651"/>
                  </a:lnTo>
                  <a:lnTo>
                    <a:pt x="124" y="652"/>
                  </a:lnTo>
                  <a:lnTo>
                    <a:pt x="111" y="652"/>
                  </a:lnTo>
                  <a:lnTo>
                    <a:pt x="98" y="652"/>
                  </a:lnTo>
                  <a:lnTo>
                    <a:pt x="84" y="637"/>
                  </a:lnTo>
                  <a:lnTo>
                    <a:pt x="71" y="621"/>
                  </a:lnTo>
                  <a:lnTo>
                    <a:pt x="58" y="604"/>
                  </a:lnTo>
                  <a:lnTo>
                    <a:pt x="46" y="585"/>
                  </a:lnTo>
                  <a:lnTo>
                    <a:pt x="41" y="575"/>
                  </a:lnTo>
                  <a:lnTo>
                    <a:pt x="36" y="566"/>
                  </a:lnTo>
                  <a:lnTo>
                    <a:pt x="31" y="556"/>
                  </a:lnTo>
                  <a:lnTo>
                    <a:pt x="28" y="547"/>
                  </a:lnTo>
                  <a:lnTo>
                    <a:pt x="26" y="536"/>
                  </a:lnTo>
                  <a:lnTo>
                    <a:pt x="25" y="527"/>
                  </a:lnTo>
                  <a:lnTo>
                    <a:pt x="24" y="516"/>
                  </a:lnTo>
                  <a:lnTo>
                    <a:pt x="25" y="506"/>
                  </a:lnTo>
                  <a:lnTo>
                    <a:pt x="24" y="503"/>
                  </a:lnTo>
                  <a:lnTo>
                    <a:pt x="22" y="501"/>
                  </a:lnTo>
                  <a:lnTo>
                    <a:pt x="19" y="499"/>
                  </a:lnTo>
                  <a:lnTo>
                    <a:pt x="16" y="498"/>
                  </a:lnTo>
                  <a:lnTo>
                    <a:pt x="8" y="498"/>
                  </a:lnTo>
                  <a:lnTo>
                    <a:pt x="0" y="498"/>
                  </a:lnTo>
                  <a:lnTo>
                    <a:pt x="8" y="486"/>
                  </a:lnTo>
                  <a:lnTo>
                    <a:pt x="18" y="475"/>
                  </a:lnTo>
                  <a:lnTo>
                    <a:pt x="28" y="466"/>
                  </a:lnTo>
                  <a:lnTo>
                    <a:pt x="41" y="457"/>
                  </a:lnTo>
                  <a:lnTo>
                    <a:pt x="36" y="451"/>
                  </a:lnTo>
                  <a:lnTo>
                    <a:pt x="31" y="445"/>
                  </a:lnTo>
                  <a:lnTo>
                    <a:pt x="28" y="438"/>
                  </a:lnTo>
                  <a:lnTo>
                    <a:pt x="25" y="432"/>
                  </a:lnTo>
                  <a:lnTo>
                    <a:pt x="23" y="427"/>
                  </a:lnTo>
                  <a:lnTo>
                    <a:pt x="22" y="420"/>
                  </a:lnTo>
                  <a:lnTo>
                    <a:pt x="21" y="414"/>
                  </a:lnTo>
                  <a:lnTo>
                    <a:pt x="21" y="408"/>
                  </a:lnTo>
                  <a:lnTo>
                    <a:pt x="22" y="396"/>
                  </a:lnTo>
                  <a:lnTo>
                    <a:pt x="25" y="385"/>
                  </a:lnTo>
                  <a:lnTo>
                    <a:pt x="29" y="372"/>
                  </a:lnTo>
                  <a:lnTo>
                    <a:pt x="34" y="360"/>
                  </a:lnTo>
                  <a:lnTo>
                    <a:pt x="47" y="335"/>
                  </a:lnTo>
                  <a:lnTo>
                    <a:pt x="60" y="310"/>
                  </a:lnTo>
                  <a:lnTo>
                    <a:pt x="65" y="296"/>
                  </a:lnTo>
                  <a:lnTo>
                    <a:pt x="69" y="283"/>
                  </a:lnTo>
                  <a:lnTo>
                    <a:pt x="72" y="269"/>
                  </a:lnTo>
                  <a:lnTo>
                    <a:pt x="73" y="254"/>
                  </a:lnTo>
                  <a:lnTo>
                    <a:pt x="86" y="254"/>
                  </a:lnTo>
                  <a:lnTo>
                    <a:pt x="99" y="252"/>
                  </a:lnTo>
                  <a:lnTo>
                    <a:pt x="110" y="250"/>
                  </a:lnTo>
                  <a:lnTo>
                    <a:pt x="121" y="248"/>
                  </a:lnTo>
                  <a:lnTo>
                    <a:pt x="131" y="245"/>
                  </a:lnTo>
                  <a:lnTo>
                    <a:pt x="141" y="240"/>
                  </a:lnTo>
                  <a:lnTo>
                    <a:pt x="150" y="236"/>
                  </a:lnTo>
                  <a:lnTo>
                    <a:pt x="159" y="232"/>
                  </a:lnTo>
                  <a:lnTo>
                    <a:pt x="176" y="221"/>
                  </a:lnTo>
                  <a:lnTo>
                    <a:pt x="190" y="210"/>
                  </a:lnTo>
                  <a:lnTo>
                    <a:pt x="206" y="198"/>
                  </a:lnTo>
                  <a:lnTo>
                    <a:pt x="221" y="186"/>
                  </a:lnTo>
                  <a:lnTo>
                    <a:pt x="236" y="174"/>
                  </a:lnTo>
                  <a:lnTo>
                    <a:pt x="251" y="164"/>
                  </a:lnTo>
                  <a:lnTo>
                    <a:pt x="260" y="158"/>
                  </a:lnTo>
                  <a:lnTo>
                    <a:pt x="269" y="154"/>
                  </a:lnTo>
                  <a:lnTo>
                    <a:pt x="279" y="150"/>
                  </a:lnTo>
                  <a:lnTo>
                    <a:pt x="288" y="146"/>
                  </a:lnTo>
                  <a:lnTo>
                    <a:pt x="299" y="143"/>
                  </a:lnTo>
                  <a:lnTo>
                    <a:pt x="309" y="140"/>
                  </a:lnTo>
                  <a:lnTo>
                    <a:pt x="321" y="138"/>
                  </a:lnTo>
                  <a:lnTo>
                    <a:pt x="334" y="137"/>
                  </a:lnTo>
                  <a:lnTo>
                    <a:pt x="346" y="136"/>
                  </a:lnTo>
                  <a:lnTo>
                    <a:pt x="360" y="137"/>
                  </a:lnTo>
                  <a:lnTo>
                    <a:pt x="375" y="138"/>
                  </a:lnTo>
                  <a:lnTo>
                    <a:pt x="390" y="140"/>
                  </a:lnTo>
                  <a:lnTo>
                    <a:pt x="397" y="137"/>
                  </a:lnTo>
                  <a:lnTo>
                    <a:pt x="403" y="133"/>
                  </a:lnTo>
                  <a:lnTo>
                    <a:pt x="411" y="129"/>
                  </a:lnTo>
                  <a:lnTo>
                    <a:pt x="423" y="124"/>
                  </a:lnTo>
                  <a:lnTo>
                    <a:pt x="433" y="112"/>
                  </a:lnTo>
                  <a:lnTo>
                    <a:pt x="443" y="100"/>
                  </a:lnTo>
                  <a:lnTo>
                    <a:pt x="455" y="91"/>
                  </a:lnTo>
                  <a:lnTo>
                    <a:pt x="468" y="82"/>
                  </a:lnTo>
                  <a:lnTo>
                    <a:pt x="482" y="74"/>
                  </a:lnTo>
                  <a:lnTo>
                    <a:pt x="498" y="68"/>
                  </a:lnTo>
                  <a:lnTo>
                    <a:pt x="514" y="61"/>
                  </a:lnTo>
                  <a:lnTo>
                    <a:pt x="530" y="56"/>
                  </a:lnTo>
                  <a:lnTo>
                    <a:pt x="564" y="47"/>
                  </a:lnTo>
                  <a:lnTo>
                    <a:pt x="599" y="38"/>
                  </a:lnTo>
                  <a:lnTo>
                    <a:pt x="634" y="29"/>
                  </a:lnTo>
                  <a:lnTo>
                    <a:pt x="666" y="18"/>
                  </a:lnTo>
                  <a:lnTo>
                    <a:pt x="668" y="14"/>
                  </a:lnTo>
                  <a:lnTo>
                    <a:pt x="672" y="12"/>
                  </a:lnTo>
                  <a:lnTo>
                    <a:pt x="677" y="10"/>
                  </a:lnTo>
                  <a:lnTo>
                    <a:pt x="683" y="10"/>
                  </a:lnTo>
                  <a:lnTo>
                    <a:pt x="689" y="11"/>
                  </a:lnTo>
                  <a:lnTo>
                    <a:pt x="695" y="10"/>
                  </a:lnTo>
                  <a:lnTo>
                    <a:pt x="698" y="8"/>
                  </a:lnTo>
                  <a:lnTo>
                    <a:pt x="702" y="5"/>
                  </a:lnTo>
                  <a:lnTo>
                    <a:pt x="705" y="2"/>
                  </a:lnTo>
                  <a:lnTo>
                    <a:pt x="711" y="1"/>
                  </a:lnTo>
                  <a:lnTo>
                    <a:pt x="716" y="0"/>
                  </a:lnTo>
                  <a:lnTo>
                    <a:pt x="723" y="2"/>
                  </a:lnTo>
                  <a:lnTo>
                    <a:pt x="723" y="12"/>
                  </a:lnTo>
                  <a:lnTo>
                    <a:pt x="723" y="22"/>
                  </a:lnTo>
                  <a:lnTo>
                    <a:pt x="723" y="33"/>
                  </a:lnTo>
                  <a:lnTo>
                    <a:pt x="723" y="42"/>
                  </a:lnTo>
                  <a:lnTo>
                    <a:pt x="724" y="51"/>
                  </a:lnTo>
                  <a:lnTo>
                    <a:pt x="725" y="60"/>
                  </a:lnTo>
                  <a:lnTo>
                    <a:pt x="725" y="71"/>
                  </a:lnTo>
                  <a:lnTo>
                    <a:pt x="724" y="81"/>
                  </a:lnTo>
                  <a:lnTo>
                    <a:pt x="722" y="105"/>
                  </a:lnTo>
                  <a:lnTo>
                    <a:pt x="718" y="129"/>
                  </a:lnTo>
                  <a:lnTo>
                    <a:pt x="714" y="153"/>
                  </a:lnTo>
                  <a:lnTo>
                    <a:pt x="708" y="177"/>
                  </a:lnTo>
                  <a:lnTo>
                    <a:pt x="703" y="200"/>
                  </a:lnTo>
                  <a:lnTo>
                    <a:pt x="699" y="221"/>
                  </a:lnTo>
                  <a:lnTo>
                    <a:pt x="699" y="239"/>
                  </a:lnTo>
                  <a:lnTo>
                    <a:pt x="698" y="257"/>
                  </a:lnTo>
                  <a:lnTo>
                    <a:pt x="697" y="274"/>
                  </a:lnTo>
                  <a:lnTo>
                    <a:pt x="695" y="290"/>
                  </a:lnTo>
                  <a:lnTo>
                    <a:pt x="688" y="322"/>
                  </a:lnTo>
                  <a:lnTo>
                    <a:pt x="683" y="352"/>
                  </a:lnTo>
                  <a:lnTo>
                    <a:pt x="680" y="351"/>
                  </a:lnTo>
                  <a:lnTo>
                    <a:pt x="679" y="350"/>
                  </a:lnTo>
                  <a:lnTo>
                    <a:pt x="677" y="348"/>
                  </a:lnTo>
                  <a:lnTo>
                    <a:pt x="677" y="346"/>
                  </a:lnTo>
                  <a:lnTo>
                    <a:pt x="676" y="340"/>
                  </a:lnTo>
                  <a:lnTo>
                    <a:pt x="675" y="335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19" name="Holbæk"/>
            <p:cNvSpPr>
              <a:spLocks/>
            </p:cNvSpPr>
            <p:nvPr/>
          </p:nvSpPr>
          <p:spPr bwMode="auto">
            <a:xfrm>
              <a:off x="3071813" y="4778375"/>
              <a:ext cx="387350" cy="431800"/>
            </a:xfrm>
            <a:custGeom>
              <a:avLst/>
              <a:gdLst>
                <a:gd name="T0" fmla="*/ 221 w 732"/>
                <a:gd name="T1" fmla="*/ 109 h 815"/>
                <a:gd name="T2" fmla="*/ 219 w 732"/>
                <a:gd name="T3" fmla="*/ 107 h 815"/>
                <a:gd name="T4" fmla="*/ 219 w 732"/>
                <a:gd name="T5" fmla="*/ 111 h 815"/>
                <a:gd name="T6" fmla="*/ 225 w 732"/>
                <a:gd name="T7" fmla="*/ 118 h 815"/>
                <a:gd name="T8" fmla="*/ 222 w 732"/>
                <a:gd name="T9" fmla="*/ 123 h 815"/>
                <a:gd name="T10" fmla="*/ 212 w 732"/>
                <a:gd name="T11" fmla="*/ 133 h 815"/>
                <a:gd name="T12" fmla="*/ 206 w 732"/>
                <a:gd name="T13" fmla="*/ 152 h 815"/>
                <a:gd name="T14" fmla="*/ 218 w 732"/>
                <a:gd name="T15" fmla="*/ 181 h 815"/>
                <a:gd name="T16" fmla="*/ 231 w 732"/>
                <a:gd name="T17" fmla="*/ 206 h 815"/>
                <a:gd name="T18" fmla="*/ 242 w 732"/>
                <a:gd name="T19" fmla="*/ 213 h 815"/>
                <a:gd name="T20" fmla="*/ 237 w 732"/>
                <a:gd name="T21" fmla="*/ 225 h 815"/>
                <a:gd name="T22" fmla="*/ 220 w 732"/>
                <a:gd name="T23" fmla="*/ 241 h 815"/>
                <a:gd name="T24" fmla="*/ 203 w 732"/>
                <a:gd name="T25" fmla="*/ 243 h 815"/>
                <a:gd name="T26" fmla="*/ 192 w 732"/>
                <a:gd name="T27" fmla="*/ 242 h 815"/>
                <a:gd name="T28" fmla="*/ 187 w 732"/>
                <a:gd name="T29" fmla="*/ 250 h 815"/>
                <a:gd name="T30" fmla="*/ 185 w 732"/>
                <a:gd name="T31" fmla="*/ 266 h 815"/>
                <a:gd name="T32" fmla="*/ 175 w 732"/>
                <a:gd name="T33" fmla="*/ 267 h 815"/>
                <a:gd name="T34" fmla="*/ 166 w 732"/>
                <a:gd name="T35" fmla="*/ 271 h 815"/>
                <a:gd name="T36" fmla="*/ 161 w 732"/>
                <a:gd name="T37" fmla="*/ 268 h 815"/>
                <a:gd name="T38" fmla="*/ 161 w 732"/>
                <a:gd name="T39" fmla="*/ 264 h 815"/>
                <a:gd name="T40" fmla="*/ 157 w 732"/>
                <a:gd name="T41" fmla="*/ 263 h 815"/>
                <a:gd name="T42" fmla="*/ 163 w 732"/>
                <a:gd name="T43" fmla="*/ 253 h 815"/>
                <a:gd name="T44" fmla="*/ 165 w 732"/>
                <a:gd name="T45" fmla="*/ 240 h 815"/>
                <a:gd name="T46" fmla="*/ 161 w 732"/>
                <a:gd name="T47" fmla="*/ 228 h 815"/>
                <a:gd name="T48" fmla="*/ 149 w 732"/>
                <a:gd name="T49" fmla="*/ 224 h 815"/>
                <a:gd name="T50" fmla="*/ 131 w 732"/>
                <a:gd name="T51" fmla="*/ 224 h 815"/>
                <a:gd name="T52" fmla="*/ 111 w 732"/>
                <a:gd name="T53" fmla="*/ 216 h 815"/>
                <a:gd name="T54" fmla="*/ 83 w 732"/>
                <a:gd name="T55" fmla="*/ 207 h 815"/>
                <a:gd name="T56" fmla="*/ 57 w 732"/>
                <a:gd name="T57" fmla="*/ 216 h 815"/>
                <a:gd name="T58" fmla="*/ 37 w 732"/>
                <a:gd name="T59" fmla="*/ 218 h 815"/>
                <a:gd name="T60" fmla="*/ 19 w 732"/>
                <a:gd name="T61" fmla="*/ 202 h 815"/>
                <a:gd name="T62" fmla="*/ 10 w 732"/>
                <a:gd name="T63" fmla="*/ 186 h 815"/>
                <a:gd name="T64" fmla="*/ 8 w 732"/>
                <a:gd name="T65" fmla="*/ 172 h 815"/>
                <a:gd name="T66" fmla="*/ 6 w 732"/>
                <a:gd name="T67" fmla="*/ 167 h 815"/>
                <a:gd name="T68" fmla="*/ 3 w 732"/>
                <a:gd name="T69" fmla="*/ 162 h 815"/>
                <a:gd name="T70" fmla="*/ 12 w 732"/>
                <a:gd name="T71" fmla="*/ 151 h 815"/>
                <a:gd name="T72" fmla="*/ 8 w 732"/>
                <a:gd name="T73" fmla="*/ 143 h 815"/>
                <a:gd name="T74" fmla="*/ 7 w 732"/>
                <a:gd name="T75" fmla="*/ 132 h 815"/>
                <a:gd name="T76" fmla="*/ 16 w 732"/>
                <a:gd name="T77" fmla="*/ 112 h 815"/>
                <a:gd name="T78" fmla="*/ 24 w 732"/>
                <a:gd name="T79" fmla="*/ 90 h 815"/>
                <a:gd name="T80" fmla="*/ 37 w 732"/>
                <a:gd name="T81" fmla="*/ 83 h 815"/>
                <a:gd name="T82" fmla="*/ 50 w 732"/>
                <a:gd name="T83" fmla="*/ 79 h 815"/>
                <a:gd name="T84" fmla="*/ 69 w 732"/>
                <a:gd name="T85" fmla="*/ 66 h 815"/>
                <a:gd name="T86" fmla="*/ 87 w 732"/>
                <a:gd name="T87" fmla="*/ 53 h 815"/>
                <a:gd name="T88" fmla="*/ 100 w 732"/>
                <a:gd name="T89" fmla="*/ 48 h 815"/>
                <a:gd name="T90" fmla="*/ 115 w 732"/>
                <a:gd name="T91" fmla="*/ 45 h 815"/>
                <a:gd name="T92" fmla="*/ 132 w 732"/>
                <a:gd name="T93" fmla="*/ 46 h 815"/>
                <a:gd name="T94" fmla="*/ 144 w 732"/>
                <a:gd name="T95" fmla="*/ 37 h 815"/>
                <a:gd name="T96" fmla="*/ 161 w 732"/>
                <a:gd name="T97" fmla="*/ 25 h 815"/>
                <a:gd name="T98" fmla="*/ 188 w 732"/>
                <a:gd name="T99" fmla="*/ 16 h 815"/>
                <a:gd name="T100" fmla="*/ 223 w 732"/>
                <a:gd name="T101" fmla="*/ 5 h 815"/>
                <a:gd name="T102" fmla="*/ 230 w 732"/>
                <a:gd name="T103" fmla="*/ 4 h 815"/>
                <a:gd name="T104" fmla="*/ 235 w 732"/>
                <a:gd name="T105" fmla="*/ 1 h 815"/>
                <a:gd name="T106" fmla="*/ 241 w 732"/>
                <a:gd name="T107" fmla="*/ 4 h 815"/>
                <a:gd name="T108" fmla="*/ 241 w 732"/>
                <a:gd name="T109" fmla="*/ 17 h 815"/>
                <a:gd name="T110" fmla="*/ 241 w 732"/>
                <a:gd name="T111" fmla="*/ 35 h 815"/>
                <a:gd name="T112" fmla="*/ 234 w 732"/>
                <a:gd name="T113" fmla="*/ 67 h 815"/>
                <a:gd name="T114" fmla="*/ 232 w 732"/>
                <a:gd name="T115" fmla="*/ 91 h 815"/>
                <a:gd name="T116" fmla="*/ 227 w 732"/>
                <a:gd name="T117" fmla="*/ 117 h 815"/>
                <a:gd name="T118" fmla="*/ 225 w 732"/>
                <a:gd name="T119" fmla="*/ 113 h 815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732" h="815">
                  <a:moveTo>
                    <a:pt x="675" y="335"/>
                  </a:moveTo>
                  <a:lnTo>
                    <a:pt x="669" y="333"/>
                  </a:lnTo>
                  <a:lnTo>
                    <a:pt x="664" y="329"/>
                  </a:lnTo>
                  <a:lnTo>
                    <a:pt x="662" y="328"/>
                  </a:lnTo>
                  <a:lnTo>
                    <a:pt x="661" y="325"/>
                  </a:lnTo>
                  <a:lnTo>
                    <a:pt x="659" y="323"/>
                  </a:lnTo>
                  <a:lnTo>
                    <a:pt x="659" y="319"/>
                  </a:lnTo>
                  <a:lnTo>
                    <a:pt x="656" y="320"/>
                  </a:lnTo>
                  <a:lnTo>
                    <a:pt x="655" y="323"/>
                  </a:lnTo>
                  <a:lnTo>
                    <a:pt x="654" y="325"/>
                  </a:lnTo>
                  <a:lnTo>
                    <a:pt x="655" y="327"/>
                  </a:lnTo>
                  <a:lnTo>
                    <a:pt x="658" y="332"/>
                  </a:lnTo>
                  <a:lnTo>
                    <a:pt x="662" y="337"/>
                  </a:lnTo>
                  <a:lnTo>
                    <a:pt x="667" y="345"/>
                  </a:lnTo>
                  <a:lnTo>
                    <a:pt x="673" y="351"/>
                  </a:lnTo>
                  <a:lnTo>
                    <a:pt x="675" y="355"/>
                  </a:lnTo>
                  <a:lnTo>
                    <a:pt x="676" y="359"/>
                  </a:lnTo>
                  <a:lnTo>
                    <a:pt x="676" y="364"/>
                  </a:lnTo>
                  <a:lnTo>
                    <a:pt x="675" y="368"/>
                  </a:lnTo>
                  <a:lnTo>
                    <a:pt x="665" y="370"/>
                  </a:lnTo>
                  <a:lnTo>
                    <a:pt x="657" y="374"/>
                  </a:lnTo>
                  <a:lnTo>
                    <a:pt x="649" y="379"/>
                  </a:lnTo>
                  <a:lnTo>
                    <a:pt x="644" y="386"/>
                  </a:lnTo>
                  <a:lnTo>
                    <a:pt x="635" y="400"/>
                  </a:lnTo>
                  <a:lnTo>
                    <a:pt x="626" y="416"/>
                  </a:lnTo>
                  <a:lnTo>
                    <a:pt x="617" y="424"/>
                  </a:lnTo>
                  <a:lnTo>
                    <a:pt x="609" y="433"/>
                  </a:lnTo>
                  <a:lnTo>
                    <a:pt x="618" y="455"/>
                  </a:lnTo>
                  <a:lnTo>
                    <a:pt x="627" y="476"/>
                  </a:lnTo>
                  <a:lnTo>
                    <a:pt x="636" y="498"/>
                  </a:lnTo>
                  <a:lnTo>
                    <a:pt x="645" y="519"/>
                  </a:lnTo>
                  <a:lnTo>
                    <a:pt x="654" y="542"/>
                  </a:lnTo>
                  <a:lnTo>
                    <a:pt x="662" y="564"/>
                  </a:lnTo>
                  <a:lnTo>
                    <a:pt x="669" y="587"/>
                  </a:lnTo>
                  <a:lnTo>
                    <a:pt x="675" y="612"/>
                  </a:lnTo>
                  <a:lnTo>
                    <a:pt x="694" y="617"/>
                  </a:lnTo>
                  <a:lnTo>
                    <a:pt x="712" y="624"/>
                  </a:lnTo>
                  <a:lnTo>
                    <a:pt x="719" y="629"/>
                  </a:lnTo>
                  <a:lnTo>
                    <a:pt x="725" y="634"/>
                  </a:lnTo>
                  <a:lnTo>
                    <a:pt x="727" y="638"/>
                  </a:lnTo>
                  <a:lnTo>
                    <a:pt x="729" y="643"/>
                  </a:lnTo>
                  <a:lnTo>
                    <a:pt x="731" y="647"/>
                  </a:lnTo>
                  <a:lnTo>
                    <a:pt x="732" y="652"/>
                  </a:lnTo>
                  <a:lnTo>
                    <a:pt x="712" y="673"/>
                  </a:lnTo>
                  <a:lnTo>
                    <a:pt x="690" y="692"/>
                  </a:lnTo>
                  <a:lnTo>
                    <a:pt x="680" y="702"/>
                  </a:lnTo>
                  <a:lnTo>
                    <a:pt x="669" y="712"/>
                  </a:lnTo>
                  <a:lnTo>
                    <a:pt x="660" y="723"/>
                  </a:lnTo>
                  <a:lnTo>
                    <a:pt x="650" y="733"/>
                  </a:lnTo>
                  <a:lnTo>
                    <a:pt x="635" y="732"/>
                  </a:lnTo>
                  <a:lnTo>
                    <a:pt x="621" y="730"/>
                  </a:lnTo>
                  <a:lnTo>
                    <a:pt x="610" y="727"/>
                  </a:lnTo>
                  <a:lnTo>
                    <a:pt x="600" y="725"/>
                  </a:lnTo>
                  <a:lnTo>
                    <a:pt x="592" y="723"/>
                  </a:lnTo>
                  <a:lnTo>
                    <a:pt x="582" y="724"/>
                  </a:lnTo>
                  <a:lnTo>
                    <a:pt x="577" y="725"/>
                  </a:lnTo>
                  <a:lnTo>
                    <a:pt x="573" y="727"/>
                  </a:lnTo>
                  <a:lnTo>
                    <a:pt x="567" y="730"/>
                  </a:lnTo>
                  <a:lnTo>
                    <a:pt x="561" y="733"/>
                  </a:lnTo>
                  <a:lnTo>
                    <a:pt x="561" y="750"/>
                  </a:lnTo>
                  <a:lnTo>
                    <a:pt x="561" y="766"/>
                  </a:lnTo>
                  <a:lnTo>
                    <a:pt x="561" y="783"/>
                  </a:lnTo>
                  <a:lnTo>
                    <a:pt x="561" y="799"/>
                  </a:lnTo>
                  <a:lnTo>
                    <a:pt x="554" y="797"/>
                  </a:lnTo>
                  <a:lnTo>
                    <a:pt x="547" y="797"/>
                  </a:lnTo>
                  <a:lnTo>
                    <a:pt x="541" y="797"/>
                  </a:lnTo>
                  <a:lnTo>
                    <a:pt x="536" y="797"/>
                  </a:lnTo>
                  <a:lnTo>
                    <a:pt x="526" y="801"/>
                  </a:lnTo>
                  <a:lnTo>
                    <a:pt x="518" y="805"/>
                  </a:lnTo>
                  <a:lnTo>
                    <a:pt x="509" y="809"/>
                  </a:lnTo>
                  <a:lnTo>
                    <a:pt x="501" y="812"/>
                  </a:lnTo>
                  <a:lnTo>
                    <a:pt x="497" y="813"/>
                  </a:lnTo>
                  <a:lnTo>
                    <a:pt x="491" y="814"/>
                  </a:lnTo>
                  <a:lnTo>
                    <a:pt x="486" y="815"/>
                  </a:lnTo>
                  <a:lnTo>
                    <a:pt x="480" y="815"/>
                  </a:lnTo>
                  <a:lnTo>
                    <a:pt x="483" y="802"/>
                  </a:lnTo>
                  <a:lnTo>
                    <a:pt x="485" y="794"/>
                  </a:lnTo>
                  <a:lnTo>
                    <a:pt x="484" y="792"/>
                  </a:lnTo>
                  <a:lnTo>
                    <a:pt x="484" y="791"/>
                  </a:lnTo>
                  <a:lnTo>
                    <a:pt x="482" y="791"/>
                  </a:lnTo>
                  <a:lnTo>
                    <a:pt x="480" y="790"/>
                  </a:lnTo>
                  <a:lnTo>
                    <a:pt x="474" y="790"/>
                  </a:lnTo>
                  <a:lnTo>
                    <a:pt x="463" y="790"/>
                  </a:lnTo>
                  <a:lnTo>
                    <a:pt x="470" y="787"/>
                  </a:lnTo>
                  <a:lnTo>
                    <a:pt x="477" y="781"/>
                  </a:lnTo>
                  <a:lnTo>
                    <a:pt x="482" y="774"/>
                  </a:lnTo>
                  <a:lnTo>
                    <a:pt x="486" y="766"/>
                  </a:lnTo>
                  <a:lnTo>
                    <a:pt x="490" y="757"/>
                  </a:lnTo>
                  <a:lnTo>
                    <a:pt x="493" y="748"/>
                  </a:lnTo>
                  <a:lnTo>
                    <a:pt x="495" y="738"/>
                  </a:lnTo>
                  <a:lnTo>
                    <a:pt x="496" y="729"/>
                  </a:lnTo>
                  <a:lnTo>
                    <a:pt x="496" y="720"/>
                  </a:lnTo>
                  <a:lnTo>
                    <a:pt x="495" y="709"/>
                  </a:lnTo>
                  <a:lnTo>
                    <a:pt x="493" y="701"/>
                  </a:lnTo>
                  <a:lnTo>
                    <a:pt x="489" y="692"/>
                  </a:lnTo>
                  <a:lnTo>
                    <a:pt x="484" y="684"/>
                  </a:lnTo>
                  <a:lnTo>
                    <a:pt x="479" y="677"/>
                  </a:lnTo>
                  <a:lnTo>
                    <a:pt x="471" y="672"/>
                  </a:lnTo>
                  <a:lnTo>
                    <a:pt x="463" y="669"/>
                  </a:lnTo>
                  <a:lnTo>
                    <a:pt x="448" y="672"/>
                  </a:lnTo>
                  <a:lnTo>
                    <a:pt x="434" y="673"/>
                  </a:lnTo>
                  <a:lnTo>
                    <a:pt x="420" y="673"/>
                  </a:lnTo>
                  <a:lnTo>
                    <a:pt x="407" y="672"/>
                  </a:lnTo>
                  <a:lnTo>
                    <a:pt x="394" y="670"/>
                  </a:lnTo>
                  <a:lnTo>
                    <a:pt x="381" y="667"/>
                  </a:lnTo>
                  <a:lnTo>
                    <a:pt x="369" y="663"/>
                  </a:lnTo>
                  <a:lnTo>
                    <a:pt x="357" y="658"/>
                  </a:lnTo>
                  <a:lnTo>
                    <a:pt x="334" y="647"/>
                  </a:lnTo>
                  <a:lnTo>
                    <a:pt x="311" y="635"/>
                  </a:lnTo>
                  <a:lnTo>
                    <a:pt x="290" y="623"/>
                  </a:lnTo>
                  <a:lnTo>
                    <a:pt x="268" y="612"/>
                  </a:lnTo>
                  <a:lnTo>
                    <a:pt x="249" y="620"/>
                  </a:lnTo>
                  <a:lnTo>
                    <a:pt x="230" y="627"/>
                  </a:lnTo>
                  <a:lnTo>
                    <a:pt x="211" y="634"/>
                  </a:lnTo>
                  <a:lnTo>
                    <a:pt x="191" y="641"/>
                  </a:lnTo>
                  <a:lnTo>
                    <a:pt x="170" y="646"/>
                  </a:lnTo>
                  <a:lnTo>
                    <a:pt x="148" y="650"/>
                  </a:lnTo>
                  <a:lnTo>
                    <a:pt x="137" y="651"/>
                  </a:lnTo>
                  <a:lnTo>
                    <a:pt x="124" y="652"/>
                  </a:lnTo>
                  <a:lnTo>
                    <a:pt x="111" y="652"/>
                  </a:lnTo>
                  <a:lnTo>
                    <a:pt x="98" y="652"/>
                  </a:lnTo>
                  <a:lnTo>
                    <a:pt x="84" y="637"/>
                  </a:lnTo>
                  <a:lnTo>
                    <a:pt x="71" y="621"/>
                  </a:lnTo>
                  <a:lnTo>
                    <a:pt x="58" y="604"/>
                  </a:lnTo>
                  <a:lnTo>
                    <a:pt x="46" y="585"/>
                  </a:lnTo>
                  <a:lnTo>
                    <a:pt x="41" y="575"/>
                  </a:lnTo>
                  <a:lnTo>
                    <a:pt x="36" y="566"/>
                  </a:lnTo>
                  <a:lnTo>
                    <a:pt x="31" y="556"/>
                  </a:lnTo>
                  <a:lnTo>
                    <a:pt x="28" y="547"/>
                  </a:lnTo>
                  <a:lnTo>
                    <a:pt x="26" y="536"/>
                  </a:lnTo>
                  <a:lnTo>
                    <a:pt x="25" y="527"/>
                  </a:lnTo>
                  <a:lnTo>
                    <a:pt x="24" y="516"/>
                  </a:lnTo>
                  <a:lnTo>
                    <a:pt x="25" y="506"/>
                  </a:lnTo>
                  <a:lnTo>
                    <a:pt x="24" y="503"/>
                  </a:lnTo>
                  <a:lnTo>
                    <a:pt x="22" y="501"/>
                  </a:lnTo>
                  <a:lnTo>
                    <a:pt x="19" y="499"/>
                  </a:lnTo>
                  <a:lnTo>
                    <a:pt x="16" y="498"/>
                  </a:lnTo>
                  <a:lnTo>
                    <a:pt x="8" y="498"/>
                  </a:lnTo>
                  <a:lnTo>
                    <a:pt x="0" y="498"/>
                  </a:lnTo>
                  <a:lnTo>
                    <a:pt x="8" y="486"/>
                  </a:lnTo>
                  <a:lnTo>
                    <a:pt x="18" y="475"/>
                  </a:lnTo>
                  <a:lnTo>
                    <a:pt x="28" y="466"/>
                  </a:lnTo>
                  <a:lnTo>
                    <a:pt x="41" y="457"/>
                  </a:lnTo>
                  <a:lnTo>
                    <a:pt x="36" y="451"/>
                  </a:lnTo>
                  <a:lnTo>
                    <a:pt x="31" y="445"/>
                  </a:lnTo>
                  <a:lnTo>
                    <a:pt x="28" y="438"/>
                  </a:lnTo>
                  <a:lnTo>
                    <a:pt x="25" y="432"/>
                  </a:lnTo>
                  <a:lnTo>
                    <a:pt x="23" y="427"/>
                  </a:lnTo>
                  <a:lnTo>
                    <a:pt x="22" y="420"/>
                  </a:lnTo>
                  <a:lnTo>
                    <a:pt x="21" y="414"/>
                  </a:lnTo>
                  <a:lnTo>
                    <a:pt x="21" y="408"/>
                  </a:lnTo>
                  <a:lnTo>
                    <a:pt x="22" y="396"/>
                  </a:lnTo>
                  <a:lnTo>
                    <a:pt x="25" y="385"/>
                  </a:lnTo>
                  <a:lnTo>
                    <a:pt x="29" y="372"/>
                  </a:lnTo>
                  <a:lnTo>
                    <a:pt x="34" y="360"/>
                  </a:lnTo>
                  <a:lnTo>
                    <a:pt x="47" y="335"/>
                  </a:lnTo>
                  <a:lnTo>
                    <a:pt x="60" y="310"/>
                  </a:lnTo>
                  <a:lnTo>
                    <a:pt x="65" y="296"/>
                  </a:lnTo>
                  <a:lnTo>
                    <a:pt x="69" y="283"/>
                  </a:lnTo>
                  <a:lnTo>
                    <a:pt x="72" y="269"/>
                  </a:lnTo>
                  <a:lnTo>
                    <a:pt x="73" y="254"/>
                  </a:lnTo>
                  <a:lnTo>
                    <a:pt x="86" y="254"/>
                  </a:lnTo>
                  <a:lnTo>
                    <a:pt x="99" y="252"/>
                  </a:lnTo>
                  <a:lnTo>
                    <a:pt x="110" y="250"/>
                  </a:lnTo>
                  <a:lnTo>
                    <a:pt x="121" y="248"/>
                  </a:lnTo>
                  <a:lnTo>
                    <a:pt x="131" y="245"/>
                  </a:lnTo>
                  <a:lnTo>
                    <a:pt x="141" y="240"/>
                  </a:lnTo>
                  <a:lnTo>
                    <a:pt x="150" y="236"/>
                  </a:lnTo>
                  <a:lnTo>
                    <a:pt x="159" y="232"/>
                  </a:lnTo>
                  <a:lnTo>
                    <a:pt x="176" y="221"/>
                  </a:lnTo>
                  <a:lnTo>
                    <a:pt x="190" y="210"/>
                  </a:lnTo>
                  <a:lnTo>
                    <a:pt x="206" y="198"/>
                  </a:lnTo>
                  <a:lnTo>
                    <a:pt x="221" y="186"/>
                  </a:lnTo>
                  <a:lnTo>
                    <a:pt x="236" y="174"/>
                  </a:lnTo>
                  <a:lnTo>
                    <a:pt x="251" y="164"/>
                  </a:lnTo>
                  <a:lnTo>
                    <a:pt x="260" y="158"/>
                  </a:lnTo>
                  <a:lnTo>
                    <a:pt x="269" y="154"/>
                  </a:lnTo>
                  <a:lnTo>
                    <a:pt x="279" y="150"/>
                  </a:lnTo>
                  <a:lnTo>
                    <a:pt x="288" y="146"/>
                  </a:lnTo>
                  <a:lnTo>
                    <a:pt x="299" y="143"/>
                  </a:lnTo>
                  <a:lnTo>
                    <a:pt x="309" y="140"/>
                  </a:lnTo>
                  <a:lnTo>
                    <a:pt x="321" y="138"/>
                  </a:lnTo>
                  <a:lnTo>
                    <a:pt x="334" y="137"/>
                  </a:lnTo>
                  <a:lnTo>
                    <a:pt x="346" y="136"/>
                  </a:lnTo>
                  <a:lnTo>
                    <a:pt x="360" y="137"/>
                  </a:lnTo>
                  <a:lnTo>
                    <a:pt x="375" y="138"/>
                  </a:lnTo>
                  <a:lnTo>
                    <a:pt x="390" y="140"/>
                  </a:lnTo>
                  <a:lnTo>
                    <a:pt x="397" y="137"/>
                  </a:lnTo>
                  <a:lnTo>
                    <a:pt x="403" y="133"/>
                  </a:lnTo>
                  <a:lnTo>
                    <a:pt x="411" y="129"/>
                  </a:lnTo>
                  <a:lnTo>
                    <a:pt x="423" y="124"/>
                  </a:lnTo>
                  <a:lnTo>
                    <a:pt x="433" y="112"/>
                  </a:lnTo>
                  <a:lnTo>
                    <a:pt x="443" y="100"/>
                  </a:lnTo>
                  <a:lnTo>
                    <a:pt x="455" y="91"/>
                  </a:lnTo>
                  <a:lnTo>
                    <a:pt x="468" y="82"/>
                  </a:lnTo>
                  <a:lnTo>
                    <a:pt x="482" y="74"/>
                  </a:lnTo>
                  <a:lnTo>
                    <a:pt x="498" y="68"/>
                  </a:lnTo>
                  <a:lnTo>
                    <a:pt x="514" y="61"/>
                  </a:lnTo>
                  <a:lnTo>
                    <a:pt x="530" y="56"/>
                  </a:lnTo>
                  <a:lnTo>
                    <a:pt x="564" y="47"/>
                  </a:lnTo>
                  <a:lnTo>
                    <a:pt x="599" y="38"/>
                  </a:lnTo>
                  <a:lnTo>
                    <a:pt x="634" y="29"/>
                  </a:lnTo>
                  <a:lnTo>
                    <a:pt x="666" y="18"/>
                  </a:lnTo>
                  <a:lnTo>
                    <a:pt x="668" y="14"/>
                  </a:lnTo>
                  <a:lnTo>
                    <a:pt x="672" y="12"/>
                  </a:lnTo>
                  <a:lnTo>
                    <a:pt x="677" y="10"/>
                  </a:lnTo>
                  <a:lnTo>
                    <a:pt x="683" y="10"/>
                  </a:lnTo>
                  <a:lnTo>
                    <a:pt x="689" y="11"/>
                  </a:lnTo>
                  <a:lnTo>
                    <a:pt x="695" y="10"/>
                  </a:lnTo>
                  <a:lnTo>
                    <a:pt x="698" y="8"/>
                  </a:lnTo>
                  <a:lnTo>
                    <a:pt x="702" y="5"/>
                  </a:lnTo>
                  <a:lnTo>
                    <a:pt x="705" y="2"/>
                  </a:lnTo>
                  <a:lnTo>
                    <a:pt x="711" y="1"/>
                  </a:lnTo>
                  <a:lnTo>
                    <a:pt x="716" y="0"/>
                  </a:lnTo>
                  <a:lnTo>
                    <a:pt x="723" y="2"/>
                  </a:lnTo>
                  <a:lnTo>
                    <a:pt x="723" y="12"/>
                  </a:lnTo>
                  <a:lnTo>
                    <a:pt x="723" y="22"/>
                  </a:lnTo>
                  <a:lnTo>
                    <a:pt x="723" y="33"/>
                  </a:lnTo>
                  <a:lnTo>
                    <a:pt x="723" y="42"/>
                  </a:lnTo>
                  <a:lnTo>
                    <a:pt x="724" y="51"/>
                  </a:lnTo>
                  <a:lnTo>
                    <a:pt x="725" y="60"/>
                  </a:lnTo>
                  <a:lnTo>
                    <a:pt x="725" y="71"/>
                  </a:lnTo>
                  <a:lnTo>
                    <a:pt x="724" y="81"/>
                  </a:lnTo>
                  <a:lnTo>
                    <a:pt x="722" y="105"/>
                  </a:lnTo>
                  <a:lnTo>
                    <a:pt x="718" y="129"/>
                  </a:lnTo>
                  <a:lnTo>
                    <a:pt x="714" y="153"/>
                  </a:lnTo>
                  <a:lnTo>
                    <a:pt x="708" y="177"/>
                  </a:lnTo>
                  <a:lnTo>
                    <a:pt x="703" y="200"/>
                  </a:lnTo>
                  <a:lnTo>
                    <a:pt x="699" y="221"/>
                  </a:lnTo>
                  <a:lnTo>
                    <a:pt x="699" y="239"/>
                  </a:lnTo>
                  <a:lnTo>
                    <a:pt x="698" y="257"/>
                  </a:lnTo>
                  <a:lnTo>
                    <a:pt x="697" y="274"/>
                  </a:lnTo>
                  <a:lnTo>
                    <a:pt x="695" y="290"/>
                  </a:lnTo>
                  <a:lnTo>
                    <a:pt x="688" y="322"/>
                  </a:lnTo>
                  <a:lnTo>
                    <a:pt x="683" y="352"/>
                  </a:lnTo>
                  <a:lnTo>
                    <a:pt x="680" y="351"/>
                  </a:lnTo>
                  <a:lnTo>
                    <a:pt x="679" y="350"/>
                  </a:lnTo>
                  <a:lnTo>
                    <a:pt x="677" y="348"/>
                  </a:lnTo>
                  <a:lnTo>
                    <a:pt x="677" y="346"/>
                  </a:lnTo>
                  <a:lnTo>
                    <a:pt x="676" y="340"/>
                  </a:lnTo>
                  <a:lnTo>
                    <a:pt x="675" y="335"/>
                  </a:lnTo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20" name="Lejre"/>
            <p:cNvSpPr>
              <a:spLocks/>
            </p:cNvSpPr>
            <p:nvPr/>
          </p:nvSpPr>
          <p:spPr bwMode="auto">
            <a:xfrm>
              <a:off x="3403600" y="4891088"/>
              <a:ext cx="228600" cy="288925"/>
            </a:xfrm>
            <a:custGeom>
              <a:avLst/>
              <a:gdLst>
                <a:gd name="T0" fmla="*/ 85 w 431"/>
                <a:gd name="T1" fmla="*/ 3 h 546"/>
                <a:gd name="T2" fmla="*/ 95 w 431"/>
                <a:gd name="T3" fmla="*/ 10 h 546"/>
                <a:gd name="T4" fmla="*/ 100 w 431"/>
                <a:gd name="T5" fmla="*/ 15 h 546"/>
                <a:gd name="T6" fmla="*/ 97 w 431"/>
                <a:gd name="T7" fmla="*/ 25 h 546"/>
                <a:gd name="T8" fmla="*/ 95 w 431"/>
                <a:gd name="T9" fmla="*/ 33 h 546"/>
                <a:gd name="T10" fmla="*/ 97 w 431"/>
                <a:gd name="T11" fmla="*/ 34 h 546"/>
                <a:gd name="T12" fmla="*/ 99 w 431"/>
                <a:gd name="T13" fmla="*/ 30 h 546"/>
                <a:gd name="T14" fmla="*/ 100 w 431"/>
                <a:gd name="T15" fmla="*/ 35 h 546"/>
                <a:gd name="T16" fmla="*/ 109 w 431"/>
                <a:gd name="T17" fmla="*/ 30 h 546"/>
                <a:gd name="T18" fmla="*/ 110 w 431"/>
                <a:gd name="T19" fmla="*/ 26 h 546"/>
                <a:gd name="T20" fmla="*/ 130 w 431"/>
                <a:gd name="T21" fmla="*/ 38 h 546"/>
                <a:gd name="T22" fmla="*/ 139 w 431"/>
                <a:gd name="T23" fmla="*/ 41 h 546"/>
                <a:gd name="T24" fmla="*/ 140 w 431"/>
                <a:gd name="T25" fmla="*/ 50 h 546"/>
                <a:gd name="T26" fmla="*/ 135 w 431"/>
                <a:gd name="T27" fmla="*/ 53 h 546"/>
                <a:gd name="T28" fmla="*/ 119 w 431"/>
                <a:gd name="T29" fmla="*/ 53 h 546"/>
                <a:gd name="T30" fmla="*/ 110 w 431"/>
                <a:gd name="T31" fmla="*/ 60 h 546"/>
                <a:gd name="T32" fmla="*/ 110 w 431"/>
                <a:gd name="T33" fmla="*/ 72 h 546"/>
                <a:gd name="T34" fmla="*/ 104 w 431"/>
                <a:gd name="T35" fmla="*/ 86 h 546"/>
                <a:gd name="T36" fmla="*/ 100 w 431"/>
                <a:gd name="T37" fmla="*/ 102 h 546"/>
                <a:gd name="T38" fmla="*/ 118 w 431"/>
                <a:gd name="T39" fmla="*/ 103 h 546"/>
                <a:gd name="T40" fmla="*/ 131 w 431"/>
                <a:gd name="T41" fmla="*/ 107 h 546"/>
                <a:gd name="T42" fmla="*/ 140 w 431"/>
                <a:gd name="T43" fmla="*/ 120 h 546"/>
                <a:gd name="T44" fmla="*/ 135 w 431"/>
                <a:gd name="T45" fmla="*/ 130 h 546"/>
                <a:gd name="T46" fmla="*/ 127 w 431"/>
                <a:gd name="T47" fmla="*/ 131 h 546"/>
                <a:gd name="T48" fmla="*/ 116 w 431"/>
                <a:gd name="T49" fmla="*/ 130 h 546"/>
                <a:gd name="T50" fmla="*/ 111 w 431"/>
                <a:gd name="T51" fmla="*/ 137 h 546"/>
                <a:gd name="T52" fmla="*/ 106 w 431"/>
                <a:gd name="T53" fmla="*/ 139 h 546"/>
                <a:gd name="T54" fmla="*/ 99 w 431"/>
                <a:gd name="T55" fmla="*/ 142 h 546"/>
                <a:gd name="T56" fmla="*/ 98 w 431"/>
                <a:gd name="T57" fmla="*/ 164 h 546"/>
                <a:gd name="T58" fmla="*/ 93 w 431"/>
                <a:gd name="T59" fmla="*/ 179 h 546"/>
                <a:gd name="T60" fmla="*/ 87 w 431"/>
                <a:gd name="T61" fmla="*/ 181 h 546"/>
                <a:gd name="T62" fmla="*/ 76 w 431"/>
                <a:gd name="T63" fmla="*/ 180 h 546"/>
                <a:gd name="T64" fmla="*/ 57 w 431"/>
                <a:gd name="T65" fmla="*/ 170 h 546"/>
                <a:gd name="T66" fmla="*/ 46 w 431"/>
                <a:gd name="T67" fmla="*/ 166 h 546"/>
                <a:gd name="T68" fmla="*/ 44 w 431"/>
                <a:gd name="T69" fmla="*/ 161 h 546"/>
                <a:gd name="T70" fmla="*/ 38 w 431"/>
                <a:gd name="T71" fmla="*/ 153 h 546"/>
                <a:gd name="T72" fmla="*/ 40 w 431"/>
                <a:gd name="T73" fmla="*/ 145 h 546"/>
                <a:gd name="T74" fmla="*/ 36 w 431"/>
                <a:gd name="T75" fmla="*/ 137 h 546"/>
                <a:gd name="T76" fmla="*/ 27 w 431"/>
                <a:gd name="T77" fmla="*/ 130 h 546"/>
                <a:gd name="T78" fmla="*/ 19 w 431"/>
                <a:gd name="T79" fmla="*/ 120 h 546"/>
                <a:gd name="T80" fmla="*/ 8 w 431"/>
                <a:gd name="T81" fmla="*/ 92 h 546"/>
                <a:gd name="T82" fmla="*/ 3 w 431"/>
                <a:gd name="T83" fmla="*/ 71 h 546"/>
                <a:gd name="T84" fmla="*/ 12 w 431"/>
                <a:gd name="T85" fmla="*/ 67 h 546"/>
                <a:gd name="T86" fmla="*/ 18 w 431"/>
                <a:gd name="T87" fmla="*/ 61 h 546"/>
                <a:gd name="T88" fmla="*/ 23 w 431"/>
                <a:gd name="T89" fmla="*/ 51 h 546"/>
                <a:gd name="T90" fmla="*/ 28 w 431"/>
                <a:gd name="T91" fmla="*/ 20 h 546"/>
                <a:gd name="T92" fmla="*/ 37 w 431"/>
                <a:gd name="T93" fmla="*/ 6 h 546"/>
                <a:gd name="T94" fmla="*/ 37 w 431"/>
                <a:gd name="T95" fmla="*/ 10 h 546"/>
                <a:gd name="T96" fmla="*/ 50 w 431"/>
                <a:gd name="T97" fmla="*/ 8 h 546"/>
                <a:gd name="T98" fmla="*/ 63 w 431"/>
                <a:gd name="T99" fmla="*/ 5 h 546"/>
                <a:gd name="T100" fmla="*/ 63 w 431"/>
                <a:gd name="T101" fmla="*/ 9 h 546"/>
                <a:gd name="T102" fmla="*/ 67 w 431"/>
                <a:gd name="T103" fmla="*/ 8 h 54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0" t="0" r="r" b="b"/>
              <a:pathLst>
                <a:path w="431" h="546">
                  <a:moveTo>
                    <a:pt x="228" y="0"/>
                  </a:moveTo>
                  <a:lnTo>
                    <a:pt x="238" y="2"/>
                  </a:lnTo>
                  <a:lnTo>
                    <a:pt x="247" y="5"/>
                  </a:lnTo>
                  <a:lnTo>
                    <a:pt x="255" y="10"/>
                  </a:lnTo>
                  <a:lnTo>
                    <a:pt x="262" y="15"/>
                  </a:lnTo>
                  <a:lnTo>
                    <a:pt x="269" y="20"/>
                  </a:lnTo>
                  <a:lnTo>
                    <a:pt x="276" y="25"/>
                  </a:lnTo>
                  <a:lnTo>
                    <a:pt x="284" y="30"/>
                  </a:lnTo>
                  <a:lnTo>
                    <a:pt x="293" y="33"/>
                  </a:lnTo>
                  <a:lnTo>
                    <a:pt x="296" y="38"/>
                  </a:lnTo>
                  <a:lnTo>
                    <a:pt x="299" y="42"/>
                  </a:lnTo>
                  <a:lnTo>
                    <a:pt x="300" y="46"/>
                  </a:lnTo>
                  <a:lnTo>
                    <a:pt x="300" y="51"/>
                  </a:lnTo>
                  <a:lnTo>
                    <a:pt x="299" y="59"/>
                  </a:lnTo>
                  <a:lnTo>
                    <a:pt x="295" y="67"/>
                  </a:lnTo>
                  <a:lnTo>
                    <a:pt x="291" y="76"/>
                  </a:lnTo>
                  <a:lnTo>
                    <a:pt x="287" y="84"/>
                  </a:lnTo>
                  <a:lnTo>
                    <a:pt x="286" y="90"/>
                  </a:lnTo>
                  <a:lnTo>
                    <a:pt x="285" y="95"/>
                  </a:lnTo>
                  <a:lnTo>
                    <a:pt x="284" y="100"/>
                  </a:lnTo>
                  <a:lnTo>
                    <a:pt x="285" y="106"/>
                  </a:lnTo>
                  <a:lnTo>
                    <a:pt x="287" y="105"/>
                  </a:lnTo>
                  <a:lnTo>
                    <a:pt x="289" y="104"/>
                  </a:lnTo>
                  <a:lnTo>
                    <a:pt x="290" y="102"/>
                  </a:lnTo>
                  <a:lnTo>
                    <a:pt x="291" y="100"/>
                  </a:lnTo>
                  <a:lnTo>
                    <a:pt x="292" y="95"/>
                  </a:lnTo>
                  <a:lnTo>
                    <a:pt x="293" y="90"/>
                  </a:lnTo>
                  <a:lnTo>
                    <a:pt x="295" y="91"/>
                  </a:lnTo>
                  <a:lnTo>
                    <a:pt x="297" y="93"/>
                  </a:lnTo>
                  <a:lnTo>
                    <a:pt x="299" y="96"/>
                  </a:lnTo>
                  <a:lnTo>
                    <a:pt x="299" y="99"/>
                  </a:lnTo>
                  <a:lnTo>
                    <a:pt x="300" y="106"/>
                  </a:lnTo>
                  <a:lnTo>
                    <a:pt x="300" y="114"/>
                  </a:lnTo>
                  <a:lnTo>
                    <a:pt x="312" y="105"/>
                  </a:lnTo>
                  <a:lnTo>
                    <a:pt x="322" y="95"/>
                  </a:lnTo>
                  <a:lnTo>
                    <a:pt x="327" y="90"/>
                  </a:lnTo>
                  <a:lnTo>
                    <a:pt x="329" y="84"/>
                  </a:lnTo>
                  <a:lnTo>
                    <a:pt x="330" y="82"/>
                  </a:lnTo>
                  <a:lnTo>
                    <a:pt x="329" y="79"/>
                  </a:lnTo>
                  <a:lnTo>
                    <a:pt x="328" y="77"/>
                  </a:lnTo>
                  <a:lnTo>
                    <a:pt x="325" y="74"/>
                  </a:lnTo>
                  <a:lnTo>
                    <a:pt x="349" y="90"/>
                  </a:lnTo>
                  <a:lnTo>
                    <a:pt x="375" y="106"/>
                  </a:lnTo>
                  <a:lnTo>
                    <a:pt x="388" y="114"/>
                  </a:lnTo>
                  <a:lnTo>
                    <a:pt x="400" y="120"/>
                  </a:lnTo>
                  <a:lnTo>
                    <a:pt x="407" y="121"/>
                  </a:lnTo>
                  <a:lnTo>
                    <a:pt x="412" y="123"/>
                  </a:lnTo>
                  <a:lnTo>
                    <a:pt x="417" y="123"/>
                  </a:lnTo>
                  <a:lnTo>
                    <a:pt x="423" y="122"/>
                  </a:lnTo>
                  <a:lnTo>
                    <a:pt x="423" y="134"/>
                  </a:lnTo>
                  <a:lnTo>
                    <a:pt x="421" y="142"/>
                  </a:lnTo>
                  <a:lnTo>
                    <a:pt x="419" y="149"/>
                  </a:lnTo>
                  <a:lnTo>
                    <a:pt x="417" y="153"/>
                  </a:lnTo>
                  <a:lnTo>
                    <a:pt x="413" y="156"/>
                  </a:lnTo>
                  <a:lnTo>
                    <a:pt x="408" y="158"/>
                  </a:lnTo>
                  <a:lnTo>
                    <a:pt x="403" y="158"/>
                  </a:lnTo>
                  <a:lnTo>
                    <a:pt x="396" y="158"/>
                  </a:lnTo>
                  <a:lnTo>
                    <a:pt x="381" y="157"/>
                  </a:lnTo>
                  <a:lnTo>
                    <a:pt x="364" y="158"/>
                  </a:lnTo>
                  <a:lnTo>
                    <a:pt x="355" y="159"/>
                  </a:lnTo>
                  <a:lnTo>
                    <a:pt x="346" y="161"/>
                  </a:lnTo>
                  <a:lnTo>
                    <a:pt x="335" y="165"/>
                  </a:lnTo>
                  <a:lnTo>
                    <a:pt x="325" y="172"/>
                  </a:lnTo>
                  <a:lnTo>
                    <a:pt x="328" y="181"/>
                  </a:lnTo>
                  <a:lnTo>
                    <a:pt x="330" y="191"/>
                  </a:lnTo>
                  <a:lnTo>
                    <a:pt x="330" y="200"/>
                  </a:lnTo>
                  <a:lnTo>
                    <a:pt x="330" y="209"/>
                  </a:lnTo>
                  <a:lnTo>
                    <a:pt x="328" y="217"/>
                  </a:lnTo>
                  <a:lnTo>
                    <a:pt x="326" y="225"/>
                  </a:lnTo>
                  <a:lnTo>
                    <a:pt x="322" y="234"/>
                  </a:lnTo>
                  <a:lnTo>
                    <a:pt x="319" y="241"/>
                  </a:lnTo>
                  <a:lnTo>
                    <a:pt x="312" y="258"/>
                  </a:lnTo>
                  <a:lnTo>
                    <a:pt x="306" y="276"/>
                  </a:lnTo>
                  <a:lnTo>
                    <a:pt x="304" y="285"/>
                  </a:lnTo>
                  <a:lnTo>
                    <a:pt x="301" y="295"/>
                  </a:lnTo>
                  <a:lnTo>
                    <a:pt x="300" y="305"/>
                  </a:lnTo>
                  <a:lnTo>
                    <a:pt x="300" y="317"/>
                  </a:lnTo>
                  <a:lnTo>
                    <a:pt x="321" y="314"/>
                  </a:lnTo>
                  <a:lnTo>
                    <a:pt x="342" y="311"/>
                  </a:lnTo>
                  <a:lnTo>
                    <a:pt x="353" y="309"/>
                  </a:lnTo>
                  <a:lnTo>
                    <a:pt x="365" y="309"/>
                  </a:lnTo>
                  <a:lnTo>
                    <a:pt x="377" y="309"/>
                  </a:lnTo>
                  <a:lnTo>
                    <a:pt x="390" y="310"/>
                  </a:lnTo>
                  <a:lnTo>
                    <a:pt x="393" y="320"/>
                  </a:lnTo>
                  <a:lnTo>
                    <a:pt x="397" y="329"/>
                  </a:lnTo>
                  <a:lnTo>
                    <a:pt x="401" y="337"/>
                  </a:lnTo>
                  <a:lnTo>
                    <a:pt x="407" y="345"/>
                  </a:lnTo>
                  <a:lnTo>
                    <a:pt x="419" y="359"/>
                  </a:lnTo>
                  <a:lnTo>
                    <a:pt x="431" y="374"/>
                  </a:lnTo>
                  <a:lnTo>
                    <a:pt x="420" y="380"/>
                  </a:lnTo>
                  <a:lnTo>
                    <a:pt x="412" y="385"/>
                  </a:lnTo>
                  <a:lnTo>
                    <a:pt x="403" y="390"/>
                  </a:lnTo>
                  <a:lnTo>
                    <a:pt x="394" y="392"/>
                  </a:lnTo>
                  <a:lnTo>
                    <a:pt x="390" y="393"/>
                  </a:lnTo>
                  <a:lnTo>
                    <a:pt x="385" y="393"/>
                  </a:lnTo>
                  <a:lnTo>
                    <a:pt x="380" y="393"/>
                  </a:lnTo>
                  <a:lnTo>
                    <a:pt x="375" y="392"/>
                  </a:lnTo>
                  <a:lnTo>
                    <a:pt x="364" y="389"/>
                  </a:lnTo>
                  <a:lnTo>
                    <a:pt x="350" y="382"/>
                  </a:lnTo>
                  <a:lnTo>
                    <a:pt x="347" y="390"/>
                  </a:lnTo>
                  <a:lnTo>
                    <a:pt x="344" y="397"/>
                  </a:lnTo>
                  <a:lnTo>
                    <a:pt x="339" y="403"/>
                  </a:lnTo>
                  <a:lnTo>
                    <a:pt x="335" y="409"/>
                  </a:lnTo>
                  <a:lnTo>
                    <a:pt x="332" y="411"/>
                  </a:lnTo>
                  <a:lnTo>
                    <a:pt x="329" y="413"/>
                  </a:lnTo>
                  <a:lnTo>
                    <a:pt x="326" y="415"/>
                  </a:lnTo>
                  <a:lnTo>
                    <a:pt x="321" y="416"/>
                  </a:lnTo>
                  <a:lnTo>
                    <a:pt x="317" y="416"/>
                  </a:lnTo>
                  <a:lnTo>
                    <a:pt x="312" y="417"/>
                  </a:lnTo>
                  <a:lnTo>
                    <a:pt x="307" y="416"/>
                  </a:lnTo>
                  <a:lnTo>
                    <a:pt x="300" y="415"/>
                  </a:lnTo>
                  <a:lnTo>
                    <a:pt x="297" y="425"/>
                  </a:lnTo>
                  <a:lnTo>
                    <a:pt x="294" y="437"/>
                  </a:lnTo>
                  <a:lnTo>
                    <a:pt x="293" y="450"/>
                  </a:lnTo>
                  <a:lnTo>
                    <a:pt x="292" y="463"/>
                  </a:lnTo>
                  <a:lnTo>
                    <a:pt x="292" y="492"/>
                  </a:lnTo>
                  <a:lnTo>
                    <a:pt x="293" y="520"/>
                  </a:lnTo>
                  <a:lnTo>
                    <a:pt x="288" y="527"/>
                  </a:lnTo>
                  <a:lnTo>
                    <a:pt x="282" y="532"/>
                  </a:lnTo>
                  <a:lnTo>
                    <a:pt x="277" y="536"/>
                  </a:lnTo>
                  <a:lnTo>
                    <a:pt x="273" y="539"/>
                  </a:lnTo>
                  <a:lnTo>
                    <a:pt x="269" y="541"/>
                  </a:lnTo>
                  <a:lnTo>
                    <a:pt x="264" y="543"/>
                  </a:lnTo>
                  <a:lnTo>
                    <a:pt x="259" y="544"/>
                  </a:lnTo>
                  <a:lnTo>
                    <a:pt x="255" y="546"/>
                  </a:lnTo>
                  <a:lnTo>
                    <a:pt x="246" y="546"/>
                  </a:lnTo>
                  <a:lnTo>
                    <a:pt x="237" y="543"/>
                  </a:lnTo>
                  <a:lnTo>
                    <a:pt x="228" y="540"/>
                  </a:lnTo>
                  <a:lnTo>
                    <a:pt x="219" y="536"/>
                  </a:lnTo>
                  <a:lnTo>
                    <a:pt x="201" y="524"/>
                  </a:lnTo>
                  <a:lnTo>
                    <a:pt x="182" y="514"/>
                  </a:lnTo>
                  <a:lnTo>
                    <a:pt x="172" y="510"/>
                  </a:lnTo>
                  <a:lnTo>
                    <a:pt x="161" y="507"/>
                  </a:lnTo>
                  <a:lnTo>
                    <a:pt x="150" y="504"/>
                  </a:lnTo>
                  <a:lnTo>
                    <a:pt x="138" y="504"/>
                  </a:lnTo>
                  <a:lnTo>
                    <a:pt x="138" y="499"/>
                  </a:lnTo>
                  <a:lnTo>
                    <a:pt x="138" y="495"/>
                  </a:lnTo>
                  <a:lnTo>
                    <a:pt x="137" y="491"/>
                  </a:lnTo>
                  <a:lnTo>
                    <a:pt x="136" y="488"/>
                  </a:lnTo>
                  <a:lnTo>
                    <a:pt x="133" y="482"/>
                  </a:lnTo>
                  <a:lnTo>
                    <a:pt x="128" y="478"/>
                  </a:lnTo>
                  <a:lnTo>
                    <a:pt x="116" y="472"/>
                  </a:lnTo>
                  <a:lnTo>
                    <a:pt x="106" y="463"/>
                  </a:lnTo>
                  <a:lnTo>
                    <a:pt x="113" y="459"/>
                  </a:lnTo>
                  <a:lnTo>
                    <a:pt x="117" y="454"/>
                  </a:lnTo>
                  <a:lnTo>
                    <a:pt x="120" y="449"/>
                  </a:lnTo>
                  <a:lnTo>
                    <a:pt x="121" y="442"/>
                  </a:lnTo>
                  <a:lnTo>
                    <a:pt x="121" y="436"/>
                  </a:lnTo>
                  <a:lnTo>
                    <a:pt x="119" y="430"/>
                  </a:lnTo>
                  <a:lnTo>
                    <a:pt x="116" y="422"/>
                  </a:lnTo>
                  <a:lnTo>
                    <a:pt x="112" y="416"/>
                  </a:lnTo>
                  <a:lnTo>
                    <a:pt x="107" y="410"/>
                  </a:lnTo>
                  <a:lnTo>
                    <a:pt x="101" y="404"/>
                  </a:lnTo>
                  <a:lnTo>
                    <a:pt x="95" y="399"/>
                  </a:lnTo>
                  <a:lnTo>
                    <a:pt x="89" y="394"/>
                  </a:lnTo>
                  <a:lnTo>
                    <a:pt x="82" y="390"/>
                  </a:lnTo>
                  <a:lnTo>
                    <a:pt x="76" y="387"/>
                  </a:lnTo>
                  <a:lnTo>
                    <a:pt x="71" y="384"/>
                  </a:lnTo>
                  <a:lnTo>
                    <a:pt x="64" y="382"/>
                  </a:lnTo>
                  <a:lnTo>
                    <a:pt x="57" y="361"/>
                  </a:lnTo>
                  <a:lnTo>
                    <a:pt x="49" y="340"/>
                  </a:lnTo>
                  <a:lnTo>
                    <a:pt x="40" y="318"/>
                  </a:lnTo>
                  <a:lnTo>
                    <a:pt x="33" y="297"/>
                  </a:lnTo>
                  <a:lnTo>
                    <a:pt x="24" y="276"/>
                  </a:lnTo>
                  <a:lnTo>
                    <a:pt x="16" y="255"/>
                  </a:lnTo>
                  <a:lnTo>
                    <a:pt x="8" y="233"/>
                  </a:lnTo>
                  <a:lnTo>
                    <a:pt x="0" y="212"/>
                  </a:lnTo>
                  <a:lnTo>
                    <a:pt x="9" y="212"/>
                  </a:lnTo>
                  <a:lnTo>
                    <a:pt x="16" y="210"/>
                  </a:lnTo>
                  <a:lnTo>
                    <a:pt x="23" y="209"/>
                  </a:lnTo>
                  <a:lnTo>
                    <a:pt x="31" y="205"/>
                  </a:lnTo>
                  <a:lnTo>
                    <a:pt x="36" y="202"/>
                  </a:lnTo>
                  <a:lnTo>
                    <a:pt x="41" y="199"/>
                  </a:lnTo>
                  <a:lnTo>
                    <a:pt x="47" y="195"/>
                  </a:lnTo>
                  <a:lnTo>
                    <a:pt x="51" y="190"/>
                  </a:lnTo>
                  <a:lnTo>
                    <a:pt x="55" y="184"/>
                  </a:lnTo>
                  <a:lnTo>
                    <a:pt x="58" y="179"/>
                  </a:lnTo>
                  <a:lnTo>
                    <a:pt x="61" y="173"/>
                  </a:lnTo>
                  <a:lnTo>
                    <a:pt x="64" y="166"/>
                  </a:lnTo>
                  <a:lnTo>
                    <a:pt x="69" y="153"/>
                  </a:lnTo>
                  <a:lnTo>
                    <a:pt x="73" y="138"/>
                  </a:lnTo>
                  <a:lnTo>
                    <a:pt x="78" y="106"/>
                  </a:lnTo>
                  <a:lnTo>
                    <a:pt x="82" y="75"/>
                  </a:lnTo>
                  <a:lnTo>
                    <a:pt x="85" y="59"/>
                  </a:lnTo>
                  <a:lnTo>
                    <a:pt x="88" y="44"/>
                  </a:lnTo>
                  <a:lnTo>
                    <a:pt x="92" y="30"/>
                  </a:lnTo>
                  <a:lnTo>
                    <a:pt x="97" y="17"/>
                  </a:lnTo>
                  <a:lnTo>
                    <a:pt x="110" y="17"/>
                  </a:lnTo>
                  <a:lnTo>
                    <a:pt x="122" y="17"/>
                  </a:lnTo>
                  <a:lnTo>
                    <a:pt x="116" y="22"/>
                  </a:lnTo>
                  <a:lnTo>
                    <a:pt x="113" y="26"/>
                  </a:lnTo>
                  <a:lnTo>
                    <a:pt x="112" y="30"/>
                  </a:lnTo>
                  <a:lnTo>
                    <a:pt x="114" y="31"/>
                  </a:lnTo>
                  <a:lnTo>
                    <a:pt x="120" y="31"/>
                  </a:lnTo>
                  <a:lnTo>
                    <a:pt x="133" y="28"/>
                  </a:lnTo>
                  <a:lnTo>
                    <a:pt x="149" y="24"/>
                  </a:lnTo>
                  <a:lnTo>
                    <a:pt x="166" y="20"/>
                  </a:lnTo>
                  <a:lnTo>
                    <a:pt x="174" y="18"/>
                  </a:lnTo>
                  <a:lnTo>
                    <a:pt x="181" y="17"/>
                  </a:lnTo>
                  <a:lnTo>
                    <a:pt x="189" y="16"/>
                  </a:lnTo>
                  <a:lnTo>
                    <a:pt x="195" y="17"/>
                  </a:lnTo>
                  <a:lnTo>
                    <a:pt x="194" y="22"/>
                  </a:lnTo>
                  <a:lnTo>
                    <a:pt x="191" y="27"/>
                  </a:lnTo>
                  <a:lnTo>
                    <a:pt x="190" y="28"/>
                  </a:lnTo>
                  <a:lnTo>
                    <a:pt x="190" y="31"/>
                  </a:lnTo>
                  <a:lnTo>
                    <a:pt x="192" y="32"/>
                  </a:lnTo>
                  <a:lnTo>
                    <a:pt x="195" y="33"/>
                  </a:lnTo>
                  <a:lnTo>
                    <a:pt x="201" y="23"/>
                  </a:lnTo>
                  <a:lnTo>
                    <a:pt x="209" y="14"/>
                  </a:lnTo>
                  <a:lnTo>
                    <a:pt x="217" y="6"/>
                  </a:lnTo>
                  <a:lnTo>
                    <a:pt x="228" y="0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21" name="Lejre kant"/>
            <p:cNvSpPr>
              <a:spLocks/>
            </p:cNvSpPr>
            <p:nvPr/>
          </p:nvSpPr>
          <p:spPr bwMode="auto">
            <a:xfrm>
              <a:off x="3403600" y="4891088"/>
              <a:ext cx="228600" cy="288925"/>
            </a:xfrm>
            <a:custGeom>
              <a:avLst/>
              <a:gdLst>
                <a:gd name="T0" fmla="*/ 85 w 431"/>
                <a:gd name="T1" fmla="*/ 3 h 546"/>
                <a:gd name="T2" fmla="*/ 95 w 431"/>
                <a:gd name="T3" fmla="*/ 10 h 546"/>
                <a:gd name="T4" fmla="*/ 100 w 431"/>
                <a:gd name="T5" fmla="*/ 15 h 546"/>
                <a:gd name="T6" fmla="*/ 97 w 431"/>
                <a:gd name="T7" fmla="*/ 25 h 546"/>
                <a:gd name="T8" fmla="*/ 95 w 431"/>
                <a:gd name="T9" fmla="*/ 33 h 546"/>
                <a:gd name="T10" fmla="*/ 97 w 431"/>
                <a:gd name="T11" fmla="*/ 34 h 546"/>
                <a:gd name="T12" fmla="*/ 99 w 431"/>
                <a:gd name="T13" fmla="*/ 30 h 546"/>
                <a:gd name="T14" fmla="*/ 100 w 431"/>
                <a:gd name="T15" fmla="*/ 35 h 546"/>
                <a:gd name="T16" fmla="*/ 109 w 431"/>
                <a:gd name="T17" fmla="*/ 30 h 546"/>
                <a:gd name="T18" fmla="*/ 110 w 431"/>
                <a:gd name="T19" fmla="*/ 26 h 546"/>
                <a:gd name="T20" fmla="*/ 130 w 431"/>
                <a:gd name="T21" fmla="*/ 38 h 546"/>
                <a:gd name="T22" fmla="*/ 139 w 431"/>
                <a:gd name="T23" fmla="*/ 41 h 546"/>
                <a:gd name="T24" fmla="*/ 140 w 431"/>
                <a:gd name="T25" fmla="*/ 50 h 546"/>
                <a:gd name="T26" fmla="*/ 135 w 431"/>
                <a:gd name="T27" fmla="*/ 53 h 546"/>
                <a:gd name="T28" fmla="*/ 119 w 431"/>
                <a:gd name="T29" fmla="*/ 53 h 546"/>
                <a:gd name="T30" fmla="*/ 110 w 431"/>
                <a:gd name="T31" fmla="*/ 60 h 546"/>
                <a:gd name="T32" fmla="*/ 110 w 431"/>
                <a:gd name="T33" fmla="*/ 72 h 546"/>
                <a:gd name="T34" fmla="*/ 104 w 431"/>
                <a:gd name="T35" fmla="*/ 86 h 546"/>
                <a:gd name="T36" fmla="*/ 100 w 431"/>
                <a:gd name="T37" fmla="*/ 102 h 546"/>
                <a:gd name="T38" fmla="*/ 118 w 431"/>
                <a:gd name="T39" fmla="*/ 103 h 546"/>
                <a:gd name="T40" fmla="*/ 131 w 431"/>
                <a:gd name="T41" fmla="*/ 107 h 546"/>
                <a:gd name="T42" fmla="*/ 140 w 431"/>
                <a:gd name="T43" fmla="*/ 120 h 546"/>
                <a:gd name="T44" fmla="*/ 135 w 431"/>
                <a:gd name="T45" fmla="*/ 130 h 546"/>
                <a:gd name="T46" fmla="*/ 127 w 431"/>
                <a:gd name="T47" fmla="*/ 131 h 546"/>
                <a:gd name="T48" fmla="*/ 116 w 431"/>
                <a:gd name="T49" fmla="*/ 130 h 546"/>
                <a:gd name="T50" fmla="*/ 111 w 431"/>
                <a:gd name="T51" fmla="*/ 137 h 546"/>
                <a:gd name="T52" fmla="*/ 106 w 431"/>
                <a:gd name="T53" fmla="*/ 139 h 546"/>
                <a:gd name="T54" fmla="*/ 99 w 431"/>
                <a:gd name="T55" fmla="*/ 142 h 546"/>
                <a:gd name="T56" fmla="*/ 98 w 431"/>
                <a:gd name="T57" fmla="*/ 164 h 546"/>
                <a:gd name="T58" fmla="*/ 93 w 431"/>
                <a:gd name="T59" fmla="*/ 179 h 546"/>
                <a:gd name="T60" fmla="*/ 87 w 431"/>
                <a:gd name="T61" fmla="*/ 181 h 546"/>
                <a:gd name="T62" fmla="*/ 76 w 431"/>
                <a:gd name="T63" fmla="*/ 180 h 546"/>
                <a:gd name="T64" fmla="*/ 57 w 431"/>
                <a:gd name="T65" fmla="*/ 170 h 546"/>
                <a:gd name="T66" fmla="*/ 46 w 431"/>
                <a:gd name="T67" fmla="*/ 166 h 546"/>
                <a:gd name="T68" fmla="*/ 44 w 431"/>
                <a:gd name="T69" fmla="*/ 161 h 546"/>
                <a:gd name="T70" fmla="*/ 38 w 431"/>
                <a:gd name="T71" fmla="*/ 153 h 546"/>
                <a:gd name="T72" fmla="*/ 40 w 431"/>
                <a:gd name="T73" fmla="*/ 145 h 546"/>
                <a:gd name="T74" fmla="*/ 36 w 431"/>
                <a:gd name="T75" fmla="*/ 137 h 546"/>
                <a:gd name="T76" fmla="*/ 27 w 431"/>
                <a:gd name="T77" fmla="*/ 130 h 546"/>
                <a:gd name="T78" fmla="*/ 19 w 431"/>
                <a:gd name="T79" fmla="*/ 120 h 546"/>
                <a:gd name="T80" fmla="*/ 8 w 431"/>
                <a:gd name="T81" fmla="*/ 92 h 546"/>
                <a:gd name="T82" fmla="*/ 3 w 431"/>
                <a:gd name="T83" fmla="*/ 71 h 546"/>
                <a:gd name="T84" fmla="*/ 12 w 431"/>
                <a:gd name="T85" fmla="*/ 67 h 546"/>
                <a:gd name="T86" fmla="*/ 18 w 431"/>
                <a:gd name="T87" fmla="*/ 61 h 546"/>
                <a:gd name="T88" fmla="*/ 23 w 431"/>
                <a:gd name="T89" fmla="*/ 51 h 546"/>
                <a:gd name="T90" fmla="*/ 28 w 431"/>
                <a:gd name="T91" fmla="*/ 20 h 546"/>
                <a:gd name="T92" fmla="*/ 37 w 431"/>
                <a:gd name="T93" fmla="*/ 6 h 546"/>
                <a:gd name="T94" fmla="*/ 37 w 431"/>
                <a:gd name="T95" fmla="*/ 10 h 546"/>
                <a:gd name="T96" fmla="*/ 50 w 431"/>
                <a:gd name="T97" fmla="*/ 8 h 546"/>
                <a:gd name="T98" fmla="*/ 63 w 431"/>
                <a:gd name="T99" fmla="*/ 5 h 546"/>
                <a:gd name="T100" fmla="*/ 63 w 431"/>
                <a:gd name="T101" fmla="*/ 9 h 546"/>
                <a:gd name="T102" fmla="*/ 67 w 431"/>
                <a:gd name="T103" fmla="*/ 8 h 54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0" t="0" r="r" b="b"/>
              <a:pathLst>
                <a:path w="431" h="546">
                  <a:moveTo>
                    <a:pt x="228" y="0"/>
                  </a:moveTo>
                  <a:lnTo>
                    <a:pt x="238" y="2"/>
                  </a:lnTo>
                  <a:lnTo>
                    <a:pt x="247" y="5"/>
                  </a:lnTo>
                  <a:lnTo>
                    <a:pt x="255" y="10"/>
                  </a:lnTo>
                  <a:lnTo>
                    <a:pt x="262" y="15"/>
                  </a:lnTo>
                  <a:lnTo>
                    <a:pt x="269" y="20"/>
                  </a:lnTo>
                  <a:lnTo>
                    <a:pt x="276" y="25"/>
                  </a:lnTo>
                  <a:lnTo>
                    <a:pt x="284" y="30"/>
                  </a:lnTo>
                  <a:lnTo>
                    <a:pt x="293" y="33"/>
                  </a:lnTo>
                  <a:lnTo>
                    <a:pt x="296" y="38"/>
                  </a:lnTo>
                  <a:lnTo>
                    <a:pt x="299" y="42"/>
                  </a:lnTo>
                  <a:lnTo>
                    <a:pt x="300" y="46"/>
                  </a:lnTo>
                  <a:lnTo>
                    <a:pt x="300" y="51"/>
                  </a:lnTo>
                  <a:lnTo>
                    <a:pt x="299" y="59"/>
                  </a:lnTo>
                  <a:lnTo>
                    <a:pt x="295" y="67"/>
                  </a:lnTo>
                  <a:lnTo>
                    <a:pt x="291" y="76"/>
                  </a:lnTo>
                  <a:lnTo>
                    <a:pt x="287" y="84"/>
                  </a:lnTo>
                  <a:lnTo>
                    <a:pt x="286" y="90"/>
                  </a:lnTo>
                  <a:lnTo>
                    <a:pt x="285" y="95"/>
                  </a:lnTo>
                  <a:lnTo>
                    <a:pt x="284" y="100"/>
                  </a:lnTo>
                  <a:lnTo>
                    <a:pt x="285" y="106"/>
                  </a:lnTo>
                  <a:lnTo>
                    <a:pt x="287" y="105"/>
                  </a:lnTo>
                  <a:lnTo>
                    <a:pt x="289" y="104"/>
                  </a:lnTo>
                  <a:lnTo>
                    <a:pt x="290" y="102"/>
                  </a:lnTo>
                  <a:lnTo>
                    <a:pt x="291" y="100"/>
                  </a:lnTo>
                  <a:lnTo>
                    <a:pt x="292" y="95"/>
                  </a:lnTo>
                  <a:lnTo>
                    <a:pt x="293" y="90"/>
                  </a:lnTo>
                  <a:lnTo>
                    <a:pt x="295" y="91"/>
                  </a:lnTo>
                  <a:lnTo>
                    <a:pt x="297" y="93"/>
                  </a:lnTo>
                  <a:lnTo>
                    <a:pt x="299" y="96"/>
                  </a:lnTo>
                  <a:lnTo>
                    <a:pt x="299" y="99"/>
                  </a:lnTo>
                  <a:lnTo>
                    <a:pt x="300" y="106"/>
                  </a:lnTo>
                  <a:lnTo>
                    <a:pt x="300" y="114"/>
                  </a:lnTo>
                  <a:lnTo>
                    <a:pt x="312" y="105"/>
                  </a:lnTo>
                  <a:lnTo>
                    <a:pt x="322" y="95"/>
                  </a:lnTo>
                  <a:lnTo>
                    <a:pt x="327" y="90"/>
                  </a:lnTo>
                  <a:lnTo>
                    <a:pt x="329" y="84"/>
                  </a:lnTo>
                  <a:lnTo>
                    <a:pt x="330" y="82"/>
                  </a:lnTo>
                  <a:lnTo>
                    <a:pt x="329" y="79"/>
                  </a:lnTo>
                  <a:lnTo>
                    <a:pt x="328" y="77"/>
                  </a:lnTo>
                  <a:lnTo>
                    <a:pt x="325" y="74"/>
                  </a:lnTo>
                  <a:lnTo>
                    <a:pt x="349" y="90"/>
                  </a:lnTo>
                  <a:lnTo>
                    <a:pt x="375" y="106"/>
                  </a:lnTo>
                  <a:lnTo>
                    <a:pt x="388" y="114"/>
                  </a:lnTo>
                  <a:lnTo>
                    <a:pt x="400" y="120"/>
                  </a:lnTo>
                  <a:lnTo>
                    <a:pt x="407" y="121"/>
                  </a:lnTo>
                  <a:lnTo>
                    <a:pt x="412" y="123"/>
                  </a:lnTo>
                  <a:lnTo>
                    <a:pt x="417" y="123"/>
                  </a:lnTo>
                  <a:lnTo>
                    <a:pt x="423" y="122"/>
                  </a:lnTo>
                  <a:lnTo>
                    <a:pt x="423" y="134"/>
                  </a:lnTo>
                  <a:lnTo>
                    <a:pt x="421" y="142"/>
                  </a:lnTo>
                  <a:lnTo>
                    <a:pt x="419" y="149"/>
                  </a:lnTo>
                  <a:lnTo>
                    <a:pt x="417" y="153"/>
                  </a:lnTo>
                  <a:lnTo>
                    <a:pt x="413" y="156"/>
                  </a:lnTo>
                  <a:lnTo>
                    <a:pt x="408" y="158"/>
                  </a:lnTo>
                  <a:lnTo>
                    <a:pt x="403" y="158"/>
                  </a:lnTo>
                  <a:lnTo>
                    <a:pt x="396" y="158"/>
                  </a:lnTo>
                  <a:lnTo>
                    <a:pt x="381" y="157"/>
                  </a:lnTo>
                  <a:lnTo>
                    <a:pt x="364" y="158"/>
                  </a:lnTo>
                  <a:lnTo>
                    <a:pt x="355" y="159"/>
                  </a:lnTo>
                  <a:lnTo>
                    <a:pt x="346" y="161"/>
                  </a:lnTo>
                  <a:lnTo>
                    <a:pt x="335" y="165"/>
                  </a:lnTo>
                  <a:lnTo>
                    <a:pt x="325" y="172"/>
                  </a:lnTo>
                  <a:lnTo>
                    <a:pt x="328" y="181"/>
                  </a:lnTo>
                  <a:lnTo>
                    <a:pt x="330" y="191"/>
                  </a:lnTo>
                  <a:lnTo>
                    <a:pt x="330" y="200"/>
                  </a:lnTo>
                  <a:lnTo>
                    <a:pt x="330" y="209"/>
                  </a:lnTo>
                  <a:lnTo>
                    <a:pt x="328" y="217"/>
                  </a:lnTo>
                  <a:lnTo>
                    <a:pt x="326" y="225"/>
                  </a:lnTo>
                  <a:lnTo>
                    <a:pt x="322" y="234"/>
                  </a:lnTo>
                  <a:lnTo>
                    <a:pt x="319" y="241"/>
                  </a:lnTo>
                  <a:lnTo>
                    <a:pt x="312" y="258"/>
                  </a:lnTo>
                  <a:lnTo>
                    <a:pt x="306" y="276"/>
                  </a:lnTo>
                  <a:lnTo>
                    <a:pt x="304" y="285"/>
                  </a:lnTo>
                  <a:lnTo>
                    <a:pt x="301" y="295"/>
                  </a:lnTo>
                  <a:lnTo>
                    <a:pt x="300" y="305"/>
                  </a:lnTo>
                  <a:lnTo>
                    <a:pt x="300" y="317"/>
                  </a:lnTo>
                  <a:lnTo>
                    <a:pt x="321" y="314"/>
                  </a:lnTo>
                  <a:lnTo>
                    <a:pt x="342" y="311"/>
                  </a:lnTo>
                  <a:lnTo>
                    <a:pt x="353" y="309"/>
                  </a:lnTo>
                  <a:lnTo>
                    <a:pt x="365" y="309"/>
                  </a:lnTo>
                  <a:lnTo>
                    <a:pt x="377" y="309"/>
                  </a:lnTo>
                  <a:lnTo>
                    <a:pt x="390" y="310"/>
                  </a:lnTo>
                  <a:lnTo>
                    <a:pt x="393" y="320"/>
                  </a:lnTo>
                  <a:lnTo>
                    <a:pt x="397" y="329"/>
                  </a:lnTo>
                  <a:lnTo>
                    <a:pt x="401" y="337"/>
                  </a:lnTo>
                  <a:lnTo>
                    <a:pt x="407" y="345"/>
                  </a:lnTo>
                  <a:lnTo>
                    <a:pt x="419" y="359"/>
                  </a:lnTo>
                  <a:lnTo>
                    <a:pt x="431" y="374"/>
                  </a:lnTo>
                  <a:lnTo>
                    <a:pt x="420" y="380"/>
                  </a:lnTo>
                  <a:lnTo>
                    <a:pt x="412" y="385"/>
                  </a:lnTo>
                  <a:lnTo>
                    <a:pt x="403" y="390"/>
                  </a:lnTo>
                  <a:lnTo>
                    <a:pt x="394" y="392"/>
                  </a:lnTo>
                  <a:lnTo>
                    <a:pt x="390" y="393"/>
                  </a:lnTo>
                  <a:lnTo>
                    <a:pt x="385" y="393"/>
                  </a:lnTo>
                  <a:lnTo>
                    <a:pt x="380" y="393"/>
                  </a:lnTo>
                  <a:lnTo>
                    <a:pt x="375" y="392"/>
                  </a:lnTo>
                  <a:lnTo>
                    <a:pt x="364" y="389"/>
                  </a:lnTo>
                  <a:lnTo>
                    <a:pt x="350" y="382"/>
                  </a:lnTo>
                  <a:lnTo>
                    <a:pt x="347" y="390"/>
                  </a:lnTo>
                  <a:lnTo>
                    <a:pt x="344" y="397"/>
                  </a:lnTo>
                  <a:lnTo>
                    <a:pt x="339" y="403"/>
                  </a:lnTo>
                  <a:lnTo>
                    <a:pt x="335" y="409"/>
                  </a:lnTo>
                  <a:lnTo>
                    <a:pt x="332" y="411"/>
                  </a:lnTo>
                  <a:lnTo>
                    <a:pt x="329" y="413"/>
                  </a:lnTo>
                  <a:lnTo>
                    <a:pt x="326" y="415"/>
                  </a:lnTo>
                  <a:lnTo>
                    <a:pt x="321" y="416"/>
                  </a:lnTo>
                  <a:lnTo>
                    <a:pt x="317" y="416"/>
                  </a:lnTo>
                  <a:lnTo>
                    <a:pt x="312" y="417"/>
                  </a:lnTo>
                  <a:lnTo>
                    <a:pt x="307" y="416"/>
                  </a:lnTo>
                  <a:lnTo>
                    <a:pt x="300" y="415"/>
                  </a:lnTo>
                  <a:lnTo>
                    <a:pt x="297" y="425"/>
                  </a:lnTo>
                  <a:lnTo>
                    <a:pt x="294" y="437"/>
                  </a:lnTo>
                  <a:lnTo>
                    <a:pt x="293" y="450"/>
                  </a:lnTo>
                  <a:lnTo>
                    <a:pt x="292" y="463"/>
                  </a:lnTo>
                  <a:lnTo>
                    <a:pt x="292" y="492"/>
                  </a:lnTo>
                  <a:lnTo>
                    <a:pt x="293" y="520"/>
                  </a:lnTo>
                  <a:lnTo>
                    <a:pt x="288" y="527"/>
                  </a:lnTo>
                  <a:lnTo>
                    <a:pt x="282" y="532"/>
                  </a:lnTo>
                  <a:lnTo>
                    <a:pt x="277" y="536"/>
                  </a:lnTo>
                  <a:lnTo>
                    <a:pt x="273" y="539"/>
                  </a:lnTo>
                  <a:lnTo>
                    <a:pt x="269" y="541"/>
                  </a:lnTo>
                  <a:lnTo>
                    <a:pt x="264" y="543"/>
                  </a:lnTo>
                  <a:lnTo>
                    <a:pt x="259" y="544"/>
                  </a:lnTo>
                  <a:lnTo>
                    <a:pt x="255" y="546"/>
                  </a:lnTo>
                  <a:lnTo>
                    <a:pt x="246" y="546"/>
                  </a:lnTo>
                  <a:lnTo>
                    <a:pt x="237" y="543"/>
                  </a:lnTo>
                  <a:lnTo>
                    <a:pt x="228" y="540"/>
                  </a:lnTo>
                  <a:lnTo>
                    <a:pt x="219" y="536"/>
                  </a:lnTo>
                  <a:lnTo>
                    <a:pt x="201" y="524"/>
                  </a:lnTo>
                  <a:lnTo>
                    <a:pt x="182" y="514"/>
                  </a:lnTo>
                  <a:lnTo>
                    <a:pt x="172" y="510"/>
                  </a:lnTo>
                  <a:lnTo>
                    <a:pt x="161" y="507"/>
                  </a:lnTo>
                  <a:lnTo>
                    <a:pt x="150" y="504"/>
                  </a:lnTo>
                  <a:lnTo>
                    <a:pt x="138" y="504"/>
                  </a:lnTo>
                  <a:lnTo>
                    <a:pt x="138" y="499"/>
                  </a:lnTo>
                  <a:lnTo>
                    <a:pt x="138" y="495"/>
                  </a:lnTo>
                  <a:lnTo>
                    <a:pt x="137" y="491"/>
                  </a:lnTo>
                  <a:lnTo>
                    <a:pt x="136" y="488"/>
                  </a:lnTo>
                  <a:lnTo>
                    <a:pt x="133" y="482"/>
                  </a:lnTo>
                  <a:lnTo>
                    <a:pt x="128" y="478"/>
                  </a:lnTo>
                  <a:lnTo>
                    <a:pt x="116" y="472"/>
                  </a:lnTo>
                  <a:lnTo>
                    <a:pt x="106" y="463"/>
                  </a:lnTo>
                  <a:lnTo>
                    <a:pt x="113" y="459"/>
                  </a:lnTo>
                  <a:lnTo>
                    <a:pt x="117" y="454"/>
                  </a:lnTo>
                  <a:lnTo>
                    <a:pt x="120" y="449"/>
                  </a:lnTo>
                  <a:lnTo>
                    <a:pt x="121" y="442"/>
                  </a:lnTo>
                  <a:lnTo>
                    <a:pt x="121" y="436"/>
                  </a:lnTo>
                  <a:lnTo>
                    <a:pt x="119" y="430"/>
                  </a:lnTo>
                  <a:lnTo>
                    <a:pt x="116" y="422"/>
                  </a:lnTo>
                  <a:lnTo>
                    <a:pt x="112" y="416"/>
                  </a:lnTo>
                  <a:lnTo>
                    <a:pt x="107" y="410"/>
                  </a:lnTo>
                  <a:lnTo>
                    <a:pt x="101" y="404"/>
                  </a:lnTo>
                  <a:lnTo>
                    <a:pt x="95" y="399"/>
                  </a:lnTo>
                  <a:lnTo>
                    <a:pt x="89" y="394"/>
                  </a:lnTo>
                  <a:lnTo>
                    <a:pt x="82" y="390"/>
                  </a:lnTo>
                  <a:lnTo>
                    <a:pt x="76" y="387"/>
                  </a:lnTo>
                  <a:lnTo>
                    <a:pt x="71" y="384"/>
                  </a:lnTo>
                  <a:lnTo>
                    <a:pt x="64" y="382"/>
                  </a:lnTo>
                  <a:lnTo>
                    <a:pt x="57" y="361"/>
                  </a:lnTo>
                  <a:lnTo>
                    <a:pt x="49" y="340"/>
                  </a:lnTo>
                  <a:lnTo>
                    <a:pt x="40" y="318"/>
                  </a:lnTo>
                  <a:lnTo>
                    <a:pt x="33" y="297"/>
                  </a:lnTo>
                  <a:lnTo>
                    <a:pt x="24" y="276"/>
                  </a:lnTo>
                  <a:lnTo>
                    <a:pt x="16" y="255"/>
                  </a:lnTo>
                  <a:lnTo>
                    <a:pt x="8" y="233"/>
                  </a:lnTo>
                  <a:lnTo>
                    <a:pt x="0" y="212"/>
                  </a:lnTo>
                  <a:lnTo>
                    <a:pt x="9" y="212"/>
                  </a:lnTo>
                  <a:lnTo>
                    <a:pt x="16" y="210"/>
                  </a:lnTo>
                  <a:lnTo>
                    <a:pt x="23" y="209"/>
                  </a:lnTo>
                  <a:lnTo>
                    <a:pt x="31" y="205"/>
                  </a:lnTo>
                  <a:lnTo>
                    <a:pt x="36" y="202"/>
                  </a:lnTo>
                  <a:lnTo>
                    <a:pt x="41" y="199"/>
                  </a:lnTo>
                  <a:lnTo>
                    <a:pt x="47" y="195"/>
                  </a:lnTo>
                  <a:lnTo>
                    <a:pt x="51" y="190"/>
                  </a:lnTo>
                  <a:lnTo>
                    <a:pt x="55" y="184"/>
                  </a:lnTo>
                  <a:lnTo>
                    <a:pt x="58" y="179"/>
                  </a:lnTo>
                  <a:lnTo>
                    <a:pt x="61" y="173"/>
                  </a:lnTo>
                  <a:lnTo>
                    <a:pt x="64" y="166"/>
                  </a:lnTo>
                  <a:lnTo>
                    <a:pt x="69" y="153"/>
                  </a:lnTo>
                  <a:lnTo>
                    <a:pt x="73" y="138"/>
                  </a:lnTo>
                  <a:lnTo>
                    <a:pt x="78" y="106"/>
                  </a:lnTo>
                  <a:lnTo>
                    <a:pt x="82" y="75"/>
                  </a:lnTo>
                  <a:lnTo>
                    <a:pt x="85" y="59"/>
                  </a:lnTo>
                  <a:lnTo>
                    <a:pt x="88" y="44"/>
                  </a:lnTo>
                  <a:lnTo>
                    <a:pt x="92" y="30"/>
                  </a:lnTo>
                  <a:lnTo>
                    <a:pt x="97" y="17"/>
                  </a:lnTo>
                  <a:lnTo>
                    <a:pt x="110" y="17"/>
                  </a:lnTo>
                  <a:lnTo>
                    <a:pt x="122" y="17"/>
                  </a:lnTo>
                  <a:lnTo>
                    <a:pt x="116" y="22"/>
                  </a:lnTo>
                  <a:lnTo>
                    <a:pt x="113" y="26"/>
                  </a:lnTo>
                  <a:lnTo>
                    <a:pt x="112" y="30"/>
                  </a:lnTo>
                  <a:lnTo>
                    <a:pt x="114" y="31"/>
                  </a:lnTo>
                  <a:lnTo>
                    <a:pt x="120" y="31"/>
                  </a:lnTo>
                  <a:lnTo>
                    <a:pt x="133" y="28"/>
                  </a:lnTo>
                  <a:lnTo>
                    <a:pt x="149" y="24"/>
                  </a:lnTo>
                  <a:lnTo>
                    <a:pt x="166" y="20"/>
                  </a:lnTo>
                  <a:lnTo>
                    <a:pt x="174" y="18"/>
                  </a:lnTo>
                  <a:lnTo>
                    <a:pt x="181" y="17"/>
                  </a:lnTo>
                  <a:lnTo>
                    <a:pt x="189" y="16"/>
                  </a:lnTo>
                  <a:lnTo>
                    <a:pt x="195" y="17"/>
                  </a:lnTo>
                  <a:lnTo>
                    <a:pt x="194" y="22"/>
                  </a:lnTo>
                  <a:lnTo>
                    <a:pt x="191" y="27"/>
                  </a:lnTo>
                  <a:lnTo>
                    <a:pt x="190" y="28"/>
                  </a:lnTo>
                  <a:lnTo>
                    <a:pt x="190" y="31"/>
                  </a:lnTo>
                  <a:lnTo>
                    <a:pt x="192" y="32"/>
                  </a:lnTo>
                  <a:lnTo>
                    <a:pt x="195" y="33"/>
                  </a:lnTo>
                  <a:lnTo>
                    <a:pt x="201" y="23"/>
                  </a:lnTo>
                  <a:lnTo>
                    <a:pt x="209" y="14"/>
                  </a:lnTo>
                  <a:lnTo>
                    <a:pt x="217" y="6"/>
                  </a:lnTo>
                  <a:lnTo>
                    <a:pt x="228" y="0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22" name="Roskilde"/>
            <p:cNvGrpSpPr/>
            <p:nvPr/>
          </p:nvGrpSpPr>
          <p:grpSpPr>
            <a:xfrm>
              <a:off x="3563938" y="4822825"/>
              <a:ext cx="207486" cy="358775"/>
              <a:chOff x="3563938" y="4822825"/>
              <a:chExt cx="207486" cy="358775"/>
            </a:xfrm>
            <a:grpFill/>
          </p:grpSpPr>
          <p:sp>
            <p:nvSpPr>
              <p:cNvPr id="169" name="Roskilde"/>
              <p:cNvSpPr>
                <a:spLocks/>
              </p:cNvSpPr>
              <p:nvPr/>
            </p:nvSpPr>
            <p:spPr bwMode="auto">
              <a:xfrm>
                <a:off x="3563938" y="4822825"/>
                <a:ext cx="207486" cy="358775"/>
              </a:xfrm>
              <a:custGeom>
                <a:avLst/>
                <a:gdLst>
                  <a:gd name="T0" fmla="*/ 62 w 413"/>
                  <a:gd name="T1" fmla="*/ 2 h 677"/>
                  <a:gd name="T2" fmla="*/ 74 w 413"/>
                  <a:gd name="T3" fmla="*/ 15 h 677"/>
                  <a:gd name="T4" fmla="*/ 81 w 413"/>
                  <a:gd name="T5" fmla="*/ 19 h 677"/>
                  <a:gd name="T6" fmla="*/ 86 w 413"/>
                  <a:gd name="T7" fmla="*/ 27 h 677"/>
                  <a:gd name="T8" fmla="*/ 93 w 413"/>
                  <a:gd name="T9" fmla="*/ 29 h 677"/>
                  <a:gd name="T10" fmla="*/ 102 w 413"/>
                  <a:gd name="T11" fmla="*/ 23 h 677"/>
                  <a:gd name="T12" fmla="*/ 117 w 413"/>
                  <a:gd name="T13" fmla="*/ 23 h 677"/>
                  <a:gd name="T14" fmla="*/ 123 w 413"/>
                  <a:gd name="T15" fmla="*/ 30 h 677"/>
                  <a:gd name="T16" fmla="*/ 123 w 413"/>
                  <a:gd name="T17" fmla="*/ 40 h 677"/>
                  <a:gd name="T18" fmla="*/ 125 w 413"/>
                  <a:gd name="T19" fmla="*/ 49 h 677"/>
                  <a:gd name="T20" fmla="*/ 137 w 413"/>
                  <a:gd name="T21" fmla="*/ 57 h 677"/>
                  <a:gd name="T22" fmla="*/ 134 w 413"/>
                  <a:gd name="T23" fmla="*/ 74 h 677"/>
                  <a:gd name="T24" fmla="*/ 122 w 413"/>
                  <a:gd name="T25" fmla="*/ 86 h 677"/>
                  <a:gd name="T26" fmla="*/ 94 w 413"/>
                  <a:gd name="T27" fmla="*/ 100 h 677"/>
                  <a:gd name="T28" fmla="*/ 92 w 413"/>
                  <a:gd name="T29" fmla="*/ 106 h 677"/>
                  <a:gd name="T30" fmla="*/ 88 w 413"/>
                  <a:gd name="T31" fmla="*/ 107 h 677"/>
                  <a:gd name="T32" fmla="*/ 88 w 413"/>
                  <a:gd name="T33" fmla="*/ 93 h 677"/>
                  <a:gd name="T34" fmla="*/ 111 w 413"/>
                  <a:gd name="T35" fmla="*/ 81 h 677"/>
                  <a:gd name="T36" fmla="*/ 123 w 413"/>
                  <a:gd name="T37" fmla="*/ 70 h 677"/>
                  <a:gd name="T38" fmla="*/ 121 w 413"/>
                  <a:gd name="T39" fmla="*/ 67 h 677"/>
                  <a:gd name="T40" fmla="*/ 101 w 413"/>
                  <a:gd name="T41" fmla="*/ 80 h 677"/>
                  <a:gd name="T42" fmla="*/ 80 w 413"/>
                  <a:gd name="T43" fmla="*/ 93 h 677"/>
                  <a:gd name="T44" fmla="*/ 83 w 413"/>
                  <a:gd name="T45" fmla="*/ 115 h 677"/>
                  <a:gd name="T46" fmla="*/ 84 w 413"/>
                  <a:gd name="T47" fmla="*/ 141 h 677"/>
                  <a:gd name="T48" fmla="*/ 79 w 413"/>
                  <a:gd name="T49" fmla="*/ 165 h 677"/>
                  <a:gd name="T50" fmla="*/ 97 w 413"/>
                  <a:gd name="T51" fmla="*/ 181 h 677"/>
                  <a:gd name="T52" fmla="*/ 101 w 413"/>
                  <a:gd name="T53" fmla="*/ 190 h 677"/>
                  <a:gd name="T54" fmla="*/ 87 w 413"/>
                  <a:gd name="T55" fmla="*/ 189 h 677"/>
                  <a:gd name="T56" fmla="*/ 78 w 413"/>
                  <a:gd name="T57" fmla="*/ 197 h 677"/>
                  <a:gd name="T58" fmla="*/ 72 w 413"/>
                  <a:gd name="T59" fmla="*/ 200 h 677"/>
                  <a:gd name="T60" fmla="*/ 61 w 413"/>
                  <a:gd name="T61" fmla="*/ 205 h 677"/>
                  <a:gd name="T62" fmla="*/ 58 w 413"/>
                  <a:gd name="T63" fmla="*/ 220 h 677"/>
                  <a:gd name="T64" fmla="*/ 42 w 413"/>
                  <a:gd name="T65" fmla="*/ 226 h 677"/>
                  <a:gd name="T66" fmla="*/ 13 w 413"/>
                  <a:gd name="T67" fmla="*/ 224 h 677"/>
                  <a:gd name="T68" fmla="*/ 1 w 413"/>
                  <a:gd name="T69" fmla="*/ 221 h 677"/>
                  <a:gd name="T70" fmla="*/ 2 w 413"/>
                  <a:gd name="T71" fmla="*/ 203 h 677"/>
                  <a:gd name="T72" fmla="*/ 2 w 413"/>
                  <a:gd name="T73" fmla="*/ 187 h 677"/>
                  <a:gd name="T74" fmla="*/ 23 w 413"/>
                  <a:gd name="T75" fmla="*/ 181 h 677"/>
                  <a:gd name="T76" fmla="*/ 40 w 413"/>
                  <a:gd name="T77" fmla="*/ 176 h 677"/>
                  <a:gd name="T78" fmla="*/ 45 w 413"/>
                  <a:gd name="T79" fmla="*/ 164 h 677"/>
                  <a:gd name="T80" fmla="*/ 37 w 413"/>
                  <a:gd name="T81" fmla="*/ 152 h 677"/>
                  <a:gd name="T82" fmla="*/ 31 w 413"/>
                  <a:gd name="T83" fmla="*/ 142 h 677"/>
                  <a:gd name="T84" fmla="*/ 11 w 413"/>
                  <a:gd name="T85" fmla="*/ 142 h 677"/>
                  <a:gd name="T86" fmla="*/ 13 w 413"/>
                  <a:gd name="T87" fmla="*/ 117 h 677"/>
                  <a:gd name="T88" fmla="*/ 13 w 413"/>
                  <a:gd name="T89" fmla="*/ 103 h 677"/>
                  <a:gd name="T90" fmla="*/ 25 w 413"/>
                  <a:gd name="T91" fmla="*/ 102 h 677"/>
                  <a:gd name="T92" fmla="*/ 32 w 413"/>
                  <a:gd name="T93" fmla="*/ 107 h 677"/>
                  <a:gd name="T94" fmla="*/ 38 w 413"/>
                  <a:gd name="T95" fmla="*/ 115 h 677"/>
                  <a:gd name="T96" fmla="*/ 48 w 413"/>
                  <a:gd name="T97" fmla="*/ 117 h 677"/>
                  <a:gd name="T98" fmla="*/ 51 w 413"/>
                  <a:gd name="T99" fmla="*/ 106 h 677"/>
                  <a:gd name="T100" fmla="*/ 45 w 413"/>
                  <a:gd name="T101" fmla="*/ 89 h 677"/>
                  <a:gd name="T102" fmla="*/ 54 w 413"/>
                  <a:gd name="T103" fmla="*/ 83 h 677"/>
                  <a:gd name="T104" fmla="*/ 58 w 413"/>
                  <a:gd name="T105" fmla="*/ 70 h 677"/>
                  <a:gd name="T106" fmla="*/ 55 w 413"/>
                  <a:gd name="T107" fmla="*/ 64 h 677"/>
                  <a:gd name="T108" fmla="*/ 56 w 413"/>
                  <a:gd name="T109" fmla="*/ 54 h 677"/>
                  <a:gd name="T110" fmla="*/ 62 w 413"/>
                  <a:gd name="T111" fmla="*/ 51 h 677"/>
                  <a:gd name="T112" fmla="*/ 61 w 413"/>
                  <a:gd name="T113" fmla="*/ 37 h 677"/>
                  <a:gd name="T114" fmla="*/ 50 w 413"/>
                  <a:gd name="T115" fmla="*/ 14 h 677"/>
                  <a:gd name="T116" fmla="*/ 51 w 413"/>
                  <a:gd name="T117" fmla="*/ 2 h 677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8886 w 10000"/>
                  <a:gd name="connsiteY64" fmla="*/ 3811 h 10000"/>
                  <a:gd name="connsiteX65" fmla="*/ 7893 w 10000"/>
                  <a:gd name="connsiteY65" fmla="*/ 4062 h 10000"/>
                  <a:gd name="connsiteX66" fmla="*/ 7361 w 10000"/>
                  <a:gd name="connsiteY66" fmla="*/ 4195 h 10000"/>
                  <a:gd name="connsiteX67" fmla="*/ 6852 w 10000"/>
                  <a:gd name="connsiteY67" fmla="*/ 4313 h 10000"/>
                  <a:gd name="connsiteX68" fmla="*/ 6852 w 10000"/>
                  <a:gd name="connsiteY68" fmla="*/ 4431 h 10000"/>
                  <a:gd name="connsiteX69" fmla="*/ 6852 w 10000"/>
                  <a:gd name="connsiteY69" fmla="*/ 4549 h 10000"/>
                  <a:gd name="connsiteX70" fmla="*/ 6804 w 10000"/>
                  <a:gd name="connsiteY70" fmla="*/ 4564 h 10000"/>
                  <a:gd name="connsiteX71" fmla="*/ 6731 w 10000"/>
                  <a:gd name="connsiteY71" fmla="*/ 4594 h 10000"/>
                  <a:gd name="connsiteX72" fmla="*/ 6683 w 10000"/>
                  <a:gd name="connsiteY72" fmla="*/ 4638 h 10000"/>
                  <a:gd name="connsiteX73" fmla="*/ 6683 w 10000"/>
                  <a:gd name="connsiteY73" fmla="*/ 4697 h 10000"/>
                  <a:gd name="connsiteX74" fmla="*/ 6659 w 10000"/>
                  <a:gd name="connsiteY74" fmla="*/ 4801 h 10000"/>
                  <a:gd name="connsiteX75" fmla="*/ 6659 w 10000"/>
                  <a:gd name="connsiteY75" fmla="*/ 4904 h 10000"/>
                  <a:gd name="connsiteX76" fmla="*/ 6538 w 10000"/>
                  <a:gd name="connsiteY76" fmla="*/ 4860 h 10000"/>
                  <a:gd name="connsiteX77" fmla="*/ 6465 w 10000"/>
                  <a:gd name="connsiteY77" fmla="*/ 4801 h 10000"/>
                  <a:gd name="connsiteX78" fmla="*/ 6392 w 10000"/>
                  <a:gd name="connsiteY78" fmla="*/ 4727 h 10000"/>
                  <a:gd name="connsiteX79" fmla="*/ 6320 w 10000"/>
                  <a:gd name="connsiteY79" fmla="*/ 4638 h 10000"/>
                  <a:gd name="connsiteX80" fmla="*/ 6199 w 10000"/>
                  <a:gd name="connsiteY80" fmla="*/ 4476 h 10000"/>
                  <a:gd name="connsiteX81" fmla="*/ 6077 w 10000"/>
                  <a:gd name="connsiteY81" fmla="*/ 4313 h 10000"/>
                  <a:gd name="connsiteX82" fmla="*/ 6223 w 10000"/>
                  <a:gd name="connsiteY82" fmla="*/ 4210 h 10000"/>
                  <a:gd name="connsiteX83" fmla="*/ 6416 w 10000"/>
                  <a:gd name="connsiteY83" fmla="*/ 4121 h 10000"/>
                  <a:gd name="connsiteX84" fmla="*/ 6634 w 10000"/>
                  <a:gd name="connsiteY84" fmla="*/ 4032 h 10000"/>
                  <a:gd name="connsiteX85" fmla="*/ 6877 w 10000"/>
                  <a:gd name="connsiteY85" fmla="*/ 3959 h 10000"/>
                  <a:gd name="connsiteX86" fmla="*/ 7385 w 10000"/>
                  <a:gd name="connsiteY86" fmla="*/ 3811 h 10000"/>
                  <a:gd name="connsiteX87" fmla="*/ 7893 w 10000"/>
                  <a:gd name="connsiteY87" fmla="*/ 3663 h 10000"/>
                  <a:gd name="connsiteX88" fmla="*/ 8136 w 10000"/>
                  <a:gd name="connsiteY88" fmla="*/ 3589 h 10000"/>
                  <a:gd name="connsiteX89" fmla="*/ 8378 w 10000"/>
                  <a:gd name="connsiteY89" fmla="*/ 3516 h 10000"/>
                  <a:gd name="connsiteX90" fmla="*/ 8571 w 10000"/>
                  <a:gd name="connsiteY90" fmla="*/ 3412 h 10000"/>
                  <a:gd name="connsiteX91" fmla="*/ 8765 w 10000"/>
                  <a:gd name="connsiteY91" fmla="*/ 3338 h 10000"/>
                  <a:gd name="connsiteX92" fmla="*/ 8886 w 10000"/>
                  <a:gd name="connsiteY92" fmla="*/ 3235 h 10000"/>
                  <a:gd name="connsiteX93" fmla="*/ 8983 w 10000"/>
                  <a:gd name="connsiteY93" fmla="*/ 3117 h 10000"/>
                  <a:gd name="connsiteX94" fmla="*/ 9007 w 10000"/>
                  <a:gd name="connsiteY94" fmla="*/ 3072 h 10000"/>
                  <a:gd name="connsiteX95" fmla="*/ 9031 w 10000"/>
                  <a:gd name="connsiteY95" fmla="*/ 3013 h 10000"/>
                  <a:gd name="connsiteX96" fmla="*/ 9031 w 10000"/>
                  <a:gd name="connsiteY96" fmla="*/ 2954 h 10000"/>
                  <a:gd name="connsiteX97" fmla="*/ 9007 w 10000"/>
                  <a:gd name="connsiteY97" fmla="*/ 2866 h 10000"/>
                  <a:gd name="connsiteX98" fmla="*/ 8838 w 10000"/>
                  <a:gd name="connsiteY98" fmla="*/ 2984 h 10000"/>
                  <a:gd name="connsiteX99" fmla="*/ 8644 w 10000"/>
                  <a:gd name="connsiteY99" fmla="*/ 3072 h 10000"/>
                  <a:gd name="connsiteX100" fmla="*/ 8450 w 10000"/>
                  <a:gd name="connsiteY100" fmla="*/ 3161 h 10000"/>
                  <a:gd name="connsiteX101" fmla="*/ 8257 w 10000"/>
                  <a:gd name="connsiteY101" fmla="*/ 3250 h 10000"/>
                  <a:gd name="connsiteX102" fmla="*/ 7821 w 10000"/>
                  <a:gd name="connsiteY102" fmla="*/ 3397 h 10000"/>
                  <a:gd name="connsiteX103" fmla="*/ 7361 w 10000"/>
                  <a:gd name="connsiteY103" fmla="*/ 3545 h 10000"/>
                  <a:gd name="connsiteX104" fmla="*/ 6901 w 10000"/>
                  <a:gd name="connsiteY104" fmla="*/ 3678 h 10000"/>
                  <a:gd name="connsiteX105" fmla="*/ 6465 w 10000"/>
                  <a:gd name="connsiteY105" fmla="*/ 3840 h 10000"/>
                  <a:gd name="connsiteX106" fmla="*/ 6247 w 10000"/>
                  <a:gd name="connsiteY106" fmla="*/ 3914 h 10000"/>
                  <a:gd name="connsiteX107" fmla="*/ 6053 w 10000"/>
                  <a:gd name="connsiteY107" fmla="*/ 4003 h 10000"/>
                  <a:gd name="connsiteX108" fmla="*/ 5860 w 10000"/>
                  <a:gd name="connsiteY108" fmla="*/ 4106 h 10000"/>
                  <a:gd name="connsiteX109" fmla="*/ 5666 w 10000"/>
                  <a:gd name="connsiteY109" fmla="*/ 4195 h 10000"/>
                  <a:gd name="connsiteX110" fmla="*/ 5811 w 10000"/>
                  <a:gd name="connsiteY110" fmla="*/ 4417 h 10000"/>
                  <a:gd name="connsiteX111" fmla="*/ 5908 w 10000"/>
                  <a:gd name="connsiteY111" fmla="*/ 4623 h 10000"/>
                  <a:gd name="connsiteX112" fmla="*/ 6005 w 10000"/>
                  <a:gd name="connsiteY112" fmla="*/ 4845 h 10000"/>
                  <a:gd name="connsiteX113" fmla="*/ 6077 w 10000"/>
                  <a:gd name="connsiteY113" fmla="*/ 5081 h 10000"/>
                  <a:gd name="connsiteX114" fmla="*/ 6126 w 10000"/>
                  <a:gd name="connsiteY114" fmla="*/ 5318 h 10000"/>
                  <a:gd name="connsiteX115" fmla="*/ 6150 w 10000"/>
                  <a:gd name="connsiteY115" fmla="*/ 5539 h 10000"/>
                  <a:gd name="connsiteX116" fmla="*/ 6174 w 10000"/>
                  <a:gd name="connsiteY116" fmla="*/ 5775 h 10000"/>
                  <a:gd name="connsiteX117" fmla="*/ 6174 w 10000"/>
                  <a:gd name="connsiteY117" fmla="*/ 5997 h 10000"/>
                  <a:gd name="connsiteX118" fmla="*/ 6150 w 10000"/>
                  <a:gd name="connsiteY118" fmla="*/ 6233 h 10000"/>
                  <a:gd name="connsiteX119" fmla="*/ 6102 w 10000"/>
                  <a:gd name="connsiteY119" fmla="*/ 6470 h 10000"/>
                  <a:gd name="connsiteX120" fmla="*/ 6053 w 10000"/>
                  <a:gd name="connsiteY120" fmla="*/ 6677 h 10000"/>
                  <a:gd name="connsiteX121" fmla="*/ 5981 w 10000"/>
                  <a:gd name="connsiteY121" fmla="*/ 6898 h 10000"/>
                  <a:gd name="connsiteX122" fmla="*/ 5884 w 10000"/>
                  <a:gd name="connsiteY122" fmla="*/ 7105 h 10000"/>
                  <a:gd name="connsiteX123" fmla="*/ 5763 w 10000"/>
                  <a:gd name="connsiteY123" fmla="*/ 7297 h 10000"/>
                  <a:gd name="connsiteX124" fmla="*/ 5617 w 10000"/>
                  <a:gd name="connsiteY124" fmla="*/ 7489 h 10000"/>
                  <a:gd name="connsiteX125" fmla="*/ 5472 w 10000"/>
                  <a:gd name="connsiteY125" fmla="*/ 7681 h 10000"/>
                  <a:gd name="connsiteX126" fmla="*/ 6174 w 10000"/>
                  <a:gd name="connsiteY126" fmla="*/ 7799 h 10000"/>
                  <a:gd name="connsiteX127" fmla="*/ 6901 w 10000"/>
                  <a:gd name="connsiteY127" fmla="*/ 7962 h 10000"/>
                  <a:gd name="connsiteX128" fmla="*/ 7046 w 10000"/>
                  <a:gd name="connsiteY128" fmla="*/ 8021 h 10000"/>
                  <a:gd name="connsiteX129" fmla="*/ 7167 w 10000"/>
                  <a:gd name="connsiteY129" fmla="*/ 8080 h 10000"/>
                  <a:gd name="connsiteX130" fmla="*/ 7288 w 10000"/>
                  <a:gd name="connsiteY130" fmla="*/ 8139 h 10000"/>
                  <a:gd name="connsiteX131" fmla="*/ 7361 w 10000"/>
                  <a:gd name="connsiteY131" fmla="*/ 8227 h 10000"/>
                  <a:gd name="connsiteX132" fmla="*/ 7385 w 10000"/>
                  <a:gd name="connsiteY132" fmla="*/ 8301 h 10000"/>
                  <a:gd name="connsiteX133" fmla="*/ 7385 w 10000"/>
                  <a:gd name="connsiteY133" fmla="*/ 8405 h 10000"/>
                  <a:gd name="connsiteX134" fmla="*/ 7337 w 10000"/>
                  <a:gd name="connsiteY134" fmla="*/ 8523 h 10000"/>
                  <a:gd name="connsiteX135" fmla="*/ 7264 w 10000"/>
                  <a:gd name="connsiteY135" fmla="*/ 8641 h 10000"/>
                  <a:gd name="connsiteX136" fmla="*/ 6949 w 10000"/>
                  <a:gd name="connsiteY136" fmla="*/ 8552 h 10000"/>
                  <a:gd name="connsiteX137" fmla="*/ 6659 w 10000"/>
                  <a:gd name="connsiteY137" fmla="*/ 8449 h 10000"/>
                  <a:gd name="connsiteX138" fmla="*/ 6368 w 10000"/>
                  <a:gd name="connsiteY138" fmla="*/ 8360 h 10000"/>
                  <a:gd name="connsiteX139" fmla="*/ 6077 w 10000"/>
                  <a:gd name="connsiteY139" fmla="*/ 8287 h 10000"/>
                  <a:gd name="connsiteX140" fmla="*/ 5956 w 10000"/>
                  <a:gd name="connsiteY140" fmla="*/ 8449 h 10000"/>
                  <a:gd name="connsiteX141" fmla="*/ 5860 w 10000"/>
                  <a:gd name="connsiteY141" fmla="*/ 8597 h 10000"/>
                  <a:gd name="connsiteX142" fmla="*/ 5811 w 10000"/>
                  <a:gd name="connsiteY142" fmla="*/ 8656 h 10000"/>
                  <a:gd name="connsiteX143" fmla="*/ 5714 w 10000"/>
                  <a:gd name="connsiteY143" fmla="*/ 8700 h 10000"/>
                  <a:gd name="connsiteX144" fmla="*/ 5642 w 10000"/>
                  <a:gd name="connsiteY144" fmla="*/ 8744 h 10000"/>
                  <a:gd name="connsiteX145" fmla="*/ 5569 w 10000"/>
                  <a:gd name="connsiteY145" fmla="*/ 8774 h 10000"/>
                  <a:gd name="connsiteX146" fmla="*/ 5496 w 10000"/>
                  <a:gd name="connsiteY146" fmla="*/ 8804 h 10000"/>
                  <a:gd name="connsiteX147" fmla="*/ 5400 w 10000"/>
                  <a:gd name="connsiteY147" fmla="*/ 8818 h 10000"/>
                  <a:gd name="connsiteX148" fmla="*/ 5278 w 10000"/>
                  <a:gd name="connsiteY148" fmla="*/ 8833 h 10000"/>
                  <a:gd name="connsiteX149" fmla="*/ 5157 w 10000"/>
                  <a:gd name="connsiteY149" fmla="*/ 8833 h 10000"/>
                  <a:gd name="connsiteX150" fmla="*/ 4867 w 10000"/>
                  <a:gd name="connsiteY150" fmla="*/ 8818 h 10000"/>
                  <a:gd name="connsiteX151" fmla="*/ 4504 w 10000"/>
                  <a:gd name="connsiteY151" fmla="*/ 8744 h 10000"/>
                  <a:gd name="connsiteX152" fmla="*/ 4504 w 10000"/>
                  <a:gd name="connsiteY152" fmla="*/ 8922 h 10000"/>
                  <a:gd name="connsiteX153" fmla="*/ 4479 w 10000"/>
                  <a:gd name="connsiteY153" fmla="*/ 9069 h 10000"/>
                  <a:gd name="connsiteX154" fmla="*/ 4455 w 10000"/>
                  <a:gd name="connsiteY154" fmla="*/ 9232 h 10000"/>
                  <a:gd name="connsiteX155" fmla="*/ 4431 w 10000"/>
                  <a:gd name="connsiteY155" fmla="*/ 9365 h 10000"/>
                  <a:gd name="connsiteX156" fmla="*/ 4383 w 10000"/>
                  <a:gd name="connsiteY156" fmla="*/ 9498 h 10000"/>
                  <a:gd name="connsiteX157" fmla="*/ 4286 w 10000"/>
                  <a:gd name="connsiteY157" fmla="*/ 9616 h 10000"/>
                  <a:gd name="connsiteX158" fmla="*/ 4213 w 10000"/>
                  <a:gd name="connsiteY158" fmla="*/ 9734 h 10000"/>
                  <a:gd name="connsiteX159" fmla="*/ 4092 w 10000"/>
                  <a:gd name="connsiteY159" fmla="*/ 9838 h 10000"/>
                  <a:gd name="connsiteX160" fmla="*/ 3801 w 10000"/>
                  <a:gd name="connsiteY160" fmla="*/ 9897 h 10000"/>
                  <a:gd name="connsiteX161" fmla="*/ 3559 w 10000"/>
                  <a:gd name="connsiteY161" fmla="*/ 9941 h 10000"/>
                  <a:gd name="connsiteX162" fmla="*/ 3269 w 10000"/>
                  <a:gd name="connsiteY162" fmla="*/ 9985 h 10000"/>
                  <a:gd name="connsiteX163" fmla="*/ 3051 w 10000"/>
                  <a:gd name="connsiteY163" fmla="*/ 10000 h 10000"/>
                  <a:gd name="connsiteX164" fmla="*/ 2567 w 10000"/>
                  <a:gd name="connsiteY164" fmla="*/ 10000 h 10000"/>
                  <a:gd name="connsiteX165" fmla="*/ 2107 w 10000"/>
                  <a:gd name="connsiteY165" fmla="*/ 9985 h 10000"/>
                  <a:gd name="connsiteX166" fmla="*/ 1671 w 10000"/>
                  <a:gd name="connsiteY166" fmla="*/ 9941 h 10000"/>
                  <a:gd name="connsiteX167" fmla="*/ 1211 w 10000"/>
                  <a:gd name="connsiteY167" fmla="*/ 9911 h 10000"/>
                  <a:gd name="connsiteX168" fmla="*/ 944 w 10000"/>
                  <a:gd name="connsiteY168" fmla="*/ 9911 h 10000"/>
                  <a:gd name="connsiteX169" fmla="*/ 702 w 10000"/>
                  <a:gd name="connsiteY169" fmla="*/ 9911 h 10000"/>
                  <a:gd name="connsiteX170" fmla="*/ 436 w 10000"/>
                  <a:gd name="connsiteY170" fmla="*/ 9926 h 10000"/>
                  <a:gd name="connsiteX171" fmla="*/ 169 w 10000"/>
                  <a:gd name="connsiteY171" fmla="*/ 9970 h 10000"/>
                  <a:gd name="connsiteX172" fmla="*/ 97 w 10000"/>
                  <a:gd name="connsiteY172" fmla="*/ 9867 h 10000"/>
                  <a:gd name="connsiteX173" fmla="*/ 48 w 10000"/>
                  <a:gd name="connsiteY173" fmla="*/ 9793 h 10000"/>
                  <a:gd name="connsiteX174" fmla="*/ 0 w 10000"/>
                  <a:gd name="connsiteY174" fmla="*/ 9705 h 10000"/>
                  <a:gd name="connsiteX175" fmla="*/ 0 w 10000"/>
                  <a:gd name="connsiteY175" fmla="*/ 9601 h 10000"/>
                  <a:gd name="connsiteX176" fmla="*/ 48 w 10000"/>
                  <a:gd name="connsiteY176" fmla="*/ 9424 h 10000"/>
                  <a:gd name="connsiteX177" fmla="*/ 97 w 10000"/>
                  <a:gd name="connsiteY177" fmla="*/ 9202 h 10000"/>
                  <a:gd name="connsiteX178" fmla="*/ 145 w 10000"/>
                  <a:gd name="connsiteY178" fmla="*/ 8996 h 10000"/>
                  <a:gd name="connsiteX179" fmla="*/ 194 w 10000"/>
                  <a:gd name="connsiteY179" fmla="*/ 8759 h 10000"/>
                  <a:gd name="connsiteX180" fmla="*/ 218 w 10000"/>
                  <a:gd name="connsiteY180" fmla="*/ 8641 h 10000"/>
                  <a:gd name="connsiteX181" fmla="*/ 218 w 10000"/>
                  <a:gd name="connsiteY181" fmla="*/ 8538 h 10000"/>
                  <a:gd name="connsiteX182" fmla="*/ 194 w 10000"/>
                  <a:gd name="connsiteY182" fmla="*/ 8405 h 10000"/>
                  <a:gd name="connsiteX183" fmla="*/ 169 w 10000"/>
                  <a:gd name="connsiteY183" fmla="*/ 8287 h 10000"/>
                  <a:gd name="connsiteX184" fmla="*/ 412 w 10000"/>
                  <a:gd name="connsiteY184" fmla="*/ 8213 h 10000"/>
                  <a:gd name="connsiteX185" fmla="*/ 654 w 10000"/>
                  <a:gd name="connsiteY185" fmla="*/ 8139 h 10000"/>
                  <a:gd name="connsiteX186" fmla="*/ 896 w 10000"/>
                  <a:gd name="connsiteY186" fmla="*/ 8095 h 10000"/>
                  <a:gd name="connsiteX187" fmla="*/ 1162 w 10000"/>
                  <a:gd name="connsiteY187" fmla="*/ 8065 h 10000"/>
                  <a:gd name="connsiteX188" fmla="*/ 1646 w 10000"/>
                  <a:gd name="connsiteY188" fmla="*/ 8021 h 10000"/>
                  <a:gd name="connsiteX189" fmla="*/ 2131 w 10000"/>
                  <a:gd name="connsiteY189" fmla="*/ 7976 h 10000"/>
                  <a:gd name="connsiteX190" fmla="*/ 2349 w 10000"/>
                  <a:gd name="connsiteY190" fmla="*/ 7947 h 10000"/>
                  <a:gd name="connsiteX191" fmla="*/ 2567 w 10000"/>
                  <a:gd name="connsiteY191" fmla="*/ 7917 h 10000"/>
                  <a:gd name="connsiteX192" fmla="*/ 2760 w 10000"/>
                  <a:gd name="connsiteY192" fmla="*/ 7843 h 10000"/>
                  <a:gd name="connsiteX193" fmla="*/ 2954 w 10000"/>
                  <a:gd name="connsiteY193" fmla="*/ 7784 h 10000"/>
                  <a:gd name="connsiteX194" fmla="*/ 3123 w 10000"/>
                  <a:gd name="connsiteY194" fmla="*/ 7710 h 10000"/>
                  <a:gd name="connsiteX195" fmla="*/ 3269 w 10000"/>
                  <a:gd name="connsiteY195" fmla="*/ 7592 h 10000"/>
                  <a:gd name="connsiteX196" fmla="*/ 3414 w 10000"/>
                  <a:gd name="connsiteY196" fmla="*/ 7474 h 10000"/>
                  <a:gd name="connsiteX197" fmla="*/ 3511 w 10000"/>
                  <a:gd name="connsiteY197" fmla="*/ 7312 h 10000"/>
                  <a:gd name="connsiteX198" fmla="*/ 3317 w 10000"/>
                  <a:gd name="connsiteY198" fmla="*/ 7238 h 10000"/>
                  <a:gd name="connsiteX199" fmla="*/ 3148 w 10000"/>
                  <a:gd name="connsiteY199" fmla="*/ 7179 h 10000"/>
                  <a:gd name="connsiteX200" fmla="*/ 3002 w 10000"/>
                  <a:gd name="connsiteY200" fmla="*/ 7090 h 10000"/>
                  <a:gd name="connsiteX201" fmla="*/ 2857 w 10000"/>
                  <a:gd name="connsiteY201" fmla="*/ 6987 h 10000"/>
                  <a:gd name="connsiteX202" fmla="*/ 2760 w 10000"/>
                  <a:gd name="connsiteY202" fmla="*/ 6869 h 10000"/>
                  <a:gd name="connsiteX203" fmla="*/ 2712 w 10000"/>
                  <a:gd name="connsiteY203" fmla="*/ 6721 h 10000"/>
                  <a:gd name="connsiteX204" fmla="*/ 2688 w 10000"/>
                  <a:gd name="connsiteY204" fmla="*/ 6558 h 10000"/>
                  <a:gd name="connsiteX205" fmla="*/ 2712 w 10000"/>
                  <a:gd name="connsiteY205" fmla="*/ 6352 h 10000"/>
                  <a:gd name="connsiteX206" fmla="*/ 2591 w 10000"/>
                  <a:gd name="connsiteY206" fmla="*/ 6322 h 10000"/>
                  <a:gd name="connsiteX207" fmla="*/ 2446 w 10000"/>
                  <a:gd name="connsiteY207" fmla="*/ 6292 h 10000"/>
                  <a:gd name="connsiteX208" fmla="*/ 2276 w 10000"/>
                  <a:gd name="connsiteY208" fmla="*/ 6278 h 10000"/>
                  <a:gd name="connsiteX209" fmla="*/ 2107 w 10000"/>
                  <a:gd name="connsiteY209" fmla="*/ 6263 h 10000"/>
                  <a:gd name="connsiteX210" fmla="*/ 1768 w 10000"/>
                  <a:gd name="connsiteY210" fmla="*/ 6248 h 10000"/>
                  <a:gd name="connsiteX211" fmla="*/ 1404 w 10000"/>
                  <a:gd name="connsiteY211" fmla="*/ 6263 h 10000"/>
                  <a:gd name="connsiteX212" fmla="*/ 1090 w 10000"/>
                  <a:gd name="connsiteY212" fmla="*/ 6278 h 10000"/>
                  <a:gd name="connsiteX213" fmla="*/ 799 w 10000"/>
                  <a:gd name="connsiteY213" fmla="*/ 6278 h 10000"/>
                  <a:gd name="connsiteX214" fmla="*/ 557 w 10000"/>
                  <a:gd name="connsiteY214" fmla="*/ 6263 h 10000"/>
                  <a:gd name="connsiteX215" fmla="*/ 363 w 10000"/>
                  <a:gd name="connsiteY215" fmla="*/ 6233 h 10000"/>
                  <a:gd name="connsiteX216" fmla="*/ 605 w 10000"/>
                  <a:gd name="connsiteY216" fmla="*/ 5805 h 10000"/>
                  <a:gd name="connsiteX217" fmla="*/ 872 w 10000"/>
                  <a:gd name="connsiteY217" fmla="*/ 5391 h 10000"/>
                  <a:gd name="connsiteX218" fmla="*/ 969 w 10000"/>
                  <a:gd name="connsiteY218" fmla="*/ 5170 h 10000"/>
                  <a:gd name="connsiteX219" fmla="*/ 1041 w 10000"/>
                  <a:gd name="connsiteY219" fmla="*/ 4963 h 10000"/>
                  <a:gd name="connsiteX220" fmla="*/ 1065 w 10000"/>
                  <a:gd name="connsiteY220" fmla="*/ 4860 h 10000"/>
                  <a:gd name="connsiteX221" fmla="*/ 1041 w 10000"/>
                  <a:gd name="connsiteY221" fmla="*/ 4756 h 10000"/>
                  <a:gd name="connsiteX222" fmla="*/ 1017 w 10000"/>
                  <a:gd name="connsiteY222" fmla="*/ 4653 h 10000"/>
                  <a:gd name="connsiteX223" fmla="*/ 944 w 10000"/>
                  <a:gd name="connsiteY223" fmla="*/ 4549 h 10000"/>
                  <a:gd name="connsiteX224" fmla="*/ 1211 w 10000"/>
                  <a:gd name="connsiteY224" fmla="*/ 4520 h 10000"/>
                  <a:gd name="connsiteX225" fmla="*/ 1404 w 10000"/>
                  <a:gd name="connsiteY225" fmla="*/ 4505 h 10000"/>
                  <a:gd name="connsiteX226" fmla="*/ 1574 w 10000"/>
                  <a:gd name="connsiteY226" fmla="*/ 4505 h 10000"/>
                  <a:gd name="connsiteX227" fmla="*/ 1719 w 10000"/>
                  <a:gd name="connsiteY227" fmla="*/ 4520 h 10000"/>
                  <a:gd name="connsiteX228" fmla="*/ 1840 w 10000"/>
                  <a:gd name="connsiteY228" fmla="*/ 4520 h 10000"/>
                  <a:gd name="connsiteX229" fmla="*/ 1985 w 10000"/>
                  <a:gd name="connsiteY229" fmla="*/ 4520 h 10000"/>
                  <a:gd name="connsiteX230" fmla="*/ 2131 w 10000"/>
                  <a:gd name="connsiteY230" fmla="*/ 4490 h 10000"/>
                  <a:gd name="connsiteX231" fmla="*/ 2324 w 10000"/>
                  <a:gd name="connsiteY231" fmla="*/ 4446 h 10000"/>
                  <a:gd name="connsiteX232" fmla="*/ 2324 w 10000"/>
                  <a:gd name="connsiteY232" fmla="*/ 4579 h 10000"/>
                  <a:gd name="connsiteX233" fmla="*/ 2324 w 10000"/>
                  <a:gd name="connsiteY233" fmla="*/ 4742 h 10000"/>
                  <a:gd name="connsiteX234" fmla="*/ 2324 w 10000"/>
                  <a:gd name="connsiteY234" fmla="*/ 4874 h 10000"/>
                  <a:gd name="connsiteX235" fmla="*/ 2324 w 10000"/>
                  <a:gd name="connsiteY235" fmla="*/ 5037 h 10000"/>
                  <a:gd name="connsiteX236" fmla="*/ 2542 w 10000"/>
                  <a:gd name="connsiteY236" fmla="*/ 5022 h 10000"/>
                  <a:gd name="connsiteX237" fmla="*/ 2688 w 10000"/>
                  <a:gd name="connsiteY237" fmla="*/ 5037 h 10000"/>
                  <a:gd name="connsiteX238" fmla="*/ 2809 w 10000"/>
                  <a:gd name="connsiteY238" fmla="*/ 5066 h 10000"/>
                  <a:gd name="connsiteX239" fmla="*/ 2930 w 10000"/>
                  <a:gd name="connsiteY239" fmla="*/ 5096 h 10000"/>
                  <a:gd name="connsiteX240" fmla="*/ 3027 w 10000"/>
                  <a:gd name="connsiteY240" fmla="*/ 5126 h 10000"/>
                  <a:gd name="connsiteX241" fmla="*/ 3148 w 10000"/>
                  <a:gd name="connsiteY241" fmla="*/ 5155 h 10000"/>
                  <a:gd name="connsiteX242" fmla="*/ 3293 w 10000"/>
                  <a:gd name="connsiteY242" fmla="*/ 5170 h 10000"/>
                  <a:gd name="connsiteX243" fmla="*/ 3511 w 10000"/>
                  <a:gd name="connsiteY243" fmla="*/ 5155 h 10000"/>
                  <a:gd name="connsiteX244" fmla="*/ 3584 w 10000"/>
                  <a:gd name="connsiteY244" fmla="*/ 5096 h 10000"/>
                  <a:gd name="connsiteX245" fmla="*/ 3656 w 10000"/>
                  <a:gd name="connsiteY245" fmla="*/ 5022 h 10000"/>
                  <a:gd name="connsiteX246" fmla="*/ 3680 w 10000"/>
                  <a:gd name="connsiteY246" fmla="*/ 4934 h 10000"/>
                  <a:gd name="connsiteX247" fmla="*/ 3705 w 10000"/>
                  <a:gd name="connsiteY247" fmla="*/ 4860 h 10000"/>
                  <a:gd name="connsiteX248" fmla="*/ 3729 w 10000"/>
                  <a:gd name="connsiteY248" fmla="*/ 4697 h 10000"/>
                  <a:gd name="connsiteX249" fmla="*/ 3705 w 10000"/>
                  <a:gd name="connsiteY249" fmla="*/ 4520 h 10000"/>
                  <a:gd name="connsiteX250" fmla="*/ 3632 w 10000"/>
                  <a:gd name="connsiteY250" fmla="*/ 4343 h 10000"/>
                  <a:gd name="connsiteX251" fmla="*/ 3559 w 10000"/>
                  <a:gd name="connsiteY251" fmla="*/ 4195 h 10000"/>
                  <a:gd name="connsiteX252" fmla="*/ 3438 w 10000"/>
                  <a:gd name="connsiteY252" fmla="*/ 4047 h 10000"/>
                  <a:gd name="connsiteX253" fmla="*/ 3317 w 10000"/>
                  <a:gd name="connsiteY253" fmla="*/ 3959 h 10000"/>
                  <a:gd name="connsiteX254" fmla="*/ 3462 w 10000"/>
                  <a:gd name="connsiteY254" fmla="*/ 3944 h 10000"/>
                  <a:gd name="connsiteX255" fmla="*/ 3584 w 10000"/>
                  <a:gd name="connsiteY255" fmla="*/ 3914 h 10000"/>
                  <a:gd name="connsiteX256" fmla="*/ 3680 w 10000"/>
                  <a:gd name="connsiteY256" fmla="*/ 3855 h 10000"/>
                  <a:gd name="connsiteX257" fmla="*/ 3801 w 10000"/>
                  <a:gd name="connsiteY257" fmla="*/ 3752 h 10000"/>
                  <a:gd name="connsiteX258" fmla="*/ 3923 w 10000"/>
                  <a:gd name="connsiteY258" fmla="*/ 3663 h 10000"/>
                  <a:gd name="connsiteX259" fmla="*/ 4019 w 10000"/>
                  <a:gd name="connsiteY259" fmla="*/ 3560 h 10000"/>
                  <a:gd name="connsiteX260" fmla="*/ 4092 w 10000"/>
                  <a:gd name="connsiteY260" fmla="*/ 3442 h 10000"/>
                  <a:gd name="connsiteX261" fmla="*/ 4165 w 10000"/>
                  <a:gd name="connsiteY261" fmla="*/ 3323 h 10000"/>
                  <a:gd name="connsiteX262" fmla="*/ 4213 w 10000"/>
                  <a:gd name="connsiteY262" fmla="*/ 3220 h 10000"/>
                  <a:gd name="connsiteX263" fmla="*/ 4237 w 10000"/>
                  <a:gd name="connsiteY263" fmla="*/ 3102 h 10000"/>
                  <a:gd name="connsiteX264" fmla="*/ 4262 w 10000"/>
                  <a:gd name="connsiteY264" fmla="*/ 3013 h 10000"/>
                  <a:gd name="connsiteX265" fmla="*/ 4237 w 10000"/>
                  <a:gd name="connsiteY265" fmla="*/ 2939 h 10000"/>
                  <a:gd name="connsiteX266" fmla="*/ 4213 w 10000"/>
                  <a:gd name="connsiteY266" fmla="*/ 2866 h 10000"/>
                  <a:gd name="connsiteX267" fmla="*/ 4140 w 10000"/>
                  <a:gd name="connsiteY267" fmla="*/ 2836 h 10000"/>
                  <a:gd name="connsiteX268" fmla="*/ 4044 w 10000"/>
                  <a:gd name="connsiteY268" fmla="*/ 2836 h 10000"/>
                  <a:gd name="connsiteX269" fmla="*/ 3923 w 10000"/>
                  <a:gd name="connsiteY269" fmla="*/ 2866 h 10000"/>
                  <a:gd name="connsiteX270" fmla="*/ 4019 w 10000"/>
                  <a:gd name="connsiteY270" fmla="*/ 2777 h 10000"/>
                  <a:gd name="connsiteX271" fmla="*/ 4068 w 10000"/>
                  <a:gd name="connsiteY271" fmla="*/ 2674 h 10000"/>
                  <a:gd name="connsiteX272" fmla="*/ 4092 w 10000"/>
                  <a:gd name="connsiteY272" fmla="*/ 2541 h 10000"/>
                  <a:gd name="connsiteX273" fmla="*/ 4092 w 10000"/>
                  <a:gd name="connsiteY273" fmla="*/ 2393 h 10000"/>
                  <a:gd name="connsiteX274" fmla="*/ 4116 w 10000"/>
                  <a:gd name="connsiteY274" fmla="*/ 2349 h 10000"/>
                  <a:gd name="connsiteX275" fmla="*/ 4165 w 10000"/>
                  <a:gd name="connsiteY275" fmla="*/ 2304 h 10000"/>
                  <a:gd name="connsiteX276" fmla="*/ 4213 w 10000"/>
                  <a:gd name="connsiteY276" fmla="*/ 2290 h 10000"/>
                  <a:gd name="connsiteX277" fmla="*/ 4286 w 10000"/>
                  <a:gd name="connsiteY277" fmla="*/ 2275 h 10000"/>
                  <a:gd name="connsiteX278" fmla="*/ 4504 w 10000"/>
                  <a:gd name="connsiteY278" fmla="*/ 2260 h 10000"/>
                  <a:gd name="connsiteX279" fmla="*/ 4697 w 10000"/>
                  <a:gd name="connsiteY279" fmla="*/ 2275 h 10000"/>
                  <a:gd name="connsiteX280" fmla="*/ 4673 w 10000"/>
                  <a:gd name="connsiteY280" fmla="*/ 2112 h 10000"/>
                  <a:gd name="connsiteX281" fmla="*/ 4625 w 10000"/>
                  <a:gd name="connsiteY281" fmla="*/ 1950 h 10000"/>
                  <a:gd name="connsiteX282" fmla="*/ 4552 w 10000"/>
                  <a:gd name="connsiteY282" fmla="*/ 1802 h 10000"/>
                  <a:gd name="connsiteX283" fmla="*/ 4455 w 10000"/>
                  <a:gd name="connsiteY283" fmla="*/ 1640 h 10000"/>
                  <a:gd name="connsiteX284" fmla="*/ 4213 w 10000"/>
                  <a:gd name="connsiteY284" fmla="*/ 1329 h 10000"/>
                  <a:gd name="connsiteX285" fmla="*/ 3971 w 10000"/>
                  <a:gd name="connsiteY285" fmla="*/ 1034 h 10000"/>
                  <a:gd name="connsiteX286" fmla="*/ 3850 w 10000"/>
                  <a:gd name="connsiteY286" fmla="*/ 901 h 10000"/>
                  <a:gd name="connsiteX287" fmla="*/ 3753 w 10000"/>
                  <a:gd name="connsiteY287" fmla="*/ 753 h 10000"/>
                  <a:gd name="connsiteX288" fmla="*/ 3680 w 10000"/>
                  <a:gd name="connsiteY288" fmla="*/ 620 h 10000"/>
                  <a:gd name="connsiteX289" fmla="*/ 3656 w 10000"/>
                  <a:gd name="connsiteY289" fmla="*/ 487 h 10000"/>
                  <a:gd name="connsiteX290" fmla="*/ 3632 w 10000"/>
                  <a:gd name="connsiteY290" fmla="*/ 355 h 10000"/>
                  <a:gd name="connsiteX291" fmla="*/ 3680 w 10000"/>
                  <a:gd name="connsiteY291" fmla="*/ 222 h 10000"/>
                  <a:gd name="connsiteX292" fmla="*/ 3705 w 10000"/>
                  <a:gd name="connsiteY292" fmla="*/ 162 h 10000"/>
                  <a:gd name="connsiteX293" fmla="*/ 3753 w 10000"/>
                  <a:gd name="connsiteY293" fmla="*/ 103 h 10000"/>
                  <a:gd name="connsiteX294" fmla="*/ 3826 w 10000"/>
                  <a:gd name="connsiteY294" fmla="*/ 59 h 10000"/>
                  <a:gd name="connsiteX295" fmla="*/ 3923 w 10000"/>
                  <a:gd name="connsiteY295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8886 w 10000"/>
                  <a:gd name="connsiteY64" fmla="*/ 3811 h 10000"/>
                  <a:gd name="connsiteX65" fmla="*/ 7361 w 10000"/>
                  <a:gd name="connsiteY65" fmla="*/ 4195 h 10000"/>
                  <a:gd name="connsiteX66" fmla="*/ 6852 w 10000"/>
                  <a:gd name="connsiteY66" fmla="*/ 4313 h 10000"/>
                  <a:gd name="connsiteX67" fmla="*/ 6852 w 10000"/>
                  <a:gd name="connsiteY67" fmla="*/ 4431 h 10000"/>
                  <a:gd name="connsiteX68" fmla="*/ 6852 w 10000"/>
                  <a:gd name="connsiteY68" fmla="*/ 4549 h 10000"/>
                  <a:gd name="connsiteX69" fmla="*/ 6804 w 10000"/>
                  <a:gd name="connsiteY69" fmla="*/ 4564 h 10000"/>
                  <a:gd name="connsiteX70" fmla="*/ 6731 w 10000"/>
                  <a:gd name="connsiteY70" fmla="*/ 4594 h 10000"/>
                  <a:gd name="connsiteX71" fmla="*/ 6683 w 10000"/>
                  <a:gd name="connsiteY71" fmla="*/ 4638 h 10000"/>
                  <a:gd name="connsiteX72" fmla="*/ 6683 w 10000"/>
                  <a:gd name="connsiteY72" fmla="*/ 4697 h 10000"/>
                  <a:gd name="connsiteX73" fmla="*/ 6659 w 10000"/>
                  <a:gd name="connsiteY73" fmla="*/ 4801 h 10000"/>
                  <a:gd name="connsiteX74" fmla="*/ 6659 w 10000"/>
                  <a:gd name="connsiteY74" fmla="*/ 4904 h 10000"/>
                  <a:gd name="connsiteX75" fmla="*/ 6538 w 10000"/>
                  <a:gd name="connsiteY75" fmla="*/ 4860 h 10000"/>
                  <a:gd name="connsiteX76" fmla="*/ 6465 w 10000"/>
                  <a:gd name="connsiteY76" fmla="*/ 4801 h 10000"/>
                  <a:gd name="connsiteX77" fmla="*/ 6392 w 10000"/>
                  <a:gd name="connsiteY77" fmla="*/ 4727 h 10000"/>
                  <a:gd name="connsiteX78" fmla="*/ 6320 w 10000"/>
                  <a:gd name="connsiteY78" fmla="*/ 4638 h 10000"/>
                  <a:gd name="connsiteX79" fmla="*/ 6199 w 10000"/>
                  <a:gd name="connsiteY79" fmla="*/ 4476 h 10000"/>
                  <a:gd name="connsiteX80" fmla="*/ 6077 w 10000"/>
                  <a:gd name="connsiteY80" fmla="*/ 4313 h 10000"/>
                  <a:gd name="connsiteX81" fmla="*/ 6223 w 10000"/>
                  <a:gd name="connsiteY81" fmla="*/ 4210 h 10000"/>
                  <a:gd name="connsiteX82" fmla="*/ 6416 w 10000"/>
                  <a:gd name="connsiteY82" fmla="*/ 4121 h 10000"/>
                  <a:gd name="connsiteX83" fmla="*/ 6634 w 10000"/>
                  <a:gd name="connsiteY83" fmla="*/ 4032 h 10000"/>
                  <a:gd name="connsiteX84" fmla="*/ 6877 w 10000"/>
                  <a:gd name="connsiteY84" fmla="*/ 3959 h 10000"/>
                  <a:gd name="connsiteX85" fmla="*/ 7385 w 10000"/>
                  <a:gd name="connsiteY85" fmla="*/ 3811 h 10000"/>
                  <a:gd name="connsiteX86" fmla="*/ 7893 w 10000"/>
                  <a:gd name="connsiteY86" fmla="*/ 3663 h 10000"/>
                  <a:gd name="connsiteX87" fmla="*/ 8136 w 10000"/>
                  <a:gd name="connsiteY87" fmla="*/ 3589 h 10000"/>
                  <a:gd name="connsiteX88" fmla="*/ 8378 w 10000"/>
                  <a:gd name="connsiteY88" fmla="*/ 3516 h 10000"/>
                  <a:gd name="connsiteX89" fmla="*/ 8571 w 10000"/>
                  <a:gd name="connsiteY89" fmla="*/ 3412 h 10000"/>
                  <a:gd name="connsiteX90" fmla="*/ 8765 w 10000"/>
                  <a:gd name="connsiteY90" fmla="*/ 3338 h 10000"/>
                  <a:gd name="connsiteX91" fmla="*/ 8886 w 10000"/>
                  <a:gd name="connsiteY91" fmla="*/ 3235 h 10000"/>
                  <a:gd name="connsiteX92" fmla="*/ 8983 w 10000"/>
                  <a:gd name="connsiteY92" fmla="*/ 3117 h 10000"/>
                  <a:gd name="connsiteX93" fmla="*/ 9007 w 10000"/>
                  <a:gd name="connsiteY93" fmla="*/ 3072 h 10000"/>
                  <a:gd name="connsiteX94" fmla="*/ 9031 w 10000"/>
                  <a:gd name="connsiteY94" fmla="*/ 3013 h 10000"/>
                  <a:gd name="connsiteX95" fmla="*/ 9031 w 10000"/>
                  <a:gd name="connsiteY95" fmla="*/ 2954 h 10000"/>
                  <a:gd name="connsiteX96" fmla="*/ 9007 w 10000"/>
                  <a:gd name="connsiteY96" fmla="*/ 2866 h 10000"/>
                  <a:gd name="connsiteX97" fmla="*/ 8838 w 10000"/>
                  <a:gd name="connsiteY97" fmla="*/ 2984 h 10000"/>
                  <a:gd name="connsiteX98" fmla="*/ 8644 w 10000"/>
                  <a:gd name="connsiteY98" fmla="*/ 3072 h 10000"/>
                  <a:gd name="connsiteX99" fmla="*/ 8450 w 10000"/>
                  <a:gd name="connsiteY99" fmla="*/ 3161 h 10000"/>
                  <a:gd name="connsiteX100" fmla="*/ 8257 w 10000"/>
                  <a:gd name="connsiteY100" fmla="*/ 3250 h 10000"/>
                  <a:gd name="connsiteX101" fmla="*/ 7821 w 10000"/>
                  <a:gd name="connsiteY101" fmla="*/ 3397 h 10000"/>
                  <a:gd name="connsiteX102" fmla="*/ 7361 w 10000"/>
                  <a:gd name="connsiteY102" fmla="*/ 3545 h 10000"/>
                  <a:gd name="connsiteX103" fmla="*/ 6901 w 10000"/>
                  <a:gd name="connsiteY103" fmla="*/ 3678 h 10000"/>
                  <a:gd name="connsiteX104" fmla="*/ 6465 w 10000"/>
                  <a:gd name="connsiteY104" fmla="*/ 3840 h 10000"/>
                  <a:gd name="connsiteX105" fmla="*/ 6247 w 10000"/>
                  <a:gd name="connsiteY105" fmla="*/ 3914 h 10000"/>
                  <a:gd name="connsiteX106" fmla="*/ 6053 w 10000"/>
                  <a:gd name="connsiteY106" fmla="*/ 4003 h 10000"/>
                  <a:gd name="connsiteX107" fmla="*/ 5860 w 10000"/>
                  <a:gd name="connsiteY107" fmla="*/ 4106 h 10000"/>
                  <a:gd name="connsiteX108" fmla="*/ 5666 w 10000"/>
                  <a:gd name="connsiteY108" fmla="*/ 4195 h 10000"/>
                  <a:gd name="connsiteX109" fmla="*/ 5811 w 10000"/>
                  <a:gd name="connsiteY109" fmla="*/ 4417 h 10000"/>
                  <a:gd name="connsiteX110" fmla="*/ 5908 w 10000"/>
                  <a:gd name="connsiteY110" fmla="*/ 4623 h 10000"/>
                  <a:gd name="connsiteX111" fmla="*/ 6005 w 10000"/>
                  <a:gd name="connsiteY111" fmla="*/ 4845 h 10000"/>
                  <a:gd name="connsiteX112" fmla="*/ 6077 w 10000"/>
                  <a:gd name="connsiteY112" fmla="*/ 5081 h 10000"/>
                  <a:gd name="connsiteX113" fmla="*/ 6126 w 10000"/>
                  <a:gd name="connsiteY113" fmla="*/ 5318 h 10000"/>
                  <a:gd name="connsiteX114" fmla="*/ 6150 w 10000"/>
                  <a:gd name="connsiteY114" fmla="*/ 5539 h 10000"/>
                  <a:gd name="connsiteX115" fmla="*/ 6174 w 10000"/>
                  <a:gd name="connsiteY115" fmla="*/ 5775 h 10000"/>
                  <a:gd name="connsiteX116" fmla="*/ 6174 w 10000"/>
                  <a:gd name="connsiteY116" fmla="*/ 5997 h 10000"/>
                  <a:gd name="connsiteX117" fmla="*/ 6150 w 10000"/>
                  <a:gd name="connsiteY117" fmla="*/ 6233 h 10000"/>
                  <a:gd name="connsiteX118" fmla="*/ 6102 w 10000"/>
                  <a:gd name="connsiteY118" fmla="*/ 6470 h 10000"/>
                  <a:gd name="connsiteX119" fmla="*/ 6053 w 10000"/>
                  <a:gd name="connsiteY119" fmla="*/ 6677 h 10000"/>
                  <a:gd name="connsiteX120" fmla="*/ 5981 w 10000"/>
                  <a:gd name="connsiteY120" fmla="*/ 6898 h 10000"/>
                  <a:gd name="connsiteX121" fmla="*/ 5884 w 10000"/>
                  <a:gd name="connsiteY121" fmla="*/ 7105 h 10000"/>
                  <a:gd name="connsiteX122" fmla="*/ 5763 w 10000"/>
                  <a:gd name="connsiteY122" fmla="*/ 7297 h 10000"/>
                  <a:gd name="connsiteX123" fmla="*/ 5617 w 10000"/>
                  <a:gd name="connsiteY123" fmla="*/ 7489 h 10000"/>
                  <a:gd name="connsiteX124" fmla="*/ 5472 w 10000"/>
                  <a:gd name="connsiteY124" fmla="*/ 7681 h 10000"/>
                  <a:gd name="connsiteX125" fmla="*/ 6174 w 10000"/>
                  <a:gd name="connsiteY125" fmla="*/ 7799 h 10000"/>
                  <a:gd name="connsiteX126" fmla="*/ 6901 w 10000"/>
                  <a:gd name="connsiteY126" fmla="*/ 7962 h 10000"/>
                  <a:gd name="connsiteX127" fmla="*/ 7046 w 10000"/>
                  <a:gd name="connsiteY127" fmla="*/ 8021 h 10000"/>
                  <a:gd name="connsiteX128" fmla="*/ 7167 w 10000"/>
                  <a:gd name="connsiteY128" fmla="*/ 8080 h 10000"/>
                  <a:gd name="connsiteX129" fmla="*/ 7288 w 10000"/>
                  <a:gd name="connsiteY129" fmla="*/ 8139 h 10000"/>
                  <a:gd name="connsiteX130" fmla="*/ 7361 w 10000"/>
                  <a:gd name="connsiteY130" fmla="*/ 8227 h 10000"/>
                  <a:gd name="connsiteX131" fmla="*/ 7385 w 10000"/>
                  <a:gd name="connsiteY131" fmla="*/ 8301 h 10000"/>
                  <a:gd name="connsiteX132" fmla="*/ 7385 w 10000"/>
                  <a:gd name="connsiteY132" fmla="*/ 8405 h 10000"/>
                  <a:gd name="connsiteX133" fmla="*/ 7337 w 10000"/>
                  <a:gd name="connsiteY133" fmla="*/ 8523 h 10000"/>
                  <a:gd name="connsiteX134" fmla="*/ 7264 w 10000"/>
                  <a:gd name="connsiteY134" fmla="*/ 8641 h 10000"/>
                  <a:gd name="connsiteX135" fmla="*/ 6949 w 10000"/>
                  <a:gd name="connsiteY135" fmla="*/ 8552 h 10000"/>
                  <a:gd name="connsiteX136" fmla="*/ 6659 w 10000"/>
                  <a:gd name="connsiteY136" fmla="*/ 8449 h 10000"/>
                  <a:gd name="connsiteX137" fmla="*/ 6368 w 10000"/>
                  <a:gd name="connsiteY137" fmla="*/ 8360 h 10000"/>
                  <a:gd name="connsiteX138" fmla="*/ 6077 w 10000"/>
                  <a:gd name="connsiteY138" fmla="*/ 8287 h 10000"/>
                  <a:gd name="connsiteX139" fmla="*/ 5956 w 10000"/>
                  <a:gd name="connsiteY139" fmla="*/ 8449 h 10000"/>
                  <a:gd name="connsiteX140" fmla="*/ 5860 w 10000"/>
                  <a:gd name="connsiteY140" fmla="*/ 8597 h 10000"/>
                  <a:gd name="connsiteX141" fmla="*/ 5811 w 10000"/>
                  <a:gd name="connsiteY141" fmla="*/ 8656 h 10000"/>
                  <a:gd name="connsiteX142" fmla="*/ 5714 w 10000"/>
                  <a:gd name="connsiteY142" fmla="*/ 8700 h 10000"/>
                  <a:gd name="connsiteX143" fmla="*/ 5642 w 10000"/>
                  <a:gd name="connsiteY143" fmla="*/ 8744 h 10000"/>
                  <a:gd name="connsiteX144" fmla="*/ 5569 w 10000"/>
                  <a:gd name="connsiteY144" fmla="*/ 8774 h 10000"/>
                  <a:gd name="connsiteX145" fmla="*/ 5496 w 10000"/>
                  <a:gd name="connsiteY145" fmla="*/ 8804 h 10000"/>
                  <a:gd name="connsiteX146" fmla="*/ 5400 w 10000"/>
                  <a:gd name="connsiteY146" fmla="*/ 8818 h 10000"/>
                  <a:gd name="connsiteX147" fmla="*/ 5278 w 10000"/>
                  <a:gd name="connsiteY147" fmla="*/ 8833 h 10000"/>
                  <a:gd name="connsiteX148" fmla="*/ 5157 w 10000"/>
                  <a:gd name="connsiteY148" fmla="*/ 8833 h 10000"/>
                  <a:gd name="connsiteX149" fmla="*/ 4867 w 10000"/>
                  <a:gd name="connsiteY149" fmla="*/ 8818 h 10000"/>
                  <a:gd name="connsiteX150" fmla="*/ 4504 w 10000"/>
                  <a:gd name="connsiteY150" fmla="*/ 8744 h 10000"/>
                  <a:gd name="connsiteX151" fmla="*/ 4504 w 10000"/>
                  <a:gd name="connsiteY151" fmla="*/ 8922 h 10000"/>
                  <a:gd name="connsiteX152" fmla="*/ 4479 w 10000"/>
                  <a:gd name="connsiteY152" fmla="*/ 9069 h 10000"/>
                  <a:gd name="connsiteX153" fmla="*/ 4455 w 10000"/>
                  <a:gd name="connsiteY153" fmla="*/ 9232 h 10000"/>
                  <a:gd name="connsiteX154" fmla="*/ 4431 w 10000"/>
                  <a:gd name="connsiteY154" fmla="*/ 9365 h 10000"/>
                  <a:gd name="connsiteX155" fmla="*/ 4383 w 10000"/>
                  <a:gd name="connsiteY155" fmla="*/ 9498 h 10000"/>
                  <a:gd name="connsiteX156" fmla="*/ 4286 w 10000"/>
                  <a:gd name="connsiteY156" fmla="*/ 9616 h 10000"/>
                  <a:gd name="connsiteX157" fmla="*/ 4213 w 10000"/>
                  <a:gd name="connsiteY157" fmla="*/ 9734 h 10000"/>
                  <a:gd name="connsiteX158" fmla="*/ 4092 w 10000"/>
                  <a:gd name="connsiteY158" fmla="*/ 9838 h 10000"/>
                  <a:gd name="connsiteX159" fmla="*/ 3801 w 10000"/>
                  <a:gd name="connsiteY159" fmla="*/ 9897 h 10000"/>
                  <a:gd name="connsiteX160" fmla="*/ 3559 w 10000"/>
                  <a:gd name="connsiteY160" fmla="*/ 9941 h 10000"/>
                  <a:gd name="connsiteX161" fmla="*/ 3269 w 10000"/>
                  <a:gd name="connsiteY161" fmla="*/ 9985 h 10000"/>
                  <a:gd name="connsiteX162" fmla="*/ 3051 w 10000"/>
                  <a:gd name="connsiteY162" fmla="*/ 10000 h 10000"/>
                  <a:gd name="connsiteX163" fmla="*/ 2567 w 10000"/>
                  <a:gd name="connsiteY163" fmla="*/ 10000 h 10000"/>
                  <a:gd name="connsiteX164" fmla="*/ 2107 w 10000"/>
                  <a:gd name="connsiteY164" fmla="*/ 9985 h 10000"/>
                  <a:gd name="connsiteX165" fmla="*/ 1671 w 10000"/>
                  <a:gd name="connsiteY165" fmla="*/ 9941 h 10000"/>
                  <a:gd name="connsiteX166" fmla="*/ 1211 w 10000"/>
                  <a:gd name="connsiteY166" fmla="*/ 9911 h 10000"/>
                  <a:gd name="connsiteX167" fmla="*/ 944 w 10000"/>
                  <a:gd name="connsiteY167" fmla="*/ 9911 h 10000"/>
                  <a:gd name="connsiteX168" fmla="*/ 702 w 10000"/>
                  <a:gd name="connsiteY168" fmla="*/ 9911 h 10000"/>
                  <a:gd name="connsiteX169" fmla="*/ 436 w 10000"/>
                  <a:gd name="connsiteY169" fmla="*/ 9926 h 10000"/>
                  <a:gd name="connsiteX170" fmla="*/ 169 w 10000"/>
                  <a:gd name="connsiteY170" fmla="*/ 9970 h 10000"/>
                  <a:gd name="connsiteX171" fmla="*/ 97 w 10000"/>
                  <a:gd name="connsiteY171" fmla="*/ 9867 h 10000"/>
                  <a:gd name="connsiteX172" fmla="*/ 48 w 10000"/>
                  <a:gd name="connsiteY172" fmla="*/ 9793 h 10000"/>
                  <a:gd name="connsiteX173" fmla="*/ 0 w 10000"/>
                  <a:gd name="connsiteY173" fmla="*/ 9705 h 10000"/>
                  <a:gd name="connsiteX174" fmla="*/ 0 w 10000"/>
                  <a:gd name="connsiteY174" fmla="*/ 9601 h 10000"/>
                  <a:gd name="connsiteX175" fmla="*/ 48 w 10000"/>
                  <a:gd name="connsiteY175" fmla="*/ 9424 h 10000"/>
                  <a:gd name="connsiteX176" fmla="*/ 97 w 10000"/>
                  <a:gd name="connsiteY176" fmla="*/ 9202 h 10000"/>
                  <a:gd name="connsiteX177" fmla="*/ 145 w 10000"/>
                  <a:gd name="connsiteY177" fmla="*/ 8996 h 10000"/>
                  <a:gd name="connsiteX178" fmla="*/ 194 w 10000"/>
                  <a:gd name="connsiteY178" fmla="*/ 8759 h 10000"/>
                  <a:gd name="connsiteX179" fmla="*/ 218 w 10000"/>
                  <a:gd name="connsiteY179" fmla="*/ 8641 h 10000"/>
                  <a:gd name="connsiteX180" fmla="*/ 218 w 10000"/>
                  <a:gd name="connsiteY180" fmla="*/ 8538 h 10000"/>
                  <a:gd name="connsiteX181" fmla="*/ 194 w 10000"/>
                  <a:gd name="connsiteY181" fmla="*/ 8405 h 10000"/>
                  <a:gd name="connsiteX182" fmla="*/ 169 w 10000"/>
                  <a:gd name="connsiteY182" fmla="*/ 8287 h 10000"/>
                  <a:gd name="connsiteX183" fmla="*/ 412 w 10000"/>
                  <a:gd name="connsiteY183" fmla="*/ 8213 h 10000"/>
                  <a:gd name="connsiteX184" fmla="*/ 654 w 10000"/>
                  <a:gd name="connsiteY184" fmla="*/ 8139 h 10000"/>
                  <a:gd name="connsiteX185" fmla="*/ 896 w 10000"/>
                  <a:gd name="connsiteY185" fmla="*/ 8095 h 10000"/>
                  <a:gd name="connsiteX186" fmla="*/ 1162 w 10000"/>
                  <a:gd name="connsiteY186" fmla="*/ 8065 h 10000"/>
                  <a:gd name="connsiteX187" fmla="*/ 1646 w 10000"/>
                  <a:gd name="connsiteY187" fmla="*/ 8021 h 10000"/>
                  <a:gd name="connsiteX188" fmla="*/ 2131 w 10000"/>
                  <a:gd name="connsiteY188" fmla="*/ 7976 h 10000"/>
                  <a:gd name="connsiteX189" fmla="*/ 2349 w 10000"/>
                  <a:gd name="connsiteY189" fmla="*/ 7947 h 10000"/>
                  <a:gd name="connsiteX190" fmla="*/ 2567 w 10000"/>
                  <a:gd name="connsiteY190" fmla="*/ 7917 h 10000"/>
                  <a:gd name="connsiteX191" fmla="*/ 2760 w 10000"/>
                  <a:gd name="connsiteY191" fmla="*/ 7843 h 10000"/>
                  <a:gd name="connsiteX192" fmla="*/ 2954 w 10000"/>
                  <a:gd name="connsiteY192" fmla="*/ 7784 h 10000"/>
                  <a:gd name="connsiteX193" fmla="*/ 3123 w 10000"/>
                  <a:gd name="connsiteY193" fmla="*/ 7710 h 10000"/>
                  <a:gd name="connsiteX194" fmla="*/ 3269 w 10000"/>
                  <a:gd name="connsiteY194" fmla="*/ 7592 h 10000"/>
                  <a:gd name="connsiteX195" fmla="*/ 3414 w 10000"/>
                  <a:gd name="connsiteY195" fmla="*/ 7474 h 10000"/>
                  <a:gd name="connsiteX196" fmla="*/ 3511 w 10000"/>
                  <a:gd name="connsiteY196" fmla="*/ 7312 h 10000"/>
                  <a:gd name="connsiteX197" fmla="*/ 3317 w 10000"/>
                  <a:gd name="connsiteY197" fmla="*/ 7238 h 10000"/>
                  <a:gd name="connsiteX198" fmla="*/ 3148 w 10000"/>
                  <a:gd name="connsiteY198" fmla="*/ 7179 h 10000"/>
                  <a:gd name="connsiteX199" fmla="*/ 3002 w 10000"/>
                  <a:gd name="connsiteY199" fmla="*/ 7090 h 10000"/>
                  <a:gd name="connsiteX200" fmla="*/ 2857 w 10000"/>
                  <a:gd name="connsiteY200" fmla="*/ 6987 h 10000"/>
                  <a:gd name="connsiteX201" fmla="*/ 2760 w 10000"/>
                  <a:gd name="connsiteY201" fmla="*/ 6869 h 10000"/>
                  <a:gd name="connsiteX202" fmla="*/ 2712 w 10000"/>
                  <a:gd name="connsiteY202" fmla="*/ 6721 h 10000"/>
                  <a:gd name="connsiteX203" fmla="*/ 2688 w 10000"/>
                  <a:gd name="connsiteY203" fmla="*/ 6558 h 10000"/>
                  <a:gd name="connsiteX204" fmla="*/ 2712 w 10000"/>
                  <a:gd name="connsiteY204" fmla="*/ 6352 h 10000"/>
                  <a:gd name="connsiteX205" fmla="*/ 2591 w 10000"/>
                  <a:gd name="connsiteY205" fmla="*/ 6322 h 10000"/>
                  <a:gd name="connsiteX206" fmla="*/ 2446 w 10000"/>
                  <a:gd name="connsiteY206" fmla="*/ 6292 h 10000"/>
                  <a:gd name="connsiteX207" fmla="*/ 2276 w 10000"/>
                  <a:gd name="connsiteY207" fmla="*/ 6278 h 10000"/>
                  <a:gd name="connsiteX208" fmla="*/ 2107 w 10000"/>
                  <a:gd name="connsiteY208" fmla="*/ 6263 h 10000"/>
                  <a:gd name="connsiteX209" fmla="*/ 1768 w 10000"/>
                  <a:gd name="connsiteY209" fmla="*/ 6248 h 10000"/>
                  <a:gd name="connsiteX210" fmla="*/ 1404 w 10000"/>
                  <a:gd name="connsiteY210" fmla="*/ 6263 h 10000"/>
                  <a:gd name="connsiteX211" fmla="*/ 1090 w 10000"/>
                  <a:gd name="connsiteY211" fmla="*/ 6278 h 10000"/>
                  <a:gd name="connsiteX212" fmla="*/ 799 w 10000"/>
                  <a:gd name="connsiteY212" fmla="*/ 6278 h 10000"/>
                  <a:gd name="connsiteX213" fmla="*/ 557 w 10000"/>
                  <a:gd name="connsiteY213" fmla="*/ 6263 h 10000"/>
                  <a:gd name="connsiteX214" fmla="*/ 363 w 10000"/>
                  <a:gd name="connsiteY214" fmla="*/ 6233 h 10000"/>
                  <a:gd name="connsiteX215" fmla="*/ 605 w 10000"/>
                  <a:gd name="connsiteY215" fmla="*/ 5805 h 10000"/>
                  <a:gd name="connsiteX216" fmla="*/ 872 w 10000"/>
                  <a:gd name="connsiteY216" fmla="*/ 5391 h 10000"/>
                  <a:gd name="connsiteX217" fmla="*/ 969 w 10000"/>
                  <a:gd name="connsiteY217" fmla="*/ 5170 h 10000"/>
                  <a:gd name="connsiteX218" fmla="*/ 1041 w 10000"/>
                  <a:gd name="connsiteY218" fmla="*/ 4963 h 10000"/>
                  <a:gd name="connsiteX219" fmla="*/ 1065 w 10000"/>
                  <a:gd name="connsiteY219" fmla="*/ 4860 h 10000"/>
                  <a:gd name="connsiteX220" fmla="*/ 1041 w 10000"/>
                  <a:gd name="connsiteY220" fmla="*/ 4756 h 10000"/>
                  <a:gd name="connsiteX221" fmla="*/ 1017 w 10000"/>
                  <a:gd name="connsiteY221" fmla="*/ 4653 h 10000"/>
                  <a:gd name="connsiteX222" fmla="*/ 944 w 10000"/>
                  <a:gd name="connsiteY222" fmla="*/ 4549 h 10000"/>
                  <a:gd name="connsiteX223" fmla="*/ 1211 w 10000"/>
                  <a:gd name="connsiteY223" fmla="*/ 4520 h 10000"/>
                  <a:gd name="connsiteX224" fmla="*/ 1404 w 10000"/>
                  <a:gd name="connsiteY224" fmla="*/ 4505 h 10000"/>
                  <a:gd name="connsiteX225" fmla="*/ 1574 w 10000"/>
                  <a:gd name="connsiteY225" fmla="*/ 4505 h 10000"/>
                  <a:gd name="connsiteX226" fmla="*/ 1719 w 10000"/>
                  <a:gd name="connsiteY226" fmla="*/ 4520 h 10000"/>
                  <a:gd name="connsiteX227" fmla="*/ 1840 w 10000"/>
                  <a:gd name="connsiteY227" fmla="*/ 4520 h 10000"/>
                  <a:gd name="connsiteX228" fmla="*/ 1985 w 10000"/>
                  <a:gd name="connsiteY228" fmla="*/ 4520 h 10000"/>
                  <a:gd name="connsiteX229" fmla="*/ 2131 w 10000"/>
                  <a:gd name="connsiteY229" fmla="*/ 4490 h 10000"/>
                  <a:gd name="connsiteX230" fmla="*/ 2324 w 10000"/>
                  <a:gd name="connsiteY230" fmla="*/ 4446 h 10000"/>
                  <a:gd name="connsiteX231" fmla="*/ 2324 w 10000"/>
                  <a:gd name="connsiteY231" fmla="*/ 4579 h 10000"/>
                  <a:gd name="connsiteX232" fmla="*/ 2324 w 10000"/>
                  <a:gd name="connsiteY232" fmla="*/ 4742 h 10000"/>
                  <a:gd name="connsiteX233" fmla="*/ 2324 w 10000"/>
                  <a:gd name="connsiteY233" fmla="*/ 4874 h 10000"/>
                  <a:gd name="connsiteX234" fmla="*/ 2324 w 10000"/>
                  <a:gd name="connsiteY234" fmla="*/ 5037 h 10000"/>
                  <a:gd name="connsiteX235" fmla="*/ 2542 w 10000"/>
                  <a:gd name="connsiteY235" fmla="*/ 5022 h 10000"/>
                  <a:gd name="connsiteX236" fmla="*/ 2688 w 10000"/>
                  <a:gd name="connsiteY236" fmla="*/ 5037 h 10000"/>
                  <a:gd name="connsiteX237" fmla="*/ 2809 w 10000"/>
                  <a:gd name="connsiteY237" fmla="*/ 5066 h 10000"/>
                  <a:gd name="connsiteX238" fmla="*/ 2930 w 10000"/>
                  <a:gd name="connsiteY238" fmla="*/ 5096 h 10000"/>
                  <a:gd name="connsiteX239" fmla="*/ 3027 w 10000"/>
                  <a:gd name="connsiteY239" fmla="*/ 5126 h 10000"/>
                  <a:gd name="connsiteX240" fmla="*/ 3148 w 10000"/>
                  <a:gd name="connsiteY240" fmla="*/ 5155 h 10000"/>
                  <a:gd name="connsiteX241" fmla="*/ 3293 w 10000"/>
                  <a:gd name="connsiteY241" fmla="*/ 5170 h 10000"/>
                  <a:gd name="connsiteX242" fmla="*/ 3511 w 10000"/>
                  <a:gd name="connsiteY242" fmla="*/ 5155 h 10000"/>
                  <a:gd name="connsiteX243" fmla="*/ 3584 w 10000"/>
                  <a:gd name="connsiteY243" fmla="*/ 5096 h 10000"/>
                  <a:gd name="connsiteX244" fmla="*/ 3656 w 10000"/>
                  <a:gd name="connsiteY244" fmla="*/ 5022 h 10000"/>
                  <a:gd name="connsiteX245" fmla="*/ 3680 w 10000"/>
                  <a:gd name="connsiteY245" fmla="*/ 4934 h 10000"/>
                  <a:gd name="connsiteX246" fmla="*/ 3705 w 10000"/>
                  <a:gd name="connsiteY246" fmla="*/ 4860 h 10000"/>
                  <a:gd name="connsiteX247" fmla="*/ 3729 w 10000"/>
                  <a:gd name="connsiteY247" fmla="*/ 4697 h 10000"/>
                  <a:gd name="connsiteX248" fmla="*/ 3705 w 10000"/>
                  <a:gd name="connsiteY248" fmla="*/ 4520 h 10000"/>
                  <a:gd name="connsiteX249" fmla="*/ 3632 w 10000"/>
                  <a:gd name="connsiteY249" fmla="*/ 4343 h 10000"/>
                  <a:gd name="connsiteX250" fmla="*/ 3559 w 10000"/>
                  <a:gd name="connsiteY250" fmla="*/ 4195 h 10000"/>
                  <a:gd name="connsiteX251" fmla="*/ 3438 w 10000"/>
                  <a:gd name="connsiteY251" fmla="*/ 4047 h 10000"/>
                  <a:gd name="connsiteX252" fmla="*/ 3317 w 10000"/>
                  <a:gd name="connsiteY252" fmla="*/ 3959 h 10000"/>
                  <a:gd name="connsiteX253" fmla="*/ 3462 w 10000"/>
                  <a:gd name="connsiteY253" fmla="*/ 3944 h 10000"/>
                  <a:gd name="connsiteX254" fmla="*/ 3584 w 10000"/>
                  <a:gd name="connsiteY254" fmla="*/ 3914 h 10000"/>
                  <a:gd name="connsiteX255" fmla="*/ 3680 w 10000"/>
                  <a:gd name="connsiteY255" fmla="*/ 3855 h 10000"/>
                  <a:gd name="connsiteX256" fmla="*/ 3801 w 10000"/>
                  <a:gd name="connsiteY256" fmla="*/ 3752 h 10000"/>
                  <a:gd name="connsiteX257" fmla="*/ 3923 w 10000"/>
                  <a:gd name="connsiteY257" fmla="*/ 3663 h 10000"/>
                  <a:gd name="connsiteX258" fmla="*/ 4019 w 10000"/>
                  <a:gd name="connsiteY258" fmla="*/ 3560 h 10000"/>
                  <a:gd name="connsiteX259" fmla="*/ 4092 w 10000"/>
                  <a:gd name="connsiteY259" fmla="*/ 3442 h 10000"/>
                  <a:gd name="connsiteX260" fmla="*/ 4165 w 10000"/>
                  <a:gd name="connsiteY260" fmla="*/ 3323 h 10000"/>
                  <a:gd name="connsiteX261" fmla="*/ 4213 w 10000"/>
                  <a:gd name="connsiteY261" fmla="*/ 3220 h 10000"/>
                  <a:gd name="connsiteX262" fmla="*/ 4237 w 10000"/>
                  <a:gd name="connsiteY262" fmla="*/ 3102 h 10000"/>
                  <a:gd name="connsiteX263" fmla="*/ 4262 w 10000"/>
                  <a:gd name="connsiteY263" fmla="*/ 3013 h 10000"/>
                  <a:gd name="connsiteX264" fmla="*/ 4237 w 10000"/>
                  <a:gd name="connsiteY264" fmla="*/ 2939 h 10000"/>
                  <a:gd name="connsiteX265" fmla="*/ 4213 w 10000"/>
                  <a:gd name="connsiteY265" fmla="*/ 2866 h 10000"/>
                  <a:gd name="connsiteX266" fmla="*/ 4140 w 10000"/>
                  <a:gd name="connsiteY266" fmla="*/ 2836 h 10000"/>
                  <a:gd name="connsiteX267" fmla="*/ 4044 w 10000"/>
                  <a:gd name="connsiteY267" fmla="*/ 2836 h 10000"/>
                  <a:gd name="connsiteX268" fmla="*/ 3923 w 10000"/>
                  <a:gd name="connsiteY268" fmla="*/ 2866 h 10000"/>
                  <a:gd name="connsiteX269" fmla="*/ 4019 w 10000"/>
                  <a:gd name="connsiteY269" fmla="*/ 2777 h 10000"/>
                  <a:gd name="connsiteX270" fmla="*/ 4068 w 10000"/>
                  <a:gd name="connsiteY270" fmla="*/ 2674 h 10000"/>
                  <a:gd name="connsiteX271" fmla="*/ 4092 w 10000"/>
                  <a:gd name="connsiteY271" fmla="*/ 2541 h 10000"/>
                  <a:gd name="connsiteX272" fmla="*/ 4092 w 10000"/>
                  <a:gd name="connsiteY272" fmla="*/ 2393 h 10000"/>
                  <a:gd name="connsiteX273" fmla="*/ 4116 w 10000"/>
                  <a:gd name="connsiteY273" fmla="*/ 2349 h 10000"/>
                  <a:gd name="connsiteX274" fmla="*/ 4165 w 10000"/>
                  <a:gd name="connsiteY274" fmla="*/ 2304 h 10000"/>
                  <a:gd name="connsiteX275" fmla="*/ 4213 w 10000"/>
                  <a:gd name="connsiteY275" fmla="*/ 2290 h 10000"/>
                  <a:gd name="connsiteX276" fmla="*/ 4286 w 10000"/>
                  <a:gd name="connsiteY276" fmla="*/ 2275 h 10000"/>
                  <a:gd name="connsiteX277" fmla="*/ 4504 w 10000"/>
                  <a:gd name="connsiteY277" fmla="*/ 2260 h 10000"/>
                  <a:gd name="connsiteX278" fmla="*/ 4697 w 10000"/>
                  <a:gd name="connsiteY278" fmla="*/ 2275 h 10000"/>
                  <a:gd name="connsiteX279" fmla="*/ 4673 w 10000"/>
                  <a:gd name="connsiteY279" fmla="*/ 2112 h 10000"/>
                  <a:gd name="connsiteX280" fmla="*/ 4625 w 10000"/>
                  <a:gd name="connsiteY280" fmla="*/ 1950 h 10000"/>
                  <a:gd name="connsiteX281" fmla="*/ 4552 w 10000"/>
                  <a:gd name="connsiteY281" fmla="*/ 1802 h 10000"/>
                  <a:gd name="connsiteX282" fmla="*/ 4455 w 10000"/>
                  <a:gd name="connsiteY282" fmla="*/ 1640 h 10000"/>
                  <a:gd name="connsiteX283" fmla="*/ 4213 w 10000"/>
                  <a:gd name="connsiteY283" fmla="*/ 1329 h 10000"/>
                  <a:gd name="connsiteX284" fmla="*/ 3971 w 10000"/>
                  <a:gd name="connsiteY284" fmla="*/ 1034 h 10000"/>
                  <a:gd name="connsiteX285" fmla="*/ 3850 w 10000"/>
                  <a:gd name="connsiteY285" fmla="*/ 901 h 10000"/>
                  <a:gd name="connsiteX286" fmla="*/ 3753 w 10000"/>
                  <a:gd name="connsiteY286" fmla="*/ 753 h 10000"/>
                  <a:gd name="connsiteX287" fmla="*/ 3680 w 10000"/>
                  <a:gd name="connsiteY287" fmla="*/ 620 h 10000"/>
                  <a:gd name="connsiteX288" fmla="*/ 3656 w 10000"/>
                  <a:gd name="connsiteY288" fmla="*/ 487 h 10000"/>
                  <a:gd name="connsiteX289" fmla="*/ 3632 w 10000"/>
                  <a:gd name="connsiteY289" fmla="*/ 355 h 10000"/>
                  <a:gd name="connsiteX290" fmla="*/ 3680 w 10000"/>
                  <a:gd name="connsiteY290" fmla="*/ 222 h 10000"/>
                  <a:gd name="connsiteX291" fmla="*/ 3705 w 10000"/>
                  <a:gd name="connsiteY291" fmla="*/ 162 h 10000"/>
                  <a:gd name="connsiteX292" fmla="*/ 3753 w 10000"/>
                  <a:gd name="connsiteY292" fmla="*/ 103 h 10000"/>
                  <a:gd name="connsiteX293" fmla="*/ 3826 w 10000"/>
                  <a:gd name="connsiteY293" fmla="*/ 59 h 10000"/>
                  <a:gd name="connsiteX294" fmla="*/ 3923 w 10000"/>
                  <a:gd name="connsiteY294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7361 w 10000"/>
                  <a:gd name="connsiteY64" fmla="*/ 4195 h 10000"/>
                  <a:gd name="connsiteX65" fmla="*/ 6852 w 10000"/>
                  <a:gd name="connsiteY65" fmla="*/ 4313 h 10000"/>
                  <a:gd name="connsiteX66" fmla="*/ 6852 w 10000"/>
                  <a:gd name="connsiteY66" fmla="*/ 4431 h 10000"/>
                  <a:gd name="connsiteX67" fmla="*/ 6852 w 10000"/>
                  <a:gd name="connsiteY67" fmla="*/ 4549 h 10000"/>
                  <a:gd name="connsiteX68" fmla="*/ 6804 w 10000"/>
                  <a:gd name="connsiteY68" fmla="*/ 4564 h 10000"/>
                  <a:gd name="connsiteX69" fmla="*/ 6731 w 10000"/>
                  <a:gd name="connsiteY69" fmla="*/ 4594 h 10000"/>
                  <a:gd name="connsiteX70" fmla="*/ 6683 w 10000"/>
                  <a:gd name="connsiteY70" fmla="*/ 4638 h 10000"/>
                  <a:gd name="connsiteX71" fmla="*/ 6683 w 10000"/>
                  <a:gd name="connsiteY71" fmla="*/ 4697 h 10000"/>
                  <a:gd name="connsiteX72" fmla="*/ 6659 w 10000"/>
                  <a:gd name="connsiteY72" fmla="*/ 4801 h 10000"/>
                  <a:gd name="connsiteX73" fmla="*/ 6659 w 10000"/>
                  <a:gd name="connsiteY73" fmla="*/ 4904 h 10000"/>
                  <a:gd name="connsiteX74" fmla="*/ 6538 w 10000"/>
                  <a:gd name="connsiteY74" fmla="*/ 4860 h 10000"/>
                  <a:gd name="connsiteX75" fmla="*/ 6465 w 10000"/>
                  <a:gd name="connsiteY75" fmla="*/ 4801 h 10000"/>
                  <a:gd name="connsiteX76" fmla="*/ 6392 w 10000"/>
                  <a:gd name="connsiteY76" fmla="*/ 4727 h 10000"/>
                  <a:gd name="connsiteX77" fmla="*/ 6320 w 10000"/>
                  <a:gd name="connsiteY77" fmla="*/ 4638 h 10000"/>
                  <a:gd name="connsiteX78" fmla="*/ 6199 w 10000"/>
                  <a:gd name="connsiteY78" fmla="*/ 4476 h 10000"/>
                  <a:gd name="connsiteX79" fmla="*/ 6077 w 10000"/>
                  <a:gd name="connsiteY79" fmla="*/ 4313 h 10000"/>
                  <a:gd name="connsiteX80" fmla="*/ 6223 w 10000"/>
                  <a:gd name="connsiteY80" fmla="*/ 4210 h 10000"/>
                  <a:gd name="connsiteX81" fmla="*/ 6416 w 10000"/>
                  <a:gd name="connsiteY81" fmla="*/ 4121 h 10000"/>
                  <a:gd name="connsiteX82" fmla="*/ 6634 w 10000"/>
                  <a:gd name="connsiteY82" fmla="*/ 4032 h 10000"/>
                  <a:gd name="connsiteX83" fmla="*/ 6877 w 10000"/>
                  <a:gd name="connsiteY83" fmla="*/ 3959 h 10000"/>
                  <a:gd name="connsiteX84" fmla="*/ 7385 w 10000"/>
                  <a:gd name="connsiteY84" fmla="*/ 3811 h 10000"/>
                  <a:gd name="connsiteX85" fmla="*/ 7893 w 10000"/>
                  <a:gd name="connsiteY85" fmla="*/ 3663 h 10000"/>
                  <a:gd name="connsiteX86" fmla="*/ 8136 w 10000"/>
                  <a:gd name="connsiteY86" fmla="*/ 3589 h 10000"/>
                  <a:gd name="connsiteX87" fmla="*/ 8378 w 10000"/>
                  <a:gd name="connsiteY87" fmla="*/ 3516 h 10000"/>
                  <a:gd name="connsiteX88" fmla="*/ 8571 w 10000"/>
                  <a:gd name="connsiteY88" fmla="*/ 3412 h 10000"/>
                  <a:gd name="connsiteX89" fmla="*/ 8765 w 10000"/>
                  <a:gd name="connsiteY89" fmla="*/ 3338 h 10000"/>
                  <a:gd name="connsiteX90" fmla="*/ 8886 w 10000"/>
                  <a:gd name="connsiteY90" fmla="*/ 3235 h 10000"/>
                  <a:gd name="connsiteX91" fmla="*/ 8983 w 10000"/>
                  <a:gd name="connsiteY91" fmla="*/ 3117 h 10000"/>
                  <a:gd name="connsiteX92" fmla="*/ 9007 w 10000"/>
                  <a:gd name="connsiteY92" fmla="*/ 3072 h 10000"/>
                  <a:gd name="connsiteX93" fmla="*/ 9031 w 10000"/>
                  <a:gd name="connsiteY93" fmla="*/ 3013 h 10000"/>
                  <a:gd name="connsiteX94" fmla="*/ 9031 w 10000"/>
                  <a:gd name="connsiteY94" fmla="*/ 2954 h 10000"/>
                  <a:gd name="connsiteX95" fmla="*/ 9007 w 10000"/>
                  <a:gd name="connsiteY95" fmla="*/ 2866 h 10000"/>
                  <a:gd name="connsiteX96" fmla="*/ 8838 w 10000"/>
                  <a:gd name="connsiteY96" fmla="*/ 2984 h 10000"/>
                  <a:gd name="connsiteX97" fmla="*/ 8644 w 10000"/>
                  <a:gd name="connsiteY97" fmla="*/ 3072 h 10000"/>
                  <a:gd name="connsiteX98" fmla="*/ 8450 w 10000"/>
                  <a:gd name="connsiteY98" fmla="*/ 3161 h 10000"/>
                  <a:gd name="connsiteX99" fmla="*/ 8257 w 10000"/>
                  <a:gd name="connsiteY99" fmla="*/ 3250 h 10000"/>
                  <a:gd name="connsiteX100" fmla="*/ 7821 w 10000"/>
                  <a:gd name="connsiteY100" fmla="*/ 3397 h 10000"/>
                  <a:gd name="connsiteX101" fmla="*/ 7361 w 10000"/>
                  <a:gd name="connsiteY101" fmla="*/ 3545 h 10000"/>
                  <a:gd name="connsiteX102" fmla="*/ 6901 w 10000"/>
                  <a:gd name="connsiteY102" fmla="*/ 3678 h 10000"/>
                  <a:gd name="connsiteX103" fmla="*/ 6465 w 10000"/>
                  <a:gd name="connsiteY103" fmla="*/ 3840 h 10000"/>
                  <a:gd name="connsiteX104" fmla="*/ 6247 w 10000"/>
                  <a:gd name="connsiteY104" fmla="*/ 3914 h 10000"/>
                  <a:gd name="connsiteX105" fmla="*/ 6053 w 10000"/>
                  <a:gd name="connsiteY105" fmla="*/ 4003 h 10000"/>
                  <a:gd name="connsiteX106" fmla="*/ 5860 w 10000"/>
                  <a:gd name="connsiteY106" fmla="*/ 4106 h 10000"/>
                  <a:gd name="connsiteX107" fmla="*/ 5666 w 10000"/>
                  <a:gd name="connsiteY107" fmla="*/ 4195 h 10000"/>
                  <a:gd name="connsiteX108" fmla="*/ 5811 w 10000"/>
                  <a:gd name="connsiteY108" fmla="*/ 4417 h 10000"/>
                  <a:gd name="connsiteX109" fmla="*/ 5908 w 10000"/>
                  <a:gd name="connsiteY109" fmla="*/ 4623 h 10000"/>
                  <a:gd name="connsiteX110" fmla="*/ 6005 w 10000"/>
                  <a:gd name="connsiteY110" fmla="*/ 4845 h 10000"/>
                  <a:gd name="connsiteX111" fmla="*/ 6077 w 10000"/>
                  <a:gd name="connsiteY111" fmla="*/ 5081 h 10000"/>
                  <a:gd name="connsiteX112" fmla="*/ 6126 w 10000"/>
                  <a:gd name="connsiteY112" fmla="*/ 5318 h 10000"/>
                  <a:gd name="connsiteX113" fmla="*/ 6150 w 10000"/>
                  <a:gd name="connsiteY113" fmla="*/ 5539 h 10000"/>
                  <a:gd name="connsiteX114" fmla="*/ 6174 w 10000"/>
                  <a:gd name="connsiteY114" fmla="*/ 5775 h 10000"/>
                  <a:gd name="connsiteX115" fmla="*/ 6174 w 10000"/>
                  <a:gd name="connsiteY115" fmla="*/ 5997 h 10000"/>
                  <a:gd name="connsiteX116" fmla="*/ 6150 w 10000"/>
                  <a:gd name="connsiteY116" fmla="*/ 6233 h 10000"/>
                  <a:gd name="connsiteX117" fmla="*/ 6102 w 10000"/>
                  <a:gd name="connsiteY117" fmla="*/ 6470 h 10000"/>
                  <a:gd name="connsiteX118" fmla="*/ 6053 w 10000"/>
                  <a:gd name="connsiteY118" fmla="*/ 6677 h 10000"/>
                  <a:gd name="connsiteX119" fmla="*/ 5981 w 10000"/>
                  <a:gd name="connsiteY119" fmla="*/ 6898 h 10000"/>
                  <a:gd name="connsiteX120" fmla="*/ 5884 w 10000"/>
                  <a:gd name="connsiteY120" fmla="*/ 7105 h 10000"/>
                  <a:gd name="connsiteX121" fmla="*/ 5763 w 10000"/>
                  <a:gd name="connsiteY121" fmla="*/ 7297 h 10000"/>
                  <a:gd name="connsiteX122" fmla="*/ 5617 w 10000"/>
                  <a:gd name="connsiteY122" fmla="*/ 7489 h 10000"/>
                  <a:gd name="connsiteX123" fmla="*/ 5472 w 10000"/>
                  <a:gd name="connsiteY123" fmla="*/ 7681 h 10000"/>
                  <a:gd name="connsiteX124" fmla="*/ 6174 w 10000"/>
                  <a:gd name="connsiteY124" fmla="*/ 7799 h 10000"/>
                  <a:gd name="connsiteX125" fmla="*/ 6901 w 10000"/>
                  <a:gd name="connsiteY125" fmla="*/ 7962 h 10000"/>
                  <a:gd name="connsiteX126" fmla="*/ 7046 w 10000"/>
                  <a:gd name="connsiteY126" fmla="*/ 8021 h 10000"/>
                  <a:gd name="connsiteX127" fmla="*/ 7167 w 10000"/>
                  <a:gd name="connsiteY127" fmla="*/ 8080 h 10000"/>
                  <a:gd name="connsiteX128" fmla="*/ 7288 w 10000"/>
                  <a:gd name="connsiteY128" fmla="*/ 8139 h 10000"/>
                  <a:gd name="connsiteX129" fmla="*/ 7361 w 10000"/>
                  <a:gd name="connsiteY129" fmla="*/ 8227 h 10000"/>
                  <a:gd name="connsiteX130" fmla="*/ 7385 w 10000"/>
                  <a:gd name="connsiteY130" fmla="*/ 8301 h 10000"/>
                  <a:gd name="connsiteX131" fmla="*/ 7385 w 10000"/>
                  <a:gd name="connsiteY131" fmla="*/ 8405 h 10000"/>
                  <a:gd name="connsiteX132" fmla="*/ 7337 w 10000"/>
                  <a:gd name="connsiteY132" fmla="*/ 8523 h 10000"/>
                  <a:gd name="connsiteX133" fmla="*/ 7264 w 10000"/>
                  <a:gd name="connsiteY133" fmla="*/ 8641 h 10000"/>
                  <a:gd name="connsiteX134" fmla="*/ 6949 w 10000"/>
                  <a:gd name="connsiteY134" fmla="*/ 8552 h 10000"/>
                  <a:gd name="connsiteX135" fmla="*/ 6659 w 10000"/>
                  <a:gd name="connsiteY135" fmla="*/ 8449 h 10000"/>
                  <a:gd name="connsiteX136" fmla="*/ 6368 w 10000"/>
                  <a:gd name="connsiteY136" fmla="*/ 8360 h 10000"/>
                  <a:gd name="connsiteX137" fmla="*/ 6077 w 10000"/>
                  <a:gd name="connsiteY137" fmla="*/ 8287 h 10000"/>
                  <a:gd name="connsiteX138" fmla="*/ 5956 w 10000"/>
                  <a:gd name="connsiteY138" fmla="*/ 8449 h 10000"/>
                  <a:gd name="connsiteX139" fmla="*/ 5860 w 10000"/>
                  <a:gd name="connsiteY139" fmla="*/ 8597 h 10000"/>
                  <a:gd name="connsiteX140" fmla="*/ 5811 w 10000"/>
                  <a:gd name="connsiteY140" fmla="*/ 8656 h 10000"/>
                  <a:gd name="connsiteX141" fmla="*/ 5714 w 10000"/>
                  <a:gd name="connsiteY141" fmla="*/ 8700 h 10000"/>
                  <a:gd name="connsiteX142" fmla="*/ 5642 w 10000"/>
                  <a:gd name="connsiteY142" fmla="*/ 8744 h 10000"/>
                  <a:gd name="connsiteX143" fmla="*/ 5569 w 10000"/>
                  <a:gd name="connsiteY143" fmla="*/ 8774 h 10000"/>
                  <a:gd name="connsiteX144" fmla="*/ 5496 w 10000"/>
                  <a:gd name="connsiteY144" fmla="*/ 8804 h 10000"/>
                  <a:gd name="connsiteX145" fmla="*/ 5400 w 10000"/>
                  <a:gd name="connsiteY145" fmla="*/ 8818 h 10000"/>
                  <a:gd name="connsiteX146" fmla="*/ 5278 w 10000"/>
                  <a:gd name="connsiteY146" fmla="*/ 8833 h 10000"/>
                  <a:gd name="connsiteX147" fmla="*/ 5157 w 10000"/>
                  <a:gd name="connsiteY147" fmla="*/ 8833 h 10000"/>
                  <a:gd name="connsiteX148" fmla="*/ 4867 w 10000"/>
                  <a:gd name="connsiteY148" fmla="*/ 8818 h 10000"/>
                  <a:gd name="connsiteX149" fmla="*/ 4504 w 10000"/>
                  <a:gd name="connsiteY149" fmla="*/ 8744 h 10000"/>
                  <a:gd name="connsiteX150" fmla="*/ 4504 w 10000"/>
                  <a:gd name="connsiteY150" fmla="*/ 8922 h 10000"/>
                  <a:gd name="connsiteX151" fmla="*/ 4479 w 10000"/>
                  <a:gd name="connsiteY151" fmla="*/ 9069 h 10000"/>
                  <a:gd name="connsiteX152" fmla="*/ 4455 w 10000"/>
                  <a:gd name="connsiteY152" fmla="*/ 9232 h 10000"/>
                  <a:gd name="connsiteX153" fmla="*/ 4431 w 10000"/>
                  <a:gd name="connsiteY153" fmla="*/ 9365 h 10000"/>
                  <a:gd name="connsiteX154" fmla="*/ 4383 w 10000"/>
                  <a:gd name="connsiteY154" fmla="*/ 9498 h 10000"/>
                  <a:gd name="connsiteX155" fmla="*/ 4286 w 10000"/>
                  <a:gd name="connsiteY155" fmla="*/ 9616 h 10000"/>
                  <a:gd name="connsiteX156" fmla="*/ 4213 w 10000"/>
                  <a:gd name="connsiteY156" fmla="*/ 9734 h 10000"/>
                  <a:gd name="connsiteX157" fmla="*/ 4092 w 10000"/>
                  <a:gd name="connsiteY157" fmla="*/ 9838 h 10000"/>
                  <a:gd name="connsiteX158" fmla="*/ 3801 w 10000"/>
                  <a:gd name="connsiteY158" fmla="*/ 9897 h 10000"/>
                  <a:gd name="connsiteX159" fmla="*/ 3559 w 10000"/>
                  <a:gd name="connsiteY159" fmla="*/ 9941 h 10000"/>
                  <a:gd name="connsiteX160" fmla="*/ 3269 w 10000"/>
                  <a:gd name="connsiteY160" fmla="*/ 9985 h 10000"/>
                  <a:gd name="connsiteX161" fmla="*/ 3051 w 10000"/>
                  <a:gd name="connsiteY161" fmla="*/ 10000 h 10000"/>
                  <a:gd name="connsiteX162" fmla="*/ 2567 w 10000"/>
                  <a:gd name="connsiteY162" fmla="*/ 10000 h 10000"/>
                  <a:gd name="connsiteX163" fmla="*/ 2107 w 10000"/>
                  <a:gd name="connsiteY163" fmla="*/ 9985 h 10000"/>
                  <a:gd name="connsiteX164" fmla="*/ 1671 w 10000"/>
                  <a:gd name="connsiteY164" fmla="*/ 9941 h 10000"/>
                  <a:gd name="connsiteX165" fmla="*/ 1211 w 10000"/>
                  <a:gd name="connsiteY165" fmla="*/ 9911 h 10000"/>
                  <a:gd name="connsiteX166" fmla="*/ 944 w 10000"/>
                  <a:gd name="connsiteY166" fmla="*/ 9911 h 10000"/>
                  <a:gd name="connsiteX167" fmla="*/ 702 w 10000"/>
                  <a:gd name="connsiteY167" fmla="*/ 9911 h 10000"/>
                  <a:gd name="connsiteX168" fmla="*/ 436 w 10000"/>
                  <a:gd name="connsiteY168" fmla="*/ 9926 h 10000"/>
                  <a:gd name="connsiteX169" fmla="*/ 169 w 10000"/>
                  <a:gd name="connsiteY169" fmla="*/ 9970 h 10000"/>
                  <a:gd name="connsiteX170" fmla="*/ 97 w 10000"/>
                  <a:gd name="connsiteY170" fmla="*/ 9867 h 10000"/>
                  <a:gd name="connsiteX171" fmla="*/ 48 w 10000"/>
                  <a:gd name="connsiteY171" fmla="*/ 9793 h 10000"/>
                  <a:gd name="connsiteX172" fmla="*/ 0 w 10000"/>
                  <a:gd name="connsiteY172" fmla="*/ 9705 h 10000"/>
                  <a:gd name="connsiteX173" fmla="*/ 0 w 10000"/>
                  <a:gd name="connsiteY173" fmla="*/ 9601 h 10000"/>
                  <a:gd name="connsiteX174" fmla="*/ 48 w 10000"/>
                  <a:gd name="connsiteY174" fmla="*/ 9424 h 10000"/>
                  <a:gd name="connsiteX175" fmla="*/ 97 w 10000"/>
                  <a:gd name="connsiteY175" fmla="*/ 9202 h 10000"/>
                  <a:gd name="connsiteX176" fmla="*/ 145 w 10000"/>
                  <a:gd name="connsiteY176" fmla="*/ 8996 h 10000"/>
                  <a:gd name="connsiteX177" fmla="*/ 194 w 10000"/>
                  <a:gd name="connsiteY177" fmla="*/ 8759 h 10000"/>
                  <a:gd name="connsiteX178" fmla="*/ 218 w 10000"/>
                  <a:gd name="connsiteY178" fmla="*/ 8641 h 10000"/>
                  <a:gd name="connsiteX179" fmla="*/ 218 w 10000"/>
                  <a:gd name="connsiteY179" fmla="*/ 8538 h 10000"/>
                  <a:gd name="connsiteX180" fmla="*/ 194 w 10000"/>
                  <a:gd name="connsiteY180" fmla="*/ 8405 h 10000"/>
                  <a:gd name="connsiteX181" fmla="*/ 169 w 10000"/>
                  <a:gd name="connsiteY181" fmla="*/ 8287 h 10000"/>
                  <a:gd name="connsiteX182" fmla="*/ 412 w 10000"/>
                  <a:gd name="connsiteY182" fmla="*/ 8213 h 10000"/>
                  <a:gd name="connsiteX183" fmla="*/ 654 w 10000"/>
                  <a:gd name="connsiteY183" fmla="*/ 8139 h 10000"/>
                  <a:gd name="connsiteX184" fmla="*/ 896 w 10000"/>
                  <a:gd name="connsiteY184" fmla="*/ 8095 h 10000"/>
                  <a:gd name="connsiteX185" fmla="*/ 1162 w 10000"/>
                  <a:gd name="connsiteY185" fmla="*/ 8065 h 10000"/>
                  <a:gd name="connsiteX186" fmla="*/ 1646 w 10000"/>
                  <a:gd name="connsiteY186" fmla="*/ 8021 h 10000"/>
                  <a:gd name="connsiteX187" fmla="*/ 2131 w 10000"/>
                  <a:gd name="connsiteY187" fmla="*/ 7976 h 10000"/>
                  <a:gd name="connsiteX188" fmla="*/ 2349 w 10000"/>
                  <a:gd name="connsiteY188" fmla="*/ 7947 h 10000"/>
                  <a:gd name="connsiteX189" fmla="*/ 2567 w 10000"/>
                  <a:gd name="connsiteY189" fmla="*/ 7917 h 10000"/>
                  <a:gd name="connsiteX190" fmla="*/ 2760 w 10000"/>
                  <a:gd name="connsiteY190" fmla="*/ 7843 h 10000"/>
                  <a:gd name="connsiteX191" fmla="*/ 2954 w 10000"/>
                  <a:gd name="connsiteY191" fmla="*/ 7784 h 10000"/>
                  <a:gd name="connsiteX192" fmla="*/ 3123 w 10000"/>
                  <a:gd name="connsiteY192" fmla="*/ 7710 h 10000"/>
                  <a:gd name="connsiteX193" fmla="*/ 3269 w 10000"/>
                  <a:gd name="connsiteY193" fmla="*/ 7592 h 10000"/>
                  <a:gd name="connsiteX194" fmla="*/ 3414 w 10000"/>
                  <a:gd name="connsiteY194" fmla="*/ 7474 h 10000"/>
                  <a:gd name="connsiteX195" fmla="*/ 3511 w 10000"/>
                  <a:gd name="connsiteY195" fmla="*/ 7312 h 10000"/>
                  <a:gd name="connsiteX196" fmla="*/ 3317 w 10000"/>
                  <a:gd name="connsiteY196" fmla="*/ 7238 h 10000"/>
                  <a:gd name="connsiteX197" fmla="*/ 3148 w 10000"/>
                  <a:gd name="connsiteY197" fmla="*/ 7179 h 10000"/>
                  <a:gd name="connsiteX198" fmla="*/ 3002 w 10000"/>
                  <a:gd name="connsiteY198" fmla="*/ 7090 h 10000"/>
                  <a:gd name="connsiteX199" fmla="*/ 2857 w 10000"/>
                  <a:gd name="connsiteY199" fmla="*/ 6987 h 10000"/>
                  <a:gd name="connsiteX200" fmla="*/ 2760 w 10000"/>
                  <a:gd name="connsiteY200" fmla="*/ 6869 h 10000"/>
                  <a:gd name="connsiteX201" fmla="*/ 2712 w 10000"/>
                  <a:gd name="connsiteY201" fmla="*/ 6721 h 10000"/>
                  <a:gd name="connsiteX202" fmla="*/ 2688 w 10000"/>
                  <a:gd name="connsiteY202" fmla="*/ 6558 h 10000"/>
                  <a:gd name="connsiteX203" fmla="*/ 2712 w 10000"/>
                  <a:gd name="connsiteY203" fmla="*/ 6352 h 10000"/>
                  <a:gd name="connsiteX204" fmla="*/ 2591 w 10000"/>
                  <a:gd name="connsiteY204" fmla="*/ 6322 h 10000"/>
                  <a:gd name="connsiteX205" fmla="*/ 2446 w 10000"/>
                  <a:gd name="connsiteY205" fmla="*/ 6292 h 10000"/>
                  <a:gd name="connsiteX206" fmla="*/ 2276 w 10000"/>
                  <a:gd name="connsiteY206" fmla="*/ 6278 h 10000"/>
                  <a:gd name="connsiteX207" fmla="*/ 2107 w 10000"/>
                  <a:gd name="connsiteY207" fmla="*/ 6263 h 10000"/>
                  <a:gd name="connsiteX208" fmla="*/ 1768 w 10000"/>
                  <a:gd name="connsiteY208" fmla="*/ 6248 h 10000"/>
                  <a:gd name="connsiteX209" fmla="*/ 1404 w 10000"/>
                  <a:gd name="connsiteY209" fmla="*/ 6263 h 10000"/>
                  <a:gd name="connsiteX210" fmla="*/ 1090 w 10000"/>
                  <a:gd name="connsiteY210" fmla="*/ 6278 h 10000"/>
                  <a:gd name="connsiteX211" fmla="*/ 799 w 10000"/>
                  <a:gd name="connsiteY211" fmla="*/ 6278 h 10000"/>
                  <a:gd name="connsiteX212" fmla="*/ 557 w 10000"/>
                  <a:gd name="connsiteY212" fmla="*/ 6263 h 10000"/>
                  <a:gd name="connsiteX213" fmla="*/ 363 w 10000"/>
                  <a:gd name="connsiteY213" fmla="*/ 6233 h 10000"/>
                  <a:gd name="connsiteX214" fmla="*/ 605 w 10000"/>
                  <a:gd name="connsiteY214" fmla="*/ 5805 h 10000"/>
                  <a:gd name="connsiteX215" fmla="*/ 872 w 10000"/>
                  <a:gd name="connsiteY215" fmla="*/ 5391 h 10000"/>
                  <a:gd name="connsiteX216" fmla="*/ 969 w 10000"/>
                  <a:gd name="connsiteY216" fmla="*/ 5170 h 10000"/>
                  <a:gd name="connsiteX217" fmla="*/ 1041 w 10000"/>
                  <a:gd name="connsiteY217" fmla="*/ 4963 h 10000"/>
                  <a:gd name="connsiteX218" fmla="*/ 1065 w 10000"/>
                  <a:gd name="connsiteY218" fmla="*/ 4860 h 10000"/>
                  <a:gd name="connsiteX219" fmla="*/ 1041 w 10000"/>
                  <a:gd name="connsiteY219" fmla="*/ 4756 h 10000"/>
                  <a:gd name="connsiteX220" fmla="*/ 1017 w 10000"/>
                  <a:gd name="connsiteY220" fmla="*/ 4653 h 10000"/>
                  <a:gd name="connsiteX221" fmla="*/ 944 w 10000"/>
                  <a:gd name="connsiteY221" fmla="*/ 4549 h 10000"/>
                  <a:gd name="connsiteX222" fmla="*/ 1211 w 10000"/>
                  <a:gd name="connsiteY222" fmla="*/ 4520 h 10000"/>
                  <a:gd name="connsiteX223" fmla="*/ 1404 w 10000"/>
                  <a:gd name="connsiteY223" fmla="*/ 4505 h 10000"/>
                  <a:gd name="connsiteX224" fmla="*/ 1574 w 10000"/>
                  <a:gd name="connsiteY224" fmla="*/ 4505 h 10000"/>
                  <a:gd name="connsiteX225" fmla="*/ 1719 w 10000"/>
                  <a:gd name="connsiteY225" fmla="*/ 4520 h 10000"/>
                  <a:gd name="connsiteX226" fmla="*/ 1840 w 10000"/>
                  <a:gd name="connsiteY226" fmla="*/ 4520 h 10000"/>
                  <a:gd name="connsiteX227" fmla="*/ 1985 w 10000"/>
                  <a:gd name="connsiteY227" fmla="*/ 4520 h 10000"/>
                  <a:gd name="connsiteX228" fmla="*/ 2131 w 10000"/>
                  <a:gd name="connsiteY228" fmla="*/ 4490 h 10000"/>
                  <a:gd name="connsiteX229" fmla="*/ 2324 w 10000"/>
                  <a:gd name="connsiteY229" fmla="*/ 4446 h 10000"/>
                  <a:gd name="connsiteX230" fmla="*/ 2324 w 10000"/>
                  <a:gd name="connsiteY230" fmla="*/ 4579 h 10000"/>
                  <a:gd name="connsiteX231" fmla="*/ 2324 w 10000"/>
                  <a:gd name="connsiteY231" fmla="*/ 4742 h 10000"/>
                  <a:gd name="connsiteX232" fmla="*/ 2324 w 10000"/>
                  <a:gd name="connsiteY232" fmla="*/ 4874 h 10000"/>
                  <a:gd name="connsiteX233" fmla="*/ 2324 w 10000"/>
                  <a:gd name="connsiteY233" fmla="*/ 5037 h 10000"/>
                  <a:gd name="connsiteX234" fmla="*/ 2542 w 10000"/>
                  <a:gd name="connsiteY234" fmla="*/ 5022 h 10000"/>
                  <a:gd name="connsiteX235" fmla="*/ 2688 w 10000"/>
                  <a:gd name="connsiteY235" fmla="*/ 5037 h 10000"/>
                  <a:gd name="connsiteX236" fmla="*/ 2809 w 10000"/>
                  <a:gd name="connsiteY236" fmla="*/ 5066 h 10000"/>
                  <a:gd name="connsiteX237" fmla="*/ 2930 w 10000"/>
                  <a:gd name="connsiteY237" fmla="*/ 5096 h 10000"/>
                  <a:gd name="connsiteX238" fmla="*/ 3027 w 10000"/>
                  <a:gd name="connsiteY238" fmla="*/ 5126 h 10000"/>
                  <a:gd name="connsiteX239" fmla="*/ 3148 w 10000"/>
                  <a:gd name="connsiteY239" fmla="*/ 5155 h 10000"/>
                  <a:gd name="connsiteX240" fmla="*/ 3293 w 10000"/>
                  <a:gd name="connsiteY240" fmla="*/ 5170 h 10000"/>
                  <a:gd name="connsiteX241" fmla="*/ 3511 w 10000"/>
                  <a:gd name="connsiteY241" fmla="*/ 5155 h 10000"/>
                  <a:gd name="connsiteX242" fmla="*/ 3584 w 10000"/>
                  <a:gd name="connsiteY242" fmla="*/ 5096 h 10000"/>
                  <a:gd name="connsiteX243" fmla="*/ 3656 w 10000"/>
                  <a:gd name="connsiteY243" fmla="*/ 5022 h 10000"/>
                  <a:gd name="connsiteX244" fmla="*/ 3680 w 10000"/>
                  <a:gd name="connsiteY244" fmla="*/ 4934 h 10000"/>
                  <a:gd name="connsiteX245" fmla="*/ 3705 w 10000"/>
                  <a:gd name="connsiteY245" fmla="*/ 4860 h 10000"/>
                  <a:gd name="connsiteX246" fmla="*/ 3729 w 10000"/>
                  <a:gd name="connsiteY246" fmla="*/ 4697 h 10000"/>
                  <a:gd name="connsiteX247" fmla="*/ 3705 w 10000"/>
                  <a:gd name="connsiteY247" fmla="*/ 4520 h 10000"/>
                  <a:gd name="connsiteX248" fmla="*/ 3632 w 10000"/>
                  <a:gd name="connsiteY248" fmla="*/ 4343 h 10000"/>
                  <a:gd name="connsiteX249" fmla="*/ 3559 w 10000"/>
                  <a:gd name="connsiteY249" fmla="*/ 4195 h 10000"/>
                  <a:gd name="connsiteX250" fmla="*/ 3438 w 10000"/>
                  <a:gd name="connsiteY250" fmla="*/ 4047 h 10000"/>
                  <a:gd name="connsiteX251" fmla="*/ 3317 w 10000"/>
                  <a:gd name="connsiteY251" fmla="*/ 3959 h 10000"/>
                  <a:gd name="connsiteX252" fmla="*/ 3462 w 10000"/>
                  <a:gd name="connsiteY252" fmla="*/ 3944 h 10000"/>
                  <a:gd name="connsiteX253" fmla="*/ 3584 w 10000"/>
                  <a:gd name="connsiteY253" fmla="*/ 3914 h 10000"/>
                  <a:gd name="connsiteX254" fmla="*/ 3680 w 10000"/>
                  <a:gd name="connsiteY254" fmla="*/ 3855 h 10000"/>
                  <a:gd name="connsiteX255" fmla="*/ 3801 w 10000"/>
                  <a:gd name="connsiteY255" fmla="*/ 3752 h 10000"/>
                  <a:gd name="connsiteX256" fmla="*/ 3923 w 10000"/>
                  <a:gd name="connsiteY256" fmla="*/ 3663 h 10000"/>
                  <a:gd name="connsiteX257" fmla="*/ 4019 w 10000"/>
                  <a:gd name="connsiteY257" fmla="*/ 3560 h 10000"/>
                  <a:gd name="connsiteX258" fmla="*/ 4092 w 10000"/>
                  <a:gd name="connsiteY258" fmla="*/ 3442 h 10000"/>
                  <a:gd name="connsiteX259" fmla="*/ 4165 w 10000"/>
                  <a:gd name="connsiteY259" fmla="*/ 3323 h 10000"/>
                  <a:gd name="connsiteX260" fmla="*/ 4213 w 10000"/>
                  <a:gd name="connsiteY260" fmla="*/ 3220 h 10000"/>
                  <a:gd name="connsiteX261" fmla="*/ 4237 w 10000"/>
                  <a:gd name="connsiteY261" fmla="*/ 3102 h 10000"/>
                  <a:gd name="connsiteX262" fmla="*/ 4262 w 10000"/>
                  <a:gd name="connsiteY262" fmla="*/ 3013 h 10000"/>
                  <a:gd name="connsiteX263" fmla="*/ 4237 w 10000"/>
                  <a:gd name="connsiteY263" fmla="*/ 2939 h 10000"/>
                  <a:gd name="connsiteX264" fmla="*/ 4213 w 10000"/>
                  <a:gd name="connsiteY264" fmla="*/ 2866 h 10000"/>
                  <a:gd name="connsiteX265" fmla="*/ 4140 w 10000"/>
                  <a:gd name="connsiteY265" fmla="*/ 2836 h 10000"/>
                  <a:gd name="connsiteX266" fmla="*/ 4044 w 10000"/>
                  <a:gd name="connsiteY266" fmla="*/ 2836 h 10000"/>
                  <a:gd name="connsiteX267" fmla="*/ 3923 w 10000"/>
                  <a:gd name="connsiteY267" fmla="*/ 2866 h 10000"/>
                  <a:gd name="connsiteX268" fmla="*/ 4019 w 10000"/>
                  <a:gd name="connsiteY268" fmla="*/ 2777 h 10000"/>
                  <a:gd name="connsiteX269" fmla="*/ 4068 w 10000"/>
                  <a:gd name="connsiteY269" fmla="*/ 2674 h 10000"/>
                  <a:gd name="connsiteX270" fmla="*/ 4092 w 10000"/>
                  <a:gd name="connsiteY270" fmla="*/ 2541 h 10000"/>
                  <a:gd name="connsiteX271" fmla="*/ 4092 w 10000"/>
                  <a:gd name="connsiteY271" fmla="*/ 2393 h 10000"/>
                  <a:gd name="connsiteX272" fmla="*/ 4116 w 10000"/>
                  <a:gd name="connsiteY272" fmla="*/ 2349 h 10000"/>
                  <a:gd name="connsiteX273" fmla="*/ 4165 w 10000"/>
                  <a:gd name="connsiteY273" fmla="*/ 2304 h 10000"/>
                  <a:gd name="connsiteX274" fmla="*/ 4213 w 10000"/>
                  <a:gd name="connsiteY274" fmla="*/ 2290 h 10000"/>
                  <a:gd name="connsiteX275" fmla="*/ 4286 w 10000"/>
                  <a:gd name="connsiteY275" fmla="*/ 2275 h 10000"/>
                  <a:gd name="connsiteX276" fmla="*/ 4504 w 10000"/>
                  <a:gd name="connsiteY276" fmla="*/ 2260 h 10000"/>
                  <a:gd name="connsiteX277" fmla="*/ 4697 w 10000"/>
                  <a:gd name="connsiteY277" fmla="*/ 2275 h 10000"/>
                  <a:gd name="connsiteX278" fmla="*/ 4673 w 10000"/>
                  <a:gd name="connsiteY278" fmla="*/ 2112 h 10000"/>
                  <a:gd name="connsiteX279" fmla="*/ 4625 w 10000"/>
                  <a:gd name="connsiteY279" fmla="*/ 1950 h 10000"/>
                  <a:gd name="connsiteX280" fmla="*/ 4552 w 10000"/>
                  <a:gd name="connsiteY280" fmla="*/ 1802 h 10000"/>
                  <a:gd name="connsiteX281" fmla="*/ 4455 w 10000"/>
                  <a:gd name="connsiteY281" fmla="*/ 1640 h 10000"/>
                  <a:gd name="connsiteX282" fmla="*/ 4213 w 10000"/>
                  <a:gd name="connsiteY282" fmla="*/ 1329 h 10000"/>
                  <a:gd name="connsiteX283" fmla="*/ 3971 w 10000"/>
                  <a:gd name="connsiteY283" fmla="*/ 1034 h 10000"/>
                  <a:gd name="connsiteX284" fmla="*/ 3850 w 10000"/>
                  <a:gd name="connsiteY284" fmla="*/ 901 h 10000"/>
                  <a:gd name="connsiteX285" fmla="*/ 3753 w 10000"/>
                  <a:gd name="connsiteY285" fmla="*/ 753 h 10000"/>
                  <a:gd name="connsiteX286" fmla="*/ 3680 w 10000"/>
                  <a:gd name="connsiteY286" fmla="*/ 620 h 10000"/>
                  <a:gd name="connsiteX287" fmla="*/ 3656 w 10000"/>
                  <a:gd name="connsiteY287" fmla="*/ 487 h 10000"/>
                  <a:gd name="connsiteX288" fmla="*/ 3632 w 10000"/>
                  <a:gd name="connsiteY288" fmla="*/ 355 h 10000"/>
                  <a:gd name="connsiteX289" fmla="*/ 3680 w 10000"/>
                  <a:gd name="connsiteY289" fmla="*/ 222 h 10000"/>
                  <a:gd name="connsiteX290" fmla="*/ 3705 w 10000"/>
                  <a:gd name="connsiteY290" fmla="*/ 162 h 10000"/>
                  <a:gd name="connsiteX291" fmla="*/ 3753 w 10000"/>
                  <a:gd name="connsiteY291" fmla="*/ 103 h 10000"/>
                  <a:gd name="connsiteX292" fmla="*/ 3826 w 10000"/>
                  <a:gd name="connsiteY292" fmla="*/ 59 h 10000"/>
                  <a:gd name="connsiteX293" fmla="*/ 3923 w 10000"/>
                  <a:gd name="connsiteY293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7361 w 10000"/>
                  <a:gd name="connsiteY63" fmla="*/ 4195 h 10000"/>
                  <a:gd name="connsiteX64" fmla="*/ 6852 w 10000"/>
                  <a:gd name="connsiteY64" fmla="*/ 4313 h 10000"/>
                  <a:gd name="connsiteX65" fmla="*/ 6852 w 10000"/>
                  <a:gd name="connsiteY65" fmla="*/ 4431 h 10000"/>
                  <a:gd name="connsiteX66" fmla="*/ 6852 w 10000"/>
                  <a:gd name="connsiteY66" fmla="*/ 4549 h 10000"/>
                  <a:gd name="connsiteX67" fmla="*/ 6804 w 10000"/>
                  <a:gd name="connsiteY67" fmla="*/ 4564 h 10000"/>
                  <a:gd name="connsiteX68" fmla="*/ 6731 w 10000"/>
                  <a:gd name="connsiteY68" fmla="*/ 4594 h 10000"/>
                  <a:gd name="connsiteX69" fmla="*/ 6683 w 10000"/>
                  <a:gd name="connsiteY69" fmla="*/ 4638 h 10000"/>
                  <a:gd name="connsiteX70" fmla="*/ 6683 w 10000"/>
                  <a:gd name="connsiteY70" fmla="*/ 4697 h 10000"/>
                  <a:gd name="connsiteX71" fmla="*/ 6659 w 10000"/>
                  <a:gd name="connsiteY71" fmla="*/ 4801 h 10000"/>
                  <a:gd name="connsiteX72" fmla="*/ 6659 w 10000"/>
                  <a:gd name="connsiteY72" fmla="*/ 4904 h 10000"/>
                  <a:gd name="connsiteX73" fmla="*/ 6538 w 10000"/>
                  <a:gd name="connsiteY73" fmla="*/ 4860 h 10000"/>
                  <a:gd name="connsiteX74" fmla="*/ 6465 w 10000"/>
                  <a:gd name="connsiteY74" fmla="*/ 4801 h 10000"/>
                  <a:gd name="connsiteX75" fmla="*/ 6392 w 10000"/>
                  <a:gd name="connsiteY75" fmla="*/ 4727 h 10000"/>
                  <a:gd name="connsiteX76" fmla="*/ 6320 w 10000"/>
                  <a:gd name="connsiteY76" fmla="*/ 4638 h 10000"/>
                  <a:gd name="connsiteX77" fmla="*/ 6199 w 10000"/>
                  <a:gd name="connsiteY77" fmla="*/ 4476 h 10000"/>
                  <a:gd name="connsiteX78" fmla="*/ 6077 w 10000"/>
                  <a:gd name="connsiteY78" fmla="*/ 4313 h 10000"/>
                  <a:gd name="connsiteX79" fmla="*/ 6223 w 10000"/>
                  <a:gd name="connsiteY79" fmla="*/ 4210 h 10000"/>
                  <a:gd name="connsiteX80" fmla="*/ 6416 w 10000"/>
                  <a:gd name="connsiteY80" fmla="*/ 4121 h 10000"/>
                  <a:gd name="connsiteX81" fmla="*/ 6634 w 10000"/>
                  <a:gd name="connsiteY81" fmla="*/ 4032 h 10000"/>
                  <a:gd name="connsiteX82" fmla="*/ 6877 w 10000"/>
                  <a:gd name="connsiteY82" fmla="*/ 3959 h 10000"/>
                  <a:gd name="connsiteX83" fmla="*/ 7385 w 10000"/>
                  <a:gd name="connsiteY83" fmla="*/ 3811 h 10000"/>
                  <a:gd name="connsiteX84" fmla="*/ 7893 w 10000"/>
                  <a:gd name="connsiteY84" fmla="*/ 3663 h 10000"/>
                  <a:gd name="connsiteX85" fmla="*/ 8136 w 10000"/>
                  <a:gd name="connsiteY85" fmla="*/ 3589 h 10000"/>
                  <a:gd name="connsiteX86" fmla="*/ 8378 w 10000"/>
                  <a:gd name="connsiteY86" fmla="*/ 3516 h 10000"/>
                  <a:gd name="connsiteX87" fmla="*/ 8571 w 10000"/>
                  <a:gd name="connsiteY87" fmla="*/ 3412 h 10000"/>
                  <a:gd name="connsiteX88" fmla="*/ 8765 w 10000"/>
                  <a:gd name="connsiteY88" fmla="*/ 3338 h 10000"/>
                  <a:gd name="connsiteX89" fmla="*/ 8886 w 10000"/>
                  <a:gd name="connsiteY89" fmla="*/ 3235 h 10000"/>
                  <a:gd name="connsiteX90" fmla="*/ 8983 w 10000"/>
                  <a:gd name="connsiteY90" fmla="*/ 3117 h 10000"/>
                  <a:gd name="connsiteX91" fmla="*/ 9007 w 10000"/>
                  <a:gd name="connsiteY91" fmla="*/ 3072 h 10000"/>
                  <a:gd name="connsiteX92" fmla="*/ 9031 w 10000"/>
                  <a:gd name="connsiteY92" fmla="*/ 3013 h 10000"/>
                  <a:gd name="connsiteX93" fmla="*/ 9031 w 10000"/>
                  <a:gd name="connsiteY93" fmla="*/ 2954 h 10000"/>
                  <a:gd name="connsiteX94" fmla="*/ 9007 w 10000"/>
                  <a:gd name="connsiteY94" fmla="*/ 2866 h 10000"/>
                  <a:gd name="connsiteX95" fmla="*/ 8838 w 10000"/>
                  <a:gd name="connsiteY95" fmla="*/ 2984 h 10000"/>
                  <a:gd name="connsiteX96" fmla="*/ 8644 w 10000"/>
                  <a:gd name="connsiteY96" fmla="*/ 3072 h 10000"/>
                  <a:gd name="connsiteX97" fmla="*/ 8450 w 10000"/>
                  <a:gd name="connsiteY97" fmla="*/ 3161 h 10000"/>
                  <a:gd name="connsiteX98" fmla="*/ 8257 w 10000"/>
                  <a:gd name="connsiteY98" fmla="*/ 3250 h 10000"/>
                  <a:gd name="connsiteX99" fmla="*/ 7821 w 10000"/>
                  <a:gd name="connsiteY99" fmla="*/ 3397 h 10000"/>
                  <a:gd name="connsiteX100" fmla="*/ 7361 w 10000"/>
                  <a:gd name="connsiteY100" fmla="*/ 3545 h 10000"/>
                  <a:gd name="connsiteX101" fmla="*/ 6901 w 10000"/>
                  <a:gd name="connsiteY101" fmla="*/ 3678 h 10000"/>
                  <a:gd name="connsiteX102" fmla="*/ 6465 w 10000"/>
                  <a:gd name="connsiteY102" fmla="*/ 3840 h 10000"/>
                  <a:gd name="connsiteX103" fmla="*/ 6247 w 10000"/>
                  <a:gd name="connsiteY103" fmla="*/ 3914 h 10000"/>
                  <a:gd name="connsiteX104" fmla="*/ 6053 w 10000"/>
                  <a:gd name="connsiteY104" fmla="*/ 4003 h 10000"/>
                  <a:gd name="connsiteX105" fmla="*/ 5860 w 10000"/>
                  <a:gd name="connsiteY105" fmla="*/ 4106 h 10000"/>
                  <a:gd name="connsiteX106" fmla="*/ 5666 w 10000"/>
                  <a:gd name="connsiteY106" fmla="*/ 4195 h 10000"/>
                  <a:gd name="connsiteX107" fmla="*/ 5811 w 10000"/>
                  <a:gd name="connsiteY107" fmla="*/ 4417 h 10000"/>
                  <a:gd name="connsiteX108" fmla="*/ 5908 w 10000"/>
                  <a:gd name="connsiteY108" fmla="*/ 4623 h 10000"/>
                  <a:gd name="connsiteX109" fmla="*/ 6005 w 10000"/>
                  <a:gd name="connsiteY109" fmla="*/ 4845 h 10000"/>
                  <a:gd name="connsiteX110" fmla="*/ 6077 w 10000"/>
                  <a:gd name="connsiteY110" fmla="*/ 5081 h 10000"/>
                  <a:gd name="connsiteX111" fmla="*/ 6126 w 10000"/>
                  <a:gd name="connsiteY111" fmla="*/ 5318 h 10000"/>
                  <a:gd name="connsiteX112" fmla="*/ 6150 w 10000"/>
                  <a:gd name="connsiteY112" fmla="*/ 5539 h 10000"/>
                  <a:gd name="connsiteX113" fmla="*/ 6174 w 10000"/>
                  <a:gd name="connsiteY113" fmla="*/ 5775 h 10000"/>
                  <a:gd name="connsiteX114" fmla="*/ 6174 w 10000"/>
                  <a:gd name="connsiteY114" fmla="*/ 5997 h 10000"/>
                  <a:gd name="connsiteX115" fmla="*/ 6150 w 10000"/>
                  <a:gd name="connsiteY115" fmla="*/ 6233 h 10000"/>
                  <a:gd name="connsiteX116" fmla="*/ 6102 w 10000"/>
                  <a:gd name="connsiteY116" fmla="*/ 6470 h 10000"/>
                  <a:gd name="connsiteX117" fmla="*/ 6053 w 10000"/>
                  <a:gd name="connsiteY117" fmla="*/ 6677 h 10000"/>
                  <a:gd name="connsiteX118" fmla="*/ 5981 w 10000"/>
                  <a:gd name="connsiteY118" fmla="*/ 6898 h 10000"/>
                  <a:gd name="connsiteX119" fmla="*/ 5884 w 10000"/>
                  <a:gd name="connsiteY119" fmla="*/ 7105 h 10000"/>
                  <a:gd name="connsiteX120" fmla="*/ 5763 w 10000"/>
                  <a:gd name="connsiteY120" fmla="*/ 7297 h 10000"/>
                  <a:gd name="connsiteX121" fmla="*/ 5617 w 10000"/>
                  <a:gd name="connsiteY121" fmla="*/ 7489 h 10000"/>
                  <a:gd name="connsiteX122" fmla="*/ 5472 w 10000"/>
                  <a:gd name="connsiteY122" fmla="*/ 7681 h 10000"/>
                  <a:gd name="connsiteX123" fmla="*/ 6174 w 10000"/>
                  <a:gd name="connsiteY123" fmla="*/ 7799 h 10000"/>
                  <a:gd name="connsiteX124" fmla="*/ 6901 w 10000"/>
                  <a:gd name="connsiteY124" fmla="*/ 7962 h 10000"/>
                  <a:gd name="connsiteX125" fmla="*/ 7046 w 10000"/>
                  <a:gd name="connsiteY125" fmla="*/ 8021 h 10000"/>
                  <a:gd name="connsiteX126" fmla="*/ 7167 w 10000"/>
                  <a:gd name="connsiteY126" fmla="*/ 8080 h 10000"/>
                  <a:gd name="connsiteX127" fmla="*/ 7288 w 10000"/>
                  <a:gd name="connsiteY127" fmla="*/ 8139 h 10000"/>
                  <a:gd name="connsiteX128" fmla="*/ 7361 w 10000"/>
                  <a:gd name="connsiteY128" fmla="*/ 8227 h 10000"/>
                  <a:gd name="connsiteX129" fmla="*/ 7385 w 10000"/>
                  <a:gd name="connsiteY129" fmla="*/ 8301 h 10000"/>
                  <a:gd name="connsiteX130" fmla="*/ 7385 w 10000"/>
                  <a:gd name="connsiteY130" fmla="*/ 8405 h 10000"/>
                  <a:gd name="connsiteX131" fmla="*/ 7337 w 10000"/>
                  <a:gd name="connsiteY131" fmla="*/ 8523 h 10000"/>
                  <a:gd name="connsiteX132" fmla="*/ 7264 w 10000"/>
                  <a:gd name="connsiteY132" fmla="*/ 8641 h 10000"/>
                  <a:gd name="connsiteX133" fmla="*/ 6949 w 10000"/>
                  <a:gd name="connsiteY133" fmla="*/ 8552 h 10000"/>
                  <a:gd name="connsiteX134" fmla="*/ 6659 w 10000"/>
                  <a:gd name="connsiteY134" fmla="*/ 8449 h 10000"/>
                  <a:gd name="connsiteX135" fmla="*/ 6368 w 10000"/>
                  <a:gd name="connsiteY135" fmla="*/ 8360 h 10000"/>
                  <a:gd name="connsiteX136" fmla="*/ 6077 w 10000"/>
                  <a:gd name="connsiteY136" fmla="*/ 8287 h 10000"/>
                  <a:gd name="connsiteX137" fmla="*/ 5956 w 10000"/>
                  <a:gd name="connsiteY137" fmla="*/ 8449 h 10000"/>
                  <a:gd name="connsiteX138" fmla="*/ 5860 w 10000"/>
                  <a:gd name="connsiteY138" fmla="*/ 8597 h 10000"/>
                  <a:gd name="connsiteX139" fmla="*/ 5811 w 10000"/>
                  <a:gd name="connsiteY139" fmla="*/ 8656 h 10000"/>
                  <a:gd name="connsiteX140" fmla="*/ 5714 w 10000"/>
                  <a:gd name="connsiteY140" fmla="*/ 8700 h 10000"/>
                  <a:gd name="connsiteX141" fmla="*/ 5642 w 10000"/>
                  <a:gd name="connsiteY141" fmla="*/ 8744 h 10000"/>
                  <a:gd name="connsiteX142" fmla="*/ 5569 w 10000"/>
                  <a:gd name="connsiteY142" fmla="*/ 8774 h 10000"/>
                  <a:gd name="connsiteX143" fmla="*/ 5496 w 10000"/>
                  <a:gd name="connsiteY143" fmla="*/ 8804 h 10000"/>
                  <a:gd name="connsiteX144" fmla="*/ 5400 w 10000"/>
                  <a:gd name="connsiteY144" fmla="*/ 8818 h 10000"/>
                  <a:gd name="connsiteX145" fmla="*/ 5278 w 10000"/>
                  <a:gd name="connsiteY145" fmla="*/ 8833 h 10000"/>
                  <a:gd name="connsiteX146" fmla="*/ 5157 w 10000"/>
                  <a:gd name="connsiteY146" fmla="*/ 8833 h 10000"/>
                  <a:gd name="connsiteX147" fmla="*/ 4867 w 10000"/>
                  <a:gd name="connsiteY147" fmla="*/ 8818 h 10000"/>
                  <a:gd name="connsiteX148" fmla="*/ 4504 w 10000"/>
                  <a:gd name="connsiteY148" fmla="*/ 8744 h 10000"/>
                  <a:gd name="connsiteX149" fmla="*/ 4504 w 10000"/>
                  <a:gd name="connsiteY149" fmla="*/ 8922 h 10000"/>
                  <a:gd name="connsiteX150" fmla="*/ 4479 w 10000"/>
                  <a:gd name="connsiteY150" fmla="*/ 9069 h 10000"/>
                  <a:gd name="connsiteX151" fmla="*/ 4455 w 10000"/>
                  <a:gd name="connsiteY151" fmla="*/ 9232 h 10000"/>
                  <a:gd name="connsiteX152" fmla="*/ 4431 w 10000"/>
                  <a:gd name="connsiteY152" fmla="*/ 9365 h 10000"/>
                  <a:gd name="connsiteX153" fmla="*/ 4383 w 10000"/>
                  <a:gd name="connsiteY153" fmla="*/ 9498 h 10000"/>
                  <a:gd name="connsiteX154" fmla="*/ 4286 w 10000"/>
                  <a:gd name="connsiteY154" fmla="*/ 9616 h 10000"/>
                  <a:gd name="connsiteX155" fmla="*/ 4213 w 10000"/>
                  <a:gd name="connsiteY155" fmla="*/ 9734 h 10000"/>
                  <a:gd name="connsiteX156" fmla="*/ 4092 w 10000"/>
                  <a:gd name="connsiteY156" fmla="*/ 9838 h 10000"/>
                  <a:gd name="connsiteX157" fmla="*/ 3801 w 10000"/>
                  <a:gd name="connsiteY157" fmla="*/ 9897 h 10000"/>
                  <a:gd name="connsiteX158" fmla="*/ 3559 w 10000"/>
                  <a:gd name="connsiteY158" fmla="*/ 9941 h 10000"/>
                  <a:gd name="connsiteX159" fmla="*/ 3269 w 10000"/>
                  <a:gd name="connsiteY159" fmla="*/ 9985 h 10000"/>
                  <a:gd name="connsiteX160" fmla="*/ 3051 w 10000"/>
                  <a:gd name="connsiteY160" fmla="*/ 10000 h 10000"/>
                  <a:gd name="connsiteX161" fmla="*/ 2567 w 10000"/>
                  <a:gd name="connsiteY161" fmla="*/ 10000 h 10000"/>
                  <a:gd name="connsiteX162" fmla="*/ 2107 w 10000"/>
                  <a:gd name="connsiteY162" fmla="*/ 9985 h 10000"/>
                  <a:gd name="connsiteX163" fmla="*/ 1671 w 10000"/>
                  <a:gd name="connsiteY163" fmla="*/ 9941 h 10000"/>
                  <a:gd name="connsiteX164" fmla="*/ 1211 w 10000"/>
                  <a:gd name="connsiteY164" fmla="*/ 9911 h 10000"/>
                  <a:gd name="connsiteX165" fmla="*/ 944 w 10000"/>
                  <a:gd name="connsiteY165" fmla="*/ 9911 h 10000"/>
                  <a:gd name="connsiteX166" fmla="*/ 702 w 10000"/>
                  <a:gd name="connsiteY166" fmla="*/ 9911 h 10000"/>
                  <a:gd name="connsiteX167" fmla="*/ 436 w 10000"/>
                  <a:gd name="connsiteY167" fmla="*/ 9926 h 10000"/>
                  <a:gd name="connsiteX168" fmla="*/ 169 w 10000"/>
                  <a:gd name="connsiteY168" fmla="*/ 9970 h 10000"/>
                  <a:gd name="connsiteX169" fmla="*/ 97 w 10000"/>
                  <a:gd name="connsiteY169" fmla="*/ 9867 h 10000"/>
                  <a:gd name="connsiteX170" fmla="*/ 48 w 10000"/>
                  <a:gd name="connsiteY170" fmla="*/ 9793 h 10000"/>
                  <a:gd name="connsiteX171" fmla="*/ 0 w 10000"/>
                  <a:gd name="connsiteY171" fmla="*/ 9705 h 10000"/>
                  <a:gd name="connsiteX172" fmla="*/ 0 w 10000"/>
                  <a:gd name="connsiteY172" fmla="*/ 9601 h 10000"/>
                  <a:gd name="connsiteX173" fmla="*/ 48 w 10000"/>
                  <a:gd name="connsiteY173" fmla="*/ 9424 h 10000"/>
                  <a:gd name="connsiteX174" fmla="*/ 97 w 10000"/>
                  <a:gd name="connsiteY174" fmla="*/ 9202 h 10000"/>
                  <a:gd name="connsiteX175" fmla="*/ 145 w 10000"/>
                  <a:gd name="connsiteY175" fmla="*/ 8996 h 10000"/>
                  <a:gd name="connsiteX176" fmla="*/ 194 w 10000"/>
                  <a:gd name="connsiteY176" fmla="*/ 8759 h 10000"/>
                  <a:gd name="connsiteX177" fmla="*/ 218 w 10000"/>
                  <a:gd name="connsiteY177" fmla="*/ 8641 h 10000"/>
                  <a:gd name="connsiteX178" fmla="*/ 218 w 10000"/>
                  <a:gd name="connsiteY178" fmla="*/ 8538 h 10000"/>
                  <a:gd name="connsiteX179" fmla="*/ 194 w 10000"/>
                  <a:gd name="connsiteY179" fmla="*/ 8405 h 10000"/>
                  <a:gd name="connsiteX180" fmla="*/ 169 w 10000"/>
                  <a:gd name="connsiteY180" fmla="*/ 8287 h 10000"/>
                  <a:gd name="connsiteX181" fmla="*/ 412 w 10000"/>
                  <a:gd name="connsiteY181" fmla="*/ 8213 h 10000"/>
                  <a:gd name="connsiteX182" fmla="*/ 654 w 10000"/>
                  <a:gd name="connsiteY182" fmla="*/ 8139 h 10000"/>
                  <a:gd name="connsiteX183" fmla="*/ 896 w 10000"/>
                  <a:gd name="connsiteY183" fmla="*/ 8095 h 10000"/>
                  <a:gd name="connsiteX184" fmla="*/ 1162 w 10000"/>
                  <a:gd name="connsiteY184" fmla="*/ 8065 h 10000"/>
                  <a:gd name="connsiteX185" fmla="*/ 1646 w 10000"/>
                  <a:gd name="connsiteY185" fmla="*/ 8021 h 10000"/>
                  <a:gd name="connsiteX186" fmla="*/ 2131 w 10000"/>
                  <a:gd name="connsiteY186" fmla="*/ 7976 h 10000"/>
                  <a:gd name="connsiteX187" fmla="*/ 2349 w 10000"/>
                  <a:gd name="connsiteY187" fmla="*/ 7947 h 10000"/>
                  <a:gd name="connsiteX188" fmla="*/ 2567 w 10000"/>
                  <a:gd name="connsiteY188" fmla="*/ 7917 h 10000"/>
                  <a:gd name="connsiteX189" fmla="*/ 2760 w 10000"/>
                  <a:gd name="connsiteY189" fmla="*/ 7843 h 10000"/>
                  <a:gd name="connsiteX190" fmla="*/ 2954 w 10000"/>
                  <a:gd name="connsiteY190" fmla="*/ 7784 h 10000"/>
                  <a:gd name="connsiteX191" fmla="*/ 3123 w 10000"/>
                  <a:gd name="connsiteY191" fmla="*/ 7710 h 10000"/>
                  <a:gd name="connsiteX192" fmla="*/ 3269 w 10000"/>
                  <a:gd name="connsiteY192" fmla="*/ 7592 h 10000"/>
                  <a:gd name="connsiteX193" fmla="*/ 3414 w 10000"/>
                  <a:gd name="connsiteY193" fmla="*/ 7474 h 10000"/>
                  <a:gd name="connsiteX194" fmla="*/ 3511 w 10000"/>
                  <a:gd name="connsiteY194" fmla="*/ 7312 h 10000"/>
                  <a:gd name="connsiteX195" fmla="*/ 3317 w 10000"/>
                  <a:gd name="connsiteY195" fmla="*/ 7238 h 10000"/>
                  <a:gd name="connsiteX196" fmla="*/ 3148 w 10000"/>
                  <a:gd name="connsiteY196" fmla="*/ 7179 h 10000"/>
                  <a:gd name="connsiteX197" fmla="*/ 3002 w 10000"/>
                  <a:gd name="connsiteY197" fmla="*/ 7090 h 10000"/>
                  <a:gd name="connsiteX198" fmla="*/ 2857 w 10000"/>
                  <a:gd name="connsiteY198" fmla="*/ 6987 h 10000"/>
                  <a:gd name="connsiteX199" fmla="*/ 2760 w 10000"/>
                  <a:gd name="connsiteY199" fmla="*/ 6869 h 10000"/>
                  <a:gd name="connsiteX200" fmla="*/ 2712 w 10000"/>
                  <a:gd name="connsiteY200" fmla="*/ 6721 h 10000"/>
                  <a:gd name="connsiteX201" fmla="*/ 2688 w 10000"/>
                  <a:gd name="connsiteY201" fmla="*/ 6558 h 10000"/>
                  <a:gd name="connsiteX202" fmla="*/ 2712 w 10000"/>
                  <a:gd name="connsiteY202" fmla="*/ 6352 h 10000"/>
                  <a:gd name="connsiteX203" fmla="*/ 2591 w 10000"/>
                  <a:gd name="connsiteY203" fmla="*/ 6322 h 10000"/>
                  <a:gd name="connsiteX204" fmla="*/ 2446 w 10000"/>
                  <a:gd name="connsiteY204" fmla="*/ 6292 h 10000"/>
                  <a:gd name="connsiteX205" fmla="*/ 2276 w 10000"/>
                  <a:gd name="connsiteY205" fmla="*/ 6278 h 10000"/>
                  <a:gd name="connsiteX206" fmla="*/ 2107 w 10000"/>
                  <a:gd name="connsiteY206" fmla="*/ 6263 h 10000"/>
                  <a:gd name="connsiteX207" fmla="*/ 1768 w 10000"/>
                  <a:gd name="connsiteY207" fmla="*/ 6248 h 10000"/>
                  <a:gd name="connsiteX208" fmla="*/ 1404 w 10000"/>
                  <a:gd name="connsiteY208" fmla="*/ 6263 h 10000"/>
                  <a:gd name="connsiteX209" fmla="*/ 1090 w 10000"/>
                  <a:gd name="connsiteY209" fmla="*/ 6278 h 10000"/>
                  <a:gd name="connsiteX210" fmla="*/ 799 w 10000"/>
                  <a:gd name="connsiteY210" fmla="*/ 6278 h 10000"/>
                  <a:gd name="connsiteX211" fmla="*/ 557 w 10000"/>
                  <a:gd name="connsiteY211" fmla="*/ 6263 h 10000"/>
                  <a:gd name="connsiteX212" fmla="*/ 363 w 10000"/>
                  <a:gd name="connsiteY212" fmla="*/ 6233 h 10000"/>
                  <a:gd name="connsiteX213" fmla="*/ 605 w 10000"/>
                  <a:gd name="connsiteY213" fmla="*/ 5805 h 10000"/>
                  <a:gd name="connsiteX214" fmla="*/ 872 w 10000"/>
                  <a:gd name="connsiteY214" fmla="*/ 5391 h 10000"/>
                  <a:gd name="connsiteX215" fmla="*/ 969 w 10000"/>
                  <a:gd name="connsiteY215" fmla="*/ 5170 h 10000"/>
                  <a:gd name="connsiteX216" fmla="*/ 1041 w 10000"/>
                  <a:gd name="connsiteY216" fmla="*/ 4963 h 10000"/>
                  <a:gd name="connsiteX217" fmla="*/ 1065 w 10000"/>
                  <a:gd name="connsiteY217" fmla="*/ 4860 h 10000"/>
                  <a:gd name="connsiteX218" fmla="*/ 1041 w 10000"/>
                  <a:gd name="connsiteY218" fmla="*/ 4756 h 10000"/>
                  <a:gd name="connsiteX219" fmla="*/ 1017 w 10000"/>
                  <a:gd name="connsiteY219" fmla="*/ 4653 h 10000"/>
                  <a:gd name="connsiteX220" fmla="*/ 944 w 10000"/>
                  <a:gd name="connsiteY220" fmla="*/ 4549 h 10000"/>
                  <a:gd name="connsiteX221" fmla="*/ 1211 w 10000"/>
                  <a:gd name="connsiteY221" fmla="*/ 4520 h 10000"/>
                  <a:gd name="connsiteX222" fmla="*/ 1404 w 10000"/>
                  <a:gd name="connsiteY222" fmla="*/ 4505 h 10000"/>
                  <a:gd name="connsiteX223" fmla="*/ 1574 w 10000"/>
                  <a:gd name="connsiteY223" fmla="*/ 4505 h 10000"/>
                  <a:gd name="connsiteX224" fmla="*/ 1719 w 10000"/>
                  <a:gd name="connsiteY224" fmla="*/ 4520 h 10000"/>
                  <a:gd name="connsiteX225" fmla="*/ 1840 w 10000"/>
                  <a:gd name="connsiteY225" fmla="*/ 4520 h 10000"/>
                  <a:gd name="connsiteX226" fmla="*/ 1985 w 10000"/>
                  <a:gd name="connsiteY226" fmla="*/ 4520 h 10000"/>
                  <a:gd name="connsiteX227" fmla="*/ 2131 w 10000"/>
                  <a:gd name="connsiteY227" fmla="*/ 4490 h 10000"/>
                  <a:gd name="connsiteX228" fmla="*/ 2324 w 10000"/>
                  <a:gd name="connsiteY228" fmla="*/ 4446 h 10000"/>
                  <a:gd name="connsiteX229" fmla="*/ 2324 w 10000"/>
                  <a:gd name="connsiteY229" fmla="*/ 4579 h 10000"/>
                  <a:gd name="connsiteX230" fmla="*/ 2324 w 10000"/>
                  <a:gd name="connsiteY230" fmla="*/ 4742 h 10000"/>
                  <a:gd name="connsiteX231" fmla="*/ 2324 w 10000"/>
                  <a:gd name="connsiteY231" fmla="*/ 4874 h 10000"/>
                  <a:gd name="connsiteX232" fmla="*/ 2324 w 10000"/>
                  <a:gd name="connsiteY232" fmla="*/ 5037 h 10000"/>
                  <a:gd name="connsiteX233" fmla="*/ 2542 w 10000"/>
                  <a:gd name="connsiteY233" fmla="*/ 5022 h 10000"/>
                  <a:gd name="connsiteX234" fmla="*/ 2688 w 10000"/>
                  <a:gd name="connsiteY234" fmla="*/ 5037 h 10000"/>
                  <a:gd name="connsiteX235" fmla="*/ 2809 w 10000"/>
                  <a:gd name="connsiteY235" fmla="*/ 5066 h 10000"/>
                  <a:gd name="connsiteX236" fmla="*/ 2930 w 10000"/>
                  <a:gd name="connsiteY236" fmla="*/ 5096 h 10000"/>
                  <a:gd name="connsiteX237" fmla="*/ 3027 w 10000"/>
                  <a:gd name="connsiteY237" fmla="*/ 5126 h 10000"/>
                  <a:gd name="connsiteX238" fmla="*/ 3148 w 10000"/>
                  <a:gd name="connsiteY238" fmla="*/ 5155 h 10000"/>
                  <a:gd name="connsiteX239" fmla="*/ 3293 w 10000"/>
                  <a:gd name="connsiteY239" fmla="*/ 5170 h 10000"/>
                  <a:gd name="connsiteX240" fmla="*/ 3511 w 10000"/>
                  <a:gd name="connsiteY240" fmla="*/ 5155 h 10000"/>
                  <a:gd name="connsiteX241" fmla="*/ 3584 w 10000"/>
                  <a:gd name="connsiteY241" fmla="*/ 5096 h 10000"/>
                  <a:gd name="connsiteX242" fmla="*/ 3656 w 10000"/>
                  <a:gd name="connsiteY242" fmla="*/ 5022 h 10000"/>
                  <a:gd name="connsiteX243" fmla="*/ 3680 w 10000"/>
                  <a:gd name="connsiteY243" fmla="*/ 4934 h 10000"/>
                  <a:gd name="connsiteX244" fmla="*/ 3705 w 10000"/>
                  <a:gd name="connsiteY244" fmla="*/ 4860 h 10000"/>
                  <a:gd name="connsiteX245" fmla="*/ 3729 w 10000"/>
                  <a:gd name="connsiteY245" fmla="*/ 4697 h 10000"/>
                  <a:gd name="connsiteX246" fmla="*/ 3705 w 10000"/>
                  <a:gd name="connsiteY246" fmla="*/ 4520 h 10000"/>
                  <a:gd name="connsiteX247" fmla="*/ 3632 w 10000"/>
                  <a:gd name="connsiteY247" fmla="*/ 4343 h 10000"/>
                  <a:gd name="connsiteX248" fmla="*/ 3559 w 10000"/>
                  <a:gd name="connsiteY248" fmla="*/ 4195 h 10000"/>
                  <a:gd name="connsiteX249" fmla="*/ 3438 w 10000"/>
                  <a:gd name="connsiteY249" fmla="*/ 4047 h 10000"/>
                  <a:gd name="connsiteX250" fmla="*/ 3317 w 10000"/>
                  <a:gd name="connsiteY250" fmla="*/ 3959 h 10000"/>
                  <a:gd name="connsiteX251" fmla="*/ 3462 w 10000"/>
                  <a:gd name="connsiteY251" fmla="*/ 3944 h 10000"/>
                  <a:gd name="connsiteX252" fmla="*/ 3584 w 10000"/>
                  <a:gd name="connsiteY252" fmla="*/ 3914 h 10000"/>
                  <a:gd name="connsiteX253" fmla="*/ 3680 w 10000"/>
                  <a:gd name="connsiteY253" fmla="*/ 3855 h 10000"/>
                  <a:gd name="connsiteX254" fmla="*/ 3801 w 10000"/>
                  <a:gd name="connsiteY254" fmla="*/ 3752 h 10000"/>
                  <a:gd name="connsiteX255" fmla="*/ 3923 w 10000"/>
                  <a:gd name="connsiteY255" fmla="*/ 3663 h 10000"/>
                  <a:gd name="connsiteX256" fmla="*/ 4019 w 10000"/>
                  <a:gd name="connsiteY256" fmla="*/ 3560 h 10000"/>
                  <a:gd name="connsiteX257" fmla="*/ 4092 w 10000"/>
                  <a:gd name="connsiteY257" fmla="*/ 3442 h 10000"/>
                  <a:gd name="connsiteX258" fmla="*/ 4165 w 10000"/>
                  <a:gd name="connsiteY258" fmla="*/ 3323 h 10000"/>
                  <a:gd name="connsiteX259" fmla="*/ 4213 w 10000"/>
                  <a:gd name="connsiteY259" fmla="*/ 3220 h 10000"/>
                  <a:gd name="connsiteX260" fmla="*/ 4237 w 10000"/>
                  <a:gd name="connsiteY260" fmla="*/ 3102 h 10000"/>
                  <a:gd name="connsiteX261" fmla="*/ 4262 w 10000"/>
                  <a:gd name="connsiteY261" fmla="*/ 3013 h 10000"/>
                  <a:gd name="connsiteX262" fmla="*/ 4237 w 10000"/>
                  <a:gd name="connsiteY262" fmla="*/ 2939 h 10000"/>
                  <a:gd name="connsiteX263" fmla="*/ 4213 w 10000"/>
                  <a:gd name="connsiteY263" fmla="*/ 2866 h 10000"/>
                  <a:gd name="connsiteX264" fmla="*/ 4140 w 10000"/>
                  <a:gd name="connsiteY264" fmla="*/ 2836 h 10000"/>
                  <a:gd name="connsiteX265" fmla="*/ 4044 w 10000"/>
                  <a:gd name="connsiteY265" fmla="*/ 2836 h 10000"/>
                  <a:gd name="connsiteX266" fmla="*/ 3923 w 10000"/>
                  <a:gd name="connsiteY266" fmla="*/ 2866 h 10000"/>
                  <a:gd name="connsiteX267" fmla="*/ 4019 w 10000"/>
                  <a:gd name="connsiteY267" fmla="*/ 2777 h 10000"/>
                  <a:gd name="connsiteX268" fmla="*/ 4068 w 10000"/>
                  <a:gd name="connsiteY268" fmla="*/ 2674 h 10000"/>
                  <a:gd name="connsiteX269" fmla="*/ 4092 w 10000"/>
                  <a:gd name="connsiteY269" fmla="*/ 2541 h 10000"/>
                  <a:gd name="connsiteX270" fmla="*/ 4092 w 10000"/>
                  <a:gd name="connsiteY270" fmla="*/ 2393 h 10000"/>
                  <a:gd name="connsiteX271" fmla="*/ 4116 w 10000"/>
                  <a:gd name="connsiteY271" fmla="*/ 2349 h 10000"/>
                  <a:gd name="connsiteX272" fmla="*/ 4165 w 10000"/>
                  <a:gd name="connsiteY272" fmla="*/ 2304 h 10000"/>
                  <a:gd name="connsiteX273" fmla="*/ 4213 w 10000"/>
                  <a:gd name="connsiteY273" fmla="*/ 2290 h 10000"/>
                  <a:gd name="connsiteX274" fmla="*/ 4286 w 10000"/>
                  <a:gd name="connsiteY274" fmla="*/ 2275 h 10000"/>
                  <a:gd name="connsiteX275" fmla="*/ 4504 w 10000"/>
                  <a:gd name="connsiteY275" fmla="*/ 2260 h 10000"/>
                  <a:gd name="connsiteX276" fmla="*/ 4697 w 10000"/>
                  <a:gd name="connsiteY276" fmla="*/ 2275 h 10000"/>
                  <a:gd name="connsiteX277" fmla="*/ 4673 w 10000"/>
                  <a:gd name="connsiteY277" fmla="*/ 2112 h 10000"/>
                  <a:gd name="connsiteX278" fmla="*/ 4625 w 10000"/>
                  <a:gd name="connsiteY278" fmla="*/ 1950 h 10000"/>
                  <a:gd name="connsiteX279" fmla="*/ 4552 w 10000"/>
                  <a:gd name="connsiteY279" fmla="*/ 1802 h 10000"/>
                  <a:gd name="connsiteX280" fmla="*/ 4455 w 10000"/>
                  <a:gd name="connsiteY280" fmla="*/ 1640 h 10000"/>
                  <a:gd name="connsiteX281" fmla="*/ 4213 w 10000"/>
                  <a:gd name="connsiteY281" fmla="*/ 1329 h 10000"/>
                  <a:gd name="connsiteX282" fmla="*/ 3971 w 10000"/>
                  <a:gd name="connsiteY282" fmla="*/ 1034 h 10000"/>
                  <a:gd name="connsiteX283" fmla="*/ 3850 w 10000"/>
                  <a:gd name="connsiteY283" fmla="*/ 901 h 10000"/>
                  <a:gd name="connsiteX284" fmla="*/ 3753 w 10000"/>
                  <a:gd name="connsiteY284" fmla="*/ 753 h 10000"/>
                  <a:gd name="connsiteX285" fmla="*/ 3680 w 10000"/>
                  <a:gd name="connsiteY285" fmla="*/ 620 h 10000"/>
                  <a:gd name="connsiteX286" fmla="*/ 3656 w 10000"/>
                  <a:gd name="connsiteY286" fmla="*/ 487 h 10000"/>
                  <a:gd name="connsiteX287" fmla="*/ 3632 w 10000"/>
                  <a:gd name="connsiteY287" fmla="*/ 355 h 10000"/>
                  <a:gd name="connsiteX288" fmla="*/ 3680 w 10000"/>
                  <a:gd name="connsiteY288" fmla="*/ 222 h 10000"/>
                  <a:gd name="connsiteX289" fmla="*/ 3705 w 10000"/>
                  <a:gd name="connsiteY289" fmla="*/ 162 h 10000"/>
                  <a:gd name="connsiteX290" fmla="*/ 3753 w 10000"/>
                  <a:gd name="connsiteY290" fmla="*/ 103 h 10000"/>
                  <a:gd name="connsiteX291" fmla="*/ 3826 w 10000"/>
                  <a:gd name="connsiteY291" fmla="*/ 59 h 10000"/>
                  <a:gd name="connsiteX292" fmla="*/ 3923 w 10000"/>
                  <a:gd name="connsiteY292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7361 w 10000"/>
                  <a:gd name="connsiteY62" fmla="*/ 4195 h 10000"/>
                  <a:gd name="connsiteX63" fmla="*/ 6852 w 10000"/>
                  <a:gd name="connsiteY63" fmla="*/ 4313 h 10000"/>
                  <a:gd name="connsiteX64" fmla="*/ 6852 w 10000"/>
                  <a:gd name="connsiteY64" fmla="*/ 4431 h 10000"/>
                  <a:gd name="connsiteX65" fmla="*/ 6852 w 10000"/>
                  <a:gd name="connsiteY65" fmla="*/ 4549 h 10000"/>
                  <a:gd name="connsiteX66" fmla="*/ 6804 w 10000"/>
                  <a:gd name="connsiteY66" fmla="*/ 4564 h 10000"/>
                  <a:gd name="connsiteX67" fmla="*/ 6731 w 10000"/>
                  <a:gd name="connsiteY67" fmla="*/ 4594 h 10000"/>
                  <a:gd name="connsiteX68" fmla="*/ 6683 w 10000"/>
                  <a:gd name="connsiteY68" fmla="*/ 4638 h 10000"/>
                  <a:gd name="connsiteX69" fmla="*/ 6683 w 10000"/>
                  <a:gd name="connsiteY69" fmla="*/ 4697 h 10000"/>
                  <a:gd name="connsiteX70" fmla="*/ 6659 w 10000"/>
                  <a:gd name="connsiteY70" fmla="*/ 4801 h 10000"/>
                  <a:gd name="connsiteX71" fmla="*/ 6659 w 10000"/>
                  <a:gd name="connsiteY71" fmla="*/ 4904 h 10000"/>
                  <a:gd name="connsiteX72" fmla="*/ 6538 w 10000"/>
                  <a:gd name="connsiteY72" fmla="*/ 4860 h 10000"/>
                  <a:gd name="connsiteX73" fmla="*/ 6465 w 10000"/>
                  <a:gd name="connsiteY73" fmla="*/ 4801 h 10000"/>
                  <a:gd name="connsiteX74" fmla="*/ 6392 w 10000"/>
                  <a:gd name="connsiteY74" fmla="*/ 4727 h 10000"/>
                  <a:gd name="connsiteX75" fmla="*/ 6320 w 10000"/>
                  <a:gd name="connsiteY75" fmla="*/ 4638 h 10000"/>
                  <a:gd name="connsiteX76" fmla="*/ 6199 w 10000"/>
                  <a:gd name="connsiteY76" fmla="*/ 4476 h 10000"/>
                  <a:gd name="connsiteX77" fmla="*/ 6077 w 10000"/>
                  <a:gd name="connsiteY77" fmla="*/ 4313 h 10000"/>
                  <a:gd name="connsiteX78" fmla="*/ 6223 w 10000"/>
                  <a:gd name="connsiteY78" fmla="*/ 4210 h 10000"/>
                  <a:gd name="connsiteX79" fmla="*/ 6416 w 10000"/>
                  <a:gd name="connsiteY79" fmla="*/ 4121 h 10000"/>
                  <a:gd name="connsiteX80" fmla="*/ 6634 w 10000"/>
                  <a:gd name="connsiteY80" fmla="*/ 4032 h 10000"/>
                  <a:gd name="connsiteX81" fmla="*/ 6877 w 10000"/>
                  <a:gd name="connsiteY81" fmla="*/ 3959 h 10000"/>
                  <a:gd name="connsiteX82" fmla="*/ 7385 w 10000"/>
                  <a:gd name="connsiteY82" fmla="*/ 3811 h 10000"/>
                  <a:gd name="connsiteX83" fmla="*/ 7893 w 10000"/>
                  <a:gd name="connsiteY83" fmla="*/ 3663 h 10000"/>
                  <a:gd name="connsiteX84" fmla="*/ 8136 w 10000"/>
                  <a:gd name="connsiteY84" fmla="*/ 3589 h 10000"/>
                  <a:gd name="connsiteX85" fmla="*/ 8378 w 10000"/>
                  <a:gd name="connsiteY85" fmla="*/ 3516 h 10000"/>
                  <a:gd name="connsiteX86" fmla="*/ 8571 w 10000"/>
                  <a:gd name="connsiteY86" fmla="*/ 3412 h 10000"/>
                  <a:gd name="connsiteX87" fmla="*/ 8765 w 10000"/>
                  <a:gd name="connsiteY87" fmla="*/ 3338 h 10000"/>
                  <a:gd name="connsiteX88" fmla="*/ 8886 w 10000"/>
                  <a:gd name="connsiteY88" fmla="*/ 3235 h 10000"/>
                  <a:gd name="connsiteX89" fmla="*/ 8983 w 10000"/>
                  <a:gd name="connsiteY89" fmla="*/ 3117 h 10000"/>
                  <a:gd name="connsiteX90" fmla="*/ 9007 w 10000"/>
                  <a:gd name="connsiteY90" fmla="*/ 3072 h 10000"/>
                  <a:gd name="connsiteX91" fmla="*/ 9031 w 10000"/>
                  <a:gd name="connsiteY91" fmla="*/ 3013 h 10000"/>
                  <a:gd name="connsiteX92" fmla="*/ 9031 w 10000"/>
                  <a:gd name="connsiteY92" fmla="*/ 2954 h 10000"/>
                  <a:gd name="connsiteX93" fmla="*/ 9007 w 10000"/>
                  <a:gd name="connsiteY93" fmla="*/ 2866 h 10000"/>
                  <a:gd name="connsiteX94" fmla="*/ 8838 w 10000"/>
                  <a:gd name="connsiteY94" fmla="*/ 2984 h 10000"/>
                  <a:gd name="connsiteX95" fmla="*/ 8644 w 10000"/>
                  <a:gd name="connsiteY95" fmla="*/ 3072 h 10000"/>
                  <a:gd name="connsiteX96" fmla="*/ 8450 w 10000"/>
                  <a:gd name="connsiteY96" fmla="*/ 3161 h 10000"/>
                  <a:gd name="connsiteX97" fmla="*/ 8257 w 10000"/>
                  <a:gd name="connsiteY97" fmla="*/ 3250 h 10000"/>
                  <a:gd name="connsiteX98" fmla="*/ 7821 w 10000"/>
                  <a:gd name="connsiteY98" fmla="*/ 3397 h 10000"/>
                  <a:gd name="connsiteX99" fmla="*/ 7361 w 10000"/>
                  <a:gd name="connsiteY99" fmla="*/ 3545 h 10000"/>
                  <a:gd name="connsiteX100" fmla="*/ 6901 w 10000"/>
                  <a:gd name="connsiteY100" fmla="*/ 3678 h 10000"/>
                  <a:gd name="connsiteX101" fmla="*/ 6465 w 10000"/>
                  <a:gd name="connsiteY101" fmla="*/ 3840 h 10000"/>
                  <a:gd name="connsiteX102" fmla="*/ 6247 w 10000"/>
                  <a:gd name="connsiteY102" fmla="*/ 3914 h 10000"/>
                  <a:gd name="connsiteX103" fmla="*/ 6053 w 10000"/>
                  <a:gd name="connsiteY103" fmla="*/ 4003 h 10000"/>
                  <a:gd name="connsiteX104" fmla="*/ 5860 w 10000"/>
                  <a:gd name="connsiteY104" fmla="*/ 4106 h 10000"/>
                  <a:gd name="connsiteX105" fmla="*/ 5666 w 10000"/>
                  <a:gd name="connsiteY105" fmla="*/ 4195 h 10000"/>
                  <a:gd name="connsiteX106" fmla="*/ 5811 w 10000"/>
                  <a:gd name="connsiteY106" fmla="*/ 4417 h 10000"/>
                  <a:gd name="connsiteX107" fmla="*/ 5908 w 10000"/>
                  <a:gd name="connsiteY107" fmla="*/ 4623 h 10000"/>
                  <a:gd name="connsiteX108" fmla="*/ 6005 w 10000"/>
                  <a:gd name="connsiteY108" fmla="*/ 4845 h 10000"/>
                  <a:gd name="connsiteX109" fmla="*/ 6077 w 10000"/>
                  <a:gd name="connsiteY109" fmla="*/ 5081 h 10000"/>
                  <a:gd name="connsiteX110" fmla="*/ 6126 w 10000"/>
                  <a:gd name="connsiteY110" fmla="*/ 5318 h 10000"/>
                  <a:gd name="connsiteX111" fmla="*/ 6150 w 10000"/>
                  <a:gd name="connsiteY111" fmla="*/ 5539 h 10000"/>
                  <a:gd name="connsiteX112" fmla="*/ 6174 w 10000"/>
                  <a:gd name="connsiteY112" fmla="*/ 5775 h 10000"/>
                  <a:gd name="connsiteX113" fmla="*/ 6174 w 10000"/>
                  <a:gd name="connsiteY113" fmla="*/ 5997 h 10000"/>
                  <a:gd name="connsiteX114" fmla="*/ 6150 w 10000"/>
                  <a:gd name="connsiteY114" fmla="*/ 6233 h 10000"/>
                  <a:gd name="connsiteX115" fmla="*/ 6102 w 10000"/>
                  <a:gd name="connsiteY115" fmla="*/ 6470 h 10000"/>
                  <a:gd name="connsiteX116" fmla="*/ 6053 w 10000"/>
                  <a:gd name="connsiteY116" fmla="*/ 6677 h 10000"/>
                  <a:gd name="connsiteX117" fmla="*/ 5981 w 10000"/>
                  <a:gd name="connsiteY117" fmla="*/ 6898 h 10000"/>
                  <a:gd name="connsiteX118" fmla="*/ 5884 w 10000"/>
                  <a:gd name="connsiteY118" fmla="*/ 7105 h 10000"/>
                  <a:gd name="connsiteX119" fmla="*/ 5763 w 10000"/>
                  <a:gd name="connsiteY119" fmla="*/ 7297 h 10000"/>
                  <a:gd name="connsiteX120" fmla="*/ 5617 w 10000"/>
                  <a:gd name="connsiteY120" fmla="*/ 7489 h 10000"/>
                  <a:gd name="connsiteX121" fmla="*/ 5472 w 10000"/>
                  <a:gd name="connsiteY121" fmla="*/ 7681 h 10000"/>
                  <a:gd name="connsiteX122" fmla="*/ 6174 w 10000"/>
                  <a:gd name="connsiteY122" fmla="*/ 7799 h 10000"/>
                  <a:gd name="connsiteX123" fmla="*/ 6901 w 10000"/>
                  <a:gd name="connsiteY123" fmla="*/ 7962 h 10000"/>
                  <a:gd name="connsiteX124" fmla="*/ 7046 w 10000"/>
                  <a:gd name="connsiteY124" fmla="*/ 8021 h 10000"/>
                  <a:gd name="connsiteX125" fmla="*/ 7167 w 10000"/>
                  <a:gd name="connsiteY125" fmla="*/ 8080 h 10000"/>
                  <a:gd name="connsiteX126" fmla="*/ 7288 w 10000"/>
                  <a:gd name="connsiteY126" fmla="*/ 8139 h 10000"/>
                  <a:gd name="connsiteX127" fmla="*/ 7361 w 10000"/>
                  <a:gd name="connsiteY127" fmla="*/ 8227 h 10000"/>
                  <a:gd name="connsiteX128" fmla="*/ 7385 w 10000"/>
                  <a:gd name="connsiteY128" fmla="*/ 8301 h 10000"/>
                  <a:gd name="connsiteX129" fmla="*/ 7385 w 10000"/>
                  <a:gd name="connsiteY129" fmla="*/ 8405 h 10000"/>
                  <a:gd name="connsiteX130" fmla="*/ 7337 w 10000"/>
                  <a:gd name="connsiteY130" fmla="*/ 8523 h 10000"/>
                  <a:gd name="connsiteX131" fmla="*/ 7264 w 10000"/>
                  <a:gd name="connsiteY131" fmla="*/ 8641 h 10000"/>
                  <a:gd name="connsiteX132" fmla="*/ 6949 w 10000"/>
                  <a:gd name="connsiteY132" fmla="*/ 8552 h 10000"/>
                  <a:gd name="connsiteX133" fmla="*/ 6659 w 10000"/>
                  <a:gd name="connsiteY133" fmla="*/ 8449 h 10000"/>
                  <a:gd name="connsiteX134" fmla="*/ 6368 w 10000"/>
                  <a:gd name="connsiteY134" fmla="*/ 8360 h 10000"/>
                  <a:gd name="connsiteX135" fmla="*/ 6077 w 10000"/>
                  <a:gd name="connsiteY135" fmla="*/ 8287 h 10000"/>
                  <a:gd name="connsiteX136" fmla="*/ 5956 w 10000"/>
                  <a:gd name="connsiteY136" fmla="*/ 8449 h 10000"/>
                  <a:gd name="connsiteX137" fmla="*/ 5860 w 10000"/>
                  <a:gd name="connsiteY137" fmla="*/ 8597 h 10000"/>
                  <a:gd name="connsiteX138" fmla="*/ 5811 w 10000"/>
                  <a:gd name="connsiteY138" fmla="*/ 8656 h 10000"/>
                  <a:gd name="connsiteX139" fmla="*/ 5714 w 10000"/>
                  <a:gd name="connsiteY139" fmla="*/ 8700 h 10000"/>
                  <a:gd name="connsiteX140" fmla="*/ 5642 w 10000"/>
                  <a:gd name="connsiteY140" fmla="*/ 8744 h 10000"/>
                  <a:gd name="connsiteX141" fmla="*/ 5569 w 10000"/>
                  <a:gd name="connsiteY141" fmla="*/ 8774 h 10000"/>
                  <a:gd name="connsiteX142" fmla="*/ 5496 w 10000"/>
                  <a:gd name="connsiteY142" fmla="*/ 8804 h 10000"/>
                  <a:gd name="connsiteX143" fmla="*/ 5400 w 10000"/>
                  <a:gd name="connsiteY143" fmla="*/ 8818 h 10000"/>
                  <a:gd name="connsiteX144" fmla="*/ 5278 w 10000"/>
                  <a:gd name="connsiteY144" fmla="*/ 8833 h 10000"/>
                  <a:gd name="connsiteX145" fmla="*/ 5157 w 10000"/>
                  <a:gd name="connsiteY145" fmla="*/ 8833 h 10000"/>
                  <a:gd name="connsiteX146" fmla="*/ 4867 w 10000"/>
                  <a:gd name="connsiteY146" fmla="*/ 8818 h 10000"/>
                  <a:gd name="connsiteX147" fmla="*/ 4504 w 10000"/>
                  <a:gd name="connsiteY147" fmla="*/ 8744 h 10000"/>
                  <a:gd name="connsiteX148" fmla="*/ 4504 w 10000"/>
                  <a:gd name="connsiteY148" fmla="*/ 8922 h 10000"/>
                  <a:gd name="connsiteX149" fmla="*/ 4479 w 10000"/>
                  <a:gd name="connsiteY149" fmla="*/ 9069 h 10000"/>
                  <a:gd name="connsiteX150" fmla="*/ 4455 w 10000"/>
                  <a:gd name="connsiteY150" fmla="*/ 9232 h 10000"/>
                  <a:gd name="connsiteX151" fmla="*/ 4431 w 10000"/>
                  <a:gd name="connsiteY151" fmla="*/ 9365 h 10000"/>
                  <a:gd name="connsiteX152" fmla="*/ 4383 w 10000"/>
                  <a:gd name="connsiteY152" fmla="*/ 9498 h 10000"/>
                  <a:gd name="connsiteX153" fmla="*/ 4286 w 10000"/>
                  <a:gd name="connsiteY153" fmla="*/ 9616 h 10000"/>
                  <a:gd name="connsiteX154" fmla="*/ 4213 w 10000"/>
                  <a:gd name="connsiteY154" fmla="*/ 9734 h 10000"/>
                  <a:gd name="connsiteX155" fmla="*/ 4092 w 10000"/>
                  <a:gd name="connsiteY155" fmla="*/ 9838 h 10000"/>
                  <a:gd name="connsiteX156" fmla="*/ 3801 w 10000"/>
                  <a:gd name="connsiteY156" fmla="*/ 9897 h 10000"/>
                  <a:gd name="connsiteX157" fmla="*/ 3559 w 10000"/>
                  <a:gd name="connsiteY157" fmla="*/ 9941 h 10000"/>
                  <a:gd name="connsiteX158" fmla="*/ 3269 w 10000"/>
                  <a:gd name="connsiteY158" fmla="*/ 9985 h 10000"/>
                  <a:gd name="connsiteX159" fmla="*/ 3051 w 10000"/>
                  <a:gd name="connsiteY159" fmla="*/ 10000 h 10000"/>
                  <a:gd name="connsiteX160" fmla="*/ 2567 w 10000"/>
                  <a:gd name="connsiteY160" fmla="*/ 10000 h 10000"/>
                  <a:gd name="connsiteX161" fmla="*/ 2107 w 10000"/>
                  <a:gd name="connsiteY161" fmla="*/ 9985 h 10000"/>
                  <a:gd name="connsiteX162" fmla="*/ 1671 w 10000"/>
                  <a:gd name="connsiteY162" fmla="*/ 9941 h 10000"/>
                  <a:gd name="connsiteX163" fmla="*/ 1211 w 10000"/>
                  <a:gd name="connsiteY163" fmla="*/ 9911 h 10000"/>
                  <a:gd name="connsiteX164" fmla="*/ 944 w 10000"/>
                  <a:gd name="connsiteY164" fmla="*/ 9911 h 10000"/>
                  <a:gd name="connsiteX165" fmla="*/ 702 w 10000"/>
                  <a:gd name="connsiteY165" fmla="*/ 9911 h 10000"/>
                  <a:gd name="connsiteX166" fmla="*/ 436 w 10000"/>
                  <a:gd name="connsiteY166" fmla="*/ 9926 h 10000"/>
                  <a:gd name="connsiteX167" fmla="*/ 169 w 10000"/>
                  <a:gd name="connsiteY167" fmla="*/ 9970 h 10000"/>
                  <a:gd name="connsiteX168" fmla="*/ 97 w 10000"/>
                  <a:gd name="connsiteY168" fmla="*/ 9867 h 10000"/>
                  <a:gd name="connsiteX169" fmla="*/ 48 w 10000"/>
                  <a:gd name="connsiteY169" fmla="*/ 9793 h 10000"/>
                  <a:gd name="connsiteX170" fmla="*/ 0 w 10000"/>
                  <a:gd name="connsiteY170" fmla="*/ 9705 h 10000"/>
                  <a:gd name="connsiteX171" fmla="*/ 0 w 10000"/>
                  <a:gd name="connsiteY171" fmla="*/ 9601 h 10000"/>
                  <a:gd name="connsiteX172" fmla="*/ 48 w 10000"/>
                  <a:gd name="connsiteY172" fmla="*/ 9424 h 10000"/>
                  <a:gd name="connsiteX173" fmla="*/ 97 w 10000"/>
                  <a:gd name="connsiteY173" fmla="*/ 9202 h 10000"/>
                  <a:gd name="connsiteX174" fmla="*/ 145 w 10000"/>
                  <a:gd name="connsiteY174" fmla="*/ 8996 h 10000"/>
                  <a:gd name="connsiteX175" fmla="*/ 194 w 10000"/>
                  <a:gd name="connsiteY175" fmla="*/ 8759 h 10000"/>
                  <a:gd name="connsiteX176" fmla="*/ 218 w 10000"/>
                  <a:gd name="connsiteY176" fmla="*/ 8641 h 10000"/>
                  <a:gd name="connsiteX177" fmla="*/ 218 w 10000"/>
                  <a:gd name="connsiteY177" fmla="*/ 8538 h 10000"/>
                  <a:gd name="connsiteX178" fmla="*/ 194 w 10000"/>
                  <a:gd name="connsiteY178" fmla="*/ 8405 h 10000"/>
                  <a:gd name="connsiteX179" fmla="*/ 169 w 10000"/>
                  <a:gd name="connsiteY179" fmla="*/ 8287 h 10000"/>
                  <a:gd name="connsiteX180" fmla="*/ 412 w 10000"/>
                  <a:gd name="connsiteY180" fmla="*/ 8213 h 10000"/>
                  <a:gd name="connsiteX181" fmla="*/ 654 w 10000"/>
                  <a:gd name="connsiteY181" fmla="*/ 8139 h 10000"/>
                  <a:gd name="connsiteX182" fmla="*/ 896 w 10000"/>
                  <a:gd name="connsiteY182" fmla="*/ 8095 h 10000"/>
                  <a:gd name="connsiteX183" fmla="*/ 1162 w 10000"/>
                  <a:gd name="connsiteY183" fmla="*/ 8065 h 10000"/>
                  <a:gd name="connsiteX184" fmla="*/ 1646 w 10000"/>
                  <a:gd name="connsiteY184" fmla="*/ 8021 h 10000"/>
                  <a:gd name="connsiteX185" fmla="*/ 2131 w 10000"/>
                  <a:gd name="connsiteY185" fmla="*/ 7976 h 10000"/>
                  <a:gd name="connsiteX186" fmla="*/ 2349 w 10000"/>
                  <a:gd name="connsiteY186" fmla="*/ 7947 h 10000"/>
                  <a:gd name="connsiteX187" fmla="*/ 2567 w 10000"/>
                  <a:gd name="connsiteY187" fmla="*/ 7917 h 10000"/>
                  <a:gd name="connsiteX188" fmla="*/ 2760 w 10000"/>
                  <a:gd name="connsiteY188" fmla="*/ 7843 h 10000"/>
                  <a:gd name="connsiteX189" fmla="*/ 2954 w 10000"/>
                  <a:gd name="connsiteY189" fmla="*/ 7784 h 10000"/>
                  <a:gd name="connsiteX190" fmla="*/ 3123 w 10000"/>
                  <a:gd name="connsiteY190" fmla="*/ 7710 h 10000"/>
                  <a:gd name="connsiteX191" fmla="*/ 3269 w 10000"/>
                  <a:gd name="connsiteY191" fmla="*/ 7592 h 10000"/>
                  <a:gd name="connsiteX192" fmla="*/ 3414 w 10000"/>
                  <a:gd name="connsiteY192" fmla="*/ 7474 h 10000"/>
                  <a:gd name="connsiteX193" fmla="*/ 3511 w 10000"/>
                  <a:gd name="connsiteY193" fmla="*/ 7312 h 10000"/>
                  <a:gd name="connsiteX194" fmla="*/ 3317 w 10000"/>
                  <a:gd name="connsiteY194" fmla="*/ 7238 h 10000"/>
                  <a:gd name="connsiteX195" fmla="*/ 3148 w 10000"/>
                  <a:gd name="connsiteY195" fmla="*/ 7179 h 10000"/>
                  <a:gd name="connsiteX196" fmla="*/ 3002 w 10000"/>
                  <a:gd name="connsiteY196" fmla="*/ 7090 h 10000"/>
                  <a:gd name="connsiteX197" fmla="*/ 2857 w 10000"/>
                  <a:gd name="connsiteY197" fmla="*/ 6987 h 10000"/>
                  <a:gd name="connsiteX198" fmla="*/ 2760 w 10000"/>
                  <a:gd name="connsiteY198" fmla="*/ 6869 h 10000"/>
                  <a:gd name="connsiteX199" fmla="*/ 2712 w 10000"/>
                  <a:gd name="connsiteY199" fmla="*/ 6721 h 10000"/>
                  <a:gd name="connsiteX200" fmla="*/ 2688 w 10000"/>
                  <a:gd name="connsiteY200" fmla="*/ 6558 h 10000"/>
                  <a:gd name="connsiteX201" fmla="*/ 2712 w 10000"/>
                  <a:gd name="connsiteY201" fmla="*/ 6352 h 10000"/>
                  <a:gd name="connsiteX202" fmla="*/ 2591 w 10000"/>
                  <a:gd name="connsiteY202" fmla="*/ 6322 h 10000"/>
                  <a:gd name="connsiteX203" fmla="*/ 2446 w 10000"/>
                  <a:gd name="connsiteY203" fmla="*/ 6292 h 10000"/>
                  <a:gd name="connsiteX204" fmla="*/ 2276 w 10000"/>
                  <a:gd name="connsiteY204" fmla="*/ 6278 h 10000"/>
                  <a:gd name="connsiteX205" fmla="*/ 2107 w 10000"/>
                  <a:gd name="connsiteY205" fmla="*/ 6263 h 10000"/>
                  <a:gd name="connsiteX206" fmla="*/ 1768 w 10000"/>
                  <a:gd name="connsiteY206" fmla="*/ 6248 h 10000"/>
                  <a:gd name="connsiteX207" fmla="*/ 1404 w 10000"/>
                  <a:gd name="connsiteY207" fmla="*/ 6263 h 10000"/>
                  <a:gd name="connsiteX208" fmla="*/ 1090 w 10000"/>
                  <a:gd name="connsiteY208" fmla="*/ 6278 h 10000"/>
                  <a:gd name="connsiteX209" fmla="*/ 799 w 10000"/>
                  <a:gd name="connsiteY209" fmla="*/ 6278 h 10000"/>
                  <a:gd name="connsiteX210" fmla="*/ 557 w 10000"/>
                  <a:gd name="connsiteY210" fmla="*/ 6263 h 10000"/>
                  <a:gd name="connsiteX211" fmla="*/ 363 w 10000"/>
                  <a:gd name="connsiteY211" fmla="*/ 6233 h 10000"/>
                  <a:gd name="connsiteX212" fmla="*/ 605 w 10000"/>
                  <a:gd name="connsiteY212" fmla="*/ 5805 h 10000"/>
                  <a:gd name="connsiteX213" fmla="*/ 872 w 10000"/>
                  <a:gd name="connsiteY213" fmla="*/ 5391 h 10000"/>
                  <a:gd name="connsiteX214" fmla="*/ 969 w 10000"/>
                  <a:gd name="connsiteY214" fmla="*/ 5170 h 10000"/>
                  <a:gd name="connsiteX215" fmla="*/ 1041 w 10000"/>
                  <a:gd name="connsiteY215" fmla="*/ 4963 h 10000"/>
                  <a:gd name="connsiteX216" fmla="*/ 1065 w 10000"/>
                  <a:gd name="connsiteY216" fmla="*/ 4860 h 10000"/>
                  <a:gd name="connsiteX217" fmla="*/ 1041 w 10000"/>
                  <a:gd name="connsiteY217" fmla="*/ 4756 h 10000"/>
                  <a:gd name="connsiteX218" fmla="*/ 1017 w 10000"/>
                  <a:gd name="connsiteY218" fmla="*/ 4653 h 10000"/>
                  <a:gd name="connsiteX219" fmla="*/ 944 w 10000"/>
                  <a:gd name="connsiteY219" fmla="*/ 4549 h 10000"/>
                  <a:gd name="connsiteX220" fmla="*/ 1211 w 10000"/>
                  <a:gd name="connsiteY220" fmla="*/ 4520 h 10000"/>
                  <a:gd name="connsiteX221" fmla="*/ 1404 w 10000"/>
                  <a:gd name="connsiteY221" fmla="*/ 4505 h 10000"/>
                  <a:gd name="connsiteX222" fmla="*/ 1574 w 10000"/>
                  <a:gd name="connsiteY222" fmla="*/ 4505 h 10000"/>
                  <a:gd name="connsiteX223" fmla="*/ 1719 w 10000"/>
                  <a:gd name="connsiteY223" fmla="*/ 4520 h 10000"/>
                  <a:gd name="connsiteX224" fmla="*/ 1840 w 10000"/>
                  <a:gd name="connsiteY224" fmla="*/ 4520 h 10000"/>
                  <a:gd name="connsiteX225" fmla="*/ 1985 w 10000"/>
                  <a:gd name="connsiteY225" fmla="*/ 4520 h 10000"/>
                  <a:gd name="connsiteX226" fmla="*/ 2131 w 10000"/>
                  <a:gd name="connsiteY226" fmla="*/ 4490 h 10000"/>
                  <a:gd name="connsiteX227" fmla="*/ 2324 w 10000"/>
                  <a:gd name="connsiteY227" fmla="*/ 4446 h 10000"/>
                  <a:gd name="connsiteX228" fmla="*/ 2324 w 10000"/>
                  <a:gd name="connsiteY228" fmla="*/ 4579 h 10000"/>
                  <a:gd name="connsiteX229" fmla="*/ 2324 w 10000"/>
                  <a:gd name="connsiteY229" fmla="*/ 4742 h 10000"/>
                  <a:gd name="connsiteX230" fmla="*/ 2324 w 10000"/>
                  <a:gd name="connsiteY230" fmla="*/ 4874 h 10000"/>
                  <a:gd name="connsiteX231" fmla="*/ 2324 w 10000"/>
                  <a:gd name="connsiteY231" fmla="*/ 5037 h 10000"/>
                  <a:gd name="connsiteX232" fmla="*/ 2542 w 10000"/>
                  <a:gd name="connsiteY232" fmla="*/ 5022 h 10000"/>
                  <a:gd name="connsiteX233" fmla="*/ 2688 w 10000"/>
                  <a:gd name="connsiteY233" fmla="*/ 5037 h 10000"/>
                  <a:gd name="connsiteX234" fmla="*/ 2809 w 10000"/>
                  <a:gd name="connsiteY234" fmla="*/ 5066 h 10000"/>
                  <a:gd name="connsiteX235" fmla="*/ 2930 w 10000"/>
                  <a:gd name="connsiteY235" fmla="*/ 5096 h 10000"/>
                  <a:gd name="connsiteX236" fmla="*/ 3027 w 10000"/>
                  <a:gd name="connsiteY236" fmla="*/ 5126 h 10000"/>
                  <a:gd name="connsiteX237" fmla="*/ 3148 w 10000"/>
                  <a:gd name="connsiteY237" fmla="*/ 5155 h 10000"/>
                  <a:gd name="connsiteX238" fmla="*/ 3293 w 10000"/>
                  <a:gd name="connsiteY238" fmla="*/ 5170 h 10000"/>
                  <a:gd name="connsiteX239" fmla="*/ 3511 w 10000"/>
                  <a:gd name="connsiteY239" fmla="*/ 5155 h 10000"/>
                  <a:gd name="connsiteX240" fmla="*/ 3584 w 10000"/>
                  <a:gd name="connsiteY240" fmla="*/ 5096 h 10000"/>
                  <a:gd name="connsiteX241" fmla="*/ 3656 w 10000"/>
                  <a:gd name="connsiteY241" fmla="*/ 5022 h 10000"/>
                  <a:gd name="connsiteX242" fmla="*/ 3680 w 10000"/>
                  <a:gd name="connsiteY242" fmla="*/ 4934 h 10000"/>
                  <a:gd name="connsiteX243" fmla="*/ 3705 w 10000"/>
                  <a:gd name="connsiteY243" fmla="*/ 4860 h 10000"/>
                  <a:gd name="connsiteX244" fmla="*/ 3729 w 10000"/>
                  <a:gd name="connsiteY244" fmla="*/ 4697 h 10000"/>
                  <a:gd name="connsiteX245" fmla="*/ 3705 w 10000"/>
                  <a:gd name="connsiteY245" fmla="*/ 4520 h 10000"/>
                  <a:gd name="connsiteX246" fmla="*/ 3632 w 10000"/>
                  <a:gd name="connsiteY246" fmla="*/ 4343 h 10000"/>
                  <a:gd name="connsiteX247" fmla="*/ 3559 w 10000"/>
                  <a:gd name="connsiteY247" fmla="*/ 4195 h 10000"/>
                  <a:gd name="connsiteX248" fmla="*/ 3438 w 10000"/>
                  <a:gd name="connsiteY248" fmla="*/ 4047 h 10000"/>
                  <a:gd name="connsiteX249" fmla="*/ 3317 w 10000"/>
                  <a:gd name="connsiteY249" fmla="*/ 3959 h 10000"/>
                  <a:gd name="connsiteX250" fmla="*/ 3462 w 10000"/>
                  <a:gd name="connsiteY250" fmla="*/ 3944 h 10000"/>
                  <a:gd name="connsiteX251" fmla="*/ 3584 w 10000"/>
                  <a:gd name="connsiteY251" fmla="*/ 3914 h 10000"/>
                  <a:gd name="connsiteX252" fmla="*/ 3680 w 10000"/>
                  <a:gd name="connsiteY252" fmla="*/ 3855 h 10000"/>
                  <a:gd name="connsiteX253" fmla="*/ 3801 w 10000"/>
                  <a:gd name="connsiteY253" fmla="*/ 3752 h 10000"/>
                  <a:gd name="connsiteX254" fmla="*/ 3923 w 10000"/>
                  <a:gd name="connsiteY254" fmla="*/ 3663 h 10000"/>
                  <a:gd name="connsiteX255" fmla="*/ 4019 w 10000"/>
                  <a:gd name="connsiteY255" fmla="*/ 3560 h 10000"/>
                  <a:gd name="connsiteX256" fmla="*/ 4092 w 10000"/>
                  <a:gd name="connsiteY256" fmla="*/ 3442 h 10000"/>
                  <a:gd name="connsiteX257" fmla="*/ 4165 w 10000"/>
                  <a:gd name="connsiteY257" fmla="*/ 3323 h 10000"/>
                  <a:gd name="connsiteX258" fmla="*/ 4213 w 10000"/>
                  <a:gd name="connsiteY258" fmla="*/ 3220 h 10000"/>
                  <a:gd name="connsiteX259" fmla="*/ 4237 w 10000"/>
                  <a:gd name="connsiteY259" fmla="*/ 3102 h 10000"/>
                  <a:gd name="connsiteX260" fmla="*/ 4262 w 10000"/>
                  <a:gd name="connsiteY260" fmla="*/ 3013 h 10000"/>
                  <a:gd name="connsiteX261" fmla="*/ 4237 w 10000"/>
                  <a:gd name="connsiteY261" fmla="*/ 2939 h 10000"/>
                  <a:gd name="connsiteX262" fmla="*/ 4213 w 10000"/>
                  <a:gd name="connsiteY262" fmla="*/ 2866 h 10000"/>
                  <a:gd name="connsiteX263" fmla="*/ 4140 w 10000"/>
                  <a:gd name="connsiteY263" fmla="*/ 2836 h 10000"/>
                  <a:gd name="connsiteX264" fmla="*/ 4044 w 10000"/>
                  <a:gd name="connsiteY264" fmla="*/ 2836 h 10000"/>
                  <a:gd name="connsiteX265" fmla="*/ 3923 w 10000"/>
                  <a:gd name="connsiteY265" fmla="*/ 2866 h 10000"/>
                  <a:gd name="connsiteX266" fmla="*/ 4019 w 10000"/>
                  <a:gd name="connsiteY266" fmla="*/ 2777 h 10000"/>
                  <a:gd name="connsiteX267" fmla="*/ 4068 w 10000"/>
                  <a:gd name="connsiteY267" fmla="*/ 2674 h 10000"/>
                  <a:gd name="connsiteX268" fmla="*/ 4092 w 10000"/>
                  <a:gd name="connsiteY268" fmla="*/ 2541 h 10000"/>
                  <a:gd name="connsiteX269" fmla="*/ 4092 w 10000"/>
                  <a:gd name="connsiteY269" fmla="*/ 2393 h 10000"/>
                  <a:gd name="connsiteX270" fmla="*/ 4116 w 10000"/>
                  <a:gd name="connsiteY270" fmla="*/ 2349 h 10000"/>
                  <a:gd name="connsiteX271" fmla="*/ 4165 w 10000"/>
                  <a:gd name="connsiteY271" fmla="*/ 2304 h 10000"/>
                  <a:gd name="connsiteX272" fmla="*/ 4213 w 10000"/>
                  <a:gd name="connsiteY272" fmla="*/ 2290 h 10000"/>
                  <a:gd name="connsiteX273" fmla="*/ 4286 w 10000"/>
                  <a:gd name="connsiteY273" fmla="*/ 2275 h 10000"/>
                  <a:gd name="connsiteX274" fmla="*/ 4504 w 10000"/>
                  <a:gd name="connsiteY274" fmla="*/ 2260 h 10000"/>
                  <a:gd name="connsiteX275" fmla="*/ 4697 w 10000"/>
                  <a:gd name="connsiteY275" fmla="*/ 2275 h 10000"/>
                  <a:gd name="connsiteX276" fmla="*/ 4673 w 10000"/>
                  <a:gd name="connsiteY276" fmla="*/ 2112 h 10000"/>
                  <a:gd name="connsiteX277" fmla="*/ 4625 w 10000"/>
                  <a:gd name="connsiteY277" fmla="*/ 1950 h 10000"/>
                  <a:gd name="connsiteX278" fmla="*/ 4552 w 10000"/>
                  <a:gd name="connsiteY278" fmla="*/ 1802 h 10000"/>
                  <a:gd name="connsiteX279" fmla="*/ 4455 w 10000"/>
                  <a:gd name="connsiteY279" fmla="*/ 1640 h 10000"/>
                  <a:gd name="connsiteX280" fmla="*/ 4213 w 10000"/>
                  <a:gd name="connsiteY280" fmla="*/ 1329 h 10000"/>
                  <a:gd name="connsiteX281" fmla="*/ 3971 w 10000"/>
                  <a:gd name="connsiteY281" fmla="*/ 1034 h 10000"/>
                  <a:gd name="connsiteX282" fmla="*/ 3850 w 10000"/>
                  <a:gd name="connsiteY282" fmla="*/ 901 h 10000"/>
                  <a:gd name="connsiteX283" fmla="*/ 3753 w 10000"/>
                  <a:gd name="connsiteY283" fmla="*/ 753 h 10000"/>
                  <a:gd name="connsiteX284" fmla="*/ 3680 w 10000"/>
                  <a:gd name="connsiteY284" fmla="*/ 620 h 10000"/>
                  <a:gd name="connsiteX285" fmla="*/ 3656 w 10000"/>
                  <a:gd name="connsiteY285" fmla="*/ 487 h 10000"/>
                  <a:gd name="connsiteX286" fmla="*/ 3632 w 10000"/>
                  <a:gd name="connsiteY286" fmla="*/ 355 h 10000"/>
                  <a:gd name="connsiteX287" fmla="*/ 3680 w 10000"/>
                  <a:gd name="connsiteY287" fmla="*/ 222 h 10000"/>
                  <a:gd name="connsiteX288" fmla="*/ 3705 w 10000"/>
                  <a:gd name="connsiteY288" fmla="*/ 162 h 10000"/>
                  <a:gd name="connsiteX289" fmla="*/ 3753 w 10000"/>
                  <a:gd name="connsiteY289" fmla="*/ 103 h 10000"/>
                  <a:gd name="connsiteX290" fmla="*/ 3826 w 10000"/>
                  <a:gd name="connsiteY290" fmla="*/ 59 h 10000"/>
                  <a:gd name="connsiteX291" fmla="*/ 3923 w 10000"/>
                  <a:gd name="connsiteY291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7361 w 10000"/>
                  <a:gd name="connsiteY61" fmla="*/ 4195 h 10000"/>
                  <a:gd name="connsiteX62" fmla="*/ 6852 w 10000"/>
                  <a:gd name="connsiteY62" fmla="*/ 4313 h 10000"/>
                  <a:gd name="connsiteX63" fmla="*/ 6852 w 10000"/>
                  <a:gd name="connsiteY63" fmla="*/ 4431 h 10000"/>
                  <a:gd name="connsiteX64" fmla="*/ 6852 w 10000"/>
                  <a:gd name="connsiteY64" fmla="*/ 4549 h 10000"/>
                  <a:gd name="connsiteX65" fmla="*/ 6804 w 10000"/>
                  <a:gd name="connsiteY65" fmla="*/ 4564 h 10000"/>
                  <a:gd name="connsiteX66" fmla="*/ 6731 w 10000"/>
                  <a:gd name="connsiteY66" fmla="*/ 4594 h 10000"/>
                  <a:gd name="connsiteX67" fmla="*/ 6683 w 10000"/>
                  <a:gd name="connsiteY67" fmla="*/ 4638 h 10000"/>
                  <a:gd name="connsiteX68" fmla="*/ 6683 w 10000"/>
                  <a:gd name="connsiteY68" fmla="*/ 4697 h 10000"/>
                  <a:gd name="connsiteX69" fmla="*/ 6659 w 10000"/>
                  <a:gd name="connsiteY69" fmla="*/ 4801 h 10000"/>
                  <a:gd name="connsiteX70" fmla="*/ 6659 w 10000"/>
                  <a:gd name="connsiteY70" fmla="*/ 4904 h 10000"/>
                  <a:gd name="connsiteX71" fmla="*/ 6538 w 10000"/>
                  <a:gd name="connsiteY71" fmla="*/ 4860 h 10000"/>
                  <a:gd name="connsiteX72" fmla="*/ 6465 w 10000"/>
                  <a:gd name="connsiteY72" fmla="*/ 4801 h 10000"/>
                  <a:gd name="connsiteX73" fmla="*/ 6392 w 10000"/>
                  <a:gd name="connsiteY73" fmla="*/ 4727 h 10000"/>
                  <a:gd name="connsiteX74" fmla="*/ 6320 w 10000"/>
                  <a:gd name="connsiteY74" fmla="*/ 4638 h 10000"/>
                  <a:gd name="connsiteX75" fmla="*/ 6199 w 10000"/>
                  <a:gd name="connsiteY75" fmla="*/ 4476 h 10000"/>
                  <a:gd name="connsiteX76" fmla="*/ 6077 w 10000"/>
                  <a:gd name="connsiteY76" fmla="*/ 4313 h 10000"/>
                  <a:gd name="connsiteX77" fmla="*/ 6223 w 10000"/>
                  <a:gd name="connsiteY77" fmla="*/ 4210 h 10000"/>
                  <a:gd name="connsiteX78" fmla="*/ 6416 w 10000"/>
                  <a:gd name="connsiteY78" fmla="*/ 4121 h 10000"/>
                  <a:gd name="connsiteX79" fmla="*/ 6634 w 10000"/>
                  <a:gd name="connsiteY79" fmla="*/ 4032 h 10000"/>
                  <a:gd name="connsiteX80" fmla="*/ 6877 w 10000"/>
                  <a:gd name="connsiteY80" fmla="*/ 3959 h 10000"/>
                  <a:gd name="connsiteX81" fmla="*/ 7385 w 10000"/>
                  <a:gd name="connsiteY81" fmla="*/ 3811 h 10000"/>
                  <a:gd name="connsiteX82" fmla="*/ 7893 w 10000"/>
                  <a:gd name="connsiteY82" fmla="*/ 3663 h 10000"/>
                  <a:gd name="connsiteX83" fmla="*/ 8136 w 10000"/>
                  <a:gd name="connsiteY83" fmla="*/ 3589 h 10000"/>
                  <a:gd name="connsiteX84" fmla="*/ 8378 w 10000"/>
                  <a:gd name="connsiteY84" fmla="*/ 3516 h 10000"/>
                  <a:gd name="connsiteX85" fmla="*/ 8571 w 10000"/>
                  <a:gd name="connsiteY85" fmla="*/ 3412 h 10000"/>
                  <a:gd name="connsiteX86" fmla="*/ 8765 w 10000"/>
                  <a:gd name="connsiteY86" fmla="*/ 3338 h 10000"/>
                  <a:gd name="connsiteX87" fmla="*/ 8886 w 10000"/>
                  <a:gd name="connsiteY87" fmla="*/ 3235 h 10000"/>
                  <a:gd name="connsiteX88" fmla="*/ 8983 w 10000"/>
                  <a:gd name="connsiteY88" fmla="*/ 3117 h 10000"/>
                  <a:gd name="connsiteX89" fmla="*/ 9007 w 10000"/>
                  <a:gd name="connsiteY89" fmla="*/ 3072 h 10000"/>
                  <a:gd name="connsiteX90" fmla="*/ 9031 w 10000"/>
                  <a:gd name="connsiteY90" fmla="*/ 3013 h 10000"/>
                  <a:gd name="connsiteX91" fmla="*/ 9031 w 10000"/>
                  <a:gd name="connsiteY91" fmla="*/ 2954 h 10000"/>
                  <a:gd name="connsiteX92" fmla="*/ 9007 w 10000"/>
                  <a:gd name="connsiteY92" fmla="*/ 2866 h 10000"/>
                  <a:gd name="connsiteX93" fmla="*/ 8838 w 10000"/>
                  <a:gd name="connsiteY93" fmla="*/ 2984 h 10000"/>
                  <a:gd name="connsiteX94" fmla="*/ 8644 w 10000"/>
                  <a:gd name="connsiteY94" fmla="*/ 3072 h 10000"/>
                  <a:gd name="connsiteX95" fmla="*/ 8450 w 10000"/>
                  <a:gd name="connsiteY95" fmla="*/ 3161 h 10000"/>
                  <a:gd name="connsiteX96" fmla="*/ 8257 w 10000"/>
                  <a:gd name="connsiteY96" fmla="*/ 3250 h 10000"/>
                  <a:gd name="connsiteX97" fmla="*/ 7821 w 10000"/>
                  <a:gd name="connsiteY97" fmla="*/ 3397 h 10000"/>
                  <a:gd name="connsiteX98" fmla="*/ 7361 w 10000"/>
                  <a:gd name="connsiteY98" fmla="*/ 3545 h 10000"/>
                  <a:gd name="connsiteX99" fmla="*/ 6901 w 10000"/>
                  <a:gd name="connsiteY99" fmla="*/ 3678 h 10000"/>
                  <a:gd name="connsiteX100" fmla="*/ 6465 w 10000"/>
                  <a:gd name="connsiteY100" fmla="*/ 3840 h 10000"/>
                  <a:gd name="connsiteX101" fmla="*/ 6247 w 10000"/>
                  <a:gd name="connsiteY101" fmla="*/ 3914 h 10000"/>
                  <a:gd name="connsiteX102" fmla="*/ 6053 w 10000"/>
                  <a:gd name="connsiteY102" fmla="*/ 4003 h 10000"/>
                  <a:gd name="connsiteX103" fmla="*/ 5860 w 10000"/>
                  <a:gd name="connsiteY103" fmla="*/ 4106 h 10000"/>
                  <a:gd name="connsiteX104" fmla="*/ 5666 w 10000"/>
                  <a:gd name="connsiteY104" fmla="*/ 4195 h 10000"/>
                  <a:gd name="connsiteX105" fmla="*/ 5811 w 10000"/>
                  <a:gd name="connsiteY105" fmla="*/ 4417 h 10000"/>
                  <a:gd name="connsiteX106" fmla="*/ 5908 w 10000"/>
                  <a:gd name="connsiteY106" fmla="*/ 4623 h 10000"/>
                  <a:gd name="connsiteX107" fmla="*/ 6005 w 10000"/>
                  <a:gd name="connsiteY107" fmla="*/ 4845 h 10000"/>
                  <a:gd name="connsiteX108" fmla="*/ 6077 w 10000"/>
                  <a:gd name="connsiteY108" fmla="*/ 5081 h 10000"/>
                  <a:gd name="connsiteX109" fmla="*/ 6126 w 10000"/>
                  <a:gd name="connsiteY109" fmla="*/ 5318 h 10000"/>
                  <a:gd name="connsiteX110" fmla="*/ 6150 w 10000"/>
                  <a:gd name="connsiteY110" fmla="*/ 5539 h 10000"/>
                  <a:gd name="connsiteX111" fmla="*/ 6174 w 10000"/>
                  <a:gd name="connsiteY111" fmla="*/ 5775 h 10000"/>
                  <a:gd name="connsiteX112" fmla="*/ 6174 w 10000"/>
                  <a:gd name="connsiteY112" fmla="*/ 5997 h 10000"/>
                  <a:gd name="connsiteX113" fmla="*/ 6150 w 10000"/>
                  <a:gd name="connsiteY113" fmla="*/ 6233 h 10000"/>
                  <a:gd name="connsiteX114" fmla="*/ 6102 w 10000"/>
                  <a:gd name="connsiteY114" fmla="*/ 6470 h 10000"/>
                  <a:gd name="connsiteX115" fmla="*/ 6053 w 10000"/>
                  <a:gd name="connsiteY115" fmla="*/ 6677 h 10000"/>
                  <a:gd name="connsiteX116" fmla="*/ 5981 w 10000"/>
                  <a:gd name="connsiteY116" fmla="*/ 6898 h 10000"/>
                  <a:gd name="connsiteX117" fmla="*/ 5884 w 10000"/>
                  <a:gd name="connsiteY117" fmla="*/ 7105 h 10000"/>
                  <a:gd name="connsiteX118" fmla="*/ 5763 w 10000"/>
                  <a:gd name="connsiteY118" fmla="*/ 7297 h 10000"/>
                  <a:gd name="connsiteX119" fmla="*/ 5617 w 10000"/>
                  <a:gd name="connsiteY119" fmla="*/ 7489 h 10000"/>
                  <a:gd name="connsiteX120" fmla="*/ 5472 w 10000"/>
                  <a:gd name="connsiteY120" fmla="*/ 7681 h 10000"/>
                  <a:gd name="connsiteX121" fmla="*/ 6174 w 10000"/>
                  <a:gd name="connsiteY121" fmla="*/ 7799 h 10000"/>
                  <a:gd name="connsiteX122" fmla="*/ 6901 w 10000"/>
                  <a:gd name="connsiteY122" fmla="*/ 7962 h 10000"/>
                  <a:gd name="connsiteX123" fmla="*/ 7046 w 10000"/>
                  <a:gd name="connsiteY123" fmla="*/ 8021 h 10000"/>
                  <a:gd name="connsiteX124" fmla="*/ 7167 w 10000"/>
                  <a:gd name="connsiteY124" fmla="*/ 8080 h 10000"/>
                  <a:gd name="connsiteX125" fmla="*/ 7288 w 10000"/>
                  <a:gd name="connsiteY125" fmla="*/ 8139 h 10000"/>
                  <a:gd name="connsiteX126" fmla="*/ 7361 w 10000"/>
                  <a:gd name="connsiteY126" fmla="*/ 8227 h 10000"/>
                  <a:gd name="connsiteX127" fmla="*/ 7385 w 10000"/>
                  <a:gd name="connsiteY127" fmla="*/ 8301 h 10000"/>
                  <a:gd name="connsiteX128" fmla="*/ 7385 w 10000"/>
                  <a:gd name="connsiteY128" fmla="*/ 8405 h 10000"/>
                  <a:gd name="connsiteX129" fmla="*/ 7337 w 10000"/>
                  <a:gd name="connsiteY129" fmla="*/ 8523 h 10000"/>
                  <a:gd name="connsiteX130" fmla="*/ 7264 w 10000"/>
                  <a:gd name="connsiteY130" fmla="*/ 8641 h 10000"/>
                  <a:gd name="connsiteX131" fmla="*/ 6949 w 10000"/>
                  <a:gd name="connsiteY131" fmla="*/ 8552 h 10000"/>
                  <a:gd name="connsiteX132" fmla="*/ 6659 w 10000"/>
                  <a:gd name="connsiteY132" fmla="*/ 8449 h 10000"/>
                  <a:gd name="connsiteX133" fmla="*/ 6368 w 10000"/>
                  <a:gd name="connsiteY133" fmla="*/ 8360 h 10000"/>
                  <a:gd name="connsiteX134" fmla="*/ 6077 w 10000"/>
                  <a:gd name="connsiteY134" fmla="*/ 8287 h 10000"/>
                  <a:gd name="connsiteX135" fmla="*/ 5956 w 10000"/>
                  <a:gd name="connsiteY135" fmla="*/ 8449 h 10000"/>
                  <a:gd name="connsiteX136" fmla="*/ 5860 w 10000"/>
                  <a:gd name="connsiteY136" fmla="*/ 8597 h 10000"/>
                  <a:gd name="connsiteX137" fmla="*/ 5811 w 10000"/>
                  <a:gd name="connsiteY137" fmla="*/ 8656 h 10000"/>
                  <a:gd name="connsiteX138" fmla="*/ 5714 w 10000"/>
                  <a:gd name="connsiteY138" fmla="*/ 8700 h 10000"/>
                  <a:gd name="connsiteX139" fmla="*/ 5642 w 10000"/>
                  <a:gd name="connsiteY139" fmla="*/ 8744 h 10000"/>
                  <a:gd name="connsiteX140" fmla="*/ 5569 w 10000"/>
                  <a:gd name="connsiteY140" fmla="*/ 8774 h 10000"/>
                  <a:gd name="connsiteX141" fmla="*/ 5496 w 10000"/>
                  <a:gd name="connsiteY141" fmla="*/ 8804 h 10000"/>
                  <a:gd name="connsiteX142" fmla="*/ 5400 w 10000"/>
                  <a:gd name="connsiteY142" fmla="*/ 8818 h 10000"/>
                  <a:gd name="connsiteX143" fmla="*/ 5278 w 10000"/>
                  <a:gd name="connsiteY143" fmla="*/ 8833 h 10000"/>
                  <a:gd name="connsiteX144" fmla="*/ 5157 w 10000"/>
                  <a:gd name="connsiteY144" fmla="*/ 8833 h 10000"/>
                  <a:gd name="connsiteX145" fmla="*/ 4867 w 10000"/>
                  <a:gd name="connsiteY145" fmla="*/ 8818 h 10000"/>
                  <a:gd name="connsiteX146" fmla="*/ 4504 w 10000"/>
                  <a:gd name="connsiteY146" fmla="*/ 8744 h 10000"/>
                  <a:gd name="connsiteX147" fmla="*/ 4504 w 10000"/>
                  <a:gd name="connsiteY147" fmla="*/ 8922 h 10000"/>
                  <a:gd name="connsiteX148" fmla="*/ 4479 w 10000"/>
                  <a:gd name="connsiteY148" fmla="*/ 9069 h 10000"/>
                  <a:gd name="connsiteX149" fmla="*/ 4455 w 10000"/>
                  <a:gd name="connsiteY149" fmla="*/ 9232 h 10000"/>
                  <a:gd name="connsiteX150" fmla="*/ 4431 w 10000"/>
                  <a:gd name="connsiteY150" fmla="*/ 9365 h 10000"/>
                  <a:gd name="connsiteX151" fmla="*/ 4383 w 10000"/>
                  <a:gd name="connsiteY151" fmla="*/ 9498 h 10000"/>
                  <a:gd name="connsiteX152" fmla="*/ 4286 w 10000"/>
                  <a:gd name="connsiteY152" fmla="*/ 9616 h 10000"/>
                  <a:gd name="connsiteX153" fmla="*/ 4213 w 10000"/>
                  <a:gd name="connsiteY153" fmla="*/ 9734 h 10000"/>
                  <a:gd name="connsiteX154" fmla="*/ 4092 w 10000"/>
                  <a:gd name="connsiteY154" fmla="*/ 9838 h 10000"/>
                  <a:gd name="connsiteX155" fmla="*/ 3801 w 10000"/>
                  <a:gd name="connsiteY155" fmla="*/ 9897 h 10000"/>
                  <a:gd name="connsiteX156" fmla="*/ 3559 w 10000"/>
                  <a:gd name="connsiteY156" fmla="*/ 9941 h 10000"/>
                  <a:gd name="connsiteX157" fmla="*/ 3269 w 10000"/>
                  <a:gd name="connsiteY157" fmla="*/ 9985 h 10000"/>
                  <a:gd name="connsiteX158" fmla="*/ 3051 w 10000"/>
                  <a:gd name="connsiteY158" fmla="*/ 10000 h 10000"/>
                  <a:gd name="connsiteX159" fmla="*/ 2567 w 10000"/>
                  <a:gd name="connsiteY159" fmla="*/ 10000 h 10000"/>
                  <a:gd name="connsiteX160" fmla="*/ 2107 w 10000"/>
                  <a:gd name="connsiteY160" fmla="*/ 9985 h 10000"/>
                  <a:gd name="connsiteX161" fmla="*/ 1671 w 10000"/>
                  <a:gd name="connsiteY161" fmla="*/ 9941 h 10000"/>
                  <a:gd name="connsiteX162" fmla="*/ 1211 w 10000"/>
                  <a:gd name="connsiteY162" fmla="*/ 9911 h 10000"/>
                  <a:gd name="connsiteX163" fmla="*/ 944 w 10000"/>
                  <a:gd name="connsiteY163" fmla="*/ 9911 h 10000"/>
                  <a:gd name="connsiteX164" fmla="*/ 702 w 10000"/>
                  <a:gd name="connsiteY164" fmla="*/ 9911 h 10000"/>
                  <a:gd name="connsiteX165" fmla="*/ 436 w 10000"/>
                  <a:gd name="connsiteY165" fmla="*/ 9926 h 10000"/>
                  <a:gd name="connsiteX166" fmla="*/ 169 w 10000"/>
                  <a:gd name="connsiteY166" fmla="*/ 9970 h 10000"/>
                  <a:gd name="connsiteX167" fmla="*/ 97 w 10000"/>
                  <a:gd name="connsiteY167" fmla="*/ 9867 h 10000"/>
                  <a:gd name="connsiteX168" fmla="*/ 48 w 10000"/>
                  <a:gd name="connsiteY168" fmla="*/ 9793 h 10000"/>
                  <a:gd name="connsiteX169" fmla="*/ 0 w 10000"/>
                  <a:gd name="connsiteY169" fmla="*/ 9705 h 10000"/>
                  <a:gd name="connsiteX170" fmla="*/ 0 w 10000"/>
                  <a:gd name="connsiteY170" fmla="*/ 9601 h 10000"/>
                  <a:gd name="connsiteX171" fmla="*/ 48 w 10000"/>
                  <a:gd name="connsiteY171" fmla="*/ 9424 h 10000"/>
                  <a:gd name="connsiteX172" fmla="*/ 97 w 10000"/>
                  <a:gd name="connsiteY172" fmla="*/ 9202 h 10000"/>
                  <a:gd name="connsiteX173" fmla="*/ 145 w 10000"/>
                  <a:gd name="connsiteY173" fmla="*/ 8996 h 10000"/>
                  <a:gd name="connsiteX174" fmla="*/ 194 w 10000"/>
                  <a:gd name="connsiteY174" fmla="*/ 8759 h 10000"/>
                  <a:gd name="connsiteX175" fmla="*/ 218 w 10000"/>
                  <a:gd name="connsiteY175" fmla="*/ 8641 h 10000"/>
                  <a:gd name="connsiteX176" fmla="*/ 218 w 10000"/>
                  <a:gd name="connsiteY176" fmla="*/ 8538 h 10000"/>
                  <a:gd name="connsiteX177" fmla="*/ 194 w 10000"/>
                  <a:gd name="connsiteY177" fmla="*/ 8405 h 10000"/>
                  <a:gd name="connsiteX178" fmla="*/ 169 w 10000"/>
                  <a:gd name="connsiteY178" fmla="*/ 8287 h 10000"/>
                  <a:gd name="connsiteX179" fmla="*/ 412 w 10000"/>
                  <a:gd name="connsiteY179" fmla="*/ 8213 h 10000"/>
                  <a:gd name="connsiteX180" fmla="*/ 654 w 10000"/>
                  <a:gd name="connsiteY180" fmla="*/ 8139 h 10000"/>
                  <a:gd name="connsiteX181" fmla="*/ 896 w 10000"/>
                  <a:gd name="connsiteY181" fmla="*/ 8095 h 10000"/>
                  <a:gd name="connsiteX182" fmla="*/ 1162 w 10000"/>
                  <a:gd name="connsiteY182" fmla="*/ 8065 h 10000"/>
                  <a:gd name="connsiteX183" fmla="*/ 1646 w 10000"/>
                  <a:gd name="connsiteY183" fmla="*/ 8021 h 10000"/>
                  <a:gd name="connsiteX184" fmla="*/ 2131 w 10000"/>
                  <a:gd name="connsiteY184" fmla="*/ 7976 h 10000"/>
                  <a:gd name="connsiteX185" fmla="*/ 2349 w 10000"/>
                  <a:gd name="connsiteY185" fmla="*/ 7947 h 10000"/>
                  <a:gd name="connsiteX186" fmla="*/ 2567 w 10000"/>
                  <a:gd name="connsiteY186" fmla="*/ 7917 h 10000"/>
                  <a:gd name="connsiteX187" fmla="*/ 2760 w 10000"/>
                  <a:gd name="connsiteY187" fmla="*/ 7843 h 10000"/>
                  <a:gd name="connsiteX188" fmla="*/ 2954 w 10000"/>
                  <a:gd name="connsiteY188" fmla="*/ 7784 h 10000"/>
                  <a:gd name="connsiteX189" fmla="*/ 3123 w 10000"/>
                  <a:gd name="connsiteY189" fmla="*/ 7710 h 10000"/>
                  <a:gd name="connsiteX190" fmla="*/ 3269 w 10000"/>
                  <a:gd name="connsiteY190" fmla="*/ 7592 h 10000"/>
                  <a:gd name="connsiteX191" fmla="*/ 3414 w 10000"/>
                  <a:gd name="connsiteY191" fmla="*/ 7474 h 10000"/>
                  <a:gd name="connsiteX192" fmla="*/ 3511 w 10000"/>
                  <a:gd name="connsiteY192" fmla="*/ 7312 h 10000"/>
                  <a:gd name="connsiteX193" fmla="*/ 3317 w 10000"/>
                  <a:gd name="connsiteY193" fmla="*/ 7238 h 10000"/>
                  <a:gd name="connsiteX194" fmla="*/ 3148 w 10000"/>
                  <a:gd name="connsiteY194" fmla="*/ 7179 h 10000"/>
                  <a:gd name="connsiteX195" fmla="*/ 3002 w 10000"/>
                  <a:gd name="connsiteY195" fmla="*/ 7090 h 10000"/>
                  <a:gd name="connsiteX196" fmla="*/ 2857 w 10000"/>
                  <a:gd name="connsiteY196" fmla="*/ 6987 h 10000"/>
                  <a:gd name="connsiteX197" fmla="*/ 2760 w 10000"/>
                  <a:gd name="connsiteY197" fmla="*/ 6869 h 10000"/>
                  <a:gd name="connsiteX198" fmla="*/ 2712 w 10000"/>
                  <a:gd name="connsiteY198" fmla="*/ 6721 h 10000"/>
                  <a:gd name="connsiteX199" fmla="*/ 2688 w 10000"/>
                  <a:gd name="connsiteY199" fmla="*/ 6558 h 10000"/>
                  <a:gd name="connsiteX200" fmla="*/ 2712 w 10000"/>
                  <a:gd name="connsiteY200" fmla="*/ 6352 h 10000"/>
                  <a:gd name="connsiteX201" fmla="*/ 2591 w 10000"/>
                  <a:gd name="connsiteY201" fmla="*/ 6322 h 10000"/>
                  <a:gd name="connsiteX202" fmla="*/ 2446 w 10000"/>
                  <a:gd name="connsiteY202" fmla="*/ 6292 h 10000"/>
                  <a:gd name="connsiteX203" fmla="*/ 2276 w 10000"/>
                  <a:gd name="connsiteY203" fmla="*/ 6278 h 10000"/>
                  <a:gd name="connsiteX204" fmla="*/ 2107 w 10000"/>
                  <a:gd name="connsiteY204" fmla="*/ 6263 h 10000"/>
                  <a:gd name="connsiteX205" fmla="*/ 1768 w 10000"/>
                  <a:gd name="connsiteY205" fmla="*/ 6248 h 10000"/>
                  <a:gd name="connsiteX206" fmla="*/ 1404 w 10000"/>
                  <a:gd name="connsiteY206" fmla="*/ 6263 h 10000"/>
                  <a:gd name="connsiteX207" fmla="*/ 1090 w 10000"/>
                  <a:gd name="connsiteY207" fmla="*/ 6278 h 10000"/>
                  <a:gd name="connsiteX208" fmla="*/ 799 w 10000"/>
                  <a:gd name="connsiteY208" fmla="*/ 6278 h 10000"/>
                  <a:gd name="connsiteX209" fmla="*/ 557 w 10000"/>
                  <a:gd name="connsiteY209" fmla="*/ 6263 h 10000"/>
                  <a:gd name="connsiteX210" fmla="*/ 363 w 10000"/>
                  <a:gd name="connsiteY210" fmla="*/ 6233 h 10000"/>
                  <a:gd name="connsiteX211" fmla="*/ 605 w 10000"/>
                  <a:gd name="connsiteY211" fmla="*/ 5805 h 10000"/>
                  <a:gd name="connsiteX212" fmla="*/ 872 w 10000"/>
                  <a:gd name="connsiteY212" fmla="*/ 5391 h 10000"/>
                  <a:gd name="connsiteX213" fmla="*/ 969 w 10000"/>
                  <a:gd name="connsiteY213" fmla="*/ 5170 h 10000"/>
                  <a:gd name="connsiteX214" fmla="*/ 1041 w 10000"/>
                  <a:gd name="connsiteY214" fmla="*/ 4963 h 10000"/>
                  <a:gd name="connsiteX215" fmla="*/ 1065 w 10000"/>
                  <a:gd name="connsiteY215" fmla="*/ 4860 h 10000"/>
                  <a:gd name="connsiteX216" fmla="*/ 1041 w 10000"/>
                  <a:gd name="connsiteY216" fmla="*/ 4756 h 10000"/>
                  <a:gd name="connsiteX217" fmla="*/ 1017 w 10000"/>
                  <a:gd name="connsiteY217" fmla="*/ 4653 h 10000"/>
                  <a:gd name="connsiteX218" fmla="*/ 944 w 10000"/>
                  <a:gd name="connsiteY218" fmla="*/ 4549 h 10000"/>
                  <a:gd name="connsiteX219" fmla="*/ 1211 w 10000"/>
                  <a:gd name="connsiteY219" fmla="*/ 4520 h 10000"/>
                  <a:gd name="connsiteX220" fmla="*/ 1404 w 10000"/>
                  <a:gd name="connsiteY220" fmla="*/ 4505 h 10000"/>
                  <a:gd name="connsiteX221" fmla="*/ 1574 w 10000"/>
                  <a:gd name="connsiteY221" fmla="*/ 4505 h 10000"/>
                  <a:gd name="connsiteX222" fmla="*/ 1719 w 10000"/>
                  <a:gd name="connsiteY222" fmla="*/ 4520 h 10000"/>
                  <a:gd name="connsiteX223" fmla="*/ 1840 w 10000"/>
                  <a:gd name="connsiteY223" fmla="*/ 4520 h 10000"/>
                  <a:gd name="connsiteX224" fmla="*/ 1985 w 10000"/>
                  <a:gd name="connsiteY224" fmla="*/ 4520 h 10000"/>
                  <a:gd name="connsiteX225" fmla="*/ 2131 w 10000"/>
                  <a:gd name="connsiteY225" fmla="*/ 4490 h 10000"/>
                  <a:gd name="connsiteX226" fmla="*/ 2324 w 10000"/>
                  <a:gd name="connsiteY226" fmla="*/ 4446 h 10000"/>
                  <a:gd name="connsiteX227" fmla="*/ 2324 w 10000"/>
                  <a:gd name="connsiteY227" fmla="*/ 4579 h 10000"/>
                  <a:gd name="connsiteX228" fmla="*/ 2324 w 10000"/>
                  <a:gd name="connsiteY228" fmla="*/ 4742 h 10000"/>
                  <a:gd name="connsiteX229" fmla="*/ 2324 w 10000"/>
                  <a:gd name="connsiteY229" fmla="*/ 4874 h 10000"/>
                  <a:gd name="connsiteX230" fmla="*/ 2324 w 10000"/>
                  <a:gd name="connsiteY230" fmla="*/ 5037 h 10000"/>
                  <a:gd name="connsiteX231" fmla="*/ 2542 w 10000"/>
                  <a:gd name="connsiteY231" fmla="*/ 5022 h 10000"/>
                  <a:gd name="connsiteX232" fmla="*/ 2688 w 10000"/>
                  <a:gd name="connsiteY232" fmla="*/ 5037 h 10000"/>
                  <a:gd name="connsiteX233" fmla="*/ 2809 w 10000"/>
                  <a:gd name="connsiteY233" fmla="*/ 5066 h 10000"/>
                  <a:gd name="connsiteX234" fmla="*/ 2930 w 10000"/>
                  <a:gd name="connsiteY234" fmla="*/ 5096 h 10000"/>
                  <a:gd name="connsiteX235" fmla="*/ 3027 w 10000"/>
                  <a:gd name="connsiteY235" fmla="*/ 5126 h 10000"/>
                  <a:gd name="connsiteX236" fmla="*/ 3148 w 10000"/>
                  <a:gd name="connsiteY236" fmla="*/ 5155 h 10000"/>
                  <a:gd name="connsiteX237" fmla="*/ 3293 w 10000"/>
                  <a:gd name="connsiteY237" fmla="*/ 5170 h 10000"/>
                  <a:gd name="connsiteX238" fmla="*/ 3511 w 10000"/>
                  <a:gd name="connsiteY238" fmla="*/ 5155 h 10000"/>
                  <a:gd name="connsiteX239" fmla="*/ 3584 w 10000"/>
                  <a:gd name="connsiteY239" fmla="*/ 5096 h 10000"/>
                  <a:gd name="connsiteX240" fmla="*/ 3656 w 10000"/>
                  <a:gd name="connsiteY240" fmla="*/ 5022 h 10000"/>
                  <a:gd name="connsiteX241" fmla="*/ 3680 w 10000"/>
                  <a:gd name="connsiteY241" fmla="*/ 4934 h 10000"/>
                  <a:gd name="connsiteX242" fmla="*/ 3705 w 10000"/>
                  <a:gd name="connsiteY242" fmla="*/ 4860 h 10000"/>
                  <a:gd name="connsiteX243" fmla="*/ 3729 w 10000"/>
                  <a:gd name="connsiteY243" fmla="*/ 4697 h 10000"/>
                  <a:gd name="connsiteX244" fmla="*/ 3705 w 10000"/>
                  <a:gd name="connsiteY244" fmla="*/ 4520 h 10000"/>
                  <a:gd name="connsiteX245" fmla="*/ 3632 w 10000"/>
                  <a:gd name="connsiteY245" fmla="*/ 4343 h 10000"/>
                  <a:gd name="connsiteX246" fmla="*/ 3559 w 10000"/>
                  <a:gd name="connsiteY246" fmla="*/ 4195 h 10000"/>
                  <a:gd name="connsiteX247" fmla="*/ 3438 w 10000"/>
                  <a:gd name="connsiteY247" fmla="*/ 4047 h 10000"/>
                  <a:gd name="connsiteX248" fmla="*/ 3317 w 10000"/>
                  <a:gd name="connsiteY248" fmla="*/ 3959 h 10000"/>
                  <a:gd name="connsiteX249" fmla="*/ 3462 w 10000"/>
                  <a:gd name="connsiteY249" fmla="*/ 3944 h 10000"/>
                  <a:gd name="connsiteX250" fmla="*/ 3584 w 10000"/>
                  <a:gd name="connsiteY250" fmla="*/ 3914 h 10000"/>
                  <a:gd name="connsiteX251" fmla="*/ 3680 w 10000"/>
                  <a:gd name="connsiteY251" fmla="*/ 3855 h 10000"/>
                  <a:gd name="connsiteX252" fmla="*/ 3801 w 10000"/>
                  <a:gd name="connsiteY252" fmla="*/ 3752 h 10000"/>
                  <a:gd name="connsiteX253" fmla="*/ 3923 w 10000"/>
                  <a:gd name="connsiteY253" fmla="*/ 3663 h 10000"/>
                  <a:gd name="connsiteX254" fmla="*/ 4019 w 10000"/>
                  <a:gd name="connsiteY254" fmla="*/ 3560 h 10000"/>
                  <a:gd name="connsiteX255" fmla="*/ 4092 w 10000"/>
                  <a:gd name="connsiteY255" fmla="*/ 3442 h 10000"/>
                  <a:gd name="connsiteX256" fmla="*/ 4165 w 10000"/>
                  <a:gd name="connsiteY256" fmla="*/ 3323 h 10000"/>
                  <a:gd name="connsiteX257" fmla="*/ 4213 w 10000"/>
                  <a:gd name="connsiteY257" fmla="*/ 3220 h 10000"/>
                  <a:gd name="connsiteX258" fmla="*/ 4237 w 10000"/>
                  <a:gd name="connsiteY258" fmla="*/ 3102 h 10000"/>
                  <a:gd name="connsiteX259" fmla="*/ 4262 w 10000"/>
                  <a:gd name="connsiteY259" fmla="*/ 3013 h 10000"/>
                  <a:gd name="connsiteX260" fmla="*/ 4237 w 10000"/>
                  <a:gd name="connsiteY260" fmla="*/ 2939 h 10000"/>
                  <a:gd name="connsiteX261" fmla="*/ 4213 w 10000"/>
                  <a:gd name="connsiteY261" fmla="*/ 2866 h 10000"/>
                  <a:gd name="connsiteX262" fmla="*/ 4140 w 10000"/>
                  <a:gd name="connsiteY262" fmla="*/ 2836 h 10000"/>
                  <a:gd name="connsiteX263" fmla="*/ 4044 w 10000"/>
                  <a:gd name="connsiteY263" fmla="*/ 2836 h 10000"/>
                  <a:gd name="connsiteX264" fmla="*/ 3923 w 10000"/>
                  <a:gd name="connsiteY264" fmla="*/ 2866 h 10000"/>
                  <a:gd name="connsiteX265" fmla="*/ 4019 w 10000"/>
                  <a:gd name="connsiteY265" fmla="*/ 2777 h 10000"/>
                  <a:gd name="connsiteX266" fmla="*/ 4068 w 10000"/>
                  <a:gd name="connsiteY266" fmla="*/ 2674 h 10000"/>
                  <a:gd name="connsiteX267" fmla="*/ 4092 w 10000"/>
                  <a:gd name="connsiteY267" fmla="*/ 2541 h 10000"/>
                  <a:gd name="connsiteX268" fmla="*/ 4092 w 10000"/>
                  <a:gd name="connsiteY268" fmla="*/ 2393 h 10000"/>
                  <a:gd name="connsiteX269" fmla="*/ 4116 w 10000"/>
                  <a:gd name="connsiteY269" fmla="*/ 2349 h 10000"/>
                  <a:gd name="connsiteX270" fmla="*/ 4165 w 10000"/>
                  <a:gd name="connsiteY270" fmla="*/ 2304 h 10000"/>
                  <a:gd name="connsiteX271" fmla="*/ 4213 w 10000"/>
                  <a:gd name="connsiteY271" fmla="*/ 2290 h 10000"/>
                  <a:gd name="connsiteX272" fmla="*/ 4286 w 10000"/>
                  <a:gd name="connsiteY272" fmla="*/ 2275 h 10000"/>
                  <a:gd name="connsiteX273" fmla="*/ 4504 w 10000"/>
                  <a:gd name="connsiteY273" fmla="*/ 2260 h 10000"/>
                  <a:gd name="connsiteX274" fmla="*/ 4697 w 10000"/>
                  <a:gd name="connsiteY274" fmla="*/ 2275 h 10000"/>
                  <a:gd name="connsiteX275" fmla="*/ 4673 w 10000"/>
                  <a:gd name="connsiteY275" fmla="*/ 2112 h 10000"/>
                  <a:gd name="connsiteX276" fmla="*/ 4625 w 10000"/>
                  <a:gd name="connsiteY276" fmla="*/ 1950 h 10000"/>
                  <a:gd name="connsiteX277" fmla="*/ 4552 w 10000"/>
                  <a:gd name="connsiteY277" fmla="*/ 1802 h 10000"/>
                  <a:gd name="connsiteX278" fmla="*/ 4455 w 10000"/>
                  <a:gd name="connsiteY278" fmla="*/ 1640 h 10000"/>
                  <a:gd name="connsiteX279" fmla="*/ 4213 w 10000"/>
                  <a:gd name="connsiteY279" fmla="*/ 1329 h 10000"/>
                  <a:gd name="connsiteX280" fmla="*/ 3971 w 10000"/>
                  <a:gd name="connsiteY280" fmla="*/ 1034 h 10000"/>
                  <a:gd name="connsiteX281" fmla="*/ 3850 w 10000"/>
                  <a:gd name="connsiteY281" fmla="*/ 901 h 10000"/>
                  <a:gd name="connsiteX282" fmla="*/ 3753 w 10000"/>
                  <a:gd name="connsiteY282" fmla="*/ 753 h 10000"/>
                  <a:gd name="connsiteX283" fmla="*/ 3680 w 10000"/>
                  <a:gd name="connsiteY283" fmla="*/ 620 h 10000"/>
                  <a:gd name="connsiteX284" fmla="*/ 3656 w 10000"/>
                  <a:gd name="connsiteY284" fmla="*/ 487 h 10000"/>
                  <a:gd name="connsiteX285" fmla="*/ 3632 w 10000"/>
                  <a:gd name="connsiteY285" fmla="*/ 355 h 10000"/>
                  <a:gd name="connsiteX286" fmla="*/ 3680 w 10000"/>
                  <a:gd name="connsiteY286" fmla="*/ 222 h 10000"/>
                  <a:gd name="connsiteX287" fmla="*/ 3705 w 10000"/>
                  <a:gd name="connsiteY287" fmla="*/ 162 h 10000"/>
                  <a:gd name="connsiteX288" fmla="*/ 3753 w 10000"/>
                  <a:gd name="connsiteY288" fmla="*/ 103 h 10000"/>
                  <a:gd name="connsiteX289" fmla="*/ 3826 w 10000"/>
                  <a:gd name="connsiteY289" fmla="*/ 59 h 10000"/>
                  <a:gd name="connsiteX290" fmla="*/ 3923 w 10000"/>
                  <a:gd name="connsiteY290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6852 w 10000"/>
                  <a:gd name="connsiteY61" fmla="*/ 4313 h 10000"/>
                  <a:gd name="connsiteX62" fmla="*/ 6852 w 10000"/>
                  <a:gd name="connsiteY62" fmla="*/ 4431 h 10000"/>
                  <a:gd name="connsiteX63" fmla="*/ 6852 w 10000"/>
                  <a:gd name="connsiteY63" fmla="*/ 4549 h 10000"/>
                  <a:gd name="connsiteX64" fmla="*/ 6804 w 10000"/>
                  <a:gd name="connsiteY64" fmla="*/ 4564 h 10000"/>
                  <a:gd name="connsiteX65" fmla="*/ 6731 w 10000"/>
                  <a:gd name="connsiteY65" fmla="*/ 4594 h 10000"/>
                  <a:gd name="connsiteX66" fmla="*/ 6683 w 10000"/>
                  <a:gd name="connsiteY66" fmla="*/ 4638 h 10000"/>
                  <a:gd name="connsiteX67" fmla="*/ 6683 w 10000"/>
                  <a:gd name="connsiteY67" fmla="*/ 4697 h 10000"/>
                  <a:gd name="connsiteX68" fmla="*/ 6659 w 10000"/>
                  <a:gd name="connsiteY68" fmla="*/ 4801 h 10000"/>
                  <a:gd name="connsiteX69" fmla="*/ 6659 w 10000"/>
                  <a:gd name="connsiteY69" fmla="*/ 4904 h 10000"/>
                  <a:gd name="connsiteX70" fmla="*/ 6538 w 10000"/>
                  <a:gd name="connsiteY70" fmla="*/ 4860 h 10000"/>
                  <a:gd name="connsiteX71" fmla="*/ 6465 w 10000"/>
                  <a:gd name="connsiteY71" fmla="*/ 4801 h 10000"/>
                  <a:gd name="connsiteX72" fmla="*/ 6392 w 10000"/>
                  <a:gd name="connsiteY72" fmla="*/ 4727 h 10000"/>
                  <a:gd name="connsiteX73" fmla="*/ 6320 w 10000"/>
                  <a:gd name="connsiteY73" fmla="*/ 4638 h 10000"/>
                  <a:gd name="connsiteX74" fmla="*/ 6199 w 10000"/>
                  <a:gd name="connsiteY74" fmla="*/ 4476 h 10000"/>
                  <a:gd name="connsiteX75" fmla="*/ 6077 w 10000"/>
                  <a:gd name="connsiteY75" fmla="*/ 4313 h 10000"/>
                  <a:gd name="connsiteX76" fmla="*/ 6223 w 10000"/>
                  <a:gd name="connsiteY76" fmla="*/ 4210 h 10000"/>
                  <a:gd name="connsiteX77" fmla="*/ 6416 w 10000"/>
                  <a:gd name="connsiteY77" fmla="*/ 4121 h 10000"/>
                  <a:gd name="connsiteX78" fmla="*/ 6634 w 10000"/>
                  <a:gd name="connsiteY78" fmla="*/ 4032 h 10000"/>
                  <a:gd name="connsiteX79" fmla="*/ 6877 w 10000"/>
                  <a:gd name="connsiteY79" fmla="*/ 3959 h 10000"/>
                  <a:gd name="connsiteX80" fmla="*/ 7385 w 10000"/>
                  <a:gd name="connsiteY80" fmla="*/ 3811 h 10000"/>
                  <a:gd name="connsiteX81" fmla="*/ 7893 w 10000"/>
                  <a:gd name="connsiteY81" fmla="*/ 3663 h 10000"/>
                  <a:gd name="connsiteX82" fmla="*/ 8136 w 10000"/>
                  <a:gd name="connsiteY82" fmla="*/ 3589 h 10000"/>
                  <a:gd name="connsiteX83" fmla="*/ 8378 w 10000"/>
                  <a:gd name="connsiteY83" fmla="*/ 3516 h 10000"/>
                  <a:gd name="connsiteX84" fmla="*/ 8571 w 10000"/>
                  <a:gd name="connsiteY84" fmla="*/ 3412 h 10000"/>
                  <a:gd name="connsiteX85" fmla="*/ 8765 w 10000"/>
                  <a:gd name="connsiteY85" fmla="*/ 3338 h 10000"/>
                  <a:gd name="connsiteX86" fmla="*/ 8886 w 10000"/>
                  <a:gd name="connsiteY86" fmla="*/ 3235 h 10000"/>
                  <a:gd name="connsiteX87" fmla="*/ 8983 w 10000"/>
                  <a:gd name="connsiteY87" fmla="*/ 3117 h 10000"/>
                  <a:gd name="connsiteX88" fmla="*/ 9007 w 10000"/>
                  <a:gd name="connsiteY88" fmla="*/ 3072 h 10000"/>
                  <a:gd name="connsiteX89" fmla="*/ 9031 w 10000"/>
                  <a:gd name="connsiteY89" fmla="*/ 3013 h 10000"/>
                  <a:gd name="connsiteX90" fmla="*/ 9031 w 10000"/>
                  <a:gd name="connsiteY90" fmla="*/ 2954 h 10000"/>
                  <a:gd name="connsiteX91" fmla="*/ 9007 w 10000"/>
                  <a:gd name="connsiteY91" fmla="*/ 2866 h 10000"/>
                  <a:gd name="connsiteX92" fmla="*/ 8838 w 10000"/>
                  <a:gd name="connsiteY92" fmla="*/ 2984 h 10000"/>
                  <a:gd name="connsiteX93" fmla="*/ 8644 w 10000"/>
                  <a:gd name="connsiteY93" fmla="*/ 3072 h 10000"/>
                  <a:gd name="connsiteX94" fmla="*/ 8450 w 10000"/>
                  <a:gd name="connsiteY94" fmla="*/ 3161 h 10000"/>
                  <a:gd name="connsiteX95" fmla="*/ 8257 w 10000"/>
                  <a:gd name="connsiteY95" fmla="*/ 3250 h 10000"/>
                  <a:gd name="connsiteX96" fmla="*/ 7821 w 10000"/>
                  <a:gd name="connsiteY96" fmla="*/ 3397 h 10000"/>
                  <a:gd name="connsiteX97" fmla="*/ 7361 w 10000"/>
                  <a:gd name="connsiteY97" fmla="*/ 3545 h 10000"/>
                  <a:gd name="connsiteX98" fmla="*/ 6901 w 10000"/>
                  <a:gd name="connsiteY98" fmla="*/ 3678 h 10000"/>
                  <a:gd name="connsiteX99" fmla="*/ 6465 w 10000"/>
                  <a:gd name="connsiteY99" fmla="*/ 3840 h 10000"/>
                  <a:gd name="connsiteX100" fmla="*/ 6247 w 10000"/>
                  <a:gd name="connsiteY100" fmla="*/ 3914 h 10000"/>
                  <a:gd name="connsiteX101" fmla="*/ 6053 w 10000"/>
                  <a:gd name="connsiteY101" fmla="*/ 4003 h 10000"/>
                  <a:gd name="connsiteX102" fmla="*/ 5860 w 10000"/>
                  <a:gd name="connsiteY102" fmla="*/ 4106 h 10000"/>
                  <a:gd name="connsiteX103" fmla="*/ 5666 w 10000"/>
                  <a:gd name="connsiteY103" fmla="*/ 4195 h 10000"/>
                  <a:gd name="connsiteX104" fmla="*/ 5811 w 10000"/>
                  <a:gd name="connsiteY104" fmla="*/ 4417 h 10000"/>
                  <a:gd name="connsiteX105" fmla="*/ 5908 w 10000"/>
                  <a:gd name="connsiteY105" fmla="*/ 4623 h 10000"/>
                  <a:gd name="connsiteX106" fmla="*/ 6005 w 10000"/>
                  <a:gd name="connsiteY106" fmla="*/ 4845 h 10000"/>
                  <a:gd name="connsiteX107" fmla="*/ 6077 w 10000"/>
                  <a:gd name="connsiteY107" fmla="*/ 5081 h 10000"/>
                  <a:gd name="connsiteX108" fmla="*/ 6126 w 10000"/>
                  <a:gd name="connsiteY108" fmla="*/ 5318 h 10000"/>
                  <a:gd name="connsiteX109" fmla="*/ 6150 w 10000"/>
                  <a:gd name="connsiteY109" fmla="*/ 5539 h 10000"/>
                  <a:gd name="connsiteX110" fmla="*/ 6174 w 10000"/>
                  <a:gd name="connsiteY110" fmla="*/ 5775 h 10000"/>
                  <a:gd name="connsiteX111" fmla="*/ 6174 w 10000"/>
                  <a:gd name="connsiteY111" fmla="*/ 5997 h 10000"/>
                  <a:gd name="connsiteX112" fmla="*/ 6150 w 10000"/>
                  <a:gd name="connsiteY112" fmla="*/ 6233 h 10000"/>
                  <a:gd name="connsiteX113" fmla="*/ 6102 w 10000"/>
                  <a:gd name="connsiteY113" fmla="*/ 6470 h 10000"/>
                  <a:gd name="connsiteX114" fmla="*/ 6053 w 10000"/>
                  <a:gd name="connsiteY114" fmla="*/ 6677 h 10000"/>
                  <a:gd name="connsiteX115" fmla="*/ 5981 w 10000"/>
                  <a:gd name="connsiteY115" fmla="*/ 6898 h 10000"/>
                  <a:gd name="connsiteX116" fmla="*/ 5884 w 10000"/>
                  <a:gd name="connsiteY116" fmla="*/ 7105 h 10000"/>
                  <a:gd name="connsiteX117" fmla="*/ 5763 w 10000"/>
                  <a:gd name="connsiteY117" fmla="*/ 7297 h 10000"/>
                  <a:gd name="connsiteX118" fmla="*/ 5617 w 10000"/>
                  <a:gd name="connsiteY118" fmla="*/ 7489 h 10000"/>
                  <a:gd name="connsiteX119" fmla="*/ 5472 w 10000"/>
                  <a:gd name="connsiteY119" fmla="*/ 7681 h 10000"/>
                  <a:gd name="connsiteX120" fmla="*/ 6174 w 10000"/>
                  <a:gd name="connsiteY120" fmla="*/ 7799 h 10000"/>
                  <a:gd name="connsiteX121" fmla="*/ 6901 w 10000"/>
                  <a:gd name="connsiteY121" fmla="*/ 7962 h 10000"/>
                  <a:gd name="connsiteX122" fmla="*/ 7046 w 10000"/>
                  <a:gd name="connsiteY122" fmla="*/ 8021 h 10000"/>
                  <a:gd name="connsiteX123" fmla="*/ 7167 w 10000"/>
                  <a:gd name="connsiteY123" fmla="*/ 8080 h 10000"/>
                  <a:gd name="connsiteX124" fmla="*/ 7288 w 10000"/>
                  <a:gd name="connsiteY124" fmla="*/ 8139 h 10000"/>
                  <a:gd name="connsiteX125" fmla="*/ 7361 w 10000"/>
                  <a:gd name="connsiteY125" fmla="*/ 8227 h 10000"/>
                  <a:gd name="connsiteX126" fmla="*/ 7385 w 10000"/>
                  <a:gd name="connsiteY126" fmla="*/ 8301 h 10000"/>
                  <a:gd name="connsiteX127" fmla="*/ 7385 w 10000"/>
                  <a:gd name="connsiteY127" fmla="*/ 8405 h 10000"/>
                  <a:gd name="connsiteX128" fmla="*/ 7337 w 10000"/>
                  <a:gd name="connsiteY128" fmla="*/ 8523 h 10000"/>
                  <a:gd name="connsiteX129" fmla="*/ 7264 w 10000"/>
                  <a:gd name="connsiteY129" fmla="*/ 8641 h 10000"/>
                  <a:gd name="connsiteX130" fmla="*/ 6949 w 10000"/>
                  <a:gd name="connsiteY130" fmla="*/ 8552 h 10000"/>
                  <a:gd name="connsiteX131" fmla="*/ 6659 w 10000"/>
                  <a:gd name="connsiteY131" fmla="*/ 8449 h 10000"/>
                  <a:gd name="connsiteX132" fmla="*/ 6368 w 10000"/>
                  <a:gd name="connsiteY132" fmla="*/ 8360 h 10000"/>
                  <a:gd name="connsiteX133" fmla="*/ 6077 w 10000"/>
                  <a:gd name="connsiteY133" fmla="*/ 8287 h 10000"/>
                  <a:gd name="connsiteX134" fmla="*/ 5956 w 10000"/>
                  <a:gd name="connsiteY134" fmla="*/ 8449 h 10000"/>
                  <a:gd name="connsiteX135" fmla="*/ 5860 w 10000"/>
                  <a:gd name="connsiteY135" fmla="*/ 8597 h 10000"/>
                  <a:gd name="connsiteX136" fmla="*/ 5811 w 10000"/>
                  <a:gd name="connsiteY136" fmla="*/ 8656 h 10000"/>
                  <a:gd name="connsiteX137" fmla="*/ 5714 w 10000"/>
                  <a:gd name="connsiteY137" fmla="*/ 8700 h 10000"/>
                  <a:gd name="connsiteX138" fmla="*/ 5642 w 10000"/>
                  <a:gd name="connsiteY138" fmla="*/ 8744 h 10000"/>
                  <a:gd name="connsiteX139" fmla="*/ 5569 w 10000"/>
                  <a:gd name="connsiteY139" fmla="*/ 8774 h 10000"/>
                  <a:gd name="connsiteX140" fmla="*/ 5496 w 10000"/>
                  <a:gd name="connsiteY140" fmla="*/ 8804 h 10000"/>
                  <a:gd name="connsiteX141" fmla="*/ 5400 w 10000"/>
                  <a:gd name="connsiteY141" fmla="*/ 8818 h 10000"/>
                  <a:gd name="connsiteX142" fmla="*/ 5278 w 10000"/>
                  <a:gd name="connsiteY142" fmla="*/ 8833 h 10000"/>
                  <a:gd name="connsiteX143" fmla="*/ 5157 w 10000"/>
                  <a:gd name="connsiteY143" fmla="*/ 8833 h 10000"/>
                  <a:gd name="connsiteX144" fmla="*/ 4867 w 10000"/>
                  <a:gd name="connsiteY144" fmla="*/ 8818 h 10000"/>
                  <a:gd name="connsiteX145" fmla="*/ 4504 w 10000"/>
                  <a:gd name="connsiteY145" fmla="*/ 8744 h 10000"/>
                  <a:gd name="connsiteX146" fmla="*/ 4504 w 10000"/>
                  <a:gd name="connsiteY146" fmla="*/ 8922 h 10000"/>
                  <a:gd name="connsiteX147" fmla="*/ 4479 w 10000"/>
                  <a:gd name="connsiteY147" fmla="*/ 9069 h 10000"/>
                  <a:gd name="connsiteX148" fmla="*/ 4455 w 10000"/>
                  <a:gd name="connsiteY148" fmla="*/ 9232 h 10000"/>
                  <a:gd name="connsiteX149" fmla="*/ 4431 w 10000"/>
                  <a:gd name="connsiteY149" fmla="*/ 9365 h 10000"/>
                  <a:gd name="connsiteX150" fmla="*/ 4383 w 10000"/>
                  <a:gd name="connsiteY150" fmla="*/ 9498 h 10000"/>
                  <a:gd name="connsiteX151" fmla="*/ 4286 w 10000"/>
                  <a:gd name="connsiteY151" fmla="*/ 9616 h 10000"/>
                  <a:gd name="connsiteX152" fmla="*/ 4213 w 10000"/>
                  <a:gd name="connsiteY152" fmla="*/ 9734 h 10000"/>
                  <a:gd name="connsiteX153" fmla="*/ 4092 w 10000"/>
                  <a:gd name="connsiteY153" fmla="*/ 9838 h 10000"/>
                  <a:gd name="connsiteX154" fmla="*/ 3801 w 10000"/>
                  <a:gd name="connsiteY154" fmla="*/ 9897 h 10000"/>
                  <a:gd name="connsiteX155" fmla="*/ 3559 w 10000"/>
                  <a:gd name="connsiteY155" fmla="*/ 9941 h 10000"/>
                  <a:gd name="connsiteX156" fmla="*/ 3269 w 10000"/>
                  <a:gd name="connsiteY156" fmla="*/ 9985 h 10000"/>
                  <a:gd name="connsiteX157" fmla="*/ 3051 w 10000"/>
                  <a:gd name="connsiteY157" fmla="*/ 10000 h 10000"/>
                  <a:gd name="connsiteX158" fmla="*/ 2567 w 10000"/>
                  <a:gd name="connsiteY158" fmla="*/ 10000 h 10000"/>
                  <a:gd name="connsiteX159" fmla="*/ 2107 w 10000"/>
                  <a:gd name="connsiteY159" fmla="*/ 9985 h 10000"/>
                  <a:gd name="connsiteX160" fmla="*/ 1671 w 10000"/>
                  <a:gd name="connsiteY160" fmla="*/ 9941 h 10000"/>
                  <a:gd name="connsiteX161" fmla="*/ 1211 w 10000"/>
                  <a:gd name="connsiteY161" fmla="*/ 9911 h 10000"/>
                  <a:gd name="connsiteX162" fmla="*/ 944 w 10000"/>
                  <a:gd name="connsiteY162" fmla="*/ 9911 h 10000"/>
                  <a:gd name="connsiteX163" fmla="*/ 702 w 10000"/>
                  <a:gd name="connsiteY163" fmla="*/ 9911 h 10000"/>
                  <a:gd name="connsiteX164" fmla="*/ 436 w 10000"/>
                  <a:gd name="connsiteY164" fmla="*/ 9926 h 10000"/>
                  <a:gd name="connsiteX165" fmla="*/ 169 w 10000"/>
                  <a:gd name="connsiteY165" fmla="*/ 9970 h 10000"/>
                  <a:gd name="connsiteX166" fmla="*/ 97 w 10000"/>
                  <a:gd name="connsiteY166" fmla="*/ 9867 h 10000"/>
                  <a:gd name="connsiteX167" fmla="*/ 48 w 10000"/>
                  <a:gd name="connsiteY167" fmla="*/ 9793 h 10000"/>
                  <a:gd name="connsiteX168" fmla="*/ 0 w 10000"/>
                  <a:gd name="connsiteY168" fmla="*/ 9705 h 10000"/>
                  <a:gd name="connsiteX169" fmla="*/ 0 w 10000"/>
                  <a:gd name="connsiteY169" fmla="*/ 9601 h 10000"/>
                  <a:gd name="connsiteX170" fmla="*/ 48 w 10000"/>
                  <a:gd name="connsiteY170" fmla="*/ 9424 h 10000"/>
                  <a:gd name="connsiteX171" fmla="*/ 97 w 10000"/>
                  <a:gd name="connsiteY171" fmla="*/ 9202 h 10000"/>
                  <a:gd name="connsiteX172" fmla="*/ 145 w 10000"/>
                  <a:gd name="connsiteY172" fmla="*/ 8996 h 10000"/>
                  <a:gd name="connsiteX173" fmla="*/ 194 w 10000"/>
                  <a:gd name="connsiteY173" fmla="*/ 8759 h 10000"/>
                  <a:gd name="connsiteX174" fmla="*/ 218 w 10000"/>
                  <a:gd name="connsiteY174" fmla="*/ 8641 h 10000"/>
                  <a:gd name="connsiteX175" fmla="*/ 218 w 10000"/>
                  <a:gd name="connsiteY175" fmla="*/ 8538 h 10000"/>
                  <a:gd name="connsiteX176" fmla="*/ 194 w 10000"/>
                  <a:gd name="connsiteY176" fmla="*/ 8405 h 10000"/>
                  <a:gd name="connsiteX177" fmla="*/ 169 w 10000"/>
                  <a:gd name="connsiteY177" fmla="*/ 8287 h 10000"/>
                  <a:gd name="connsiteX178" fmla="*/ 412 w 10000"/>
                  <a:gd name="connsiteY178" fmla="*/ 8213 h 10000"/>
                  <a:gd name="connsiteX179" fmla="*/ 654 w 10000"/>
                  <a:gd name="connsiteY179" fmla="*/ 8139 h 10000"/>
                  <a:gd name="connsiteX180" fmla="*/ 896 w 10000"/>
                  <a:gd name="connsiteY180" fmla="*/ 8095 h 10000"/>
                  <a:gd name="connsiteX181" fmla="*/ 1162 w 10000"/>
                  <a:gd name="connsiteY181" fmla="*/ 8065 h 10000"/>
                  <a:gd name="connsiteX182" fmla="*/ 1646 w 10000"/>
                  <a:gd name="connsiteY182" fmla="*/ 8021 h 10000"/>
                  <a:gd name="connsiteX183" fmla="*/ 2131 w 10000"/>
                  <a:gd name="connsiteY183" fmla="*/ 7976 h 10000"/>
                  <a:gd name="connsiteX184" fmla="*/ 2349 w 10000"/>
                  <a:gd name="connsiteY184" fmla="*/ 7947 h 10000"/>
                  <a:gd name="connsiteX185" fmla="*/ 2567 w 10000"/>
                  <a:gd name="connsiteY185" fmla="*/ 7917 h 10000"/>
                  <a:gd name="connsiteX186" fmla="*/ 2760 w 10000"/>
                  <a:gd name="connsiteY186" fmla="*/ 7843 h 10000"/>
                  <a:gd name="connsiteX187" fmla="*/ 2954 w 10000"/>
                  <a:gd name="connsiteY187" fmla="*/ 7784 h 10000"/>
                  <a:gd name="connsiteX188" fmla="*/ 3123 w 10000"/>
                  <a:gd name="connsiteY188" fmla="*/ 7710 h 10000"/>
                  <a:gd name="connsiteX189" fmla="*/ 3269 w 10000"/>
                  <a:gd name="connsiteY189" fmla="*/ 7592 h 10000"/>
                  <a:gd name="connsiteX190" fmla="*/ 3414 w 10000"/>
                  <a:gd name="connsiteY190" fmla="*/ 7474 h 10000"/>
                  <a:gd name="connsiteX191" fmla="*/ 3511 w 10000"/>
                  <a:gd name="connsiteY191" fmla="*/ 7312 h 10000"/>
                  <a:gd name="connsiteX192" fmla="*/ 3317 w 10000"/>
                  <a:gd name="connsiteY192" fmla="*/ 7238 h 10000"/>
                  <a:gd name="connsiteX193" fmla="*/ 3148 w 10000"/>
                  <a:gd name="connsiteY193" fmla="*/ 7179 h 10000"/>
                  <a:gd name="connsiteX194" fmla="*/ 3002 w 10000"/>
                  <a:gd name="connsiteY194" fmla="*/ 7090 h 10000"/>
                  <a:gd name="connsiteX195" fmla="*/ 2857 w 10000"/>
                  <a:gd name="connsiteY195" fmla="*/ 6987 h 10000"/>
                  <a:gd name="connsiteX196" fmla="*/ 2760 w 10000"/>
                  <a:gd name="connsiteY196" fmla="*/ 6869 h 10000"/>
                  <a:gd name="connsiteX197" fmla="*/ 2712 w 10000"/>
                  <a:gd name="connsiteY197" fmla="*/ 6721 h 10000"/>
                  <a:gd name="connsiteX198" fmla="*/ 2688 w 10000"/>
                  <a:gd name="connsiteY198" fmla="*/ 6558 h 10000"/>
                  <a:gd name="connsiteX199" fmla="*/ 2712 w 10000"/>
                  <a:gd name="connsiteY199" fmla="*/ 6352 h 10000"/>
                  <a:gd name="connsiteX200" fmla="*/ 2591 w 10000"/>
                  <a:gd name="connsiteY200" fmla="*/ 6322 h 10000"/>
                  <a:gd name="connsiteX201" fmla="*/ 2446 w 10000"/>
                  <a:gd name="connsiteY201" fmla="*/ 6292 h 10000"/>
                  <a:gd name="connsiteX202" fmla="*/ 2276 w 10000"/>
                  <a:gd name="connsiteY202" fmla="*/ 6278 h 10000"/>
                  <a:gd name="connsiteX203" fmla="*/ 2107 w 10000"/>
                  <a:gd name="connsiteY203" fmla="*/ 6263 h 10000"/>
                  <a:gd name="connsiteX204" fmla="*/ 1768 w 10000"/>
                  <a:gd name="connsiteY204" fmla="*/ 6248 h 10000"/>
                  <a:gd name="connsiteX205" fmla="*/ 1404 w 10000"/>
                  <a:gd name="connsiteY205" fmla="*/ 6263 h 10000"/>
                  <a:gd name="connsiteX206" fmla="*/ 1090 w 10000"/>
                  <a:gd name="connsiteY206" fmla="*/ 6278 h 10000"/>
                  <a:gd name="connsiteX207" fmla="*/ 799 w 10000"/>
                  <a:gd name="connsiteY207" fmla="*/ 6278 h 10000"/>
                  <a:gd name="connsiteX208" fmla="*/ 557 w 10000"/>
                  <a:gd name="connsiteY208" fmla="*/ 6263 h 10000"/>
                  <a:gd name="connsiteX209" fmla="*/ 363 w 10000"/>
                  <a:gd name="connsiteY209" fmla="*/ 6233 h 10000"/>
                  <a:gd name="connsiteX210" fmla="*/ 605 w 10000"/>
                  <a:gd name="connsiteY210" fmla="*/ 5805 h 10000"/>
                  <a:gd name="connsiteX211" fmla="*/ 872 w 10000"/>
                  <a:gd name="connsiteY211" fmla="*/ 5391 h 10000"/>
                  <a:gd name="connsiteX212" fmla="*/ 969 w 10000"/>
                  <a:gd name="connsiteY212" fmla="*/ 5170 h 10000"/>
                  <a:gd name="connsiteX213" fmla="*/ 1041 w 10000"/>
                  <a:gd name="connsiteY213" fmla="*/ 4963 h 10000"/>
                  <a:gd name="connsiteX214" fmla="*/ 1065 w 10000"/>
                  <a:gd name="connsiteY214" fmla="*/ 4860 h 10000"/>
                  <a:gd name="connsiteX215" fmla="*/ 1041 w 10000"/>
                  <a:gd name="connsiteY215" fmla="*/ 4756 h 10000"/>
                  <a:gd name="connsiteX216" fmla="*/ 1017 w 10000"/>
                  <a:gd name="connsiteY216" fmla="*/ 4653 h 10000"/>
                  <a:gd name="connsiteX217" fmla="*/ 944 w 10000"/>
                  <a:gd name="connsiteY217" fmla="*/ 4549 h 10000"/>
                  <a:gd name="connsiteX218" fmla="*/ 1211 w 10000"/>
                  <a:gd name="connsiteY218" fmla="*/ 4520 h 10000"/>
                  <a:gd name="connsiteX219" fmla="*/ 1404 w 10000"/>
                  <a:gd name="connsiteY219" fmla="*/ 4505 h 10000"/>
                  <a:gd name="connsiteX220" fmla="*/ 1574 w 10000"/>
                  <a:gd name="connsiteY220" fmla="*/ 4505 h 10000"/>
                  <a:gd name="connsiteX221" fmla="*/ 1719 w 10000"/>
                  <a:gd name="connsiteY221" fmla="*/ 4520 h 10000"/>
                  <a:gd name="connsiteX222" fmla="*/ 1840 w 10000"/>
                  <a:gd name="connsiteY222" fmla="*/ 4520 h 10000"/>
                  <a:gd name="connsiteX223" fmla="*/ 1985 w 10000"/>
                  <a:gd name="connsiteY223" fmla="*/ 4520 h 10000"/>
                  <a:gd name="connsiteX224" fmla="*/ 2131 w 10000"/>
                  <a:gd name="connsiteY224" fmla="*/ 4490 h 10000"/>
                  <a:gd name="connsiteX225" fmla="*/ 2324 w 10000"/>
                  <a:gd name="connsiteY225" fmla="*/ 4446 h 10000"/>
                  <a:gd name="connsiteX226" fmla="*/ 2324 w 10000"/>
                  <a:gd name="connsiteY226" fmla="*/ 4579 h 10000"/>
                  <a:gd name="connsiteX227" fmla="*/ 2324 w 10000"/>
                  <a:gd name="connsiteY227" fmla="*/ 4742 h 10000"/>
                  <a:gd name="connsiteX228" fmla="*/ 2324 w 10000"/>
                  <a:gd name="connsiteY228" fmla="*/ 4874 h 10000"/>
                  <a:gd name="connsiteX229" fmla="*/ 2324 w 10000"/>
                  <a:gd name="connsiteY229" fmla="*/ 5037 h 10000"/>
                  <a:gd name="connsiteX230" fmla="*/ 2542 w 10000"/>
                  <a:gd name="connsiteY230" fmla="*/ 5022 h 10000"/>
                  <a:gd name="connsiteX231" fmla="*/ 2688 w 10000"/>
                  <a:gd name="connsiteY231" fmla="*/ 5037 h 10000"/>
                  <a:gd name="connsiteX232" fmla="*/ 2809 w 10000"/>
                  <a:gd name="connsiteY232" fmla="*/ 5066 h 10000"/>
                  <a:gd name="connsiteX233" fmla="*/ 2930 w 10000"/>
                  <a:gd name="connsiteY233" fmla="*/ 5096 h 10000"/>
                  <a:gd name="connsiteX234" fmla="*/ 3027 w 10000"/>
                  <a:gd name="connsiteY234" fmla="*/ 5126 h 10000"/>
                  <a:gd name="connsiteX235" fmla="*/ 3148 w 10000"/>
                  <a:gd name="connsiteY235" fmla="*/ 5155 h 10000"/>
                  <a:gd name="connsiteX236" fmla="*/ 3293 w 10000"/>
                  <a:gd name="connsiteY236" fmla="*/ 5170 h 10000"/>
                  <a:gd name="connsiteX237" fmla="*/ 3511 w 10000"/>
                  <a:gd name="connsiteY237" fmla="*/ 5155 h 10000"/>
                  <a:gd name="connsiteX238" fmla="*/ 3584 w 10000"/>
                  <a:gd name="connsiteY238" fmla="*/ 5096 h 10000"/>
                  <a:gd name="connsiteX239" fmla="*/ 3656 w 10000"/>
                  <a:gd name="connsiteY239" fmla="*/ 5022 h 10000"/>
                  <a:gd name="connsiteX240" fmla="*/ 3680 w 10000"/>
                  <a:gd name="connsiteY240" fmla="*/ 4934 h 10000"/>
                  <a:gd name="connsiteX241" fmla="*/ 3705 w 10000"/>
                  <a:gd name="connsiteY241" fmla="*/ 4860 h 10000"/>
                  <a:gd name="connsiteX242" fmla="*/ 3729 w 10000"/>
                  <a:gd name="connsiteY242" fmla="*/ 4697 h 10000"/>
                  <a:gd name="connsiteX243" fmla="*/ 3705 w 10000"/>
                  <a:gd name="connsiteY243" fmla="*/ 4520 h 10000"/>
                  <a:gd name="connsiteX244" fmla="*/ 3632 w 10000"/>
                  <a:gd name="connsiteY244" fmla="*/ 4343 h 10000"/>
                  <a:gd name="connsiteX245" fmla="*/ 3559 w 10000"/>
                  <a:gd name="connsiteY245" fmla="*/ 4195 h 10000"/>
                  <a:gd name="connsiteX246" fmla="*/ 3438 w 10000"/>
                  <a:gd name="connsiteY246" fmla="*/ 4047 h 10000"/>
                  <a:gd name="connsiteX247" fmla="*/ 3317 w 10000"/>
                  <a:gd name="connsiteY247" fmla="*/ 3959 h 10000"/>
                  <a:gd name="connsiteX248" fmla="*/ 3462 w 10000"/>
                  <a:gd name="connsiteY248" fmla="*/ 3944 h 10000"/>
                  <a:gd name="connsiteX249" fmla="*/ 3584 w 10000"/>
                  <a:gd name="connsiteY249" fmla="*/ 3914 h 10000"/>
                  <a:gd name="connsiteX250" fmla="*/ 3680 w 10000"/>
                  <a:gd name="connsiteY250" fmla="*/ 3855 h 10000"/>
                  <a:gd name="connsiteX251" fmla="*/ 3801 w 10000"/>
                  <a:gd name="connsiteY251" fmla="*/ 3752 h 10000"/>
                  <a:gd name="connsiteX252" fmla="*/ 3923 w 10000"/>
                  <a:gd name="connsiteY252" fmla="*/ 3663 h 10000"/>
                  <a:gd name="connsiteX253" fmla="*/ 4019 w 10000"/>
                  <a:gd name="connsiteY253" fmla="*/ 3560 h 10000"/>
                  <a:gd name="connsiteX254" fmla="*/ 4092 w 10000"/>
                  <a:gd name="connsiteY254" fmla="*/ 3442 h 10000"/>
                  <a:gd name="connsiteX255" fmla="*/ 4165 w 10000"/>
                  <a:gd name="connsiteY255" fmla="*/ 3323 h 10000"/>
                  <a:gd name="connsiteX256" fmla="*/ 4213 w 10000"/>
                  <a:gd name="connsiteY256" fmla="*/ 3220 h 10000"/>
                  <a:gd name="connsiteX257" fmla="*/ 4237 w 10000"/>
                  <a:gd name="connsiteY257" fmla="*/ 3102 h 10000"/>
                  <a:gd name="connsiteX258" fmla="*/ 4262 w 10000"/>
                  <a:gd name="connsiteY258" fmla="*/ 3013 h 10000"/>
                  <a:gd name="connsiteX259" fmla="*/ 4237 w 10000"/>
                  <a:gd name="connsiteY259" fmla="*/ 2939 h 10000"/>
                  <a:gd name="connsiteX260" fmla="*/ 4213 w 10000"/>
                  <a:gd name="connsiteY260" fmla="*/ 2866 h 10000"/>
                  <a:gd name="connsiteX261" fmla="*/ 4140 w 10000"/>
                  <a:gd name="connsiteY261" fmla="*/ 2836 h 10000"/>
                  <a:gd name="connsiteX262" fmla="*/ 4044 w 10000"/>
                  <a:gd name="connsiteY262" fmla="*/ 2836 h 10000"/>
                  <a:gd name="connsiteX263" fmla="*/ 3923 w 10000"/>
                  <a:gd name="connsiteY263" fmla="*/ 2866 h 10000"/>
                  <a:gd name="connsiteX264" fmla="*/ 4019 w 10000"/>
                  <a:gd name="connsiteY264" fmla="*/ 2777 h 10000"/>
                  <a:gd name="connsiteX265" fmla="*/ 4068 w 10000"/>
                  <a:gd name="connsiteY265" fmla="*/ 2674 h 10000"/>
                  <a:gd name="connsiteX266" fmla="*/ 4092 w 10000"/>
                  <a:gd name="connsiteY266" fmla="*/ 2541 h 10000"/>
                  <a:gd name="connsiteX267" fmla="*/ 4092 w 10000"/>
                  <a:gd name="connsiteY267" fmla="*/ 2393 h 10000"/>
                  <a:gd name="connsiteX268" fmla="*/ 4116 w 10000"/>
                  <a:gd name="connsiteY268" fmla="*/ 2349 h 10000"/>
                  <a:gd name="connsiteX269" fmla="*/ 4165 w 10000"/>
                  <a:gd name="connsiteY269" fmla="*/ 2304 h 10000"/>
                  <a:gd name="connsiteX270" fmla="*/ 4213 w 10000"/>
                  <a:gd name="connsiteY270" fmla="*/ 2290 h 10000"/>
                  <a:gd name="connsiteX271" fmla="*/ 4286 w 10000"/>
                  <a:gd name="connsiteY271" fmla="*/ 2275 h 10000"/>
                  <a:gd name="connsiteX272" fmla="*/ 4504 w 10000"/>
                  <a:gd name="connsiteY272" fmla="*/ 2260 h 10000"/>
                  <a:gd name="connsiteX273" fmla="*/ 4697 w 10000"/>
                  <a:gd name="connsiteY273" fmla="*/ 2275 h 10000"/>
                  <a:gd name="connsiteX274" fmla="*/ 4673 w 10000"/>
                  <a:gd name="connsiteY274" fmla="*/ 2112 h 10000"/>
                  <a:gd name="connsiteX275" fmla="*/ 4625 w 10000"/>
                  <a:gd name="connsiteY275" fmla="*/ 1950 h 10000"/>
                  <a:gd name="connsiteX276" fmla="*/ 4552 w 10000"/>
                  <a:gd name="connsiteY276" fmla="*/ 1802 h 10000"/>
                  <a:gd name="connsiteX277" fmla="*/ 4455 w 10000"/>
                  <a:gd name="connsiteY277" fmla="*/ 1640 h 10000"/>
                  <a:gd name="connsiteX278" fmla="*/ 4213 w 10000"/>
                  <a:gd name="connsiteY278" fmla="*/ 1329 h 10000"/>
                  <a:gd name="connsiteX279" fmla="*/ 3971 w 10000"/>
                  <a:gd name="connsiteY279" fmla="*/ 1034 h 10000"/>
                  <a:gd name="connsiteX280" fmla="*/ 3850 w 10000"/>
                  <a:gd name="connsiteY280" fmla="*/ 901 h 10000"/>
                  <a:gd name="connsiteX281" fmla="*/ 3753 w 10000"/>
                  <a:gd name="connsiteY281" fmla="*/ 753 h 10000"/>
                  <a:gd name="connsiteX282" fmla="*/ 3680 w 10000"/>
                  <a:gd name="connsiteY282" fmla="*/ 620 h 10000"/>
                  <a:gd name="connsiteX283" fmla="*/ 3656 w 10000"/>
                  <a:gd name="connsiteY283" fmla="*/ 487 h 10000"/>
                  <a:gd name="connsiteX284" fmla="*/ 3632 w 10000"/>
                  <a:gd name="connsiteY284" fmla="*/ 355 h 10000"/>
                  <a:gd name="connsiteX285" fmla="*/ 3680 w 10000"/>
                  <a:gd name="connsiteY285" fmla="*/ 222 h 10000"/>
                  <a:gd name="connsiteX286" fmla="*/ 3705 w 10000"/>
                  <a:gd name="connsiteY286" fmla="*/ 162 h 10000"/>
                  <a:gd name="connsiteX287" fmla="*/ 3753 w 10000"/>
                  <a:gd name="connsiteY287" fmla="*/ 103 h 10000"/>
                  <a:gd name="connsiteX288" fmla="*/ 3826 w 10000"/>
                  <a:gd name="connsiteY288" fmla="*/ 59 h 10000"/>
                  <a:gd name="connsiteX289" fmla="*/ 3923 w 10000"/>
                  <a:gd name="connsiteY289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6852 w 10000"/>
                  <a:gd name="connsiteY60" fmla="*/ 4313 h 10000"/>
                  <a:gd name="connsiteX61" fmla="*/ 6852 w 10000"/>
                  <a:gd name="connsiteY61" fmla="*/ 4431 h 10000"/>
                  <a:gd name="connsiteX62" fmla="*/ 6852 w 10000"/>
                  <a:gd name="connsiteY62" fmla="*/ 4549 h 10000"/>
                  <a:gd name="connsiteX63" fmla="*/ 6804 w 10000"/>
                  <a:gd name="connsiteY63" fmla="*/ 4564 h 10000"/>
                  <a:gd name="connsiteX64" fmla="*/ 6731 w 10000"/>
                  <a:gd name="connsiteY64" fmla="*/ 4594 h 10000"/>
                  <a:gd name="connsiteX65" fmla="*/ 6683 w 10000"/>
                  <a:gd name="connsiteY65" fmla="*/ 4638 h 10000"/>
                  <a:gd name="connsiteX66" fmla="*/ 6683 w 10000"/>
                  <a:gd name="connsiteY66" fmla="*/ 4697 h 10000"/>
                  <a:gd name="connsiteX67" fmla="*/ 6659 w 10000"/>
                  <a:gd name="connsiteY67" fmla="*/ 4801 h 10000"/>
                  <a:gd name="connsiteX68" fmla="*/ 6659 w 10000"/>
                  <a:gd name="connsiteY68" fmla="*/ 4904 h 10000"/>
                  <a:gd name="connsiteX69" fmla="*/ 6538 w 10000"/>
                  <a:gd name="connsiteY69" fmla="*/ 4860 h 10000"/>
                  <a:gd name="connsiteX70" fmla="*/ 6465 w 10000"/>
                  <a:gd name="connsiteY70" fmla="*/ 4801 h 10000"/>
                  <a:gd name="connsiteX71" fmla="*/ 6392 w 10000"/>
                  <a:gd name="connsiteY71" fmla="*/ 4727 h 10000"/>
                  <a:gd name="connsiteX72" fmla="*/ 6320 w 10000"/>
                  <a:gd name="connsiteY72" fmla="*/ 4638 h 10000"/>
                  <a:gd name="connsiteX73" fmla="*/ 6199 w 10000"/>
                  <a:gd name="connsiteY73" fmla="*/ 4476 h 10000"/>
                  <a:gd name="connsiteX74" fmla="*/ 6077 w 10000"/>
                  <a:gd name="connsiteY74" fmla="*/ 4313 h 10000"/>
                  <a:gd name="connsiteX75" fmla="*/ 6223 w 10000"/>
                  <a:gd name="connsiteY75" fmla="*/ 4210 h 10000"/>
                  <a:gd name="connsiteX76" fmla="*/ 6416 w 10000"/>
                  <a:gd name="connsiteY76" fmla="*/ 4121 h 10000"/>
                  <a:gd name="connsiteX77" fmla="*/ 6634 w 10000"/>
                  <a:gd name="connsiteY77" fmla="*/ 4032 h 10000"/>
                  <a:gd name="connsiteX78" fmla="*/ 6877 w 10000"/>
                  <a:gd name="connsiteY78" fmla="*/ 3959 h 10000"/>
                  <a:gd name="connsiteX79" fmla="*/ 7385 w 10000"/>
                  <a:gd name="connsiteY79" fmla="*/ 3811 h 10000"/>
                  <a:gd name="connsiteX80" fmla="*/ 7893 w 10000"/>
                  <a:gd name="connsiteY80" fmla="*/ 3663 h 10000"/>
                  <a:gd name="connsiteX81" fmla="*/ 8136 w 10000"/>
                  <a:gd name="connsiteY81" fmla="*/ 3589 h 10000"/>
                  <a:gd name="connsiteX82" fmla="*/ 8378 w 10000"/>
                  <a:gd name="connsiteY82" fmla="*/ 3516 h 10000"/>
                  <a:gd name="connsiteX83" fmla="*/ 8571 w 10000"/>
                  <a:gd name="connsiteY83" fmla="*/ 3412 h 10000"/>
                  <a:gd name="connsiteX84" fmla="*/ 8765 w 10000"/>
                  <a:gd name="connsiteY84" fmla="*/ 3338 h 10000"/>
                  <a:gd name="connsiteX85" fmla="*/ 8886 w 10000"/>
                  <a:gd name="connsiteY85" fmla="*/ 3235 h 10000"/>
                  <a:gd name="connsiteX86" fmla="*/ 8983 w 10000"/>
                  <a:gd name="connsiteY86" fmla="*/ 3117 h 10000"/>
                  <a:gd name="connsiteX87" fmla="*/ 9007 w 10000"/>
                  <a:gd name="connsiteY87" fmla="*/ 3072 h 10000"/>
                  <a:gd name="connsiteX88" fmla="*/ 9031 w 10000"/>
                  <a:gd name="connsiteY88" fmla="*/ 3013 h 10000"/>
                  <a:gd name="connsiteX89" fmla="*/ 9031 w 10000"/>
                  <a:gd name="connsiteY89" fmla="*/ 2954 h 10000"/>
                  <a:gd name="connsiteX90" fmla="*/ 9007 w 10000"/>
                  <a:gd name="connsiteY90" fmla="*/ 2866 h 10000"/>
                  <a:gd name="connsiteX91" fmla="*/ 8838 w 10000"/>
                  <a:gd name="connsiteY91" fmla="*/ 2984 h 10000"/>
                  <a:gd name="connsiteX92" fmla="*/ 8644 w 10000"/>
                  <a:gd name="connsiteY92" fmla="*/ 3072 h 10000"/>
                  <a:gd name="connsiteX93" fmla="*/ 8450 w 10000"/>
                  <a:gd name="connsiteY93" fmla="*/ 3161 h 10000"/>
                  <a:gd name="connsiteX94" fmla="*/ 8257 w 10000"/>
                  <a:gd name="connsiteY94" fmla="*/ 3250 h 10000"/>
                  <a:gd name="connsiteX95" fmla="*/ 7821 w 10000"/>
                  <a:gd name="connsiteY95" fmla="*/ 3397 h 10000"/>
                  <a:gd name="connsiteX96" fmla="*/ 7361 w 10000"/>
                  <a:gd name="connsiteY96" fmla="*/ 3545 h 10000"/>
                  <a:gd name="connsiteX97" fmla="*/ 6901 w 10000"/>
                  <a:gd name="connsiteY97" fmla="*/ 3678 h 10000"/>
                  <a:gd name="connsiteX98" fmla="*/ 6465 w 10000"/>
                  <a:gd name="connsiteY98" fmla="*/ 3840 h 10000"/>
                  <a:gd name="connsiteX99" fmla="*/ 6247 w 10000"/>
                  <a:gd name="connsiteY99" fmla="*/ 3914 h 10000"/>
                  <a:gd name="connsiteX100" fmla="*/ 6053 w 10000"/>
                  <a:gd name="connsiteY100" fmla="*/ 4003 h 10000"/>
                  <a:gd name="connsiteX101" fmla="*/ 5860 w 10000"/>
                  <a:gd name="connsiteY101" fmla="*/ 4106 h 10000"/>
                  <a:gd name="connsiteX102" fmla="*/ 5666 w 10000"/>
                  <a:gd name="connsiteY102" fmla="*/ 4195 h 10000"/>
                  <a:gd name="connsiteX103" fmla="*/ 5811 w 10000"/>
                  <a:gd name="connsiteY103" fmla="*/ 4417 h 10000"/>
                  <a:gd name="connsiteX104" fmla="*/ 5908 w 10000"/>
                  <a:gd name="connsiteY104" fmla="*/ 4623 h 10000"/>
                  <a:gd name="connsiteX105" fmla="*/ 6005 w 10000"/>
                  <a:gd name="connsiteY105" fmla="*/ 4845 h 10000"/>
                  <a:gd name="connsiteX106" fmla="*/ 6077 w 10000"/>
                  <a:gd name="connsiteY106" fmla="*/ 5081 h 10000"/>
                  <a:gd name="connsiteX107" fmla="*/ 6126 w 10000"/>
                  <a:gd name="connsiteY107" fmla="*/ 5318 h 10000"/>
                  <a:gd name="connsiteX108" fmla="*/ 6150 w 10000"/>
                  <a:gd name="connsiteY108" fmla="*/ 5539 h 10000"/>
                  <a:gd name="connsiteX109" fmla="*/ 6174 w 10000"/>
                  <a:gd name="connsiteY109" fmla="*/ 5775 h 10000"/>
                  <a:gd name="connsiteX110" fmla="*/ 6174 w 10000"/>
                  <a:gd name="connsiteY110" fmla="*/ 5997 h 10000"/>
                  <a:gd name="connsiteX111" fmla="*/ 6150 w 10000"/>
                  <a:gd name="connsiteY111" fmla="*/ 6233 h 10000"/>
                  <a:gd name="connsiteX112" fmla="*/ 6102 w 10000"/>
                  <a:gd name="connsiteY112" fmla="*/ 6470 h 10000"/>
                  <a:gd name="connsiteX113" fmla="*/ 6053 w 10000"/>
                  <a:gd name="connsiteY113" fmla="*/ 6677 h 10000"/>
                  <a:gd name="connsiteX114" fmla="*/ 5981 w 10000"/>
                  <a:gd name="connsiteY114" fmla="*/ 6898 h 10000"/>
                  <a:gd name="connsiteX115" fmla="*/ 5884 w 10000"/>
                  <a:gd name="connsiteY115" fmla="*/ 7105 h 10000"/>
                  <a:gd name="connsiteX116" fmla="*/ 5763 w 10000"/>
                  <a:gd name="connsiteY116" fmla="*/ 7297 h 10000"/>
                  <a:gd name="connsiteX117" fmla="*/ 5617 w 10000"/>
                  <a:gd name="connsiteY117" fmla="*/ 7489 h 10000"/>
                  <a:gd name="connsiteX118" fmla="*/ 5472 w 10000"/>
                  <a:gd name="connsiteY118" fmla="*/ 7681 h 10000"/>
                  <a:gd name="connsiteX119" fmla="*/ 6174 w 10000"/>
                  <a:gd name="connsiteY119" fmla="*/ 7799 h 10000"/>
                  <a:gd name="connsiteX120" fmla="*/ 6901 w 10000"/>
                  <a:gd name="connsiteY120" fmla="*/ 7962 h 10000"/>
                  <a:gd name="connsiteX121" fmla="*/ 7046 w 10000"/>
                  <a:gd name="connsiteY121" fmla="*/ 8021 h 10000"/>
                  <a:gd name="connsiteX122" fmla="*/ 7167 w 10000"/>
                  <a:gd name="connsiteY122" fmla="*/ 8080 h 10000"/>
                  <a:gd name="connsiteX123" fmla="*/ 7288 w 10000"/>
                  <a:gd name="connsiteY123" fmla="*/ 8139 h 10000"/>
                  <a:gd name="connsiteX124" fmla="*/ 7361 w 10000"/>
                  <a:gd name="connsiteY124" fmla="*/ 8227 h 10000"/>
                  <a:gd name="connsiteX125" fmla="*/ 7385 w 10000"/>
                  <a:gd name="connsiteY125" fmla="*/ 8301 h 10000"/>
                  <a:gd name="connsiteX126" fmla="*/ 7385 w 10000"/>
                  <a:gd name="connsiteY126" fmla="*/ 8405 h 10000"/>
                  <a:gd name="connsiteX127" fmla="*/ 7337 w 10000"/>
                  <a:gd name="connsiteY127" fmla="*/ 8523 h 10000"/>
                  <a:gd name="connsiteX128" fmla="*/ 7264 w 10000"/>
                  <a:gd name="connsiteY128" fmla="*/ 8641 h 10000"/>
                  <a:gd name="connsiteX129" fmla="*/ 6949 w 10000"/>
                  <a:gd name="connsiteY129" fmla="*/ 8552 h 10000"/>
                  <a:gd name="connsiteX130" fmla="*/ 6659 w 10000"/>
                  <a:gd name="connsiteY130" fmla="*/ 8449 h 10000"/>
                  <a:gd name="connsiteX131" fmla="*/ 6368 w 10000"/>
                  <a:gd name="connsiteY131" fmla="*/ 8360 h 10000"/>
                  <a:gd name="connsiteX132" fmla="*/ 6077 w 10000"/>
                  <a:gd name="connsiteY132" fmla="*/ 8287 h 10000"/>
                  <a:gd name="connsiteX133" fmla="*/ 5956 w 10000"/>
                  <a:gd name="connsiteY133" fmla="*/ 8449 h 10000"/>
                  <a:gd name="connsiteX134" fmla="*/ 5860 w 10000"/>
                  <a:gd name="connsiteY134" fmla="*/ 8597 h 10000"/>
                  <a:gd name="connsiteX135" fmla="*/ 5811 w 10000"/>
                  <a:gd name="connsiteY135" fmla="*/ 8656 h 10000"/>
                  <a:gd name="connsiteX136" fmla="*/ 5714 w 10000"/>
                  <a:gd name="connsiteY136" fmla="*/ 8700 h 10000"/>
                  <a:gd name="connsiteX137" fmla="*/ 5642 w 10000"/>
                  <a:gd name="connsiteY137" fmla="*/ 8744 h 10000"/>
                  <a:gd name="connsiteX138" fmla="*/ 5569 w 10000"/>
                  <a:gd name="connsiteY138" fmla="*/ 8774 h 10000"/>
                  <a:gd name="connsiteX139" fmla="*/ 5496 w 10000"/>
                  <a:gd name="connsiteY139" fmla="*/ 8804 h 10000"/>
                  <a:gd name="connsiteX140" fmla="*/ 5400 w 10000"/>
                  <a:gd name="connsiteY140" fmla="*/ 8818 h 10000"/>
                  <a:gd name="connsiteX141" fmla="*/ 5278 w 10000"/>
                  <a:gd name="connsiteY141" fmla="*/ 8833 h 10000"/>
                  <a:gd name="connsiteX142" fmla="*/ 5157 w 10000"/>
                  <a:gd name="connsiteY142" fmla="*/ 8833 h 10000"/>
                  <a:gd name="connsiteX143" fmla="*/ 4867 w 10000"/>
                  <a:gd name="connsiteY143" fmla="*/ 8818 h 10000"/>
                  <a:gd name="connsiteX144" fmla="*/ 4504 w 10000"/>
                  <a:gd name="connsiteY144" fmla="*/ 8744 h 10000"/>
                  <a:gd name="connsiteX145" fmla="*/ 4504 w 10000"/>
                  <a:gd name="connsiteY145" fmla="*/ 8922 h 10000"/>
                  <a:gd name="connsiteX146" fmla="*/ 4479 w 10000"/>
                  <a:gd name="connsiteY146" fmla="*/ 9069 h 10000"/>
                  <a:gd name="connsiteX147" fmla="*/ 4455 w 10000"/>
                  <a:gd name="connsiteY147" fmla="*/ 9232 h 10000"/>
                  <a:gd name="connsiteX148" fmla="*/ 4431 w 10000"/>
                  <a:gd name="connsiteY148" fmla="*/ 9365 h 10000"/>
                  <a:gd name="connsiteX149" fmla="*/ 4383 w 10000"/>
                  <a:gd name="connsiteY149" fmla="*/ 9498 h 10000"/>
                  <a:gd name="connsiteX150" fmla="*/ 4286 w 10000"/>
                  <a:gd name="connsiteY150" fmla="*/ 9616 h 10000"/>
                  <a:gd name="connsiteX151" fmla="*/ 4213 w 10000"/>
                  <a:gd name="connsiteY151" fmla="*/ 9734 h 10000"/>
                  <a:gd name="connsiteX152" fmla="*/ 4092 w 10000"/>
                  <a:gd name="connsiteY152" fmla="*/ 9838 h 10000"/>
                  <a:gd name="connsiteX153" fmla="*/ 3801 w 10000"/>
                  <a:gd name="connsiteY153" fmla="*/ 9897 h 10000"/>
                  <a:gd name="connsiteX154" fmla="*/ 3559 w 10000"/>
                  <a:gd name="connsiteY154" fmla="*/ 9941 h 10000"/>
                  <a:gd name="connsiteX155" fmla="*/ 3269 w 10000"/>
                  <a:gd name="connsiteY155" fmla="*/ 9985 h 10000"/>
                  <a:gd name="connsiteX156" fmla="*/ 3051 w 10000"/>
                  <a:gd name="connsiteY156" fmla="*/ 10000 h 10000"/>
                  <a:gd name="connsiteX157" fmla="*/ 2567 w 10000"/>
                  <a:gd name="connsiteY157" fmla="*/ 10000 h 10000"/>
                  <a:gd name="connsiteX158" fmla="*/ 2107 w 10000"/>
                  <a:gd name="connsiteY158" fmla="*/ 9985 h 10000"/>
                  <a:gd name="connsiteX159" fmla="*/ 1671 w 10000"/>
                  <a:gd name="connsiteY159" fmla="*/ 9941 h 10000"/>
                  <a:gd name="connsiteX160" fmla="*/ 1211 w 10000"/>
                  <a:gd name="connsiteY160" fmla="*/ 9911 h 10000"/>
                  <a:gd name="connsiteX161" fmla="*/ 944 w 10000"/>
                  <a:gd name="connsiteY161" fmla="*/ 9911 h 10000"/>
                  <a:gd name="connsiteX162" fmla="*/ 702 w 10000"/>
                  <a:gd name="connsiteY162" fmla="*/ 9911 h 10000"/>
                  <a:gd name="connsiteX163" fmla="*/ 436 w 10000"/>
                  <a:gd name="connsiteY163" fmla="*/ 9926 h 10000"/>
                  <a:gd name="connsiteX164" fmla="*/ 169 w 10000"/>
                  <a:gd name="connsiteY164" fmla="*/ 9970 h 10000"/>
                  <a:gd name="connsiteX165" fmla="*/ 97 w 10000"/>
                  <a:gd name="connsiteY165" fmla="*/ 9867 h 10000"/>
                  <a:gd name="connsiteX166" fmla="*/ 48 w 10000"/>
                  <a:gd name="connsiteY166" fmla="*/ 9793 h 10000"/>
                  <a:gd name="connsiteX167" fmla="*/ 0 w 10000"/>
                  <a:gd name="connsiteY167" fmla="*/ 9705 h 10000"/>
                  <a:gd name="connsiteX168" fmla="*/ 0 w 10000"/>
                  <a:gd name="connsiteY168" fmla="*/ 9601 h 10000"/>
                  <a:gd name="connsiteX169" fmla="*/ 48 w 10000"/>
                  <a:gd name="connsiteY169" fmla="*/ 9424 h 10000"/>
                  <a:gd name="connsiteX170" fmla="*/ 97 w 10000"/>
                  <a:gd name="connsiteY170" fmla="*/ 9202 h 10000"/>
                  <a:gd name="connsiteX171" fmla="*/ 145 w 10000"/>
                  <a:gd name="connsiteY171" fmla="*/ 8996 h 10000"/>
                  <a:gd name="connsiteX172" fmla="*/ 194 w 10000"/>
                  <a:gd name="connsiteY172" fmla="*/ 8759 h 10000"/>
                  <a:gd name="connsiteX173" fmla="*/ 218 w 10000"/>
                  <a:gd name="connsiteY173" fmla="*/ 8641 h 10000"/>
                  <a:gd name="connsiteX174" fmla="*/ 218 w 10000"/>
                  <a:gd name="connsiteY174" fmla="*/ 8538 h 10000"/>
                  <a:gd name="connsiteX175" fmla="*/ 194 w 10000"/>
                  <a:gd name="connsiteY175" fmla="*/ 8405 h 10000"/>
                  <a:gd name="connsiteX176" fmla="*/ 169 w 10000"/>
                  <a:gd name="connsiteY176" fmla="*/ 8287 h 10000"/>
                  <a:gd name="connsiteX177" fmla="*/ 412 w 10000"/>
                  <a:gd name="connsiteY177" fmla="*/ 8213 h 10000"/>
                  <a:gd name="connsiteX178" fmla="*/ 654 w 10000"/>
                  <a:gd name="connsiteY178" fmla="*/ 8139 h 10000"/>
                  <a:gd name="connsiteX179" fmla="*/ 896 w 10000"/>
                  <a:gd name="connsiteY179" fmla="*/ 8095 h 10000"/>
                  <a:gd name="connsiteX180" fmla="*/ 1162 w 10000"/>
                  <a:gd name="connsiteY180" fmla="*/ 8065 h 10000"/>
                  <a:gd name="connsiteX181" fmla="*/ 1646 w 10000"/>
                  <a:gd name="connsiteY181" fmla="*/ 8021 h 10000"/>
                  <a:gd name="connsiteX182" fmla="*/ 2131 w 10000"/>
                  <a:gd name="connsiteY182" fmla="*/ 7976 h 10000"/>
                  <a:gd name="connsiteX183" fmla="*/ 2349 w 10000"/>
                  <a:gd name="connsiteY183" fmla="*/ 7947 h 10000"/>
                  <a:gd name="connsiteX184" fmla="*/ 2567 w 10000"/>
                  <a:gd name="connsiteY184" fmla="*/ 7917 h 10000"/>
                  <a:gd name="connsiteX185" fmla="*/ 2760 w 10000"/>
                  <a:gd name="connsiteY185" fmla="*/ 7843 h 10000"/>
                  <a:gd name="connsiteX186" fmla="*/ 2954 w 10000"/>
                  <a:gd name="connsiteY186" fmla="*/ 7784 h 10000"/>
                  <a:gd name="connsiteX187" fmla="*/ 3123 w 10000"/>
                  <a:gd name="connsiteY187" fmla="*/ 7710 h 10000"/>
                  <a:gd name="connsiteX188" fmla="*/ 3269 w 10000"/>
                  <a:gd name="connsiteY188" fmla="*/ 7592 h 10000"/>
                  <a:gd name="connsiteX189" fmla="*/ 3414 w 10000"/>
                  <a:gd name="connsiteY189" fmla="*/ 7474 h 10000"/>
                  <a:gd name="connsiteX190" fmla="*/ 3511 w 10000"/>
                  <a:gd name="connsiteY190" fmla="*/ 7312 h 10000"/>
                  <a:gd name="connsiteX191" fmla="*/ 3317 w 10000"/>
                  <a:gd name="connsiteY191" fmla="*/ 7238 h 10000"/>
                  <a:gd name="connsiteX192" fmla="*/ 3148 w 10000"/>
                  <a:gd name="connsiteY192" fmla="*/ 7179 h 10000"/>
                  <a:gd name="connsiteX193" fmla="*/ 3002 w 10000"/>
                  <a:gd name="connsiteY193" fmla="*/ 7090 h 10000"/>
                  <a:gd name="connsiteX194" fmla="*/ 2857 w 10000"/>
                  <a:gd name="connsiteY194" fmla="*/ 6987 h 10000"/>
                  <a:gd name="connsiteX195" fmla="*/ 2760 w 10000"/>
                  <a:gd name="connsiteY195" fmla="*/ 6869 h 10000"/>
                  <a:gd name="connsiteX196" fmla="*/ 2712 w 10000"/>
                  <a:gd name="connsiteY196" fmla="*/ 6721 h 10000"/>
                  <a:gd name="connsiteX197" fmla="*/ 2688 w 10000"/>
                  <a:gd name="connsiteY197" fmla="*/ 6558 h 10000"/>
                  <a:gd name="connsiteX198" fmla="*/ 2712 w 10000"/>
                  <a:gd name="connsiteY198" fmla="*/ 6352 h 10000"/>
                  <a:gd name="connsiteX199" fmla="*/ 2591 w 10000"/>
                  <a:gd name="connsiteY199" fmla="*/ 6322 h 10000"/>
                  <a:gd name="connsiteX200" fmla="*/ 2446 w 10000"/>
                  <a:gd name="connsiteY200" fmla="*/ 6292 h 10000"/>
                  <a:gd name="connsiteX201" fmla="*/ 2276 w 10000"/>
                  <a:gd name="connsiteY201" fmla="*/ 6278 h 10000"/>
                  <a:gd name="connsiteX202" fmla="*/ 2107 w 10000"/>
                  <a:gd name="connsiteY202" fmla="*/ 6263 h 10000"/>
                  <a:gd name="connsiteX203" fmla="*/ 1768 w 10000"/>
                  <a:gd name="connsiteY203" fmla="*/ 6248 h 10000"/>
                  <a:gd name="connsiteX204" fmla="*/ 1404 w 10000"/>
                  <a:gd name="connsiteY204" fmla="*/ 6263 h 10000"/>
                  <a:gd name="connsiteX205" fmla="*/ 1090 w 10000"/>
                  <a:gd name="connsiteY205" fmla="*/ 6278 h 10000"/>
                  <a:gd name="connsiteX206" fmla="*/ 799 w 10000"/>
                  <a:gd name="connsiteY206" fmla="*/ 6278 h 10000"/>
                  <a:gd name="connsiteX207" fmla="*/ 557 w 10000"/>
                  <a:gd name="connsiteY207" fmla="*/ 6263 h 10000"/>
                  <a:gd name="connsiteX208" fmla="*/ 363 w 10000"/>
                  <a:gd name="connsiteY208" fmla="*/ 6233 h 10000"/>
                  <a:gd name="connsiteX209" fmla="*/ 605 w 10000"/>
                  <a:gd name="connsiteY209" fmla="*/ 5805 h 10000"/>
                  <a:gd name="connsiteX210" fmla="*/ 872 w 10000"/>
                  <a:gd name="connsiteY210" fmla="*/ 5391 h 10000"/>
                  <a:gd name="connsiteX211" fmla="*/ 969 w 10000"/>
                  <a:gd name="connsiteY211" fmla="*/ 5170 h 10000"/>
                  <a:gd name="connsiteX212" fmla="*/ 1041 w 10000"/>
                  <a:gd name="connsiteY212" fmla="*/ 4963 h 10000"/>
                  <a:gd name="connsiteX213" fmla="*/ 1065 w 10000"/>
                  <a:gd name="connsiteY213" fmla="*/ 4860 h 10000"/>
                  <a:gd name="connsiteX214" fmla="*/ 1041 w 10000"/>
                  <a:gd name="connsiteY214" fmla="*/ 4756 h 10000"/>
                  <a:gd name="connsiteX215" fmla="*/ 1017 w 10000"/>
                  <a:gd name="connsiteY215" fmla="*/ 4653 h 10000"/>
                  <a:gd name="connsiteX216" fmla="*/ 944 w 10000"/>
                  <a:gd name="connsiteY216" fmla="*/ 4549 h 10000"/>
                  <a:gd name="connsiteX217" fmla="*/ 1211 w 10000"/>
                  <a:gd name="connsiteY217" fmla="*/ 4520 h 10000"/>
                  <a:gd name="connsiteX218" fmla="*/ 1404 w 10000"/>
                  <a:gd name="connsiteY218" fmla="*/ 4505 h 10000"/>
                  <a:gd name="connsiteX219" fmla="*/ 1574 w 10000"/>
                  <a:gd name="connsiteY219" fmla="*/ 4505 h 10000"/>
                  <a:gd name="connsiteX220" fmla="*/ 1719 w 10000"/>
                  <a:gd name="connsiteY220" fmla="*/ 4520 h 10000"/>
                  <a:gd name="connsiteX221" fmla="*/ 1840 w 10000"/>
                  <a:gd name="connsiteY221" fmla="*/ 4520 h 10000"/>
                  <a:gd name="connsiteX222" fmla="*/ 1985 w 10000"/>
                  <a:gd name="connsiteY222" fmla="*/ 4520 h 10000"/>
                  <a:gd name="connsiteX223" fmla="*/ 2131 w 10000"/>
                  <a:gd name="connsiteY223" fmla="*/ 4490 h 10000"/>
                  <a:gd name="connsiteX224" fmla="*/ 2324 w 10000"/>
                  <a:gd name="connsiteY224" fmla="*/ 4446 h 10000"/>
                  <a:gd name="connsiteX225" fmla="*/ 2324 w 10000"/>
                  <a:gd name="connsiteY225" fmla="*/ 4579 h 10000"/>
                  <a:gd name="connsiteX226" fmla="*/ 2324 w 10000"/>
                  <a:gd name="connsiteY226" fmla="*/ 4742 h 10000"/>
                  <a:gd name="connsiteX227" fmla="*/ 2324 w 10000"/>
                  <a:gd name="connsiteY227" fmla="*/ 4874 h 10000"/>
                  <a:gd name="connsiteX228" fmla="*/ 2324 w 10000"/>
                  <a:gd name="connsiteY228" fmla="*/ 5037 h 10000"/>
                  <a:gd name="connsiteX229" fmla="*/ 2542 w 10000"/>
                  <a:gd name="connsiteY229" fmla="*/ 5022 h 10000"/>
                  <a:gd name="connsiteX230" fmla="*/ 2688 w 10000"/>
                  <a:gd name="connsiteY230" fmla="*/ 5037 h 10000"/>
                  <a:gd name="connsiteX231" fmla="*/ 2809 w 10000"/>
                  <a:gd name="connsiteY231" fmla="*/ 5066 h 10000"/>
                  <a:gd name="connsiteX232" fmla="*/ 2930 w 10000"/>
                  <a:gd name="connsiteY232" fmla="*/ 5096 h 10000"/>
                  <a:gd name="connsiteX233" fmla="*/ 3027 w 10000"/>
                  <a:gd name="connsiteY233" fmla="*/ 5126 h 10000"/>
                  <a:gd name="connsiteX234" fmla="*/ 3148 w 10000"/>
                  <a:gd name="connsiteY234" fmla="*/ 5155 h 10000"/>
                  <a:gd name="connsiteX235" fmla="*/ 3293 w 10000"/>
                  <a:gd name="connsiteY235" fmla="*/ 5170 h 10000"/>
                  <a:gd name="connsiteX236" fmla="*/ 3511 w 10000"/>
                  <a:gd name="connsiteY236" fmla="*/ 5155 h 10000"/>
                  <a:gd name="connsiteX237" fmla="*/ 3584 w 10000"/>
                  <a:gd name="connsiteY237" fmla="*/ 5096 h 10000"/>
                  <a:gd name="connsiteX238" fmla="*/ 3656 w 10000"/>
                  <a:gd name="connsiteY238" fmla="*/ 5022 h 10000"/>
                  <a:gd name="connsiteX239" fmla="*/ 3680 w 10000"/>
                  <a:gd name="connsiteY239" fmla="*/ 4934 h 10000"/>
                  <a:gd name="connsiteX240" fmla="*/ 3705 w 10000"/>
                  <a:gd name="connsiteY240" fmla="*/ 4860 h 10000"/>
                  <a:gd name="connsiteX241" fmla="*/ 3729 w 10000"/>
                  <a:gd name="connsiteY241" fmla="*/ 4697 h 10000"/>
                  <a:gd name="connsiteX242" fmla="*/ 3705 w 10000"/>
                  <a:gd name="connsiteY242" fmla="*/ 4520 h 10000"/>
                  <a:gd name="connsiteX243" fmla="*/ 3632 w 10000"/>
                  <a:gd name="connsiteY243" fmla="*/ 4343 h 10000"/>
                  <a:gd name="connsiteX244" fmla="*/ 3559 w 10000"/>
                  <a:gd name="connsiteY244" fmla="*/ 4195 h 10000"/>
                  <a:gd name="connsiteX245" fmla="*/ 3438 w 10000"/>
                  <a:gd name="connsiteY245" fmla="*/ 4047 h 10000"/>
                  <a:gd name="connsiteX246" fmla="*/ 3317 w 10000"/>
                  <a:gd name="connsiteY246" fmla="*/ 3959 h 10000"/>
                  <a:gd name="connsiteX247" fmla="*/ 3462 w 10000"/>
                  <a:gd name="connsiteY247" fmla="*/ 3944 h 10000"/>
                  <a:gd name="connsiteX248" fmla="*/ 3584 w 10000"/>
                  <a:gd name="connsiteY248" fmla="*/ 3914 h 10000"/>
                  <a:gd name="connsiteX249" fmla="*/ 3680 w 10000"/>
                  <a:gd name="connsiteY249" fmla="*/ 3855 h 10000"/>
                  <a:gd name="connsiteX250" fmla="*/ 3801 w 10000"/>
                  <a:gd name="connsiteY250" fmla="*/ 3752 h 10000"/>
                  <a:gd name="connsiteX251" fmla="*/ 3923 w 10000"/>
                  <a:gd name="connsiteY251" fmla="*/ 3663 h 10000"/>
                  <a:gd name="connsiteX252" fmla="*/ 4019 w 10000"/>
                  <a:gd name="connsiteY252" fmla="*/ 3560 h 10000"/>
                  <a:gd name="connsiteX253" fmla="*/ 4092 w 10000"/>
                  <a:gd name="connsiteY253" fmla="*/ 3442 h 10000"/>
                  <a:gd name="connsiteX254" fmla="*/ 4165 w 10000"/>
                  <a:gd name="connsiteY254" fmla="*/ 3323 h 10000"/>
                  <a:gd name="connsiteX255" fmla="*/ 4213 w 10000"/>
                  <a:gd name="connsiteY255" fmla="*/ 3220 h 10000"/>
                  <a:gd name="connsiteX256" fmla="*/ 4237 w 10000"/>
                  <a:gd name="connsiteY256" fmla="*/ 3102 h 10000"/>
                  <a:gd name="connsiteX257" fmla="*/ 4262 w 10000"/>
                  <a:gd name="connsiteY257" fmla="*/ 3013 h 10000"/>
                  <a:gd name="connsiteX258" fmla="*/ 4237 w 10000"/>
                  <a:gd name="connsiteY258" fmla="*/ 2939 h 10000"/>
                  <a:gd name="connsiteX259" fmla="*/ 4213 w 10000"/>
                  <a:gd name="connsiteY259" fmla="*/ 2866 h 10000"/>
                  <a:gd name="connsiteX260" fmla="*/ 4140 w 10000"/>
                  <a:gd name="connsiteY260" fmla="*/ 2836 h 10000"/>
                  <a:gd name="connsiteX261" fmla="*/ 4044 w 10000"/>
                  <a:gd name="connsiteY261" fmla="*/ 2836 h 10000"/>
                  <a:gd name="connsiteX262" fmla="*/ 3923 w 10000"/>
                  <a:gd name="connsiteY262" fmla="*/ 2866 h 10000"/>
                  <a:gd name="connsiteX263" fmla="*/ 4019 w 10000"/>
                  <a:gd name="connsiteY263" fmla="*/ 2777 h 10000"/>
                  <a:gd name="connsiteX264" fmla="*/ 4068 w 10000"/>
                  <a:gd name="connsiteY264" fmla="*/ 2674 h 10000"/>
                  <a:gd name="connsiteX265" fmla="*/ 4092 w 10000"/>
                  <a:gd name="connsiteY265" fmla="*/ 2541 h 10000"/>
                  <a:gd name="connsiteX266" fmla="*/ 4092 w 10000"/>
                  <a:gd name="connsiteY266" fmla="*/ 2393 h 10000"/>
                  <a:gd name="connsiteX267" fmla="*/ 4116 w 10000"/>
                  <a:gd name="connsiteY267" fmla="*/ 2349 h 10000"/>
                  <a:gd name="connsiteX268" fmla="*/ 4165 w 10000"/>
                  <a:gd name="connsiteY268" fmla="*/ 2304 h 10000"/>
                  <a:gd name="connsiteX269" fmla="*/ 4213 w 10000"/>
                  <a:gd name="connsiteY269" fmla="*/ 2290 h 10000"/>
                  <a:gd name="connsiteX270" fmla="*/ 4286 w 10000"/>
                  <a:gd name="connsiteY270" fmla="*/ 2275 h 10000"/>
                  <a:gd name="connsiteX271" fmla="*/ 4504 w 10000"/>
                  <a:gd name="connsiteY271" fmla="*/ 2260 h 10000"/>
                  <a:gd name="connsiteX272" fmla="*/ 4697 w 10000"/>
                  <a:gd name="connsiteY272" fmla="*/ 2275 h 10000"/>
                  <a:gd name="connsiteX273" fmla="*/ 4673 w 10000"/>
                  <a:gd name="connsiteY273" fmla="*/ 2112 h 10000"/>
                  <a:gd name="connsiteX274" fmla="*/ 4625 w 10000"/>
                  <a:gd name="connsiteY274" fmla="*/ 1950 h 10000"/>
                  <a:gd name="connsiteX275" fmla="*/ 4552 w 10000"/>
                  <a:gd name="connsiteY275" fmla="*/ 1802 h 10000"/>
                  <a:gd name="connsiteX276" fmla="*/ 4455 w 10000"/>
                  <a:gd name="connsiteY276" fmla="*/ 1640 h 10000"/>
                  <a:gd name="connsiteX277" fmla="*/ 4213 w 10000"/>
                  <a:gd name="connsiteY277" fmla="*/ 1329 h 10000"/>
                  <a:gd name="connsiteX278" fmla="*/ 3971 w 10000"/>
                  <a:gd name="connsiteY278" fmla="*/ 1034 h 10000"/>
                  <a:gd name="connsiteX279" fmla="*/ 3850 w 10000"/>
                  <a:gd name="connsiteY279" fmla="*/ 901 h 10000"/>
                  <a:gd name="connsiteX280" fmla="*/ 3753 w 10000"/>
                  <a:gd name="connsiteY280" fmla="*/ 753 h 10000"/>
                  <a:gd name="connsiteX281" fmla="*/ 3680 w 10000"/>
                  <a:gd name="connsiteY281" fmla="*/ 620 h 10000"/>
                  <a:gd name="connsiteX282" fmla="*/ 3656 w 10000"/>
                  <a:gd name="connsiteY282" fmla="*/ 487 h 10000"/>
                  <a:gd name="connsiteX283" fmla="*/ 3632 w 10000"/>
                  <a:gd name="connsiteY283" fmla="*/ 355 h 10000"/>
                  <a:gd name="connsiteX284" fmla="*/ 3680 w 10000"/>
                  <a:gd name="connsiteY284" fmla="*/ 222 h 10000"/>
                  <a:gd name="connsiteX285" fmla="*/ 3705 w 10000"/>
                  <a:gd name="connsiteY285" fmla="*/ 162 h 10000"/>
                  <a:gd name="connsiteX286" fmla="*/ 3753 w 10000"/>
                  <a:gd name="connsiteY286" fmla="*/ 103 h 10000"/>
                  <a:gd name="connsiteX287" fmla="*/ 3826 w 10000"/>
                  <a:gd name="connsiteY287" fmla="*/ 59 h 10000"/>
                  <a:gd name="connsiteX288" fmla="*/ 3923 w 10000"/>
                  <a:gd name="connsiteY288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6852 w 10000"/>
                  <a:gd name="connsiteY59" fmla="*/ 4313 h 10000"/>
                  <a:gd name="connsiteX60" fmla="*/ 6852 w 10000"/>
                  <a:gd name="connsiteY60" fmla="*/ 4431 h 10000"/>
                  <a:gd name="connsiteX61" fmla="*/ 6852 w 10000"/>
                  <a:gd name="connsiteY61" fmla="*/ 4549 h 10000"/>
                  <a:gd name="connsiteX62" fmla="*/ 6804 w 10000"/>
                  <a:gd name="connsiteY62" fmla="*/ 4564 h 10000"/>
                  <a:gd name="connsiteX63" fmla="*/ 6731 w 10000"/>
                  <a:gd name="connsiteY63" fmla="*/ 4594 h 10000"/>
                  <a:gd name="connsiteX64" fmla="*/ 6683 w 10000"/>
                  <a:gd name="connsiteY64" fmla="*/ 4638 h 10000"/>
                  <a:gd name="connsiteX65" fmla="*/ 6683 w 10000"/>
                  <a:gd name="connsiteY65" fmla="*/ 4697 h 10000"/>
                  <a:gd name="connsiteX66" fmla="*/ 6659 w 10000"/>
                  <a:gd name="connsiteY66" fmla="*/ 4801 h 10000"/>
                  <a:gd name="connsiteX67" fmla="*/ 6659 w 10000"/>
                  <a:gd name="connsiteY67" fmla="*/ 4904 h 10000"/>
                  <a:gd name="connsiteX68" fmla="*/ 6538 w 10000"/>
                  <a:gd name="connsiteY68" fmla="*/ 4860 h 10000"/>
                  <a:gd name="connsiteX69" fmla="*/ 6465 w 10000"/>
                  <a:gd name="connsiteY69" fmla="*/ 4801 h 10000"/>
                  <a:gd name="connsiteX70" fmla="*/ 6392 w 10000"/>
                  <a:gd name="connsiteY70" fmla="*/ 4727 h 10000"/>
                  <a:gd name="connsiteX71" fmla="*/ 6320 w 10000"/>
                  <a:gd name="connsiteY71" fmla="*/ 4638 h 10000"/>
                  <a:gd name="connsiteX72" fmla="*/ 6199 w 10000"/>
                  <a:gd name="connsiteY72" fmla="*/ 4476 h 10000"/>
                  <a:gd name="connsiteX73" fmla="*/ 6077 w 10000"/>
                  <a:gd name="connsiteY73" fmla="*/ 4313 h 10000"/>
                  <a:gd name="connsiteX74" fmla="*/ 6223 w 10000"/>
                  <a:gd name="connsiteY74" fmla="*/ 4210 h 10000"/>
                  <a:gd name="connsiteX75" fmla="*/ 6416 w 10000"/>
                  <a:gd name="connsiteY75" fmla="*/ 4121 h 10000"/>
                  <a:gd name="connsiteX76" fmla="*/ 6634 w 10000"/>
                  <a:gd name="connsiteY76" fmla="*/ 4032 h 10000"/>
                  <a:gd name="connsiteX77" fmla="*/ 6877 w 10000"/>
                  <a:gd name="connsiteY77" fmla="*/ 3959 h 10000"/>
                  <a:gd name="connsiteX78" fmla="*/ 7385 w 10000"/>
                  <a:gd name="connsiteY78" fmla="*/ 3811 h 10000"/>
                  <a:gd name="connsiteX79" fmla="*/ 7893 w 10000"/>
                  <a:gd name="connsiteY79" fmla="*/ 3663 h 10000"/>
                  <a:gd name="connsiteX80" fmla="*/ 8136 w 10000"/>
                  <a:gd name="connsiteY80" fmla="*/ 3589 h 10000"/>
                  <a:gd name="connsiteX81" fmla="*/ 8378 w 10000"/>
                  <a:gd name="connsiteY81" fmla="*/ 3516 h 10000"/>
                  <a:gd name="connsiteX82" fmla="*/ 8571 w 10000"/>
                  <a:gd name="connsiteY82" fmla="*/ 3412 h 10000"/>
                  <a:gd name="connsiteX83" fmla="*/ 8765 w 10000"/>
                  <a:gd name="connsiteY83" fmla="*/ 3338 h 10000"/>
                  <a:gd name="connsiteX84" fmla="*/ 8886 w 10000"/>
                  <a:gd name="connsiteY84" fmla="*/ 3235 h 10000"/>
                  <a:gd name="connsiteX85" fmla="*/ 8983 w 10000"/>
                  <a:gd name="connsiteY85" fmla="*/ 3117 h 10000"/>
                  <a:gd name="connsiteX86" fmla="*/ 9007 w 10000"/>
                  <a:gd name="connsiteY86" fmla="*/ 3072 h 10000"/>
                  <a:gd name="connsiteX87" fmla="*/ 9031 w 10000"/>
                  <a:gd name="connsiteY87" fmla="*/ 3013 h 10000"/>
                  <a:gd name="connsiteX88" fmla="*/ 9031 w 10000"/>
                  <a:gd name="connsiteY88" fmla="*/ 2954 h 10000"/>
                  <a:gd name="connsiteX89" fmla="*/ 9007 w 10000"/>
                  <a:gd name="connsiteY89" fmla="*/ 2866 h 10000"/>
                  <a:gd name="connsiteX90" fmla="*/ 8838 w 10000"/>
                  <a:gd name="connsiteY90" fmla="*/ 2984 h 10000"/>
                  <a:gd name="connsiteX91" fmla="*/ 8644 w 10000"/>
                  <a:gd name="connsiteY91" fmla="*/ 3072 h 10000"/>
                  <a:gd name="connsiteX92" fmla="*/ 8450 w 10000"/>
                  <a:gd name="connsiteY92" fmla="*/ 3161 h 10000"/>
                  <a:gd name="connsiteX93" fmla="*/ 8257 w 10000"/>
                  <a:gd name="connsiteY93" fmla="*/ 3250 h 10000"/>
                  <a:gd name="connsiteX94" fmla="*/ 7821 w 10000"/>
                  <a:gd name="connsiteY94" fmla="*/ 3397 h 10000"/>
                  <a:gd name="connsiteX95" fmla="*/ 7361 w 10000"/>
                  <a:gd name="connsiteY95" fmla="*/ 3545 h 10000"/>
                  <a:gd name="connsiteX96" fmla="*/ 6901 w 10000"/>
                  <a:gd name="connsiteY96" fmla="*/ 3678 h 10000"/>
                  <a:gd name="connsiteX97" fmla="*/ 6465 w 10000"/>
                  <a:gd name="connsiteY97" fmla="*/ 3840 h 10000"/>
                  <a:gd name="connsiteX98" fmla="*/ 6247 w 10000"/>
                  <a:gd name="connsiteY98" fmla="*/ 3914 h 10000"/>
                  <a:gd name="connsiteX99" fmla="*/ 6053 w 10000"/>
                  <a:gd name="connsiteY99" fmla="*/ 4003 h 10000"/>
                  <a:gd name="connsiteX100" fmla="*/ 5860 w 10000"/>
                  <a:gd name="connsiteY100" fmla="*/ 4106 h 10000"/>
                  <a:gd name="connsiteX101" fmla="*/ 5666 w 10000"/>
                  <a:gd name="connsiteY101" fmla="*/ 4195 h 10000"/>
                  <a:gd name="connsiteX102" fmla="*/ 5811 w 10000"/>
                  <a:gd name="connsiteY102" fmla="*/ 4417 h 10000"/>
                  <a:gd name="connsiteX103" fmla="*/ 5908 w 10000"/>
                  <a:gd name="connsiteY103" fmla="*/ 4623 h 10000"/>
                  <a:gd name="connsiteX104" fmla="*/ 6005 w 10000"/>
                  <a:gd name="connsiteY104" fmla="*/ 4845 h 10000"/>
                  <a:gd name="connsiteX105" fmla="*/ 6077 w 10000"/>
                  <a:gd name="connsiteY105" fmla="*/ 5081 h 10000"/>
                  <a:gd name="connsiteX106" fmla="*/ 6126 w 10000"/>
                  <a:gd name="connsiteY106" fmla="*/ 5318 h 10000"/>
                  <a:gd name="connsiteX107" fmla="*/ 6150 w 10000"/>
                  <a:gd name="connsiteY107" fmla="*/ 5539 h 10000"/>
                  <a:gd name="connsiteX108" fmla="*/ 6174 w 10000"/>
                  <a:gd name="connsiteY108" fmla="*/ 5775 h 10000"/>
                  <a:gd name="connsiteX109" fmla="*/ 6174 w 10000"/>
                  <a:gd name="connsiteY109" fmla="*/ 5997 h 10000"/>
                  <a:gd name="connsiteX110" fmla="*/ 6150 w 10000"/>
                  <a:gd name="connsiteY110" fmla="*/ 6233 h 10000"/>
                  <a:gd name="connsiteX111" fmla="*/ 6102 w 10000"/>
                  <a:gd name="connsiteY111" fmla="*/ 6470 h 10000"/>
                  <a:gd name="connsiteX112" fmla="*/ 6053 w 10000"/>
                  <a:gd name="connsiteY112" fmla="*/ 6677 h 10000"/>
                  <a:gd name="connsiteX113" fmla="*/ 5981 w 10000"/>
                  <a:gd name="connsiteY113" fmla="*/ 6898 h 10000"/>
                  <a:gd name="connsiteX114" fmla="*/ 5884 w 10000"/>
                  <a:gd name="connsiteY114" fmla="*/ 7105 h 10000"/>
                  <a:gd name="connsiteX115" fmla="*/ 5763 w 10000"/>
                  <a:gd name="connsiteY115" fmla="*/ 7297 h 10000"/>
                  <a:gd name="connsiteX116" fmla="*/ 5617 w 10000"/>
                  <a:gd name="connsiteY116" fmla="*/ 7489 h 10000"/>
                  <a:gd name="connsiteX117" fmla="*/ 5472 w 10000"/>
                  <a:gd name="connsiteY117" fmla="*/ 7681 h 10000"/>
                  <a:gd name="connsiteX118" fmla="*/ 6174 w 10000"/>
                  <a:gd name="connsiteY118" fmla="*/ 7799 h 10000"/>
                  <a:gd name="connsiteX119" fmla="*/ 6901 w 10000"/>
                  <a:gd name="connsiteY119" fmla="*/ 7962 h 10000"/>
                  <a:gd name="connsiteX120" fmla="*/ 7046 w 10000"/>
                  <a:gd name="connsiteY120" fmla="*/ 8021 h 10000"/>
                  <a:gd name="connsiteX121" fmla="*/ 7167 w 10000"/>
                  <a:gd name="connsiteY121" fmla="*/ 8080 h 10000"/>
                  <a:gd name="connsiteX122" fmla="*/ 7288 w 10000"/>
                  <a:gd name="connsiteY122" fmla="*/ 8139 h 10000"/>
                  <a:gd name="connsiteX123" fmla="*/ 7361 w 10000"/>
                  <a:gd name="connsiteY123" fmla="*/ 8227 h 10000"/>
                  <a:gd name="connsiteX124" fmla="*/ 7385 w 10000"/>
                  <a:gd name="connsiteY124" fmla="*/ 8301 h 10000"/>
                  <a:gd name="connsiteX125" fmla="*/ 7385 w 10000"/>
                  <a:gd name="connsiteY125" fmla="*/ 8405 h 10000"/>
                  <a:gd name="connsiteX126" fmla="*/ 7337 w 10000"/>
                  <a:gd name="connsiteY126" fmla="*/ 8523 h 10000"/>
                  <a:gd name="connsiteX127" fmla="*/ 7264 w 10000"/>
                  <a:gd name="connsiteY127" fmla="*/ 8641 h 10000"/>
                  <a:gd name="connsiteX128" fmla="*/ 6949 w 10000"/>
                  <a:gd name="connsiteY128" fmla="*/ 8552 h 10000"/>
                  <a:gd name="connsiteX129" fmla="*/ 6659 w 10000"/>
                  <a:gd name="connsiteY129" fmla="*/ 8449 h 10000"/>
                  <a:gd name="connsiteX130" fmla="*/ 6368 w 10000"/>
                  <a:gd name="connsiteY130" fmla="*/ 8360 h 10000"/>
                  <a:gd name="connsiteX131" fmla="*/ 6077 w 10000"/>
                  <a:gd name="connsiteY131" fmla="*/ 8287 h 10000"/>
                  <a:gd name="connsiteX132" fmla="*/ 5956 w 10000"/>
                  <a:gd name="connsiteY132" fmla="*/ 8449 h 10000"/>
                  <a:gd name="connsiteX133" fmla="*/ 5860 w 10000"/>
                  <a:gd name="connsiteY133" fmla="*/ 8597 h 10000"/>
                  <a:gd name="connsiteX134" fmla="*/ 5811 w 10000"/>
                  <a:gd name="connsiteY134" fmla="*/ 8656 h 10000"/>
                  <a:gd name="connsiteX135" fmla="*/ 5714 w 10000"/>
                  <a:gd name="connsiteY135" fmla="*/ 8700 h 10000"/>
                  <a:gd name="connsiteX136" fmla="*/ 5642 w 10000"/>
                  <a:gd name="connsiteY136" fmla="*/ 8744 h 10000"/>
                  <a:gd name="connsiteX137" fmla="*/ 5569 w 10000"/>
                  <a:gd name="connsiteY137" fmla="*/ 8774 h 10000"/>
                  <a:gd name="connsiteX138" fmla="*/ 5496 w 10000"/>
                  <a:gd name="connsiteY138" fmla="*/ 8804 h 10000"/>
                  <a:gd name="connsiteX139" fmla="*/ 5400 w 10000"/>
                  <a:gd name="connsiteY139" fmla="*/ 8818 h 10000"/>
                  <a:gd name="connsiteX140" fmla="*/ 5278 w 10000"/>
                  <a:gd name="connsiteY140" fmla="*/ 8833 h 10000"/>
                  <a:gd name="connsiteX141" fmla="*/ 5157 w 10000"/>
                  <a:gd name="connsiteY141" fmla="*/ 8833 h 10000"/>
                  <a:gd name="connsiteX142" fmla="*/ 4867 w 10000"/>
                  <a:gd name="connsiteY142" fmla="*/ 8818 h 10000"/>
                  <a:gd name="connsiteX143" fmla="*/ 4504 w 10000"/>
                  <a:gd name="connsiteY143" fmla="*/ 8744 h 10000"/>
                  <a:gd name="connsiteX144" fmla="*/ 4504 w 10000"/>
                  <a:gd name="connsiteY144" fmla="*/ 8922 h 10000"/>
                  <a:gd name="connsiteX145" fmla="*/ 4479 w 10000"/>
                  <a:gd name="connsiteY145" fmla="*/ 9069 h 10000"/>
                  <a:gd name="connsiteX146" fmla="*/ 4455 w 10000"/>
                  <a:gd name="connsiteY146" fmla="*/ 9232 h 10000"/>
                  <a:gd name="connsiteX147" fmla="*/ 4431 w 10000"/>
                  <a:gd name="connsiteY147" fmla="*/ 9365 h 10000"/>
                  <a:gd name="connsiteX148" fmla="*/ 4383 w 10000"/>
                  <a:gd name="connsiteY148" fmla="*/ 9498 h 10000"/>
                  <a:gd name="connsiteX149" fmla="*/ 4286 w 10000"/>
                  <a:gd name="connsiteY149" fmla="*/ 9616 h 10000"/>
                  <a:gd name="connsiteX150" fmla="*/ 4213 w 10000"/>
                  <a:gd name="connsiteY150" fmla="*/ 9734 h 10000"/>
                  <a:gd name="connsiteX151" fmla="*/ 4092 w 10000"/>
                  <a:gd name="connsiteY151" fmla="*/ 9838 h 10000"/>
                  <a:gd name="connsiteX152" fmla="*/ 3801 w 10000"/>
                  <a:gd name="connsiteY152" fmla="*/ 9897 h 10000"/>
                  <a:gd name="connsiteX153" fmla="*/ 3559 w 10000"/>
                  <a:gd name="connsiteY153" fmla="*/ 9941 h 10000"/>
                  <a:gd name="connsiteX154" fmla="*/ 3269 w 10000"/>
                  <a:gd name="connsiteY154" fmla="*/ 9985 h 10000"/>
                  <a:gd name="connsiteX155" fmla="*/ 3051 w 10000"/>
                  <a:gd name="connsiteY155" fmla="*/ 10000 h 10000"/>
                  <a:gd name="connsiteX156" fmla="*/ 2567 w 10000"/>
                  <a:gd name="connsiteY156" fmla="*/ 10000 h 10000"/>
                  <a:gd name="connsiteX157" fmla="*/ 2107 w 10000"/>
                  <a:gd name="connsiteY157" fmla="*/ 9985 h 10000"/>
                  <a:gd name="connsiteX158" fmla="*/ 1671 w 10000"/>
                  <a:gd name="connsiteY158" fmla="*/ 9941 h 10000"/>
                  <a:gd name="connsiteX159" fmla="*/ 1211 w 10000"/>
                  <a:gd name="connsiteY159" fmla="*/ 9911 h 10000"/>
                  <a:gd name="connsiteX160" fmla="*/ 944 w 10000"/>
                  <a:gd name="connsiteY160" fmla="*/ 9911 h 10000"/>
                  <a:gd name="connsiteX161" fmla="*/ 702 w 10000"/>
                  <a:gd name="connsiteY161" fmla="*/ 9911 h 10000"/>
                  <a:gd name="connsiteX162" fmla="*/ 436 w 10000"/>
                  <a:gd name="connsiteY162" fmla="*/ 9926 h 10000"/>
                  <a:gd name="connsiteX163" fmla="*/ 169 w 10000"/>
                  <a:gd name="connsiteY163" fmla="*/ 9970 h 10000"/>
                  <a:gd name="connsiteX164" fmla="*/ 97 w 10000"/>
                  <a:gd name="connsiteY164" fmla="*/ 9867 h 10000"/>
                  <a:gd name="connsiteX165" fmla="*/ 48 w 10000"/>
                  <a:gd name="connsiteY165" fmla="*/ 9793 h 10000"/>
                  <a:gd name="connsiteX166" fmla="*/ 0 w 10000"/>
                  <a:gd name="connsiteY166" fmla="*/ 9705 h 10000"/>
                  <a:gd name="connsiteX167" fmla="*/ 0 w 10000"/>
                  <a:gd name="connsiteY167" fmla="*/ 9601 h 10000"/>
                  <a:gd name="connsiteX168" fmla="*/ 48 w 10000"/>
                  <a:gd name="connsiteY168" fmla="*/ 9424 h 10000"/>
                  <a:gd name="connsiteX169" fmla="*/ 97 w 10000"/>
                  <a:gd name="connsiteY169" fmla="*/ 9202 h 10000"/>
                  <a:gd name="connsiteX170" fmla="*/ 145 w 10000"/>
                  <a:gd name="connsiteY170" fmla="*/ 8996 h 10000"/>
                  <a:gd name="connsiteX171" fmla="*/ 194 w 10000"/>
                  <a:gd name="connsiteY171" fmla="*/ 8759 h 10000"/>
                  <a:gd name="connsiteX172" fmla="*/ 218 w 10000"/>
                  <a:gd name="connsiteY172" fmla="*/ 8641 h 10000"/>
                  <a:gd name="connsiteX173" fmla="*/ 218 w 10000"/>
                  <a:gd name="connsiteY173" fmla="*/ 8538 h 10000"/>
                  <a:gd name="connsiteX174" fmla="*/ 194 w 10000"/>
                  <a:gd name="connsiteY174" fmla="*/ 8405 h 10000"/>
                  <a:gd name="connsiteX175" fmla="*/ 169 w 10000"/>
                  <a:gd name="connsiteY175" fmla="*/ 8287 h 10000"/>
                  <a:gd name="connsiteX176" fmla="*/ 412 w 10000"/>
                  <a:gd name="connsiteY176" fmla="*/ 8213 h 10000"/>
                  <a:gd name="connsiteX177" fmla="*/ 654 w 10000"/>
                  <a:gd name="connsiteY177" fmla="*/ 8139 h 10000"/>
                  <a:gd name="connsiteX178" fmla="*/ 896 w 10000"/>
                  <a:gd name="connsiteY178" fmla="*/ 8095 h 10000"/>
                  <a:gd name="connsiteX179" fmla="*/ 1162 w 10000"/>
                  <a:gd name="connsiteY179" fmla="*/ 8065 h 10000"/>
                  <a:gd name="connsiteX180" fmla="*/ 1646 w 10000"/>
                  <a:gd name="connsiteY180" fmla="*/ 8021 h 10000"/>
                  <a:gd name="connsiteX181" fmla="*/ 2131 w 10000"/>
                  <a:gd name="connsiteY181" fmla="*/ 7976 h 10000"/>
                  <a:gd name="connsiteX182" fmla="*/ 2349 w 10000"/>
                  <a:gd name="connsiteY182" fmla="*/ 7947 h 10000"/>
                  <a:gd name="connsiteX183" fmla="*/ 2567 w 10000"/>
                  <a:gd name="connsiteY183" fmla="*/ 7917 h 10000"/>
                  <a:gd name="connsiteX184" fmla="*/ 2760 w 10000"/>
                  <a:gd name="connsiteY184" fmla="*/ 7843 h 10000"/>
                  <a:gd name="connsiteX185" fmla="*/ 2954 w 10000"/>
                  <a:gd name="connsiteY185" fmla="*/ 7784 h 10000"/>
                  <a:gd name="connsiteX186" fmla="*/ 3123 w 10000"/>
                  <a:gd name="connsiteY186" fmla="*/ 7710 h 10000"/>
                  <a:gd name="connsiteX187" fmla="*/ 3269 w 10000"/>
                  <a:gd name="connsiteY187" fmla="*/ 7592 h 10000"/>
                  <a:gd name="connsiteX188" fmla="*/ 3414 w 10000"/>
                  <a:gd name="connsiteY188" fmla="*/ 7474 h 10000"/>
                  <a:gd name="connsiteX189" fmla="*/ 3511 w 10000"/>
                  <a:gd name="connsiteY189" fmla="*/ 7312 h 10000"/>
                  <a:gd name="connsiteX190" fmla="*/ 3317 w 10000"/>
                  <a:gd name="connsiteY190" fmla="*/ 7238 h 10000"/>
                  <a:gd name="connsiteX191" fmla="*/ 3148 w 10000"/>
                  <a:gd name="connsiteY191" fmla="*/ 7179 h 10000"/>
                  <a:gd name="connsiteX192" fmla="*/ 3002 w 10000"/>
                  <a:gd name="connsiteY192" fmla="*/ 7090 h 10000"/>
                  <a:gd name="connsiteX193" fmla="*/ 2857 w 10000"/>
                  <a:gd name="connsiteY193" fmla="*/ 6987 h 10000"/>
                  <a:gd name="connsiteX194" fmla="*/ 2760 w 10000"/>
                  <a:gd name="connsiteY194" fmla="*/ 6869 h 10000"/>
                  <a:gd name="connsiteX195" fmla="*/ 2712 w 10000"/>
                  <a:gd name="connsiteY195" fmla="*/ 6721 h 10000"/>
                  <a:gd name="connsiteX196" fmla="*/ 2688 w 10000"/>
                  <a:gd name="connsiteY196" fmla="*/ 6558 h 10000"/>
                  <a:gd name="connsiteX197" fmla="*/ 2712 w 10000"/>
                  <a:gd name="connsiteY197" fmla="*/ 6352 h 10000"/>
                  <a:gd name="connsiteX198" fmla="*/ 2591 w 10000"/>
                  <a:gd name="connsiteY198" fmla="*/ 6322 h 10000"/>
                  <a:gd name="connsiteX199" fmla="*/ 2446 w 10000"/>
                  <a:gd name="connsiteY199" fmla="*/ 6292 h 10000"/>
                  <a:gd name="connsiteX200" fmla="*/ 2276 w 10000"/>
                  <a:gd name="connsiteY200" fmla="*/ 6278 h 10000"/>
                  <a:gd name="connsiteX201" fmla="*/ 2107 w 10000"/>
                  <a:gd name="connsiteY201" fmla="*/ 6263 h 10000"/>
                  <a:gd name="connsiteX202" fmla="*/ 1768 w 10000"/>
                  <a:gd name="connsiteY202" fmla="*/ 6248 h 10000"/>
                  <a:gd name="connsiteX203" fmla="*/ 1404 w 10000"/>
                  <a:gd name="connsiteY203" fmla="*/ 6263 h 10000"/>
                  <a:gd name="connsiteX204" fmla="*/ 1090 w 10000"/>
                  <a:gd name="connsiteY204" fmla="*/ 6278 h 10000"/>
                  <a:gd name="connsiteX205" fmla="*/ 799 w 10000"/>
                  <a:gd name="connsiteY205" fmla="*/ 6278 h 10000"/>
                  <a:gd name="connsiteX206" fmla="*/ 557 w 10000"/>
                  <a:gd name="connsiteY206" fmla="*/ 6263 h 10000"/>
                  <a:gd name="connsiteX207" fmla="*/ 363 w 10000"/>
                  <a:gd name="connsiteY207" fmla="*/ 6233 h 10000"/>
                  <a:gd name="connsiteX208" fmla="*/ 605 w 10000"/>
                  <a:gd name="connsiteY208" fmla="*/ 5805 h 10000"/>
                  <a:gd name="connsiteX209" fmla="*/ 872 w 10000"/>
                  <a:gd name="connsiteY209" fmla="*/ 5391 h 10000"/>
                  <a:gd name="connsiteX210" fmla="*/ 969 w 10000"/>
                  <a:gd name="connsiteY210" fmla="*/ 5170 h 10000"/>
                  <a:gd name="connsiteX211" fmla="*/ 1041 w 10000"/>
                  <a:gd name="connsiteY211" fmla="*/ 4963 h 10000"/>
                  <a:gd name="connsiteX212" fmla="*/ 1065 w 10000"/>
                  <a:gd name="connsiteY212" fmla="*/ 4860 h 10000"/>
                  <a:gd name="connsiteX213" fmla="*/ 1041 w 10000"/>
                  <a:gd name="connsiteY213" fmla="*/ 4756 h 10000"/>
                  <a:gd name="connsiteX214" fmla="*/ 1017 w 10000"/>
                  <a:gd name="connsiteY214" fmla="*/ 4653 h 10000"/>
                  <a:gd name="connsiteX215" fmla="*/ 944 w 10000"/>
                  <a:gd name="connsiteY215" fmla="*/ 4549 h 10000"/>
                  <a:gd name="connsiteX216" fmla="*/ 1211 w 10000"/>
                  <a:gd name="connsiteY216" fmla="*/ 4520 h 10000"/>
                  <a:gd name="connsiteX217" fmla="*/ 1404 w 10000"/>
                  <a:gd name="connsiteY217" fmla="*/ 4505 h 10000"/>
                  <a:gd name="connsiteX218" fmla="*/ 1574 w 10000"/>
                  <a:gd name="connsiteY218" fmla="*/ 4505 h 10000"/>
                  <a:gd name="connsiteX219" fmla="*/ 1719 w 10000"/>
                  <a:gd name="connsiteY219" fmla="*/ 4520 h 10000"/>
                  <a:gd name="connsiteX220" fmla="*/ 1840 w 10000"/>
                  <a:gd name="connsiteY220" fmla="*/ 4520 h 10000"/>
                  <a:gd name="connsiteX221" fmla="*/ 1985 w 10000"/>
                  <a:gd name="connsiteY221" fmla="*/ 4520 h 10000"/>
                  <a:gd name="connsiteX222" fmla="*/ 2131 w 10000"/>
                  <a:gd name="connsiteY222" fmla="*/ 4490 h 10000"/>
                  <a:gd name="connsiteX223" fmla="*/ 2324 w 10000"/>
                  <a:gd name="connsiteY223" fmla="*/ 4446 h 10000"/>
                  <a:gd name="connsiteX224" fmla="*/ 2324 w 10000"/>
                  <a:gd name="connsiteY224" fmla="*/ 4579 h 10000"/>
                  <a:gd name="connsiteX225" fmla="*/ 2324 w 10000"/>
                  <a:gd name="connsiteY225" fmla="*/ 4742 h 10000"/>
                  <a:gd name="connsiteX226" fmla="*/ 2324 w 10000"/>
                  <a:gd name="connsiteY226" fmla="*/ 4874 h 10000"/>
                  <a:gd name="connsiteX227" fmla="*/ 2324 w 10000"/>
                  <a:gd name="connsiteY227" fmla="*/ 5037 h 10000"/>
                  <a:gd name="connsiteX228" fmla="*/ 2542 w 10000"/>
                  <a:gd name="connsiteY228" fmla="*/ 5022 h 10000"/>
                  <a:gd name="connsiteX229" fmla="*/ 2688 w 10000"/>
                  <a:gd name="connsiteY229" fmla="*/ 5037 h 10000"/>
                  <a:gd name="connsiteX230" fmla="*/ 2809 w 10000"/>
                  <a:gd name="connsiteY230" fmla="*/ 5066 h 10000"/>
                  <a:gd name="connsiteX231" fmla="*/ 2930 w 10000"/>
                  <a:gd name="connsiteY231" fmla="*/ 5096 h 10000"/>
                  <a:gd name="connsiteX232" fmla="*/ 3027 w 10000"/>
                  <a:gd name="connsiteY232" fmla="*/ 5126 h 10000"/>
                  <a:gd name="connsiteX233" fmla="*/ 3148 w 10000"/>
                  <a:gd name="connsiteY233" fmla="*/ 5155 h 10000"/>
                  <a:gd name="connsiteX234" fmla="*/ 3293 w 10000"/>
                  <a:gd name="connsiteY234" fmla="*/ 5170 h 10000"/>
                  <a:gd name="connsiteX235" fmla="*/ 3511 w 10000"/>
                  <a:gd name="connsiteY235" fmla="*/ 5155 h 10000"/>
                  <a:gd name="connsiteX236" fmla="*/ 3584 w 10000"/>
                  <a:gd name="connsiteY236" fmla="*/ 5096 h 10000"/>
                  <a:gd name="connsiteX237" fmla="*/ 3656 w 10000"/>
                  <a:gd name="connsiteY237" fmla="*/ 5022 h 10000"/>
                  <a:gd name="connsiteX238" fmla="*/ 3680 w 10000"/>
                  <a:gd name="connsiteY238" fmla="*/ 4934 h 10000"/>
                  <a:gd name="connsiteX239" fmla="*/ 3705 w 10000"/>
                  <a:gd name="connsiteY239" fmla="*/ 4860 h 10000"/>
                  <a:gd name="connsiteX240" fmla="*/ 3729 w 10000"/>
                  <a:gd name="connsiteY240" fmla="*/ 4697 h 10000"/>
                  <a:gd name="connsiteX241" fmla="*/ 3705 w 10000"/>
                  <a:gd name="connsiteY241" fmla="*/ 4520 h 10000"/>
                  <a:gd name="connsiteX242" fmla="*/ 3632 w 10000"/>
                  <a:gd name="connsiteY242" fmla="*/ 4343 h 10000"/>
                  <a:gd name="connsiteX243" fmla="*/ 3559 w 10000"/>
                  <a:gd name="connsiteY243" fmla="*/ 4195 h 10000"/>
                  <a:gd name="connsiteX244" fmla="*/ 3438 w 10000"/>
                  <a:gd name="connsiteY244" fmla="*/ 4047 h 10000"/>
                  <a:gd name="connsiteX245" fmla="*/ 3317 w 10000"/>
                  <a:gd name="connsiteY245" fmla="*/ 3959 h 10000"/>
                  <a:gd name="connsiteX246" fmla="*/ 3462 w 10000"/>
                  <a:gd name="connsiteY246" fmla="*/ 3944 h 10000"/>
                  <a:gd name="connsiteX247" fmla="*/ 3584 w 10000"/>
                  <a:gd name="connsiteY247" fmla="*/ 3914 h 10000"/>
                  <a:gd name="connsiteX248" fmla="*/ 3680 w 10000"/>
                  <a:gd name="connsiteY248" fmla="*/ 3855 h 10000"/>
                  <a:gd name="connsiteX249" fmla="*/ 3801 w 10000"/>
                  <a:gd name="connsiteY249" fmla="*/ 3752 h 10000"/>
                  <a:gd name="connsiteX250" fmla="*/ 3923 w 10000"/>
                  <a:gd name="connsiteY250" fmla="*/ 3663 h 10000"/>
                  <a:gd name="connsiteX251" fmla="*/ 4019 w 10000"/>
                  <a:gd name="connsiteY251" fmla="*/ 3560 h 10000"/>
                  <a:gd name="connsiteX252" fmla="*/ 4092 w 10000"/>
                  <a:gd name="connsiteY252" fmla="*/ 3442 h 10000"/>
                  <a:gd name="connsiteX253" fmla="*/ 4165 w 10000"/>
                  <a:gd name="connsiteY253" fmla="*/ 3323 h 10000"/>
                  <a:gd name="connsiteX254" fmla="*/ 4213 w 10000"/>
                  <a:gd name="connsiteY254" fmla="*/ 3220 h 10000"/>
                  <a:gd name="connsiteX255" fmla="*/ 4237 w 10000"/>
                  <a:gd name="connsiteY255" fmla="*/ 3102 h 10000"/>
                  <a:gd name="connsiteX256" fmla="*/ 4262 w 10000"/>
                  <a:gd name="connsiteY256" fmla="*/ 3013 h 10000"/>
                  <a:gd name="connsiteX257" fmla="*/ 4237 w 10000"/>
                  <a:gd name="connsiteY257" fmla="*/ 2939 h 10000"/>
                  <a:gd name="connsiteX258" fmla="*/ 4213 w 10000"/>
                  <a:gd name="connsiteY258" fmla="*/ 2866 h 10000"/>
                  <a:gd name="connsiteX259" fmla="*/ 4140 w 10000"/>
                  <a:gd name="connsiteY259" fmla="*/ 2836 h 10000"/>
                  <a:gd name="connsiteX260" fmla="*/ 4044 w 10000"/>
                  <a:gd name="connsiteY260" fmla="*/ 2836 h 10000"/>
                  <a:gd name="connsiteX261" fmla="*/ 3923 w 10000"/>
                  <a:gd name="connsiteY261" fmla="*/ 2866 h 10000"/>
                  <a:gd name="connsiteX262" fmla="*/ 4019 w 10000"/>
                  <a:gd name="connsiteY262" fmla="*/ 2777 h 10000"/>
                  <a:gd name="connsiteX263" fmla="*/ 4068 w 10000"/>
                  <a:gd name="connsiteY263" fmla="*/ 2674 h 10000"/>
                  <a:gd name="connsiteX264" fmla="*/ 4092 w 10000"/>
                  <a:gd name="connsiteY264" fmla="*/ 2541 h 10000"/>
                  <a:gd name="connsiteX265" fmla="*/ 4092 w 10000"/>
                  <a:gd name="connsiteY265" fmla="*/ 2393 h 10000"/>
                  <a:gd name="connsiteX266" fmla="*/ 4116 w 10000"/>
                  <a:gd name="connsiteY266" fmla="*/ 2349 h 10000"/>
                  <a:gd name="connsiteX267" fmla="*/ 4165 w 10000"/>
                  <a:gd name="connsiteY267" fmla="*/ 2304 h 10000"/>
                  <a:gd name="connsiteX268" fmla="*/ 4213 w 10000"/>
                  <a:gd name="connsiteY268" fmla="*/ 2290 h 10000"/>
                  <a:gd name="connsiteX269" fmla="*/ 4286 w 10000"/>
                  <a:gd name="connsiteY269" fmla="*/ 2275 h 10000"/>
                  <a:gd name="connsiteX270" fmla="*/ 4504 w 10000"/>
                  <a:gd name="connsiteY270" fmla="*/ 2260 h 10000"/>
                  <a:gd name="connsiteX271" fmla="*/ 4697 w 10000"/>
                  <a:gd name="connsiteY271" fmla="*/ 2275 h 10000"/>
                  <a:gd name="connsiteX272" fmla="*/ 4673 w 10000"/>
                  <a:gd name="connsiteY272" fmla="*/ 2112 h 10000"/>
                  <a:gd name="connsiteX273" fmla="*/ 4625 w 10000"/>
                  <a:gd name="connsiteY273" fmla="*/ 1950 h 10000"/>
                  <a:gd name="connsiteX274" fmla="*/ 4552 w 10000"/>
                  <a:gd name="connsiteY274" fmla="*/ 1802 h 10000"/>
                  <a:gd name="connsiteX275" fmla="*/ 4455 w 10000"/>
                  <a:gd name="connsiteY275" fmla="*/ 1640 h 10000"/>
                  <a:gd name="connsiteX276" fmla="*/ 4213 w 10000"/>
                  <a:gd name="connsiteY276" fmla="*/ 1329 h 10000"/>
                  <a:gd name="connsiteX277" fmla="*/ 3971 w 10000"/>
                  <a:gd name="connsiteY277" fmla="*/ 1034 h 10000"/>
                  <a:gd name="connsiteX278" fmla="*/ 3850 w 10000"/>
                  <a:gd name="connsiteY278" fmla="*/ 901 h 10000"/>
                  <a:gd name="connsiteX279" fmla="*/ 3753 w 10000"/>
                  <a:gd name="connsiteY279" fmla="*/ 753 h 10000"/>
                  <a:gd name="connsiteX280" fmla="*/ 3680 w 10000"/>
                  <a:gd name="connsiteY280" fmla="*/ 620 h 10000"/>
                  <a:gd name="connsiteX281" fmla="*/ 3656 w 10000"/>
                  <a:gd name="connsiteY281" fmla="*/ 487 h 10000"/>
                  <a:gd name="connsiteX282" fmla="*/ 3632 w 10000"/>
                  <a:gd name="connsiteY282" fmla="*/ 355 h 10000"/>
                  <a:gd name="connsiteX283" fmla="*/ 3680 w 10000"/>
                  <a:gd name="connsiteY283" fmla="*/ 222 h 10000"/>
                  <a:gd name="connsiteX284" fmla="*/ 3705 w 10000"/>
                  <a:gd name="connsiteY284" fmla="*/ 162 h 10000"/>
                  <a:gd name="connsiteX285" fmla="*/ 3753 w 10000"/>
                  <a:gd name="connsiteY285" fmla="*/ 103 h 10000"/>
                  <a:gd name="connsiteX286" fmla="*/ 3826 w 10000"/>
                  <a:gd name="connsiteY286" fmla="*/ 59 h 10000"/>
                  <a:gd name="connsiteX287" fmla="*/ 3923 w 10000"/>
                  <a:gd name="connsiteY287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6852 w 10000"/>
                  <a:gd name="connsiteY58" fmla="*/ 4313 h 10000"/>
                  <a:gd name="connsiteX59" fmla="*/ 6852 w 10000"/>
                  <a:gd name="connsiteY59" fmla="*/ 4431 h 10000"/>
                  <a:gd name="connsiteX60" fmla="*/ 6852 w 10000"/>
                  <a:gd name="connsiteY60" fmla="*/ 4549 h 10000"/>
                  <a:gd name="connsiteX61" fmla="*/ 6804 w 10000"/>
                  <a:gd name="connsiteY61" fmla="*/ 4564 h 10000"/>
                  <a:gd name="connsiteX62" fmla="*/ 6731 w 10000"/>
                  <a:gd name="connsiteY62" fmla="*/ 4594 h 10000"/>
                  <a:gd name="connsiteX63" fmla="*/ 6683 w 10000"/>
                  <a:gd name="connsiteY63" fmla="*/ 4638 h 10000"/>
                  <a:gd name="connsiteX64" fmla="*/ 6683 w 10000"/>
                  <a:gd name="connsiteY64" fmla="*/ 4697 h 10000"/>
                  <a:gd name="connsiteX65" fmla="*/ 6659 w 10000"/>
                  <a:gd name="connsiteY65" fmla="*/ 4801 h 10000"/>
                  <a:gd name="connsiteX66" fmla="*/ 6659 w 10000"/>
                  <a:gd name="connsiteY66" fmla="*/ 4904 h 10000"/>
                  <a:gd name="connsiteX67" fmla="*/ 6538 w 10000"/>
                  <a:gd name="connsiteY67" fmla="*/ 4860 h 10000"/>
                  <a:gd name="connsiteX68" fmla="*/ 6465 w 10000"/>
                  <a:gd name="connsiteY68" fmla="*/ 4801 h 10000"/>
                  <a:gd name="connsiteX69" fmla="*/ 6392 w 10000"/>
                  <a:gd name="connsiteY69" fmla="*/ 4727 h 10000"/>
                  <a:gd name="connsiteX70" fmla="*/ 6320 w 10000"/>
                  <a:gd name="connsiteY70" fmla="*/ 4638 h 10000"/>
                  <a:gd name="connsiteX71" fmla="*/ 6199 w 10000"/>
                  <a:gd name="connsiteY71" fmla="*/ 4476 h 10000"/>
                  <a:gd name="connsiteX72" fmla="*/ 6077 w 10000"/>
                  <a:gd name="connsiteY72" fmla="*/ 4313 h 10000"/>
                  <a:gd name="connsiteX73" fmla="*/ 6223 w 10000"/>
                  <a:gd name="connsiteY73" fmla="*/ 4210 h 10000"/>
                  <a:gd name="connsiteX74" fmla="*/ 6416 w 10000"/>
                  <a:gd name="connsiteY74" fmla="*/ 4121 h 10000"/>
                  <a:gd name="connsiteX75" fmla="*/ 6634 w 10000"/>
                  <a:gd name="connsiteY75" fmla="*/ 4032 h 10000"/>
                  <a:gd name="connsiteX76" fmla="*/ 6877 w 10000"/>
                  <a:gd name="connsiteY76" fmla="*/ 3959 h 10000"/>
                  <a:gd name="connsiteX77" fmla="*/ 7385 w 10000"/>
                  <a:gd name="connsiteY77" fmla="*/ 3811 h 10000"/>
                  <a:gd name="connsiteX78" fmla="*/ 7893 w 10000"/>
                  <a:gd name="connsiteY78" fmla="*/ 3663 h 10000"/>
                  <a:gd name="connsiteX79" fmla="*/ 8136 w 10000"/>
                  <a:gd name="connsiteY79" fmla="*/ 3589 h 10000"/>
                  <a:gd name="connsiteX80" fmla="*/ 8378 w 10000"/>
                  <a:gd name="connsiteY80" fmla="*/ 3516 h 10000"/>
                  <a:gd name="connsiteX81" fmla="*/ 8571 w 10000"/>
                  <a:gd name="connsiteY81" fmla="*/ 3412 h 10000"/>
                  <a:gd name="connsiteX82" fmla="*/ 8765 w 10000"/>
                  <a:gd name="connsiteY82" fmla="*/ 3338 h 10000"/>
                  <a:gd name="connsiteX83" fmla="*/ 8886 w 10000"/>
                  <a:gd name="connsiteY83" fmla="*/ 3235 h 10000"/>
                  <a:gd name="connsiteX84" fmla="*/ 8983 w 10000"/>
                  <a:gd name="connsiteY84" fmla="*/ 3117 h 10000"/>
                  <a:gd name="connsiteX85" fmla="*/ 9007 w 10000"/>
                  <a:gd name="connsiteY85" fmla="*/ 3072 h 10000"/>
                  <a:gd name="connsiteX86" fmla="*/ 9031 w 10000"/>
                  <a:gd name="connsiteY86" fmla="*/ 3013 h 10000"/>
                  <a:gd name="connsiteX87" fmla="*/ 9031 w 10000"/>
                  <a:gd name="connsiteY87" fmla="*/ 2954 h 10000"/>
                  <a:gd name="connsiteX88" fmla="*/ 9007 w 10000"/>
                  <a:gd name="connsiteY88" fmla="*/ 2866 h 10000"/>
                  <a:gd name="connsiteX89" fmla="*/ 8838 w 10000"/>
                  <a:gd name="connsiteY89" fmla="*/ 2984 h 10000"/>
                  <a:gd name="connsiteX90" fmla="*/ 8644 w 10000"/>
                  <a:gd name="connsiteY90" fmla="*/ 3072 h 10000"/>
                  <a:gd name="connsiteX91" fmla="*/ 8450 w 10000"/>
                  <a:gd name="connsiteY91" fmla="*/ 3161 h 10000"/>
                  <a:gd name="connsiteX92" fmla="*/ 8257 w 10000"/>
                  <a:gd name="connsiteY92" fmla="*/ 3250 h 10000"/>
                  <a:gd name="connsiteX93" fmla="*/ 7821 w 10000"/>
                  <a:gd name="connsiteY93" fmla="*/ 3397 h 10000"/>
                  <a:gd name="connsiteX94" fmla="*/ 7361 w 10000"/>
                  <a:gd name="connsiteY94" fmla="*/ 3545 h 10000"/>
                  <a:gd name="connsiteX95" fmla="*/ 6901 w 10000"/>
                  <a:gd name="connsiteY95" fmla="*/ 3678 h 10000"/>
                  <a:gd name="connsiteX96" fmla="*/ 6465 w 10000"/>
                  <a:gd name="connsiteY96" fmla="*/ 3840 h 10000"/>
                  <a:gd name="connsiteX97" fmla="*/ 6247 w 10000"/>
                  <a:gd name="connsiteY97" fmla="*/ 3914 h 10000"/>
                  <a:gd name="connsiteX98" fmla="*/ 6053 w 10000"/>
                  <a:gd name="connsiteY98" fmla="*/ 4003 h 10000"/>
                  <a:gd name="connsiteX99" fmla="*/ 5860 w 10000"/>
                  <a:gd name="connsiteY99" fmla="*/ 4106 h 10000"/>
                  <a:gd name="connsiteX100" fmla="*/ 5666 w 10000"/>
                  <a:gd name="connsiteY100" fmla="*/ 4195 h 10000"/>
                  <a:gd name="connsiteX101" fmla="*/ 5811 w 10000"/>
                  <a:gd name="connsiteY101" fmla="*/ 4417 h 10000"/>
                  <a:gd name="connsiteX102" fmla="*/ 5908 w 10000"/>
                  <a:gd name="connsiteY102" fmla="*/ 4623 h 10000"/>
                  <a:gd name="connsiteX103" fmla="*/ 6005 w 10000"/>
                  <a:gd name="connsiteY103" fmla="*/ 4845 h 10000"/>
                  <a:gd name="connsiteX104" fmla="*/ 6077 w 10000"/>
                  <a:gd name="connsiteY104" fmla="*/ 5081 h 10000"/>
                  <a:gd name="connsiteX105" fmla="*/ 6126 w 10000"/>
                  <a:gd name="connsiteY105" fmla="*/ 5318 h 10000"/>
                  <a:gd name="connsiteX106" fmla="*/ 6150 w 10000"/>
                  <a:gd name="connsiteY106" fmla="*/ 5539 h 10000"/>
                  <a:gd name="connsiteX107" fmla="*/ 6174 w 10000"/>
                  <a:gd name="connsiteY107" fmla="*/ 5775 h 10000"/>
                  <a:gd name="connsiteX108" fmla="*/ 6174 w 10000"/>
                  <a:gd name="connsiteY108" fmla="*/ 5997 h 10000"/>
                  <a:gd name="connsiteX109" fmla="*/ 6150 w 10000"/>
                  <a:gd name="connsiteY109" fmla="*/ 6233 h 10000"/>
                  <a:gd name="connsiteX110" fmla="*/ 6102 w 10000"/>
                  <a:gd name="connsiteY110" fmla="*/ 6470 h 10000"/>
                  <a:gd name="connsiteX111" fmla="*/ 6053 w 10000"/>
                  <a:gd name="connsiteY111" fmla="*/ 6677 h 10000"/>
                  <a:gd name="connsiteX112" fmla="*/ 5981 w 10000"/>
                  <a:gd name="connsiteY112" fmla="*/ 6898 h 10000"/>
                  <a:gd name="connsiteX113" fmla="*/ 5884 w 10000"/>
                  <a:gd name="connsiteY113" fmla="*/ 7105 h 10000"/>
                  <a:gd name="connsiteX114" fmla="*/ 5763 w 10000"/>
                  <a:gd name="connsiteY114" fmla="*/ 7297 h 10000"/>
                  <a:gd name="connsiteX115" fmla="*/ 5617 w 10000"/>
                  <a:gd name="connsiteY115" fmla="*/ 7489 h 10000"/>
                  <a:gd name="connsiteX116" fmla="*/ 5472 w 10000"/>
                  <a:gd name="connsiteY116" fmla="*/ 7681 h 10000"/>
                  <a:gd name="connsiteX117" fmla="*/ 6174 w 10000"/>
                  <a:gd name="connsiteY117" fmla="*/ 7799 h 10000"/>
                  <a:gd name="connsiteX118" fmla="*/ 6901 w 10000"/>
                  <a:gd name="connsiteY118" fmla="*/ 7962 h 10000"/>
                  <a:gd name="connsiteX119" fmla="*/ 7046 w 10000"/>
                  <a:gd name="connsiteY119" fmla="*/ 8021 h 10000"/>
                  <a:gd name="connsiteX120" fmla="*/ 7167 w 10000"/>
                  <a:gd name="connsiteY120" fmla="*/ 8080 h 10000"/>
                  <a:gd name="connsiteX121" fmla="*/ 7288 w 10000"/>
                  <a:gd name="connsiteY121" fmla="*/ 8139 h 10000"/>
                  <a:gd name="connsiteX122" fmla="*/ 7361 w 10000"/>
                  <a:gd name="connsiteY122" fmla="*/ 8227 h 10000"/>
                  <a:gd name="connsiteX123" fmla="*/ 7385 w 10000"/>
                  <a:gd name="connsiteY123" fmla="*/ 8301 h 10000"/>
                  <a:gd name="connsiteX124" fmla="*/ 7385 w 10000"/>
                  <a:gd name="connsiteY124" fmla="*/ 8405 h 10000"/>
                  <a:gd name="connsiteX125" fmla="*/ 7337 w 10000"/>
                  <a:gd name="connsiteY125" fmla="*/ 8523 h 10000"/>
                  <a:gd name="connsiteX126" fmla="*/ 7264 w 10000"/>
                  <a:gd name="connsiteY126" fmla="*/ 8641 h 10000"/>
                  <a:gd name="connsiteX127" fmla="*/ 6949 w 10000"/>
                  <a:gd name="connsiteY127" fmla="*/ 8552 h 10000"/>
                  <a:gd name="connsiteX128" fmla="*/ 6659 w 10000"/>
                  <a:gd name="connsiteY128" fmla="*/ 8449 h 10000"/>
                  <a:gd name="connsiteX129" fmla="*/ 6368 w 10000"/>
                  <a:gd name="connsiteY129" fmla="*/ 8360 h 10000"/>
                  <a:gd name="connsiteX130" fmla="*/ 6077 w 10000"/>
                  <a:gd name="connsiteY130" fmla="*/ 8287 h 10000"/>
                  <a:gd name="connsiteX131" fmla="*/ 5956 w 10000"/>
                  <a:gd name="connsiteY131" fmla="*/ 8449 h 10000"/>
                  <a:gd name="connsiteX132" fmla="*/ 5860 w 10000"/>
                  <a:gd name="connsiteY132" fmla="*/ 8597 h 10000"/>
                  <a:gd name="connsiteX133" fmla="*/ 5811 w 10000"/>
                  <a:gd name="connsiteY133" fmla="*/ 8656 h 10000"/>
                  <a:gd name="connsiteX134" fmla="*/ 5714 w 10000"/>
                  <a:gd name="connsiteY134" fmla="*/ 8700 h 10000"/>
                  <a:gd name="connsiteX135" fmla="*/ 5642 w 10000"/>
                  <a:gd name="connsiteY135" fmla="*/ 8744 h 10000"/>
                  <a:gd name="connsiteX136" fmla="*/ 5569 w 10000"/>
                  <a:gd name="connsiteY136" fmla="*/ 8774 h 10000"/>
                  <a:gd name="connsiteX137" fmla="*/ 5496 w 10000"/>
                  <a:gd name="connsiteY137" fmla="*/ 8804 h 10000"/>
                  <a:gd name="connsiteX138" fmla="*/ 5400 w 10000"/>
                  <a:gd name="connsiteY138" fmla="*/ 8818 h 10000"/>
                  <a:gd name="connsiteX139" fmla="*/ 5278 w 10000"/>
                  <a:gd name="connsiteY139" fmla="*/ 8833 h 10000"/>
                  <a:gd name="connsiteX140" fmla="*/ 5157 w 10000"/>
                  <a:gd name="connsiteY140" fmla="*/ 8833 h 10000"/>
                  <a:gd name="connsiteX141" fmla="*/ 4867 w 10000"/>
                  <a:gd name="connsiteY141" fmla="*/ 8818 h 10000"/>
                  <a:gd name="connsiteX142" fmla="*/ 4504 w 10000"/>
                  <a:gd name="connsiteY142" fmla="*/ 8744 h 10000"/>
                  <a:gd name="connsiteX143" fmla="*/ 4504 w 10000"/>
                  <a:gd name="connsiteY143" fmla="*/ 8922 h 10000"/>
                  <a:gd name="connsiteX144" fmla="*/ 4479 w 10000"/>
                  <a:gd name="connsiteY144" fmla="*/ 9069 h 10000"/>
                  <a:gd name="connsiteX145" fmla="*/ 4455 w 10000"/>
                  <a:gd name="connsiteY145" fmla="*/ 9232 h 10000"/>
                  <a:gd name="connsiteX146" fmla="*/ 4431 w 10000"/>
                  <a:gd name="connsiteY146" fmla="*/ 9365 h 10000"/>
                  <a:gd name="connsiteX147" fmla="*/ 4383 w 10000"/>
                  <a:gd name="connsiteY147" fmla="*/ 9498 h 10000"/>
                  <a:gd name="connsiteX148" fmla="*/ 4286 w 10000"/>
                  <a:gd name="connsiteY148" fmla="*/ 9616 h 10000"/>
                  <a:gd name="connsiteX149" fmla="*/ 4213 w 10000"/>
                  <a:gd name="connsiteY149" fmla="*/ 9734 h 10000"/>
                  <a:gd name="connsiteX150" fmla="*/ 4092 w 10000"/>
                  <a:gd name="connsiteY150" fmla="*/ 9838 h 10000"/>
                  <a:gd name="connsiteX151" fmla="*/ 3801 w 10000"/>
                  <a:gd name="connsiteY151" fmla="*/ 9897 h 10000"/>
                  <a:gd name="connsiteX152" fmla="*/ 3559 w 10000"/>
                  <a:gd name="connsiteY152" fmla="*/ 9941 h 10000"/>
                  <a:gd name="connsiteX153" fmla="*/ 3269 w 10000"/>
                  <a:gd name="connsiteY153" fmla="*/ 9985 h 10000"/>
                  <a:gd name="connsiteX154" fmla="*/ 3051 w 10000"/>
                  <a:gd name="connsiteY154" fmla="*/ 10000 h 10000"/>
                  <a:gd name="connsiteX155" fmla="*/ 2567 w 10000"/>
                  <a:gd name="connsiteY155" fmla="*/ 10000 h 10000"/>
                  <a:gd name="connsiteX156" fmla="*/ 2107 w 10000"/>
                  <a:gd name="connsiteY156" fmla="*/ 9985 h 10000"/>
                  <a:gd name="connsiteX157" fmla="*/ 1671 w 10000"/>
                  <a:gd name="connsiteY157" fmla="*/ 9941 h 10000"/>
                  <a:gd name="connsiteX158" fmla="*/ 1211 w 10000"/>
                  <a:gd name="connsiteY158" fmla="*/ 9911 h 10000"/>
                  <a:gd name="connsiteX159" fmla="*/ 944 w 10000"/>
                  <a:gd name="connsiteY159" fmla="*/ 9911 h 10000"/>
                  <a:gd name="connsiteX160" fmla="*/ 702 w 10000"/>
                  <a:gd name="connsiteY160" fmla="*/ 9911 h 10000"/>
                  <a:gd name="connsiteX161" fmla="*/ 436 w 10000"/>
                  <a:gd name="connsiteY161" fmla="*/ 9926 h 10000"/>
                  <a:gd name="connsiteX162" fmla="*/ 169 w 10000"/>
                  <a:gd name="connsiteY162" fmla="*/ 9970 h 10000"/>
                  <a:gd name="connsiteX163" fmla="*/ 97 w 10000"/>
                  <a:gd name="connsiteY163" fmla="*/ 9867 h 10000"/>
                  <a:gd name="connsiteX164" fmla="*/ 48 w 10000"/>
                  <a:gd name="connsiteY164" fmla="*/ 9793 h 10000"/>
                  <a:gd name="connsiteX165" fmla="*/ 0 w 10000"/>
                  <a:gd name="connsiteY165" fmla="*/ 9705 h 10000"/>
                  <a:gd name="connsiteX166" fmla="*/ 0 w 10000"/>
                  <a:gd name="connsiteY166" fmla="*/ 9601 h 10000"/>
                  <a:gd name="connsiteX167" fmla="*/ 48 w 10000"/>
                  <a:gd name="connsiteY167" fmla="*/ 9424 h 10000"/>
                  <a:gd name="connsiteX168" fmla="*/ 97 w 10000"/>
                  <a:gd name="connsiteY168" fmla="*/ 9202 h 10000"/>
                  <a:gd name="connsiteX169" fmla="*/ 145 w 10000"/>
                  <a:gd name="connsiteY169" fmla="*/ 8996 h 10000"/>
                  <a:gd name="connsiteX170" fmla="*/ 194 w 10000"/>
                  <a:gd name="connsiteY170" fmla="*/ 8759 h 10000"/>
                  <a:gd name="connsiteX171" fmla="*/ 218 w 10000"/>
                  <a:gd name="connsiteY171" fmla="*/ 8641 h 10000"/>
                  <a:gd name="connsiteX172" fmla="*/ 218 w 10000"/>
                  <a:gd name="connsiteY172" fmla="*/ 8538 h 10000"/>
                  <a:gd name="connsiteX173" fmla="*/ 194 w 10000"/>
                  <a:gd name="connsiteY173" fmla="*/ 8405 h 10000"/>
                  <a:gd name="connsiteX174" fmla="*/ 169 w 10000"/>
                  <a:gd name="connsiteY174" fmla="*/ 8287 h 10000"/>
                  <a:gd name="connsiteX175" fmla="*/ 412 w 10000"/>
                  <a:gd name="connsiteY175" fmla="*/ 8213 h 10000"/>
                  <a:gd name="connsiteX176" fmla="*/ 654 w 10000"/>
                  <a:gd name="connsiteY176" fmla="*/ 8139 h 10000"/>
                  <a:gd name="connsiteX177" fmla="*/ 896 w 10000"/>
                  <a:gd name="connsiteY177" fmla="*/ 8095 h 10000"/>
                  <a:gd name="connsiteX178" fmla="*/ 1162 w 10000"/>
                  <a:gd name="connsiteY178" fmla="*/ 8065 h 10000"/>
                  <a:gd name="connsiteX179" fmla="*/ 1646 w 10000"/>
                  <a:gd name="connsiteY179" fmla="*/ 8021 h 10000"/>
                  <a:gd name="connsiteX180" fmla="*/ 2131 w 10000"/>
                  <a:gd name="connsiteY180" fmla="*/ 7976 h 10000"/>
                  <a:gd name="connsiteX181" fmla="*/ 2349 w 10000"/>
                  <a:gd name="connsiteY181" fmla="*/ 7947 h 10000"/>
                  <a:gd name="connsiteX182" fmla="*/ 2567 w 10000"/>
                  <a:gd name="connsiteY182" fmla="*/ 7917 h 10000"/>
                  <a:gd name="connsiteX183" fmla="*/ 2760 w 10000"/>
                  <a:gd name="connsiteY183" fmla="*/ 7843 h 10000"/>
                  <a:gd name="connsiteX184" fmla="*/ 2954 w 10000"/>
                  <a:gd name="connsiteY184" fmla="*/ 7784 h 10000"/>
                  <a:gd name="connsiteX185" fmla="*/ 3123 w 10000"/>
                  <a:gd name="connsiteY185" fmla="*/ 7710 h 10000"/>
                  <a:gd name="connsiteX186" fmla="*/ 3269 w 10000"/>
                  <a:gd name="connsiteY186" fmla="*/ 7592 h 10000"/>
                  <a:gd name="connsiteX187" fmla="*/ 3414 w 10000"/>
                  <a:gd name="connsiteY187" fmla="*/ 7474 h 10000"/>
                  <a:gd name="connsiteX188" fmla="*/ 3511 w 10000"/>
                  <a:gd name="connsiteY188" fmla="*/ 7312 h 10000"/>
                  <a:gd name="connsiteX189" fmla="*/ 3317 w 10000"/>
                  <a:gd name="connsiteY189" fmla="*/ 7238 h 10000"/>
                  <a:gd name="connsiteX190" fmla="*/ 3148 w 10000"/>
                  <a:gd name="connsiteY190" fmla="*/ 7179 h 10000"/>
                  <a:gd name="connsiteX191" fmla="*/ 3002 w 10000"/>
                  <a:gd name="connsiteY191" fmla="*/ 7090 h 10000"/>
                  <a:gd name="connsiteX192" fmla="*/ 2857 w 10000"/>
                  <a:gd name="connsiteY192" fmla="*/ 6987 h 10000"/>
                  <a:gd name="connsiteX193" fmla="*/ 2760 w 10000"/>
                  <a:gd name="connsiteY193" fmla="*/ 6869 h 10000"/>
                  <a:gd name="connsiteX194" fmla="*/ 2712 w 10000"/>
                  <a:gd name="connsiteY194" fmla="*/ 6721 h 10000"/>
                  <a:gd name="connsiteX195" fmla="*/ 2688 w 10000"/>
                  <a:gd name="connsiteY195" fmla="*/ 6558 h 10000"/>
                  <a:gd name="connsiteX196" fmla="*/ 2712 w 10000"/>
                  <a:gd name="connsiteY196" fmla="*/ 6352 h 10000"/>
                  <a:gd name="connsiteX197" fmla="*/ 2591 w 10000"/>
                  <a:gd name="connsiteY197" fmla="*/ 6322 h 10000"/>
                  <a:gd name="connsiteX198" fmla="*/ 2446 w 10000"/>
                  <a:gd name="connsiteY198" fmla="*/ 6292 h 10000"/>
                  <a:gd name="connsiteX199" fmla="*/ 2276 w 10000"/>
                  <a:gd name="connsiteY199" fmla="*/ 6278 h 10000"/>
                  <a:gd name="connsiteX200" fmla="*/ 2107 w 10000"/>
                  <a:gd name="connsiteY200" fmla="*/ 6263 h 10000"/>
                  <a:gd name="connsiteX201" fmla="*/ 1768 w 10000"/>
                  <a:gd name="connsiteY201" fmla="*/ 6248 h 10000"/>
                  <a:gd name="connsiteX202" fmla="*/ 1404 w 10000"/>
                  <a:gd name="connsiteY202" fmla="*/ 6263 h 10000"/>
                  <a:gd name="connsiteX203" fmla="*/ 1090 w 10000"/>
                  <a:gd name="connsiteY203" fmla="*/ 6278 h 10000"/>
                  <a:gd name="connsiteX204" fmla="*/ 799 w 10000"/>
                  <a:gd name="connsiteY204" fmla="*/ 6278 h 10000"/>
                  <a:gd name="connsiteX205" fmla="*/ 557 w 10000"/>
                  <a:gd name="connsiteY205" fmla="*/ 6263 h 10000"/>
                  <a:gd name="connsiteX206" fmla="*/ 363 w 10000"/>
                  <a:gd name="connsiteY206" fmla="*/ 6233 h 10000"/>
                  <a:gd name="connsiteX207" fmla="*/ 605 w 10000"/>
                  <a:gd name="connsiteY207" fmla="*/ 5805 h 10000"/>
                  <a:gd name="connsiteX208" fmla="*/ 872 w 10000"/>
                  <a:gd name="connsiteY208" fmla="*/ 5391 h 10000"/>
                  <a:gd name="connsiteX209" fmla="*/ 969 w 10000"/>
                  <a:gd name="connsiteY209" fmla="*/ 5170 h 10000"/>
                  <a:gd name="connsiteX210" fmla="*/ 1041 w 10000"/>
                  <a:gd name="connsiteY210" fmla="*/ 4963 h 10000"/>
                  <a:gd name="connsiteX211" fmla="*/ 1065 w 10000"/>
                  <a:gd name="connsiteY211" fmla="*/ 4860 h 10000"/>
                  <a:gd name="connsiteX212" fmla="*/ 1041 w 10000"/>
                  <a:gd name="connsiteY212" fmla="*/ 4756 h 10000"/>
                  <a:gd name="connsiteX213" fmla="*/ 1017 w 10000"/>
                  <a:gd name="connsiteY213" fmla="*/ 4653 h 10000"/>
                  <a:gd name="connsiteX214" fmla="*/ 944 w 10000"/>
                  <a:gd name="connsiteY214" fmla="*/ 4549 h 10000"/>
                  <a:gd name="connsiteX215" fmla="*/ 1211 w 10000"/>
                  <a:gd name="connsiteY215" fmla="*/ 4520 h 10000"/>
                  <a:gd name="connsiteX216" fmla="*/ 1404 w 10000"/>
                  <a:gd name="connsiteY216" fmla="*/ 4505 h 10000"/>
                  <a:gd name="connsiteX217" fmla="*/ 1574 w 10000"/>
                  <a:gd name="connsiteY217" fmla="*/ 4505 h 10000"/>
                  <a:gd name="connsiteX218" fmla="*/ 1719 w 10000"/>
                  <a:gd name="connsiteY218" fmla="*/ 4520 h 10000"/>
                  <a:gd name="connsiteX219" fmla="*/ 1840 w 10000"/>
                  <a:gd name="connsiteY219" fmla="*/ 4520 h 10000"/>
                  <a:gd name="connsiteX220" fmla="*/ 1985 w 10000"/>
                  <a:gd name="connsiteY220" fmla="*/ 4520 h 10000"/>
                  <a:gd name="connsiteX221" fmla="*/ 2131 w 10000"/>
                  <a:gd name="connsiteY221" fmla="*/ 4490 h 10000"/>
                  <a:gd name="connsiteX222" fmla="*/ 2324 w 10000"/>
                  <a:gd name="connsiteY222" fmla="*/ 4446 h 10000"/>
                  <a:gd name="connsiteX223" fmla="*/ 2324 w 10000"/>
                  <a:gd name="connsiteY223" fmla="*/ 4579 h 10000"/>
                  <a:gd name="connsiteX224" fmla="*/ 2324 w 10000"/>
                  <a:gd name="connsiteY224" fmla="*/ 4742 h 10000"/>
                  <a:gd name="connsiteX225" fmla="*/ 2324 w 10000"/>
                  <a:gd name="connsiteY225" fmla="*/ 4874 h 10000"/>
                  <a:gd name="connsiteX226" fmla="*/ 2324 w 10000"/>
                  <a:gd name="connsiteY226" fmla="*/ 5037 h 10000"/>
                  <a:gd name="connsiteX227" fmla="*/ 2542 w 10000"/>
                  <a:gd name="connsiteY227" fmla="*/ 5022 h 10000"/>
                  <a:gd name="connsiteX228" fmla="*/ 2688 w 10000"/>
                  <a:gd name="connsiteY228" fmla="*/ 5037 h 10000"/>
                  <a:gd name="connsiteX229" fmla="*/ 2809 w 10000"/>
                  <a:gd name="connsiteY229" fmla="*/ 5066 h 10000"/>
                  <a:gd name="connsiteX230" fmla="*/ 2930 w 10000"/>
                  <a:gd name="connsiteY230" fmla="*/ 5096 h 10000"/>
                  <a:gd name="connsiteX231" fmla="*/ 3027 w 10000"/>
                  <a:gd name="connsiteY231" fmla="*/ 5126 h 10000"/>
                  <a:gd name="connsiteX232" fmla="*/ 3148 w 10000"/>
                  <a:gd name="connsiteY232" fmla="*/ 5155 h 10000"/>
                  <a:gd name="connsiteX233" fmla="*/ 3293 w 10000"/>
                  <a:gd name="connsiteY233" fmla="*/ 5170 h 10000"/>
                  <a:gd name="connsiteX234" fmla="*/ 3511 w 10000"/>
                  <a:gd name="connsiteY234" fmla="*/ 5155 h 10000"/>
                  <a:gd name="connsiteX235" fmla="*/ 3584 w 10000"/>
                  <a:gd name="connsiteY235" fmla="*/ 5096 h 10000"/>
                  <a:gd name="connsiteX236" fmla="*/ 3656 w 10000"/>
                  <a:gd name="connsiteY236" fmla="*/ 5022 h 10000"/>
                  <a:gd name="connsiteX237" fmla="*/ 3680 w 10000"/>
                  <a:gd name="connsiteY237" fmla="*/ 4934 h 10000"/>
                  <a:gd name="connsiteX238" fmla="*/ 3705 w 10000"/>
                  <a:gd name="connsiteY238" fmla="*/ 4860 h 10000"/>
                  <a:gd name="connsiteX239" fmla="*/ 3729 w 10000"/>
                  <a:gd name="connsiteY239" fmla="*/ 4697 h 10000"/>
                  <a:gd name="connsiteX240" fmla="*/ 3705 w 10000"/>
                  <a:gd name="connsiteY240" fmla="*/ 4520 h 10000"/>
                  <a:gd name="connsiteX241" fmla="*/ 3632 w 10000"/>
                  <a:gd name="connsiteY241" fmla="*/ 4343 h 10000"/>
                  <a:gd name="connsiteX242" fmla="*/ 3559 w 10000"/>
                  <a:gd name="connsiteY242" fmla="*/ 4195 h 10000"/>
                  <a:gd name="connsiteX243" fmla="*/ 3438 w 10000"/>
                  <a:gd name="connsiteY243" fmla="*/ 4047 h 10000"/>
                  <a:gd name="connsiteX244" fmla="*/ 3317 w 10000"/>
                  <a:gd name="connsiteY244" fmla="*/ 3959 h 10000"/>
                  <a:gd name="connsiteX245" fmla="*/ 3462 w 10000"/>
                  <a:gd name="connsiteY245" fmla="*/ 3944 h 10000"/>
                  <a:gd name="connsiteX246" fmla="*/ 3584 w 10000"/>
                  <a:gd name="connsiteY246" fmla="*/ 3914 h 10000"/>
                  <a:gd name="connsiteX247" fmla="*/ 3680 w 10000"/>
                  <a:gd name="connsiteY247" fmla="*/ 3855 h 10000"/>
                  <a:gd name="connsiteX248" fmla="*/ 3801 w 10000"/>
                  <a:gd name="connsiteY248" fmla="*/ 3752 h 10000"/>
                  <a:gd name="connsiteX249" fmla="*/ 3923 w 10000"/>
                  <a:gd name="connsiteY249" fmla="*/ 3663 h 10000"/>
                  <a:gd name="connsiteX250" fmla="*/ 4019 w 10000"/>
                  <a:gd name="connsiteY250" fmla="*/ 3560 h 10000"/>
                  <a:gd name="connsiteX251" fmla="*/ 4092 w 10000"/>
                  <a:gd name="connsiteY251" fmla="*/ 3442 h 10000"/>
                  <a:gd name="connsiteX252" fmla="*/ 4165 w 10000"/>
                  <a:gd name="connsiteY252" fmla="*/ 3323 h 10000"/>
                  <a:gd name="connsiteX253" fmla="*/ 4213 w 10000"/>
                  <a:gd name="connsiteY253" fmla="*/ 3220 h 10000"/>
                  <a:gd name="connsiteX254" fmla="*/ 4237 w 10000"/>
                  <a:gd name="connsiteY254" fmla="*/ 3102 h 10000"/>
                  <a:gd name="connsiteX255" fmla="*/ 4262 w 10000"/>
                  <a:gd name="connsiteY255" fmla="*/ 3013 h 10000"/>
                  <a:gd name="connsiteX256" fmla="*/ 4237 w 10000"/>
                  <a:gd name="connsiteY256" fmla="*/ 2939 h 10000"/>
                  <a:gd name="connsiteX257" fmla="*/ 4213 w 10000"/>
                  <a:gd name="connsiteY257" fmla="*/ 2866 h 10000"/>
                  <a:gd name="connsiteX258" fmla="*/ 4140 w 10000"/>
                  <a:gd name="connsiteY258" fmla="*/ 2836 h 10000"/>
                  <a:gd name="connsiteX259" fmla="*/ 4044 w 10000"/>
                  <a:gd name="connsiteY259" fmla="*/ 2836 h 10000"/>
                  <a:gd name="connsiteX260" fmla="*/ 3923 w 10000"/>
                  <a:gd name="connsiteY260" fmla="*/ 2866 h 10000"/>
                  <a:gd name="connsiteX261" fmla="*/ 4019 w 10000"/>
                  <a:gd name="connsiteY261" fmla="*/ 2777 h 10000"/>
                  <a:gd name="connsiteX262" fmla="*/ 4068 w 10000"/>
                  <a:gd name="connsiteY262" fmla="*/ 2674 h 10000"/>
                  <a:gd name="connsiteX263" fmla="*/ 4092 w 10000"/>
                  <a:gd name="connsiteY263" fmla="*/ 2541 h 10000"/>
                  <a:gd name="connsiteX264" fmla="*/ 4092 w 10000"/>
                  <a:gd name="connsiteY264" fmla="*/ 2393 h 10000"/>
                  <a:gd name="connsiteX265" fmla="*/ 4116 w 10000"/>
                  <a:gd name="connsiteY265" fmla="*/ 2349 h 10000"/>
                  <a:gd name="connsiteX266" fmla="*/ 4165 w 10000"/>
                  <a:gd name="connsiteY266" fmla="*/ 2304 h 10000"/>
                  <a:gd name="connsiteX267" fmla="*/ 4213 w 10000"/>
                  <a:gd name="connsiteY267" fmla="*/ 2290 h 10000"/>
                  <a:gd name="connsiteX268" fmla="*/ 4286 w 10000"/>
                  <a:gd name="connsiteY268" fmla="*/ 2275 h 10000"/>
                  <a:gd name="connsiteX269" fmla="*/ 4504 w 10000"/>
                  <a:gd name="connsiteY269" fmla="*/ 2260 h 10000"/>
                  <a:gd name="connsiteX270" fmla="*/ 4697 w 10000"/>
                  <a:gd name="connsiteY270" fmla="*/ 2275 h 10000"/>
                  <a:gd name="connsiteX271" fmla="*/ 4673 w 10000"/>
                  <a:gd name="connsiteY271" fmla="*/ 2112 h 10000"/>
                  <a:gd name="connsiteX272" fmla="*/ 4625 w 10000"/>
                  <a:gd name="connsiteY272" fmla="*/ 1950 h 10000"/>
                  <a:gd name="connsiteX273" fmla="*/ 4552 w 10000"/>
                  <a:gd name="connsiteY273" fmla="*/ 1802 h 10000"/>
                  <a:gd name="connsiteX274" fmla="*/ 4455 w 10000"/>
                  <a:gd name="connsiteY274" fmla="*/ 1640 h 10000"/>
                  <a:gd name="connsiteX275" fmla="*/ 4213 w 10000"/>
                  <a:gd name="connsiteY275" fmla="*/ 1329 h 10000"/>
                  <a:gd name="connsiteX276" fmla="*/ 3971 w 10000"/>
                  <a:gd name="connsiteY276" fmla="*/ 1034 h 10000"/>
                  <a:gd name="connsiteX277" fmla="*/ 3850 w 10000"/>
                  <a:gd name="connsiteY277" fmla="*/ 901 h 10000"/>
                  <a:gd name="connsiteX278" fmla="*/ 3753 w 10000"/>
                  <a:gd name="connsiteY278" fmla="*/ 753 h 10000"/>
                  <a:gd name="connsiteX279" fmla="*/ 3680 w 10000"/>
                  <a:gd name="connsiteY279" fmla="*/ 620 h 10000"/>
                  <a:gd name="connsiteX280" fmla="*/ 3656 w 10000"/>
                  <a:gd name="connsiteY280" fmla="*/ 487 h 10000"/>
                  <a:gd name="connsiteX281" fmla="*/ 3632 w 10000"/>
                  <a:gd name="connsiteY281" fmla="*/ 355 h 10000"/>
                  <a:gd name="connsiteX282" fmla="*/ 3680 w 10000"/>
                  <a:gd name="connsiteY282" fmla="*/ 222 h 10000"/>
                  <a:gd name="connsiteX283" fmla="*/ 3705 w 10000"/>
                  <a:gd name="connsiteY283" fmla="*/ 162 h 10000"/>
                  <a:gd name="connsiteX284" fmla="*/ 3753 w 10000"/>
                  <a:gd name="connsiteY284" fmla="*/ 103 h 10000"/>
                  <a:gd name="connsiteX285" fmla="*/ 3826 w 10000"/>
                  <a:gd name="connsiteY285" fmla="*/ 59 h 10000"/>
                  <a:gd name="connsiteX286" fmla="*/ 3923 w 10000"/>
                  <a:gd name="connsiteY286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6852 w 10000"/>
                  <a:gd name="connsiteY57" fmla="*/ 4313 h 10000"/>
                  <a:gd name="connsiteX58" fmla="*/ 6852 w 10000"/>
                  <a:gd name="connsiteY58" fmla="*/ 4431 h 10000"/>
                  <a:gd name="connsiteX59" fmla="*/ 6852 w 10000"/>
                  <a:gd name="connsiteY59" fmla="*/ 4549 h 10000"/>
                  <a:gd name="connsiteX60" fmla="*/ 6804 w 10000"/>
                  <a:gd name="connsiteY60" fmla="*/ 4564 h 10000"/>
                  <a:gd name="connsiteX61" fmla="*/ 6731 w 10000"/>
                  <a:gd name="connsiteY61" fmla="*/ 4594 h 10000"/>
                  <a:gd name="connsiteX62" fmla="*/ 6683 w 10000"/>
                  <a:gd name="connsiteY62" fmla="*/ 4638 h 10000"/>
                  <a:gd name="connsiteX63" fmla="*/ 6683 w 10000"/>
                  <a:gd name="connsiteY63" fmla="*/ 4697 h 10000"/>
                  <a:gd name="connsiteX64" fmla="*/ 6659 w 10000"/>
                  <a:gd name="connsiteY64" fmla="*/ 4801 h 10000"/>
                  <a:gd name="connsiteX65" fmla="*/ 6659 w 10000"/>
                  <a:gd name="connsiteY65" fmla="*/ 4904 h 10000"/>
                  <a:gd name="connsiteX66" fmla="*/ 6538 w 10000"/>
                  <a:gd name="connsiteY66" fmla="*/ 4860 h 10000"/>
                  <a:gd name="connsiteX67" fmla="*/ 6465 w 10000"/>
                  <a:gd name="connsiteY67" fmla="*/ 4801 h 10000"/>
                  <a:gd name="connsiteX68" fmla="*/ 6392 w 10000"/>
                  <a:gd name="connsiteY68" fmla="*/ 4727 h 10000"/>
                  <a:gd name="connsiteX69" fmla="*/ 6320 w 10000"/>
                  <a:gd name="connsiteY69" fmla="*/ 4638 h 10000"/>
                  <a:gd name="connsiteX70" fmla="*/ 6199 w 10000"/>
                  <a:gd name="connsiteY70" fmla="*/ 4476 h 10000"/>
                  <a:gd name="connsiteX71" fmla="*/ 6077 w 10000"/>
                  <a:gd name="connsiteY71" fmla="*/ 4313 h 10000"/>
                  <a:gd name="connsiteX72" fmla="*/ 6223 w 10000"/>
                  <a:gd name="connsiteY72" fmla="*/ 4210 h 10000"/>
                  <a:gd name="connsiteX73" fmla="*/ 6416 w 10000"/>
                  <a:gd name="connsiteY73" fmla="*/ 4121 h 10000"/>
                  <a:gd name="connsiteX74" fmla="*/ 6634 w 10000"/>
                  <a:gd name="connsiteY74" fmla="*/ 4032 h 10000"/>
                  <a:gd name="connsiteX75" fmla="*/ 6877 w 10000"/>
                  <a:gd name="connsiteY75" fmla="*/ 3959 h 10000"/>
                  <a:gd name="connsiteX76" fmla="*/ 7385 w 10000"/>
                  <a:gd name="connsiteY76" fmla="*/ 3811 h 10000"/>
                  <a:gd name="connsiteX77" fmla="*/ 7893 w 10000"/>
                  <a:gd name="connsiteY77" fmla="*/ 3663 h 10000"/>
                  <a:gd name="connsiteX78" fmla="*/ 8136 w 10000"/>
                  <a:gd name="connsiteY78" fmla="*/ 3589 h 10000"/>
                  <a:gd name="connsiteX79" fmla="*/ 8378 w 10000"/>
                  <a:gd name="connsiteY79" fmla="*/ 3516 h 10000"/>
                  <a:gd name="connsiteX80" fmla="*/ 8571 w 10000"/>
                  <a:gd name="connsiteY80" fmla="*/ 3412 h 10000"/>
                  <a:gd name="connsiteX81" fmla="*/ 8765 w 10000"/>
                  <a:gd name="connsiteY81" fmla="*/ 3338 h 10000"/>
                  <a:gd name="connsiteX82" fmla="*/ 8886 w 10000"/>
                  <a:gd name="connsiteY82" fmla="*/ 3235 h 10000"/>
                  <a:gd name="connsiteX83" fmla="*/ 8983 w 10000"/>
                  <a:gd name="connsiteY83" fmla="*/ 3117 h 10000"/>
                  <a:gd name="connsiteX84" fmla="*/ 9007 w 10000"/>
                  <a:gd name="connsiteY84" fmla="*/ 3072 h 10000"/>
                  <a:gd name="connsiteX85" fmla="*/ 9031 w 10000"/>
                  <a:gd name="connsiteY85" fmla="*/ 3013 h 10000"/>
                  <a:gd name="connsiteX86" fmla="*/ 9031 w 10000"/>
                  <a:gd name="connsiteY86" fmla="*/ 2954 h 10000"/>
                  <a:gd name="connsiteX87" fmla="*/ 9007 w 10000"/>
                  <a:gd name="connsiteY87" fmla="*/ 2866 h 10000"/>
                  <a:gd name="connsiteX88" fmla="*/ 8838 w 10000"/>
                  <a:gd name="connsiteY88" fmla="*/ 2984 h 10000"/>
                  <a:gd name="connsiteX89" fmla="*/ 8644 w 10000"/>
                  <a:gd name="connsiteY89" fmla="*/ 3072 h 10000"/>
                  <a:gd name="connsiteX90" fmla="*/ 8450 w 10000"/>
                  <a:gd name="connsiteY90" fmla="*/ 3161 h 10000"/>
                  <a:gd name="connsiteX91" fmla="*/ 8257 w 10000"/>
                  <a:gd name="connsiteY91" fmla="*/ 3250 h 10000"/>
                  <a:gd name="connsiteX92" fmla="*/ 7821 w 10000"/>
                  <a:gd name="connsiteY92" fmla="*/ 3397 h 10000"/>
                  <a:gd name="connsiteX93" fmla="*/ 7361 w 10000"/>
                  <a:gd name="connsiteY93" fmla="*/ 3545 h 10000"/>
                  <a:gd name="connsiteX94" fmla="*/ 6901 w 10000"/>
                  <a:gd name="connsiteY94" fmla="*/ 3678 h 10000"/>
                  <a:gd name="connsiteX95" fmla="*/ 6465 w 10000"/>
                  <a:gd name="connsiteY95" fmla="*/ 3840 h 10000"/>
                  <a:gd name="connsiteX96" fmla="*/ 6247 w 10000"/>
                  <a:gd name="connsiteY96" fmla="*/ 3914 h 10000"/>
                  <a:gd name="connsiteX97" fmla="*/ 6053 w 10000"/>
                  <a:gd name="connsiteY97" fmla="*/ 4003 h 10000"/>
                  <a:gd name="connsiteX98" fmla="*/ 5860 w 10000"/>
                  <a:gd name="connsiteY98" fmla="*/ 4106 h 10000"/>
                  <a:gd name="connsiteX99" fmla="*/ 5666 w 10000"/>
                  <a:gd name="connsiteY99" fmla="*/ 4195 h 10000"/>
                  <a:gd name="connsiteX100" fmla="*/ 5811 w 10000"/>
                  <a:gd name="connsiteY100" fmla="*/ 4417 h 10000"/>
                  <a:gd name="connsiteX101" fmla="*/ 5908 w 10000"/>
                  <a:gd name="connsiteY101" fmla="*/ 4623 h 10000"/>
                  <a:gd name="connsiteX102" fmla="*/ 6005 w 10000"/>
                  <a:gd name="connsiteY102" fmla="*/ 4845 h 10000"/>
                  <a:gd name="connsiteX103" fmla="*/ 6077 w 10000"/>
                  <a:gd name="connsiteY103" fmla="*/ 5081 h 10000"/>
                  <a:gd name="connsiteX104" fmla="*/ 6126 w 10000"/>
                  <a:gd name="connsiteY104" fmla="*/ 5318 h 10000"/>
                  <a:gd name="connsiteX105" fmla="*/ 6150 w 10000"/>
                  <a:gd name="connsiteY105" fmla="*/ 5539 h 10000"/>
                  <a:gd name="connsiteX106" fmla="*/ 6174 w 10000"/>
                  <a:gd name="connsiteY106" fmla="*/ 5775 h 10000"/>
                  <a:gd name="connsiteX107" fmla="*/ 6174 w 10000"/>
                  <a:gd name="connsiteY107" fmla="*/ 5997 h 10000"/>
                  <a:gd name="connsiteX108" fmla="*/ 6150 w 10000"/>
                  <a:gd name="connsiteY108" fmla="*/ 6233 h 10000"/>
                  <a:gd name="connsiteX109" fmla="*/ 6102 w 10000"/>
                  <a:gd name="connsiteY109" fmla="*/ 6470 h 10000"/>
                  <a:gd name="connsiteX110" fmla="*/ 6053 w 10000"/>
                  <a:gd name="connsiteY110" fmla="*/ 6677 h 10000"/>
                  <a:gd name="connsiteX111" fmla="*/ 5981 w 10000"/>
                  <a:gd name="connsiteY111" fmla="*/ 6898 h 10000"/>
                  <a:gd name="connsiteX112" fmla="*/ 5884 w 10000"/>
                  <a:gd name="connsiteY112" fmla="*/ 7105 h 10000"/>
                  <a:gd name="connsiteX113" fmla="*/ 5763 w 10000"/>
                  <a:gd name="connsiteY113" fmla="*/ 7297 h 10000"/>
                  <a:gd name="connsiteX114" fmla="*/ 5617 w 10000"/>
                  <a:gd name="connsiteY114" fmla="*/ 7489 h 10000"/>
                  <a:gd name="connsiteX115" fmla="*/ 5472 w 10000"/>
                  <a:gd name="connsiteY115" fmla="*/ 7681 h 10000"/>
                  <a:gd name="connsiteX116" fmla="*/ 6174 w 10000"/>
                  <a:gd name="connsiteY116" fmla="*/ 7799 h 10000"/>
                  <a:gd name="connsiteX117" fmla="*/ 6901 w 10000"/>
                  <a:gd name="connsiteY117" fmla="*/ 7962 h 10000"/>
                  <a:gd name="connsiteX118" fmla="*/ 7046 w 10000"/>
                  <a:gd name="connsiteY118" fmla="*/ 8021 h 10000"/>
                  <a:gd name="connsiteX119" fmla="*/ 7167 w 10000"/>
                  <a:gd name="connsiteY119" fmla="*/ 8080 h 10000"/>
                  <a:gd name="connsiteX120" fmla="*/ 7288 w 10000"/>
                  <a:gd name="connsiteY120" fmla="*/ 8139 h 10000"/>
                  <a:gd name="connsiteX121" fmla="*/ 7361 w 10000"/>
                  <a:gd name="connsiteY121" fmla="*/ 8227 h 10000"/>
                  <a:gd name="connsiteX122" fmla="*/ 7385 w 10000"/>
                  <a:gd name="connsiteY122" fmla="*/ 8301 h 10000"/>
                  <a:gd name="connsiteX123" fmla="*/ 7385 w 10000"/>
                  <a:gd name="connsiteY123" fmla="*/ 8405 h 10000"/>
                  <a:gd name="connsiteX124" fmla="*/ 7337 w 10000"/>
                  <a:gd name="connsiteY124" fmla="*/ 8523 h 10000"/>
                  <a:gd name="connsiteX125" fmla="*/ 7264 w 10000"/>
                  <a:gd name="connsiteY125" fmla="*/ 8641 h 10000"/>
                  <a:gd name="connsiteX126" fmla="*/ 6949 w 10000"/>
                  <a:gd name="connsiteY126" fmla="*/ 8552 h 10000"/>
                  <a:gd name="connsiteX127" fmla="*/ 6659 w 10000"/>
                  <a:gd name="connsiteY127" fmla="*/ 8449 h 10000"/>
                  <a:gd name="connsiteX128" fmla="*/ 6368 w 10000"/>
                  <a:gd name="connsiteY128" fmla="*/ 8360 h 10000"/>
                  <a:gd name="connsiteX129" fmla="*/ 6077 w 10000"/>
                  <a:gd name="connsiteY129" fmla="*/ 8287 h 10000"/>
                  <a:gd name="connsiteX130" fmla="*/ 5956 w 10000"/>
                  <a:gd name="connsiteY130" fmla="*/ 8449 h 10000"/>
                  <a:gd name="connsiteX131" fmla="*/ 5860 w 10000"/>
                  <a:gd name="connsiteY131" fmla="*/ 8597 h 10000"/>
                  <a:gd name="connsiteX132" fmla="*/ 5811 w 10000"/>
                  <a:gd name="connsiteY132" fmla="*/ 8656 h 10000"/>
                  <a:gd name="connsiteX133" fmla="*/ 5714 w 10000"/>
                  <a:gd name="connsiteY133" fmla="*/ 8700 h 10000"/>
                  <a:gd name="connsiteX134" fmla="*/ 5642 w 10000"/>
                  <a:gd name="connsiteY134" fmla="*/ 8744 h 10000"/>
                  <a:gd name="connsiteX135" fmla="*/ 5569 w 10000"/>
                  <a:gd name="connsiteY135" fmla="*/ 8774 h 10000"/>
                  <a:gd name="connsiteX136" fmla="*/ 5496 w 10000"/>
                  <a:gd name="connsiteY136" fmla="*/ 8804 h 10000"/>
                  <a:gd name="connsiteX137" fmla="*/ 5400 w 10000"/>
                  <a:gd name="connsiteY137" fmla="*/ 8818 h 10000"/>
                  <a:gd name="connsiteX138" fmla="*/ 5278 w 10000"/>
                  <a:gd name="connsiteY138" fmla="*/ 8833 h 10000"/>
                  <a:gd name="connsiteX139" fmla="*/ 5157 w 10000"/>
                  <a:gd name="connsiteY139" fmla="*/ 8833 h 10000"/>
                  <a:gd name="connsiteX140" fmla="*/ 4867 w 10000"/>
                  <a:gd name="connsiteY140" fmla="*/ 8818 h 10000"/>
                  <a:gd name="connsiteX141" fmla="*/ 4504 w 10000"/>
                  <a:gd name="connsiteY141" fmla="*/ 8744 h 10000"/>
                  <a:gd name="connsiteX142" fmla="*/ 4504 w 10000"/>
                  <a:gd name="connsiteY142" fmla="*/ 8922 h 10000"/>
                  <a:gd name="connsiteX143" fmla="*/ 4479 w 10000"/>
                  <a:gd name="connsiteY143" fmla="*/ 9069 h 10000"/>
                  <a:gd name="connsiteX144" fmla="*/ 4455 w 10000"/>
                  <a:gd name="connsiteY144" fmla="*/ 9232 h 10000"/>
                  <a:gd name="connsiteX145" fmla="*/ 4431 w 10000"/>
                  <a:gd name="connsiteY145" fmla="*/ 9365 h 10000"/>
                  <a:gd name="connsiteX146" fmla="*/ 4383 w 10000"/>
                  <a:gd name="connsiteY146" fmla="*/ 9498 h 10000"/>
                  <a:gd name="connsiteX147" fmla="*/ 4286 w 10000"/>
                  <a:gd name="connsiteY147" fmla="*/ 9616 h 10000"/>
                  <a:gd name="connsiteX148" fmla="*/ 4213 w 10000"/>
                  <a:gd name="connsiteY148" fmla="*/ 9734 h 10000"/>
                  <a:gd name="connsiteX149" fmla="*/ 4092 w 10000"/>
                  <a:gd name="connsiteY149" fmla="*/ 9838 h 10000"/>
                  <a:gd name="connsiteX150" fmla="*/ 3801 w 10000"/>
                  <a:gd name="connsiteY150" fmla="*/ 9897 h 10000"/>
                  <a:gd name="connsiteX151" fmla="*/ 3559 w 10000"/>
                  <a:gd name="connsiteY151" fmla="*/ 9941 h 10000"/>
                  <a:gd name="connsiteX152" fmla="*/ 3269 w 10000"/>
                  <a:gd name="connsiteY152" fmla="*/ 9985 h 10000"/>
                  <a:gd name="connsiteX153" fmla="*/ 3051 w 10000"/>
                  <a:gd name="connsiteY153" fmla="*/ 10000 h 10000"/>
                  <a:gd name="connsiteX154" fmla="*/ 2567 w 10000"/>
                  <a:gd name="connsiteY154" fmla="*/ 10000 h 10000"/>
                  <a:gd name="connsiteX155" fmla="*/ 2107 w 10000"/>
                  <a:gd name="connsiteY155" fmla="*/ 9985 h 10000"/>
                  <a:gd name="connsiteX156" fmla="*/ 1671 w 10000"/>
                  <a:gd name="connsiteY156" fmla="*/ 9941 h 10000"/>
                  <a:gd name="connsiteX157" fmla="*/ 1211 w 10000"/>
                  <a:gd name="connsiteY157" fmla="*/ 9911 h 10000"/>
                  <a:gd name="connsiteX158" fmla="*/ 944 w 10000"/>
                  <a:gd name="connsiteY158" fmla="*/ 9911 h 10000"/>
                  <a:gd name="connsiteX159" fmla="*/ 702 w 10000"/>
                  <a:gd name="connsiteY159" fmla="*/ 9911 h 10000"/>
                  <a:gd name="connsiteX160" fmla="*/ 436 w 10000"/>
                  <a:gd name="connsiteY160" fmla="*/ 9926 h 10000"/>
                  <a:gd name="connsiteX161" fmla="*/ 169 w 10000"/>
                  <a:gd name="connsiteY161" fmla="*/ 9970 h 10000"/>
                  <a:gd name="connsiteX162" fmla="*/ 97 w 10000"/>
                  <a:gd name="connsiteY162" fmla="*/ 9867 h 10000"/>
                  <a:gd name="connsiteX163" fmla="*/ 48 w 10000"/>
                  <a:gd name="connsiteY163" fmla="*/ 9793 h 10000"/>
                  <a:gd name="connsiteX164" fmla="*/ 0 w 10000"/>
                  <a:gd name="connsiteY164" fmla="*/ 9705 h 10000"/>
                  <a:gd name="connsiteX165" fmla="*/ 0 w 10000"/>
                  <a:gd name="connsiteY165" fmla="*/ 9601 h 10000"/>
                  <a:gd name="connsiteX166" fmla="*/ 48 w 10000"/>
                  <a:gd name="connsiteY166" fmla="*/ 9424 h 10000"/>
                  <a:gd name="connsiteX167" fmla="*/ 97 w 10000"/>
                  <a:gd name="connsiteY167" fmla="*/ 9202 h 10000"/>
                  <a:gd name="connsiteX168" fmla="*/ 145 w 10000"/>
                  <a:gd name="connsiteY168" fmla="*/ 8996 h 10000"/>
                  <a:gd name="connsiteX169" fmla="*/ 194 w 10000"/>
                  <a:gd name="connsiteY169" fmla="*/ 8759 h 10000"/>
                  <a:gd name="connsiteX170" fmla="*/ 218 w 10000"/>
                  <a:gd name="connsiteY170" fmla="*/ 8641 h 10000"/>
                  <a:gd name="connsiteX171" fmla="*/ 218 w 10000"/>
                  <a:gd name="connsiteY171" fmla="*/ 8538 h 10000"/>
                  <a:gd name="connsiteX172" fmla="*/ 194 w 10000"/>
                  <a:gd name="connsiteY172" fmla="*/ 8405 h 10000"/>
                  <a:gd name="connsiteX173" fmla="*/ 169 w 10000"/>
                  <a:gd name="connsiteY173" fmla="*/ 8287 h 10000"/>
                  <a:gd name="connsiteX174" fmla="*/ 412 w 10000"/>
                  <a:gd name="connsiteY174" fmla="*/ 8213 h 10000"/>
                  <a:gd name="connsiteX175" fmla="*/ 654 w 10000"/>
                  <a:gd name="connsiteY175" fmla="*/ 8139 h 10000"/>
                  <a:gd name="connsiteX176" fmla="*/ 896 w 10000"/>
                  <a:gd name="connsiteY176" fmla="*/ 8095 h 10000"/>
                  <a:gd name="connsiteX177" fmla="*/ 1162 w 10000"/>
                  <a:gd name="connsiteY177" fmla="*/ 8065 h 10000"/>
                  <a:gd name="connsiteX178" fmla="*/ 1646 w 10000"/>
                  <a:gd name="connsiteY178" fmla="*/ 8021 h 10000"/>
                  <a:gd name="connsiteX179" fmla="*/ 2131 w 10000"/>
                  <a:gd name="connsiteY179" fmla="*/ 7976 h 10000"/>
                  <a:gd name="connsiteX180" fmla="*/ 2349 w 10000"/>
                  <a:gd name="connsiteY180" fmla="*/ 7947 h 10000"/>
                  <a:gd name="connsiteX181" fmla="*/ 2567 w 10000"/>
                  <a:gd name="connsiteY181" fmla="*/ 7917 h 10000"/>
                  <a:gd name="connsiteX182" fmla="*/ 2760 w 10000"/>
                  <a:gd name="connsiteY182" fmla="*/ 7843 h 10000"/>
                  <a:gd name="connsiteX183" fmla="*/ 2954 w 10000"/>
                  <a:gd name="connsiteY183" fmla="*/ 7784 h 10000"/>
                  <a:gd name="connsiteX184" fmla="*/ 3123 w 10000"/>
                  <a:gd name="connsiteY184" fmla="*/ 7710 h 10000"/>
                  <a:gd name="connsiteX185" fmla="*/ 3269 w 10000"/>
                  <a:gd name="connsiteY185" fmla="*/ 7592 h 10000"/>
                  <a:gd name="connsiteX186" fmla="*/ 3414 w 10000"/>
                  <a:gd name="connsiteY186" fmla="*/ 7474 h 10000"/>
                  <a:gd name="connsiteX187" fmla="*/ 3511 w 10000"/>
                  <a:gd name="connsiteY187" fmla="*/ 7312 h 10000"/>
                  <a:gd name="connsiteX188" fmla="*/ 3317 w 10000"/>
                  <a:gd name="connsiteY188" fmla="*/ 7238 h 10000"/>
                  <a:gd name="connsiteX189" fmla="*/ 3148 w 10000"/>
                  <a:gd name="connsiteY189" fmla="*/ 7179 h 10000"/>
                  <a:gd name="connsiteX190" fmla="*/ 3002 w 10000"/>
                  <a:gd name="connsiteY190" fmla="*/ 7090 h 10000"/>
                  <a:gd name="connsiteX191" fmla="*/ 2857 w 10000"/>
                  <a:gd name="connsiteY191" fmla="*/ 6987 h 10000"/>
                  <a:gd name="connsiteX192" fmla="*/ 2760 w 10000"/>
                  <a:gd name="connsiteY192" fmla="*/ 6869 h 10000"/>
                  <a:gd name="connsiteX193" fmla="*/ 2712 w 10000"/>
                  <a:gd name="connsiteY193" fmla="*/ 6721 h 10000"/>
                  <a:gd name="connsiteX194" fmla="*/ 2688 w 10000"/>
                  <a:gd name="connsiteY194" fmla="*/ 6558 h 10000"/>
                  <a:gd name="connsiteX195" fmla="*/ 2712 w 10000"/>
                  <a:gd name="connsiteY195" fmla="*/ 6352 h 10000"/>
                  <a:gd name="connsiteX196" fmla="*/ 2591 w 10000"/>
                  <a:gd name="connsiteY196" fmla="*/ 6322 h 10000"/>
                  <a:gd name="connsiteX197" fmla="*/ 2446 w 10000"/>
                  <a:gd name="connsiteY197" fmla="*/ 6292 h 10000"/>
                  <a:gd name="connsiteX198" fmla="*/ 2276 w 10000"/>
                  <a:gd name="connsiteY198" fmla="*/ 6278 h 10000"/>
                  <a:gd name="connsiteX199" fmla="*/ 2107 w 10000"/>
                  <a:gd name="connsiteY199" fmla="*/ 6263 h 10000"/>
                  <a:gd name="connsiteX200" fmla="*/ 1768 w 10000"/>
                  <a:gd name="connsiteY200" fmla="*/ 6248 h 10000"/>
                  <a:gd name="connsiteX201" fmla="*/ 1404 w 10000"/>
                  <a:gd name="connsiteY201" fmla="*/ 6263 h 10000"/>
                  <a:gd name="connsiteX202" fmla="*/ 1090 w 10000"/>
                  <a:gd name="connsiteY202" fmla="*/ 6278 h 10000"/>
                  <a:gd name="connsiteX203" fmla="*/ 799 w 10000"/>
                  <a:gd name="connsiteY203" fmla="*/ 6278 h 10000"/>
                  <a:gd name="connsiteX204" fmla="*/ 557 w 10000"/>
                  <a:gd name="connsiteY204" fmla="*/ 6263 h 10000"/>
                  <a:gd name="connsiteX205" fmla="*/ 363 w 10000"/>
                  <a:gd name="connsiteY205" fmla="*/ 6233 h 10000"/>
                  <a:gd name="connsiteX206" fmla="*/ 605 w 10000"/>
                  <a:gd name="connsiteY206" fmla="*/ 5805 h 10000"/>
                  <a:gd name="connsiteX207" fmla="*/ 872 w 10000"/>
                  <a:gd name="connsiteY207" fmla="*/ 5391 h 10000"/>
                  <a:gd name="connsiteX208" fmla="*/ 969 w 10000"/>
                  <a:gd name="connsiteY208" fmla="*/ 5170 h 10000"/>
                  <a:gd name="connsiteX209" fmla="*/ 1041 w 10000"/>
                  <a:gd name="connsiteY209" fmla="*/ 4963 h 10000"/>
                  <a:gd name="connsiteX210" fmla="*/ 1065 w 10000"/>
                  <a:gd name="connsiteY210" fmla="*/ 4860 h 10000"/>
                  <a:gd name="connsiteX211" fmla="*/ 1041 w 10000"/>
                  <a:gd name="connsiteY211" fmla="*/ 4756 h 10000"/>
                  <a:gd name="connsiteX212" fmla="*/ 1017 w 10000"/>
                  <a:gd name="connsiteY212" fmla="*/ 4653 h 10000"/>
                  <a:gd name="connsiteX213" fmla="*/ 944 w 10000"/>
                  <a:gd name="connsiteY213" fmla="*/ 4549 h 10000"/>
                  <a:gd name="connsiteX214" fmla="*/ 1211 w 10000"/>
                  <a:gd name="connsiteY214" fmla="*/ 4520 h 10000"/>
                  <a:gd name="connsiteX215" fmla="*/ 1404 w 10000"/>
                  <a:gd name="connsiteY215" fmla="*/ 4505 h 10000"/>
                  <a:gd name="connsiteX216" fmla="*/ 1574 w 10000"/>
                  <a:gd name="connsiteY216" fmla="*/ 4505 h 10000"/>
                  <a:gd name="connsiteX217" fmla="*/ 1719 w 10000"/>
                  <a:gd name="connsiteY217" fmla="*/ 4520 h 10000"/>
                  <a:gd name="connsiteX218" fmla="*/ 1840 w 10000"/>
                  <a:gd name="connsiteY218" fmla="*/ 4520 h 10000"/>
                  <a:gd name="connsiteX219" fmla="*/ 1985 w 10000"/>
                  <a:gd name="connsiteY219" fmla="*/ 4520 h 10000"/>
                  <a:gd name="connsiteX220" fmla="*/ 2131 w 10000"/>
                  <a:gd name="connsiteY220" fmla="*/ 4490 h 10000"/>
                  <a:gd name="connsiteX221" fmla="*/ 2324 w 10000"/>
                  <a:gd name="connsiteY221" fmla="*/ 4446 h 10000"/>
                  <a:gd name="connsiteX222" fmla="*/ 2324 w 10000"/>
                  <a:gd name="connsiteY222" fmla="*/ 4579 h 10000"/>
                  <a:gd name="connsiteX223" fmla="*/ 2324 w 10000"/>
                  <a:gd name="connsiteY223" fmla="*/ 4742 h 10000"/>
                  <a:gd name="connsiteX224" fmla="*/ 2324 w 10000"/>
                  <a:gd name="connsiteY224" fmla="*/ 4874 h 10000"/>
                  <a:gd name="connsiteX225" fmla="*/ 2324 w 10000"/>
                  <a:gd name="connsiteY225" fmla="*/ 5037 h 10000"/>
                  <a:gd name="connsiteX226" fmla="*/ 2542 w 10000"/>
                  <a:gd name="connsiteY226" fmla="*/ 5022 h 10000"/>
                  <a:gd name="connsiteX227" fmla="*/ 2688 w 10000"/>
                  <a:gd name="connsiteY227" fmla="*/ 5037 h 10000"/>
                  <a:gd name="connsiteX228" fmla="*/ 2809 w 10000"/>
                  <a:gd name="connsiteY228" fmla="*/ 5066 h 10000"/>
                  <a:gd name="connsiteX229" fmla="*/ 2930 w 10000"/>
                  <a:gd name="connsiteY229" fmla="*/ 5096 h 10000"/>
                  <a:gd name="connsiteX230" fmla="*/ 3027 w 10000"/>
                  <a:gd name="connsiteY230" fmla="*/ 5126 h 10000"/>
                  <a:gd name="connsiteX231" fmla="*/ 3148 w 10000"/>
                  <a:gd name="connsiteY231" fmla="*/ 5155 h 10000"/>
                  <a:gd name="connsiteX232" fmla="*/ 3293 w 10000"/>
                  <a:gd name="connsiteY232" fmla="*/ 5170 h 10000"/>
                  <a:gd name="connsiteX233" fmla="*/ 3511 w 10000"/>
                  <a:gd name="connsiteY233" fmla="*/ 5155 h 10000"/>
                  <a:gd name="connsiteX234" fmla="*/ 3584 w 10000"/>
                  <a:gd name="connsiteY234" fmla="*/ 5096 h 10000"/>
                  <a:gd name="connsiteX235" fmla="*/ 3656 w 10000"/>
                  <a:gd name="connsiteY235" fmla="*/ 5022 h 10000"/>
                  <a:gd name="connsiteX236" fmla="*/ 3680 w 10000"/>
                  <a:gd name="connsiteY236" fmla="*/ 4934 h 10000"/>
                  <a:gd name="connsiteX237" fmla="*/ 3705 w 10000"/>
                  <a:gd name="connsiteY237" fmla="*/ 4860 h 10000"/>
                  <a:gd name="connsiteX238" fmla="*/ 3729 w 10000"/>
                  <a:gd name="connsiteY238" fmla="*/ 4697 h 10000"/>
                  <a:gd name="connsiteX239" fmla="*/ 3705 w 10000"/>
                  <a:gd name="connsiteY239" fmla="*/ 4520 h 10000"/>
                  <a:gd name="connsiteX240" fmla="*/ 3632 w 10000"/>
                  <a:gd name="connsiteY240" fmla="*/ 4343 h 10000"/>
                  <a:gd name="connsiteX241" fmla="*/ 3559 w 10000"/>
                  <a:gd name="connsiteY241" fmla="*/ 4195 h 10000"/>
                  <a:gd name="connsiteX242" fmla="*/ 3438 w 10000"/>
                  <a:gd name="connsiteY242" fmla="*/ 4047 h 10000"/>
                  <a:gd name="connsiteX243" fmla="*/ 3317 w 10000"/>
                  <a:gd name="connsiteY243" fmla="*/ 3959 h 10000"/>
                  <a:gd name="connsiteX244" fmla="*/ 3462 w 10000"/>
                  <a:gd name="connsiteY244" fmla="*/ 3944 h 10000"/>
                  <a:gd name="connsiteX245" fmla="*/ 3584 w 10000"/>
                  <a:gd name="connsiteY245" fmla="*/ 3914 h 10000"/>
                  <a:gd name="connsiteX246" fmla="*/ 3680 w 10000"/>
                  <a:gd name="connsiteY246" fmla="*/ 3855 h 10000"/>
                  <a:gd name="connsiteX247" fmla="*/ 3801 w 10000"/>
                  <a:gd name="connsiteY247" fmla="*/ 3752 h 10000"/>
                  <a:gd name="connsiteX248" fmla="*/ 3923 w 10000"/>
                  <a:gd name="connsiteY248" fmla="*/ 3663 h 10000"/>
                  <a:gd name="connsiteX249" fmla="*/ 4019 w 10000"/>
                  <a:gd name="connsiteY249" fmla="*/ 3560 h 10000"/>
                  <a:gd name="connsiteX250" fmla="*/ 4092 w 10000"/>
                  <a:gd name="connsiteY250" fmla="*/ 3442 h 10000"/>
                  <a:gd name="connsiteX251" fmla="*/ 4165 w 10000"/>
                  <a:gd name="connsiteY251" fmla="*/ 3323 h 10000"/>
                  <a:gd name="connsiteX252" fmla="*/ 4213 w 10000"/>
                  <a:gd name="connsiteY252" fmla="*/ 3220 h 10000"/>
                  <a:gd name="connsiteX253" fmla="*/ 4237 w 10000"/>
                  <a:gd name="connsiteY253" fmla="*/ 3102 h 10000"/>
                  <a:gd name="connsiteX254" fmla="*/ 4262 w 10000"/>
                  <a:gd name="connsiteY254" fmla="*/ 3013 h 10000"/>
                  <a:gd name="connsiteX255" fmla="*/ 4237 w 10000"/>
                  <a:gd name="connsiteY255" fmla="*/ 2939 h 10000"/>
                  <a:gd name="connsiteX256" fmla="*/ 4213 w 10000"/>
                  <a:gd name="connsiteY256" fmla="*/ 2866 h 10000"/>
                  <a:gd name="connsiteX257" fmla="*/ 4140 w 10000"/>
                  <a:gd name="connsiteY257" fmla="*/ 2836 h 10000"/>
                  <a:gd name="connsiteX258" fmla="*/ 4044 w 10000"/>
                  <a:gd name="connsiteY258" fmla="*/ 2836 h 10000"/>
                  <a:gd name="connsiteX259" fmla="*/ 3923 w 10000"/>
                  <a:gd name="connsiteY259" fmla="*/ 2866 h 10000"/>
                  <a:gd name="connsiteX260" fmla="*/ 4019 w 10000"/>
                  <a:gd name="connsiteY260" fmla="*/ 2777 h 10000"/>
                  <a:gd name="connsiteX261" fmla="*/ 4068 w 10000"/>
                  <a:gd name="connsiteY261" fmla="*/ 2674 h 10000"/>
                  <a:gd name="connsiteX262" fmla="*/ 4092 w 10000"/>
                  <a:gd name="connsiteY262" fmla="*/ 2541 h 10000"/>
                  <a:gd name="connsiteX263" fmla="*/ 4092 w 10000"/>
                  <a:gd name="connsiteY263" fmla="*/ 2393 h 10000"/>
                  <a:gd name="connsiteX264" fmla="*/ 4116 w 10000"/>
                  <a:gd name="connsiteY264" fmla="*/ 2349 h 10000"/>
                  <a:gd name="connsiteX265" fmla="*/ 4165 w 10000"/>
                  <a:gd name="connsiteY265" fmla="*/ 2304 h 10000"/>
                  <a:gd name="connsiteX266" fmla="*/ 4213 w 10000"/>
                  <a:gd name="connsiteY266" fmla="*/ 2290 h 10000"/>
                  <a:gd name="connsiteX267" fmla="*/ 4286 w 10000"/>
                  <a:gd name="connsiteY267" fmla="*/ 2275 h 10000"/>
                  <a:gd name="connsiteX268" fmla="*/ 4504 w 10000"/>
                  <a:gd name="connsiteY268" fmla="*/ 2260 h 10000"/>
                  <a:gd name="connsiteX269" fmla="*/ 4697 w 10000"/>
                  <a:gd name="connsiteY269" fmla="*/ 2275 h 10000"/>
                  <a:gd name="connsiteX270" fmla="*/ 4673 w 10000"/>
                  <a:gd name="connsiteY270" fmla="*/ 2112 h 10000"/>
                  <a:gd name="connsiteX271" fmla="*/ 4625 w 10000"/>
                  <a:gd name="connsiteY271" fmla="*/ 1950 h 10000"/>
                  <a:gd name="connsiteX272" fmla="*/ 4552 w 10000"/>
                  <a:gd name="connsiteY272" fmla="*/ 1802 h 10000"/>
                  <a:gd name="connsiteX273" fmla="*/ 4455 w 10000"/>
                  <a:gd name="connsiteY273" fmla="*/ 1640 h 10000"/>
                  <a:gd name="connsiteX274" fmla="*/ 4213 w 10000"/>
                  <a:gd name="connsiteY274" fmla="*/ 1329 h 10000"/>
                  <a:gd name="connsiteX275" fmla="*/ 3971 w 10000"/>
                  <a:gd name="connsiteY275" fmla="*/ 1034 h 10000"/>
                  <a:gd name="connsiteX276" fmla="*/ 3850 w 10000"/>
                  <a:gd name="connsiteY276" fmla="*/ 901 h 10000"/>
                  <a:gd name="connsiteX277" fmla="*/ 3753 w 10000"/>
                  <a:gd name="connsiteY277" fmla="*/ 753 h 10000"/>
                  <a:gd name="connsiteX278" fmla="*/ 3680 w 10000"/>
                  <a:gd name="connsiteY278" fmla="*/ 620 h 10000"/>
                  <a:gd name="connsiteX279" fmla="*/ 3656 w 10000"/>
                  <a:gd name="connsiteY279" fmla="*/ 487 h 10000"/>
                  <a:gd name="connsiteX280" fmla="*/ 3632 w 10000"/>
                  <a:gd name="connsiteY280" fmla="*/ 355 h 10000"/>
                  <a:gd name="connsiteX281" fmla="*/ 3680 w 10000"/>
                  <a:gd name="connsiteY281" fmla="*/ 222 h 10000"/>
                  <a:gd name="connsiteX282" fmla="*/ 3705 w 10000"/>
                  <a:gd name="connsiteY282" fmla="*/ 162 h 10000"/>
                  <a:gd name="connsiteX283" fmla="*/ 3753 w 10000"/>
                  <a:gd name="connsiteY283" fmla="*/ 103 h 10000"/>
                  <a:gd name="connsiteX284" fmla="*/ 3826 w 10000"/>
                  <a:gd name="connsiteY284" fmla="*/ 59 h 10000"/>
                  <a:gd name="connsiteX285" fmla="*/ 3923 w 10000"/>
                  <a:gd name="connsiteY285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6852 w 10000"/>
                  <a:gd name="connsiteY56" fmla="*/ 4313 h 10000"/>
                  <a:gd name="connsiteX57" fmla="*/ 6852 w 10000"/>
                  <a:gd name="connsiteY57" fmla="*/ 4431 h 10000"/>
                  <a:gd name="connsiteX58" fmla="*/ 6852 w 10000"/>
                  <a:gd name="connsiteY58" fmla="*/ 4549 h 10000"/>
                  <a:gd name="connsiteX59" fmla="*/ 6804 w 10000"/>
                  <a:gd name="connsiteY59" fmla="*/ 4564 h 10000"/>
                  <a:gd name="connsiteX60" fmla="*/ 6731 w 10000"/>
                  <a:gd name="connsiteY60" fmla="*/ 4594 h 10000"/>
                  <a:gd name="connsiteX61" fmla="*/ 6683 w 10000"/>
                  <a:gd name="connsiteY61" fmla="*/ 4638 h 10000"/>
                  <a:gd name="connsiteX62" fmla="*/ 6683 w 10000"/>
                  <a:gd name="connsiteY62" fmla="*/ 4697 h 10000"/>
                  <a:gd name="connsiteX63" fmla="*/ 6659 w 10000"/>
                  <a:gd name="connsiteY63" fmla="*/ 4801 h 10000"/>
                  <a:gd name="connsiteX64" fmla="*/ 6659 w 10000"/>
                  <a:gd name="connsiteY64" fmla="*/ 4904 h 10000"/>
                  <a:gd name="connsiteX65" fmla="*/ 6538 w 10000"/>
                  <a:gd name="connsiteY65" fmla="*/ 4860 h 10000"/>
                  <a:gd name="connsiteX66" fmla="*/ 6465 w 10000"/>
                  <a:gd name="connsiteY66" fmla="*/ 4801 h 10000"/>
                  <a:gd name="connsiteX67" fmla="*/ 6392 w 10000"/>
                  <a:gd name="connsiteY67" fmla="*/ 4727 h 10000"/>
                  <a:gd name="connsiteX68" fmla="*/ 6320 w 10000"/>
                  <a:gd name="connsiteY68" fmla="*/ 4638 h 10000"/>
                  <a:gd name="connsiteX69" fmla="*/ 6199 w 10000"/>
                  <a:gd name="connsiteY69" fmla="*/ 4476 h 10000"/>
                  <a:gd name="connsiteX70" fmla="*/ 6077 w 10000"/>
                  <a:gd name="connsiteY70" fmla="*/ 4313 h 10000"/>
                  <a:gd name="connsiteX71" fmla="*/ 6223 w 10000"/>
                  <a:gd name="connsiteY71" fmla="*/ 4210 h 10000"/>
                  <a:gd name="connsiteX72" fmla="*/ 6416 w 10000"/>
                  <a:gd name="connsiteY72" fmla="*/ 4121 h 10000"/>
                  <a:gd name="connsiteX73" fmla="*/ 6634 w 10000"/>
                  <a:gd name="connsiteY73" fmla="*/ 4032 h 10000"/>
                  <a:gd name="connsiteX74" fmla="*/ 6877 w 10000"/>
                  <a:gd name="connsiteY74" fmla="*/ 3959 h 10000"/>
                  <a:gd name="connsiteX75" fmla="*/ 7385 w 10000"/>
                  <a:gd name="connsiteY75" fmla="*/ 3811 h 10000"/>
                  <a:gd name="connsiteX76" fmla="*/ 7893 w 10000"/>
                  <a:gd name="connsiteY76" fmla="*/ 3663 h 10000"/>
                  <a:gd name="connsiteX77" fmla="*/ 8136 w 10000"/>
                  <a:gd name="connsiteY77" fmla="*/ 3589 h 10000"/>
                  <a:gd name="connsiteX78" fmla="*/ 8378 w 10000"/>
                  <a:gd name="connsiteY78" fmla="*/ 3516 h 10000"/>
                  <a:gd name="connsiteX79" fmla="*/ 8571 w 10000"/>
                  <a:gd name="connsiteY79" fmla="*/ 3412 h 10000"/>
                  <a:gd name="connsiteX80" fmla="*/ 8765 w 10000"/>
                  <a:gd name="connsiteY80" fmla="*/ 3338 h 10000"/>
                  <a:gd name="connsiteX81" fmla="*/ 8886 w 10000"/>
                  <a:gd name="connsiteY81" fmla="*/ 3235 h 10000"/>
                  <a:gd name="connsiteX82" fmla="*/ 8983 w 10000"/>
                  <a:gd name="connsiteY82" fmla="*/ 3117 h 10000"/>
                  <a:gd name="connsiteX83" fmla="*/ 9007 w 10000"/>
                  <a:gd name="connsiteY83" fmla="*/ 3072 h 10000"/>
                  <a:gd name="connsiteX84" fmla="*/ 9031 w 10000"/>
                  <a:gd name="connsiteY84" fmla="*/ 3013 h 10000"/>
                  <a:gd name="connsiteX85" fmla="*/ 9031 w 10000"/>
                  <a:gd name="connsiteY85" fmla="*/ 2954 h 10000"/>
                  <a:gd name="connsiteX86" fmla="*/ 9007 w 10000"/>
                  <a:gd name="connsiteY86" fmla="*/ 2866 h 10000"/>
                  <a:gd name="connsiteX87" fmla="*/ 8838 w 10000"/>
                  <a:gd name="connsiteY87" fmla="*/ 2984 h 10000"/>
                  <a:gd name="connsiteX88" fmla="*/ 8644 w 10000"/>
                  <a:gd name="connsiteY88" fmla="*/ 3072 h 10000"/>
                  <a:gd name="connsiteX89" fmla="*/ 8450 w 10000"/>
                  <a:gd name="connsiteY89" fmla="*/ 3161 h 10000"/>
                  <a:gd name="connsiteX90" fmla="*/ 8257 w 10000"/>
                  <a:gd name="connsiteY90" fmla="*/ 3250 h 10000"/>
                  <a:gd name="connsiteX91" fmla="*/ 7821 w 10000"/>
                  <a:gd name="connsiteY91" fmla="*/ 3397 h 10000"/>
                  <a:gd name="connsiteX92" fmla="*/ 7361 w 10000"/>
                  <a:gd name="connsiteY92" fmla="*/ 3545 h 10000"/>
                  <a:gd name="connsiteX93" fmla="*/ 6901 w 10000"/>
                  <a:gd name="connsiteY93" fmla="*/ 3678 h 10000"/>
                  <a:gd name="connsiteX94" fmla="*/ 6465 w 10000"/>
                  <a:gd name="connsiteY94" fmla="*/ 3840 h 10000"/>
                  <a:gd name="connsiteX95" fmla="*/ 6247 w 10000"/>
                  <a:gd name="connsiteY95" fmla="*/ 3914 h 10000"/>
                  <a:gd name="connsiteX96" fmla="*/ 6053 w 10000"/>
                  <a:gd name="connsiteY96" fmla="*/ 4003 h 10000"/>
                  <a:gd name="connsiteX97" fmla="*/ 5860 w 10000"/>
                  <a:gd name="connsiteY97" fmla="*/ 4106 h 10000"/>
                  <a:gd name="connsiteX98" fmla="*/ 5666 w 10000"/>
                  <a:gd name="connsiteY98" fmla="*/ 4195 h 10000"/>
                  <a:gd name="connsiteX99" fmla="*/ 5811 w 10000"/>
                  <a:gd name="connsiteY99" fmla="*/ 4417 h 10000"/>
                  <a:gd name="connsiteX100" fmla="*/ 5908 w 10000"/>
                  <a:gd name="connsiteY100" fmla="*/ 4623 h 10000"/>
                  <a:gd name="connsiteX101" fmla="*/ 6005 w 10000"/>
                  <a:gd name="connsiteY101" fmla="*/ 4845 h 10000"/>
                  <a:gd name="connsiteX102" fmla="*/ 6077 w 10000"/>
                  <a:gd name="connsiteY102" fmla="*/ 5081 h 10000"/>
                  <a:gd name="connsiteX103" fmla="*/ 6126 w 10000"/>
                  <a:gd name="connsiteY103" fmla="*/ 5318 h 10000"/>
                  <a:gd name="connsiteX104" fmla="*/ 6150 w 10000"/>
                  <a:gd name="connsiteY104" fmla="*/ 5539 h 10000"/>
                  <a:gd name="connsiteX105" fmla="*/ 6174 w 10000"/>
                  <a:gd name="connsiteY105" fmla="*/ 5775 h 10000"/>
                  <a:gd name="connsiteX106" fmla="*/ 6174 w 10000"/>
                  <a:gd name="connsiteY106" fmla="*/ 5997 h 10000"/>
                  <a:gd name="connsiteX107" fmla="*/ 6150 w 10000"/>
                  <a:gd name="connsiteY107" fmla="*/ 6233 h 10000"/>
                  <a:gd name="connsiteX108" fmla="*/ 6102 w 10000"/>
                  <a:gd name="connsiteY108" fmla="*/ 6470 h 10000"/>
                  <a:gd name="connsiteX109" fmla="*/ 6053 w 10000"/>
                  <a:gd name="connsiteY109" fmla="*/ 6677 h 10000"/>
                  <a:gd name="connsiteX110" fmla="*/ 5981 w 10000"/>
                  <a:gd name="connsiteY110" fmla="*/ 6898 h 10000"/>
                  <a:gd name="connsiteX111" fmla="*/ 5884 w 10000"/>
                  <a:gd name="connsiteY111" fmla="*/ 7105 h 10000"/>
                  <a:gd name="connsiteX112" fmla="*/ 5763 w 10000"/>
                  <a:gd name="connsiteY112" fmla="*/ 7297 h 10000"/>
                  <a:gd name="connsiteX113" fmla="*/ 5617 w 10000"/>
                  <a:gd name="connsiteY113" fmla="*/ 7489 h 10000"/>
                  <a:gd name="connsiteX114" fmla="*/ 5472 w 10000"/>
                  <a:gd name="connsiteY114" fmla="*/ 7681 h 10000"/>
                  <a:gd name="connsiteX115" fmla="*/ 6174 w 10000"/>
                  <a:gd name="connsiteY115" fmla="*/ 7799 h 10000"/>
                  <a:gd name="connsiteX116" fmla="*/ 6901 w 10000"/>
                  <a:gd name="connsiteY116" fmla="*/ 7962 h 10000"/>
                  <a:gd name="connsiteX117" fmla="*/ 7046 w 10000"/>
                  <a:gd name="connsiteY117" fmla="*/ 8021 h 10000"/>
                  <a:gd name="connsiteX118" fmla="*/ 7167 w 10000"/>
                  <a:gd name="connsiteY118" fmla="*/ 8080 h 10000"/>
                  <a:gd name="connsiteX119" fmla="*/ 7288 w 10000"/>
                  <a:gd name="connsiteY119" fmla="*/ 8139 h 10000"/>
                  <a:gd name="connsiteX120" fmla="*/ 7361 w 10000"/>
                  <a:gd name="connsiteY120" fmla="*/ 8227 h 10000"/>
                  <a:gd name="connsiteX121" fmla="*/ 7385 w 10000"/>
                  <a:gd name="connsiteY121" fmla="*/ 8301 h 10000"/>
                  <a:gd name="connsiteX122" fmla="*/ 7385 w 10000"/>
                  <a:gd name="connsiteY122" fmla="*/ 8405 h 10000"/>
                  <a:gd name="connsiteX123" fmla="*/ 7337 w 10000"/>
                  <a:gd name="connsiteY123" fmla="*/ 8523 h 10000"/>
                  <a:gd name="connsiteX124" fmla="*/ 7264 w 10000"/>
                  <a:gd name="connsiteY124" fmla="*/ 8641 h 10000"/>
                  <a:gd name="connsiteX125" fmla="*/ 6949 w 10000"/>
                  <a:gd name="connsiteY125" fmla="*/ 8552 h 10000"/>
                  <a:gd name="connsiteX126" fmla="*/ 6659 w 10000"/>
                  <a:gd name="connsiteY126" fmla="*/ 8449 h 10000"/>
                  <a:gd name="connsiteX127" fmla="*/ 6368 w 10000"/>
                  <a:gd name="connsiteY127" fmla="*/ 8360 h 10000"/>
                  <a:gd name="connsiteX128" fmla="*/ 6077 w 10000"/>
                  <a:gd name="connsiteY128" fmla="*/ 8287 h 10000"/>
                  <a:gd name="connsiteX129" fmla="*/ 5956 w 10000"/>
                  <a:gd name="connsiteY129" fmla="*/ 8449 h 10000"/>
                  <a:gd name="connsiteX130" fmla="*/ 5860 w 10000"/>
                  <a:gd name="connsiteY130" fmla="*/ 8597 h 10000"/>
                  <a:gd name="connsiteX131" fmla="*/ 5811 w 10000"/>
                  <a:gd name="connsiteY131" fmla="*/ 8656 h 10000"/>
                  <a:gd name="connsiteX132" fmla="*/ 5714 w 10000"/>
                  <a:gd name="connsiteY132" fmla="*/ 8700 h 10000"/>
                  <a:gd name="connsiteX133" fmla="*/ 5642 w 10000"/>
                  <a:gd name="connsiteY133" fmla="*/ 8744 h 10000"/>
                  <a:gd name="connsiteX134" fmla="*/ 5569 w 10000"/>
                  <a:gd name="connsiteY134" fmla="*/ 8774 h 10000"/>
                  <a:gd name="connsiteX135" fmla="*/ 5496 w 10000"/>
                  <a:gd name="connsiteY135" fmla="*/ 8804 h 10000"/>
                  <a:gd name="connsiteX136" fmla="*/ 5400 w 10000"/>
                  <a:gd name="connsiteY136" fmla="*/ 8818 h 10000"/>
                  <a:gd name="connsiteX137" fmla="*/ 5278 w 10000"/>
                  <a:gd name="connsiteY137" fmla="*/ 8833 h 10000"/>
                  <a:gd name="connsiteX138" fmla="*/ 5157 w 10000"/>
                  <a:gd name="connsiteY138" fmla="*/ 8833 h 10000"/>
                  <a:gd name="connsiteX139" fmla="*/ 4867 w 10000"/>
                  <a:gd name="connsiteY139" fmla="*/ 8818 h 10000"/>
                  <a:gd name="connsiteX140" fmla="*/ 4504 w 10000"/>
                  <a:gd name="connsiteY140" fmla="*/ 8744 h 10000"/>
                  <a:gd name="connsiteX141" fmla="*/ 4504 w 10000"/>
                  <a:gd name="connsiteY141" fmla="*/ 8922 h 10000"/>
                  <a:gd name="connsiteX142" fmla="*/ 4479 w 10000"/>
                  <a:gd name="connsiteY142" fmla="*/ 9069 h 10000"/>
                  <a:gd name="connsiteX143" fmla="*/ 4455 w 10000"/>
                  <a:gd name="connsiteY143" fmla="*/ 9232 h 10000"/>
                  <a:gd name="connsiteX144" fmla="*/ 4431 w 10000"/>
                  <a:gd name="connsiteY144" fmla="*/ 9365 h 10000"/>
                  <a:gd name="connsiteX145" fmla="*/ 4383 w 10000"/>
                  <a:gd name="connsiteY145" fmla="*/ 9498 h 10000"/>
                  <a:gd name="connsiteX146" fmla="*/ 4286 w 10000"/>
                  <a:gd name="connsiteY146" fmla="*/ 9616 h 10000"/>
                  <a:gd name="connsiteX147" fmla="*/ 4213 w 10000"/>
                  <a:gd name="connsiteY147" fmla="*/ 9734 h 10000"/>
                  <a:gd name="connsiteX148" fmla="*/ 4092 w 10000"/>
                  <a:gd name="connsiteY148" fmla="*/ 9838 h 10000"/>
                  <a:gd name="connsiteX149" fmla="*/ 3801 w 10000"/>
                  <a:gd name="connsiteY149" fmla="*/ 9897 h 10000"/>
                  <a:gd name="connsiteX150" fmla="*/ 3559 w 10000"/>
                  <a:gd name="connsiteY150" fmla="*/ 9941 h 10000"/>
                  <a:gd name="connsiteX151" fmla="*/ 3269 w 10000"/>
                  <a:gd name="connsiteY151" fmla="*/ 9985 h 10000"/>
                  <a:gd name="connsiteX152" fmla="*/ 3051 w 10000"/>
                  <a:gd name="connsiteY152" fmla="*/ 10000 h 10000"/>
                  <a:gd name="connsiteX153" fmla="*/ 2567 w 10000"/>
                  <a:gd name="connsiteY153" fmla="*/ 10000 h 10000"/>
                  <a:gd name="connsiteX154" fmla="*/ 2107 w 10000"/>
                  <a:gd name="connsiteY154" fmla="*/ 9985 h 10000"/>
                  <a:gd name="connsiteX155" fmla="*/ 1671 w 10000"/>
                  <a:gd name="connsiteY155" fmla="*/ 9941 h 10000"/>
                  <a:gd name="connsiteX156" fmla="*/ 1211 w 10000"/>
                  <a:gd name="connsiteY156" fmla="*/ 9911 h 10000"/>
                  <a:gd name="connsiteX157" fmla="*/ 944 w 10000"/>
                  <a:gd name="connsiteY157" fmla="*/ 9911 h 10000"/>
                  <a:gd name="connsiteX158" fmla="*/ 702 w 10000"/>
                  <a:gd name="connsiteY158" fmla="*/ 9911 h 10000"/>
                  <a:gd name="connsiteX159" fmla="*/ 436 w 10000"/>
                  <a:gd name="connsiteY159" fmla="*/ 9926 h 10000"/>
                  <a:gd name="connsiteX160" fmla="*/ 169 w 10000"/>
                  <a:gd name="connsiteY160" fmla="*/ 9970 h 10000"/>
                  <a:gd name="connsiteX161" fmla="*/ 97 w 10000"/>
                  <a:gd name="connsiteY161" fmla="*/ 9867 h 10000"/>
                  <a:gd name="connsiteX162" fmla="*/ 48 w 10000"/>
                  <a:gd name="connsiteY162" fmla="*/ 9793 h 10000"/>
                  <a:gd name="connsiteX163" fmla="*/ 0 w 10000"/>
                  <a:gd name="connsiteY163" fmla="*/ 9705 h 10000"/>
                  <a:gd name="connsiteX164" fmla="*/ 0 w 10000"/>
                  <a:gd name="connsiteY164" fmla="*/ 9601 h 10000"/>
                  <a:gd name="connsiteX165" fmla="*/ 48 w 10000"/>
                  <a:gd name="connsiteY165" fmla="*/ 9424 h 10000"/>
                  <a:gd name="connsiteX166" fmla="*/ 97 w 10000"/>
                  <a:gd name="connsiteY166" fmla="*/ 9202 h 10000"/>
                  <a:gd name="connsiteX167" fmla="*/ 145 w 10000"/>
                  <a:gd name="connsiteY167" fmla="*/ 8996 h 10000"/>
                  <a:gd name="connsiteX168" fmla="*/ 194 w 10000"/>
                  <a:gd name="connsiteY168" fmla="*/ 8759 h 10000"/>
                  <a:gd name="connsiteX169" fmla="*/ 218 w 10000"/>
                  <a:gd name="connsiteY169" fmla="*/ 8641 h 10000"/>
                  <a:gd name="connsiteX170" fmla="*/ 218 w 10000"/>
                  <a:gd name="connsiteY170" fmla="*/ 8538 h 10000"/>
                  <a:gd name="connsiteX171" fmla="*/ 194 w 10000"/>
                  <a:gd name="connsiteY171" fmla="*/ 8405 h 10000"/>
                  <a:gd name="connsiteX172" fmla="*/ 169 w 10000"/>
                  <a:gd name="connsiteY172" fmla="*/ 8287 h 10000"/>
                  <a:gd name="connsiteX173" fmla="*/ 412 w 10000"/>
                  <a:gd name="connsiteY173" fmla="*/ 8213 h 10000"/>
                  <a:gd name="connsiteX174" fmla="*/ 654 w 10000"/>
                  <a:gd name="connsiteY174" fmla="*/ 8139 h 10000"/>
                  <a:gd name="connsiteX175" fmla="*/ 896 w 10000"/>
                  <a:gd name="connsiteY175" fmla="*/ 8095 h 10000"/>
                  <a:gd name="connsiteX176" fmla="*/ 1162 w 10000"/>
                  <a:gd name="connsiteY176" fmla="*/ 8065 h 10000"/>
                  <a:gd name="connsiteX177" fmla="*/ 1646 w 10000"/>
                  <a:gd name="connsiteY177" fmla="*/ 8021 h 10000"/>
                  <a:gd name="connsiteX178" fmla="*/ 2131 w 10000"/>
                  <a:gd name="connsiteY178" fmla="*/ 7976 h 10000"/>
                  <a:gd name="connsiteX179" fmla="*/ 2349 w 10000"/>
                  <a:gd name="connsiteY179" fmla="*/ 7947 h 10000"/>
                  <a:gd name="connsiteX180" fmla="*/ 2567 w 10000"/>
                  <a:gd name="connsiteY180" fmla="*/ 7917 h 10000"/>
                  <a:gd name="connsiteX181" fmla="*/ 2760 w 10000"/>
                  <a:gd name="connsiteY181" fmla="*/ 7843 h 10000"/>
                  <a:gd name="connsiteX182" fmla="*/ 2954 w 10000"/>
                  <a:gd name="connsiteY182" fmla="*/ 7784 h 10000"/>
                  <a:gd name="connsiteX183" fmla="*/ 3123 w 10000"/>
                  <a:gd name="connsiteY183" fmla="*/ 7710 h 10000"/>
                  <a:gd name="connsiteX184" fmla="*/ 3269 w 10000"/>
                  <a:gd name="connsiteY184" fmla="*/ 7592 h 10000"/>
                  <a:gd name="connsiteX185" fmla="*/ 3414 w 10000"/>
                  <a:gd name="connsiteY185" fmla="*/ 7474 h 10000"/>
                  <a:gd name="connsiteX186" fmla="*/ 3511 w 10000"/>
                  <a:gd name="connsiteY186" fmla="*/ 7312 h 10000"/>
                  <a:gd name="connsiteX187" fmla="*/ 3317 w 10000"/>
                  <a:gd name="connsiteY187" fmla="*/ 7238 h 10000"/>
                  <a:gd name="connsiteX188" fmla="*/ 3148 w 10000"/>
                  <a:gd name="connsiteY188" fmla="*/ 7179 h 10000"/>
                  <a:gd name="connsiteX189" fmla="*/ 3002 w 10000"/>
                  <a:gd name="connsiteY189" fmla="*/ 7090 h 10000"/>
                  <a:gd name="connsiteX190" fmla="*/ 2857 w 10000"/>
                  <a:gd name="connsiteY190" fmla="*/ 6987 h 10000"/>
                  <a:gd name="connsiteX191" fmla="*/ 2760 w 10000"/>
                  <a:gd name="connsiteY191" fmla="*/ 6869 h 10000"/>
                  <a:gd name="connsiteX192" fmla="*/ 2712 w 10000"/>
                  <a:gd name="connsiteY192" fmla="*/ 6721 h 10000"/>
                  <a:gd name="connsiteX193" fmla="*/ 2688 w 10000"/>
                  <a:gd name="connsiteY193" fmla="*/ 6558 h 10000"/>
                  <a:gd name="connsiteX194" fmla="*/ 2712 w 10000"/>
                  <a:gd name="connsiteY194" fmla="*/ 6352 h 10000"/>
                  <a:gd name="connsiteX195" fmla="*/ 2591 w 10000"/>
                  <a:gd name="connsiteY195" fmla="*/ 6322 h 10000"/>
                  <a:gd name="connsiteX196" fmla="*/ 2446 w 10000"/>
                  <a:gd name="connsiteY196" fmla="*/ 6292 h 10000"/>
                  <a:gd name="connsiteX197" fmla="*/ 2276 w 10000"/>
                  <a:gd name="connsiteY197" fmla="*/ 6278 h 10000"/>
                  <a:gd name="connsiteX198" fmla="*/ 2107 w 10000"/>
                  <a:gd name="connsiteY198" fmla="*/ 6263 h 10000"/>
                  <a:gd name="connsiteX199" fmla="*/ 1768 w 10000"/>
                  <a:gd name="connsiteY199" fmla="*/ 6248 h 10000"/>
                  <a:gd name="connsiteX200" fmla="*/ 1404 w 10000"/>
                  <a:gd name="connsiteY200" fmla="*/ 6263 h 10000"/>
                  <a:gd name="connsiteX201" fmla="*/ 1090 w 10000"/>
                  <a:gd name="connsiteY201" fmla="*/ 6278 h 10000"/>
                  <a:gd name="connsiteX202" fmla="*/ 799 w 10000"/>
                  <a:gd name="connsiteY202" fmla="*/ 6278 h 10000"/>
                  <a:gd name="connsiteX203" fmla="*/ 557 w 10000"/>
                  <a:gd name="connsiteY203" fmla="*/ 6263 h 10000"/>
                  <a:gd name="connsiteX204" fmla="*/ 363 w 10000"/>
                  <a:gd name="connsiteY204" fmla="*/ 6233 h 10000"/>
                  <a:gd name="connsiteX205" fmla="*/ 605 w 10000"/>
                  <a:gd name="connsiteY205" fmla="*/ 5805 h 10000"/>
                  <a:gd name="connsiteX206" fmla="*/ 872 w 10000"/>
                  <a:gd name="connsiteY206" fmla="*/ 5391 h 10000"/>
                  <a:gd name="connsiteX207" fmla="*/ 969 w 10000"/>
                  <a:gd name="connsiteY207" fmla="*/ 5170 h 10000"/>
                  <a:gd name="connsiteX208" fmla="*/ 1041 w 10000"/>
                  <a:gd name="connsiteY208" fmla="*/ 4963 h 10000"/>
                  <a:gd name="connsiteX209" fmla="*/ 1065 w 10000"/>
                  <a:gd name="connsiteY209" fmla="*/ 4860 h 10000"/>
                  <a:gd name="connsiteX210" fmla="*/ 1041 w 10000"/>
                  <a:gd name="connsiteY210" fmla="*/ 4756 h 10000"/>
                  <a:gd name="connsiteX211" fmla="*/ 1017 w 10000"/>
                  <a:gd name="connsiteY211" fmla="*/ 4653 h 10000"/>
                  <a:gd name="connsiteX212" fmla="*/ 944 w 10000"/>
                  <a:gd name="connsiteY212" fmla="*/ 4549 h 10000"/>
                  <a:gd name="connsiteX213" fmla="*/ 1211 w 10000"/>
                  <a:gd name="connsiteY213" fmla="*/ 4520 h 10000"/>
                  <a:gd name="connsiteX214" fmla="*/ 1404 w 10000"/>
                  <a:gd name="connsiteY214" fmla="*/ 4505 h 10000"/>
                  <a:gd name="connsiteX215" fmla="*/ 1574 w 10000"/>
                  <a:gd name="connsiteY215" fmla="*/ 4505 h 10000"/>
                  <a:gd name="connsiteX216" fmla="*/ 1719 w 10000"/>
                  <a:gd name="connsiteY216" fmla="*/ 4520 h 10000"/>
                  <a:gd name="connsiteX217" fmla="*/ 1840 w 10000"/>
                  <a:gd name="connsiteY217" fmla="*/ 4520 h 10000"/>
                  <a:gd name="connsiteX218" fmla="*/ 1985 w 10000"/>
                  <a:gd name="connsiteY218" fmla="*/ 4520 h 10000"/>
                  <a:gd name="connsiteX219" fmla="*/ 2131 w 10000"/>
                  <a:gd name="connsiteY219" fmla="*/ 4490 h 10000"/>
                  <a:gd name="connsiteX220" fmla="*/ 2324 w 10000"/>
                  <a:gd name="connsiteY220" fmla="*/ 4446 h 10000"/>
                  <a:gd name="connsiteX221" fmla="*/ 2324 w 10000"/>
                  <a:gd name="connsiteY221" fmla="*/ 4579 h 10000"/>
                  <a:gd name="connsiteX222" fmla="*/ 2324 w 10000"/>
                  <a:gd name="connsiteY222" fmla="*/ 4742 h 10000"/>
                  <a:gd name="connsiteX223" fmla="*/ 2324 w 10000"/>
                  <a:gd name="connsiteY223" fmla="*/ 4874 h 10000"/>
                  <a:gd name="connsiteX224" fmla="*/ 2324 w 10000"/>
                  <a:gd name="connsiteY224" fmla="*/ 5037 h 10000"/>
                  <a:gd name="connsiteX225" fmla="*/ 2542 w 10000"/>
                  <a:gd name="connsiteY225" fmla="*/ 5022 h 10000"/>
                  <a:gd name="connsiteX226" fmla="*/ 2688 w 10000"/>
                  <a:gd name="connsiteY226" fmla="*/ 5037 h 10000"/>
                  <a:gd name="connsiteX227" fmla="*/ 2809 w 10000"/>
                  <a:gd name="connsiteY227" fmla="*/ 5066 h 10000"/>
                  <a:gd name="connsiteX228" fmla="*/ 2930 w 10000"/>
                  <a:gd name="connsiteY228" fmla="*/ 5096 h 10000"/>
                  <a:gd name="connsiteX229" fmla="*/ 3027 w 10000"/>
                  <a:gd name="connsiteY229" fmla="*/ 5126 h 10000"/>
                  <a:gd name="connsiteX230" fmla="*/ 3148 w 10000"/>
                  <a:gd name="connsiteY230" fmla="*/ 5155 h 10000"/>
                  <a:gd name="connsiteX231" fmla="*/ 3293 w 10000"/>
                  <a:gd name="connsiteY231" fmla="*/ 5170 h 10000"/>
                  <a:gd name="connsiteX232" fmla="*/ 3511 w 10000"/>
                  <a:gd name="connsiteY232" fmla="*/ 5155 h 10000"/>
                  <a:gd name="connsiteX233" fmla="*/ 3584 w 10000"/>
                  <a:gd name="connsiteY233" fmla="*/ 5096 h 10000"/>
                  <a:gd name="connsiteX234" fmla="*/ 3656 w 10000"/>
                  <a:gd name="connsiteY234" fmla="*/ 5022 h 10000"/>
                  <a:gd name="connsiteX235" fmla="*/ 3680 w 10000"/>
                  <a:gd name="connsiteY235" fmla="*/ 4934 h 10000"/>
                  <a:gd name="connsiteX236" fmla="*/ 3705 w 10000"/>
                  <a:gd name="connsiteY236" fmla="*/ 4860 h 10000"/>
                  <a:gd name="connsiteX237" fmla="*/ 3729 w 10000"/>
                  <a:gd name="connsiteY237" fmla="*/ 4697 h 10000"/>
                  <a:gd name="connsiteX238" fmla="*/ 3705 w 10000"/>
                  <a:gd name="connsiteY238" fmla="*/ 4520 h 10000"/>
                  <a:gd name="connsiteX239" fmla="*/ 3632 w 10000"/>
                  <a:gd name="connsiteY239" fmla="*/ 4343 h 10000"/>
                  <a:gd name="connsiteX240" fmla="*/ 3559 w 10000"/>
                  <a:gd name="connsiteY240" fmla="*/ 4195 h 10000"/>
                  <a:gd name="connsiteX241" fmla="*/ 3438 w 10000"/>
                  <a:gd name="connsiteY241" fmla="*/ 4047 h 10000"/>
                  <a:gd name="connsiteX242" fmla="*/ 3317 w 10000"/>
                  <a:gd name="connsiteY242" fmla="*/ 3959 h 10000"/>
                  <a:gd name="connsiteX243" fmla="*/ 3462 w 10000"/>
                  <a:gd name="connsiteY243" fmla="*/ 3944 h 10000"/>
                  <a:gd name="connsiteX244" fmla="*/ 3584 w 10000"/>
                  <a:gd name="connsiteY244" fmla="*/ 3914 h 10000"/>
                  <a:gd name="connsiteX245" fmla="*/ 3680 w 10000"/>
                  <a:gd name="connsiteY245" fmla="*/ 3855 h 10000"/>
                  <a:gd name="connsiteX246" fmla="*/ 3801 w 10000"/>
                  <a:gd name="connsiteY246" fmla="*/ 3752 h 10000"/>
                  <a:gd name="connsiteX247" fmla="*/ 3923 w 10000"/>
                  <a:gd name="connsiteY247" fmla="*/ 3663 h 10000"/>
                  <a:gd name="connsiteX248" fmla="*/ 4019 w 10000"/>
                  <a:gd name="connsiteY248" fmla="*/ 3560 h 10000"/>
                  <a:gd name="connsiteX249" fmla="*/ 4092 w 10000"/>
                  <a:gd name="connsiteY249" fmla="*/ 3442 h 10000"/>
                  <a:gd name="connsiteX250" fmla="*/ 4165 w 10000"/>
                  <a:gd name="connsiteY250" fmla="*/ 3323 h 10000"/>
                  <a:gd name="connsiteX251" fmla="*/ 4213 w 10000"/>
                  <a:gd name="connsiteY251" fmla="*/ 3220 h 10000"/>
                  <a:gd name="connsiteX252" fmla="*/ 4237 w 10000"/>
                  <a:gd name="connsiteY252" fmla="*/ 3102 h 10000"/>
                  <a:gd name="connsiteX253" fmla="*/ 4262 w 10000"/>
                  <a:gd name="connsiteY253" fmla="*/ 3013 h 10000"/>
                  <a:gd name="connsiteX254" fmla="*/ 4237 w 10000"/>
                  <a:gd name="connsiteY254" fmla="*/ 2939 h 10000"/>
                  <a:gd name="connsiteX255" fmla="*/ 4213 w 10000"/>
                  <a:gd name="connsiteY255" fmla="*/ 2866 h 10000"/>
                  <a:gd name="connsiteX256" fmla="*/ 4140 w 10000"/>
                  <a:gd name="connsiteY256" fmla="*/ 2836 h 10000"/>
                  <a:gd name="connsiteX257" fmla="*/ 4044 w 10000"/>
                  <a:gd name="connsiteY257" fmla="*/ 2836 h 10000"/>
                  <a:gd name="connsiteX258" fmla="*/ 3923 w 10000"/>
                  <a:gd name="connsiteY258" fmla="*/ 2866 h 10000"/>
                  <a:gd name="connsiteX259" fmla="*/ 4019 w 10000"/>
                  <a:gd name="connsiteY259" fmla="*/ 2777 h 10000"/>
                  <a:gd name="connsiteX260" fmla="*/ 4068 w 10000"/>
                  <a:gd name="connsiteY260" fmla="*/ 2674 h 10000"/>
                  <a:gd name="connsiteX261" fmla="*/ 4092 w 10000"/>
                  <a:gd name="connsiteY261" fmla="*/ 2541 h 10000"/>
                  <a:gd name="connsiteX262" fmla="*/ 4092 w 10000"/>
                  <a:gd name="connsiteY262" fmla="*/ 2393 h 10000"/>
                  <a:gd name="connsiteX263" fmla="*/ 4116 w 10000"/>
                  <a:gd name="connsiteY263" fmla="*/ 2349 h 10000"/>
                  <a:gd name="connsiteX264" fmla="*/ 4165 w 10000"/>
                  <a:gd name="connsiteY264" fmla="*/ 2304 h 10000"/>
                  <a:gd name="connsiteX265" fmla="*/ 4213 w 10000"/>
                  <a:gd name="connsiteY265" fmla="*/ 2290 h 10000"/>
                  <a:gd name="connsiteX266" fmla="*/ 4286 w 10000"/>
                  <a:gd name="connsiteY266" fmla="*/ 2275 h 10000"/>
                  <a:gd name="connsiteX267" fmla="*/ 4504 w 10000"/>
                  <a:gd name="connsiteY267" fmla="*/ 2260 h 10000"/>
                  <a:gd name="connsiteX268" fmla="*/ 4697 w 10000"/>
                  <a:gd name="connsiteY268" fmla="*/ 2275 h 10000"/>
                  <a:gd name="connsiteX269" fmla="*/ 4673 w 10000"/>
                  <a:gd name="connsiteY269" fmla="*/ 2112 h 10000"/>
                  <a:gd name="connsiteX270" fmla="*/ 4625 w 10000"/>
                  <a:gd name="connsiteY270" fmla="*/ 1950 h 10000"/>
                  <a:gd name="connsiteX271" fmla="*/ 4552 w 10000"/>
                  <a:gd name="connsiteY271" fmla="*/ 1802 h 10000"/>
                  <a:gd name="connsiteX272" fmla="*/ 4455 w 10000"/>
                  <a:gd name="connsiteY272" fmla="*/ 1640 h 10000"/>
                  <a:gd name="connsiteX273" fmla="*/ 4213 w 10000"/>
                  <a:gd name="connsiteY273" fmla="*/ 1329 h 10000"/>
                  <a:gd name="connsiteX274" fmla="*/ 3971 w 10000"/>
                  <a:gd name="connsiteY274" fmla="*/ 1034 h 10000"/>
                  <a:gd name="connsiteX275" fmla="*/ 3850 w 10000"/>
                  <a:gd name="connsiteY275" fmla="*/ 901 h 10000"/>
                  <a:gd name="connsiteX276" fmla="*/ 3753 w 10000"/>
                  <a:gd name="connsiteY276" fmla="*/ 753 h 10000"/>
                  <a:gd name="connsiteX277" fmla="*/ 3680 w 10000"/>
                  <a:gd name="connsiteY277" fmla="*/ 620 h 10000"/>
                  <a:gd name="connsiteX278" fmla="*/ 3656 w 10000"/>
                  <a:gd name="connsiteY278" fmla="*/ 487 h 10000"/>
                  <a:gd name="connsiteX279" fmla="*/ 3632 w 10000"/>
                  <a:gd name="connsiteY279" fmla="*/ 355 h 10000"/>
                  <a:gd name="connsiteX280" fmla="*/ 3680 w 10000"/>
                  <a:gd name="connsiteY280" fmla="*/ 222 h 10000"/>
                  <a:gd name="connsiteX281" fmla="*/ 3705 w 10000"/>
                  <a:gd name="connsiteY281" fmla="*/ 162 h 10000"/>
                  <a:gd name="connsiteX282" fmla="*/ 3753 w 10000"/>
                  <a:gd name="connsiteY282" fmla="*/ 103 h 10000"/>
                  <a:gd name="connsiteX283" fmla="*/ 3826 w 10000"/>
                  <a:gd name="connsiteY283" fmla="*/ 59 h 10000"/>
                  <a:gd name="connsiteX284" fmla="*/ 3923 w 10000"/>
                  <a:gd name="connsiteY284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6852 w 10000"/>
                  <a:gd name="connsiteY55" fmla="*/ 4313 h 10000"/>
                  <a:gd name="connsiteX56" fmla="*/ 6852 w 10000"/>
                  <a:gd name="connsiteY56" fmla="*/ 4431 h 10000"/>
                  <a:gd name="connsiteX57" fmla="*/ 6852 w 10000"/>
                  <a:gd name="connsiteY57" fmla="*/ 4549 h 10000"/>
                  <a:gd name="connsiteX58" fmla="*/ 6804 w 10000"/>
                  <a:gd name="connsiteY58" fmla="*/ 4564 h 10000"/>
                  <a:gd name="connsiteX59" fmla="*/ 6731 w 10000"/>
                  <a:gd name="connsiteY59" fmla="*/ 4594 h 10000"/>
                  <a:gd name="connsiteX60" fmla="*/ 6683 w 10000"/>
                  <a:gd name="connsiteY60" fmla="*/ 4638 h 10000"/>
                  <a:gd name="connsiteX61" fmla="*/ 6683 w 10000"/>
                  <a:gd name="connsiteY61" fmla="*/ 4697 h 10000"/>
                  <a:gd name="connsiteX62" fmla="*/ 6659 w 10000"/>
                  <a:gd name="connsiteY62" fmla="*/ 4801 h 10000"/>
                  <a:gd name="connsiteX63" fmla="*/ 6659 w 10000"/>
                  <a:gd name="connsiteY63" fmla="*/ 4904 h 10000"/>
                  <a:gd name="connsiteX64" fmla="*/ 6538 w 10000"/>
                  <a:gd name="connsiteY64" fmla="*/ 4860 h 10000"/>
                  <a:gd name="connsiteX65" fmla="*/ 6465 w 10000"/>
                  <a:gd name="connsiteY65" fmla="*/ 4801 h 10000"/>
                  <a:gd name="connsiteX66" fmla="*/ 6392 w 10000"/>
                  <a:gd name="connsiteY66" fmla="*/ 4727 h 10000"/>
                  <a:gd name="connsiteX67" fmla="*/ 6320 w 10000"/>
                  <a:gd name="connsiteY67" fmla="*/ 4638 h 10000"/>
                  <a:gd name="connsiteX68" fmla="*/ 6199 w 10000"/>
                  <a:gd name="connsiteY68" fmla="*/ 4476 h 10000"/>
                  <a:gd name="connsiteX69" fmla="*/ 6077 w 10000"/>
                  <a:gd name="connsiteY69" fmla="*/ 4313 h 10000"/>
                  <a:gd name="connsiteX70" fmla="*/ 6223 w 10000"/>
                  <a:gd name="connsiteY70" fmla="*/ 4210 h 10000"/>
                  <a:gd name="connsiteX71" fmla="*/ 6416 w 10000"/>
                  <a:gd name="connsiteY71" fmla="*/ 4121 h 10000"/>
                  <a:gd name="connsiteX72" fmla="*/ 6634 w 10000"/>
                  <a:gd name="connsiteY72" fmla="*/ 4032 h 10000"/>
                  <a:gd name="connsiteX73" fmla="*/ 6877 w 10000"/>
                  <a:gd name="connsiteY73" fmla="*/ 3959 h 10000"/>
                  <a:gd name="connsiteX74" fmla="*/ 7385 w 10000"/>
                  <a:gd name="connsiteY74" fmla="*/ 3811 h 10000"/>
                  <a:gd name="connsiteX75" fmla="*/ 7893 w 10000"/>
                  <a:gd name="connsiteY75" fmla="*/ 3663 h 10000"/>
                  <a:gd name="connsiteX76" fmla="*/ 8136 w 10000"/>
                  <a:gd name="connsiteY76" fmla="*/ 3589 h 10000"/>
                  <a:gd name="connsiteX77" fmla="*/ 8378 w 10000"/>
                  <a:gd name="connsiteY77" fmla="*/ 3516 h 10000"/>
                  <a:gd name="connsiteX78" fmla="*/ 8571 w 10000"/>
                  <a:gd name="connsiteY78" fmla="*/ 3412 h 10000"/>
                  <a:gd name="connsiteX79" fmla="*/ 8765 w 10000"/>
                  <a:gd name="connsiteY79" fmla="*/ 3338 h 10000"/>
                  <a:gd name="connsiteX80" fmla="*/ 8886 w 10000"/>
                  <a:gd name="connsiteY80" fmla="*/ 3235 h 10000"/>
                  <a:gd name="connsiteX81" fmla="*/ 8983 w 10000"/>
                  <a:gd name="connsiteY81" fmla="*/ 3117 h 10000"/>
                  <a:gd name="connsiteX82" fmla="*/ 9007 w 10000"/>
                  <a:gd name="connsiteY82" fmla="*/ 3072 h 10000"/>
                  <a:gd name="connsiteX83" fmla="*/ 9031 w 10000"/>
                  <a:gd name="connsiteY83" fmla="*/ 3013 h 10000"/>
                  <a:gd name="connsiteX84" fmla="*/ 9031 w 10000"/>
                  <a:gd name="connsiteY84" fmla="*/ 2954 h 10000"/>
                  <a:gd name="connsiteX85" fmla="*/ 9007 w 10000"/>
                  <a:gd name="connsiteY85" fmla="*/ 2866 h 10000"/>
                  <a:gd name="connsiteX86" fmla="*/ 8838 w 10000"/>
                  <a:gd name="connsiteY86" fmla="*/ 2984 h 10000"/>
                  <a:gd name="connsiteX87" fmla="*/ 8644 w 10000"/>
                  <a:gd name="connsiteY87" fmla="*/ 3072 h 10000"/>
                  <a:gd name="connsiteX88" fmla="*/ 8450 w 10000"/>
                  <a:gd name="connsiteY88" fmla="*/ 3161 h 10000"/>
                  <a:gd name="connsiteX89" fmla="*/ 8257 w 10000"/>
                  <a:gd name="connsiteY89" fmla="*/ 3250 h 10000"/>
                  <a:gd name="connsiteX90" fmla="*/ 7821 w 10000"/>
                  <a:gd name="connsiteY90" fmla="*/ 3397 h 10000"/>
                  <a:gd name="connsiteX91" fmla="*/ 7361 w 10000"/>
                  <a:gd name="connsiteY91" fmla="*/ 3545 h 10000"/>
                  <a:gd name="connsiteX92" fmla="*/ 6901 w 10000"/>
                  <a:gd name="connsiteY92" fmla="*/ 3678 h 10000"/>
                  <a:gd name="connsiteX93" fmla="*/ 6465 w 10000"/>
                  <a:gd name="connsiteY93" fmla="*/ 3840 h 10000"/>
                  <a:gd name="connsiteX94" fmla="*/ 6247 w 10000"/>
                  <a:gd name="connsiteY94" fmla="*/ 3914 h 10000"/>
                  <a:gd name="connsiteX95" fmla="*/ 6053 w 10000"/>
                  <a:gd name="connsiteY95" fmla="*/ 4003 h 10000"/>
                  <a:gd name="connsiteX96" fmla="*/ 5860 w 10000"/>
                  <a:gd name="connsiteY96" fmla="*/ 4106 h 10000"/>
                  <a:gd name="connsiteX97" fmla="*/ 5666 w 10000"/>
                  <a:gd name="connsiteY97" fmla="*/ 4195 h 10000"/>
                  <a:gd name="connsiteX98" fmla="*/ 5811 w 10000"/>
                  <a:gd name="connsiteY98" fmla="*/ 4417 h 10000"/>
                  <a:gd name="connsiteX99" fmla="*/ 5908 w 10000"/>
                  <a:gd name="connsiteY99" fmla="*/ 4623 h 10000"/>
                  <a:gd name="connsiteX100" fmla="*/ 6005 w 10000"/>
                  <a:gd name="connsiteY100" fmla="*/ 4845 h 10000"/>
                  <a:gd name="connsiteX101" fmla="*/ 6077 w 10000"/>
                  <a:gd name="connsiteY101" fmla="*/ 5081 h 10000"/>
                  <a:gd name="connsiteX102" fmla="*/ 6126 w 10000"/>
                  <a:gd name="connsiteY102" fmla="*/ 5318 h 10000"/>
                  <a:gd name="connsiteX103" fmla="*/ 6150 w 10000"/>
                  <a:gd name="connsiteY103" fmla="*/ 5539 h 10000"/>
                  <a:gd name="connsiteX104" fmla="*/ 6174 w 10000"/>
                  <a:gd name="connsiteY104" fmla="*/ 5775 h 10000"/>
                  <a:gd name="connsiteX105" fmla="*/ 6174 w 10000"/>
                  <a:gd name="connsiteY105" fmla="*/ 5997 h 10000"/>
                  <a:gd name="connsiteX106" fmla="*/ 6150 w 10000"/>
                  <a:gd name="connsiteY106" fmla="*/ 6233 h 10000"/>
                  <a:gd name="connsiteX107" fmla="*/ 6102 w 10000"/>
                  <a:gd name="connsiteY107" fmla="*/ 6470 h 10000"/>
                  <a:gd name="connsiteX108" fmla="*/ 6053 w 10000"/>
                  <a:gd name="connsiteY108" fmla="*/ 6677 h 10000"/>
                  <a:gd name="connsiteX109" fmla="*/ 5981 w 10000"/>
                  <a:gd name="connsiteY109" fmla="*/ 6898 h 10000"/>
                  <a:gd name="connsiteX110" fmla="*/ 5884 w 10000"/>
                  <a:gd name="connsiteY110" fmla="*/ 7105 h 10000"/>
                  <a:gd name="connsiteX111" fmla="*/ 5763 w 10000"/>
                  <a:gd name="connsiteY111" fmla="*/ 7297 h 10000"/>
                  <a:gd name="connsiteX112" fmla="*/ 5617 w 10000"/>
                  <a:gd name="connsiteY112" fmla="*/ 7489 h 10000"/>
                  <a:gd name="connsiteX113" fmla="*/ 5472 w 10000"/>
                  <a:gd name="connsiteY113" fmla="*/ 7681 h 10000"/>
                  <a:gd name="connsiteX114" fmla="*/ 6174 w 10000"/>
                  <a:gd name="connsiteY114" fmla="*/ 7799 h 10000"/>
                  <a:gd name="connsiteX115" fmla="*/ 6901 w 10000"/>
                  <a:gd name="connsiteY115" fmla="*/ 7962 h 10000"/>
                  <a:gd name="connsiteX116" fmla="*/ 7046 w 10000"/>
                  <a:gd name="connsiteY116" fmla="*/ 8021 h 10000"/>
                  <a:gd name="connsiteX117" fmla="*/ 7167 w 10000"/>
                  <a:gd name="connsiteY117" fmla="*/ 8080 h 10000"/>
                  <a:gd name="connsiteX118" fmla="*/ 7288 w 10000"/>
                  <a:gd name="connsiteY118" fmla="*/ 8139 h 10000"/>
                  <a:gd name="connsiteX119" fmla="*/ 7361 w 10000"/>
                  <a:gd name="connsiteY119" fmla="*/ 8227 h 10000"/>
                  <a:gd name="connsiteX120" fmla="*/ 7385 w 10000"/>
                  <a:gd name="connsiteY120" fmla="*/ 8301 h 10000"/>
                  <a:gd name="connsiteX121" fmla="*/ 7385 w 10000"/>
                  <a:gd name="connsiteY121" fmla="*/ 8405 h 10000"/>
                  <a:gd name="connsiteX122" fmla="*/ 7337 w 10000"/>
                  <a:gd name="connsiteY122" fmla="*/ 8523 h 10000"/>
                  <a:gd name="connsiteX123" fmla="*/ 7264 w 10000"/>
                  <a:gd name="connsiteY123" fmla="*/ 8641 h 10000"/>
                  <a:gd name="connsiteX124" fmla="*/ 6949 w 10000"/>
                  <a:gd name="connsiteY124" fmla="*/ 8552 h 10000"/>
                  <a:gd name="connsiteX125" fmla="*/ 6659 w 10000"/>
                  <a:gd name="connsiteY125" fmla="*/ 8449 h 10000"/>
                  <a:gd name="connsiteX126" fmla="*/ 6368 w 10000"/>
                  <a:gd name="connsiteY126" fmla="*/ 8360 h 10000"/>
                  <a:gd name="connsiteX127" fmla="*/ 6077 w 10000"/>
                  <a:gd name="connsiteY127" fmla="*/ 8287 h 10000"/>
                  <a:gd name="connsiteX128" fmla="*/ 5956 w 10000"/>
                  <a:gd name="connsiteY128" fmla="*/ 8449 h 10000"/>
                  <a:gd name="connsiteX129" fmla="*/ 5860 w 10000"/>
                  <a:gd name="connsiteY129" fmla="*/ 8597 h 10000"/>
                  <a:gd name="connsiteX130" fmla="*/ 5811 w 10000"/>
                  <a:gd name="connsiteY130" fmla="*/ 8656 h 10000"/>
                  <a:gd name="connsiteX131" fmla="*/ 5714 w 10000"/>
                  <a:gd name="connsiteY131" fmla="*/ 8700 h 10000"/>
                  <a:gd name="connsiteX132" fmla="*/ 5642 w 10000"/>
                  <a:gd name="connsiteY132" fmla="*/ 8744 h 10000"/>
                  <a:gd name="connsiteX133" fmla="*/ 5569 w 10000"/>
                  <a:gd name="connsiteY133" fmla="*/ 8774 h 10000"/>
                  <a:gd name="connsiteX134" fmla="*/ 5496 w 10000"/>
                  <a:gd name="connsiteY134" fmla="*/ 8804 h 10000"/>
                  <a:gd name="connsiteX135" fmla="*/ 5400 w 10000"/>
                  <a:gd name="connsiteY135" fmla="*/ 8818 h 10000"/>
                  <a:gd name="connsiteX136" fmla="*/ 5278 w 10000"/>
                  <a:gd name="connsiteY136" fmla="*/ 8833 h 10000"/>
                  <a:gd name="connsiteX137" fmla="*/ 5157 w 10000"/>
                  <a:gd name="connsiteY137" fmla="*/ 8833 h 10000"/>
                  <a:gd name="connsiteX138" fmla="*/ 4867 w 10000"/>
                  <a:gd name="connsiteY138" fmla="*/ 8818 h 10000"/>
                  <a:gd name="connsiteX139" fmla="*/ 4504 w 10000"/>
                  <a:gd name="connsiteY139" fmla="*/ 8744 h 10000"/>
                  <a:gd name="connsiteX140" fmla="*/ 4504 w 10000"/>
                  <a:gd name="connsiteY140" fmla="*/ 8922 h 10000"/>
                  <a:gd name="connsiteX141" fmla="*/ 4479 w 10000"/>
                  <a:gd name="connsiteY141" fmla="*/ 9069 h 10000"/>
                  <a:gd name="connsiteX142" fmla="*/ 4455 w 10000"/>
                  <a:gd name="connsiteY142" fmla="*/ 9232 h 10000"/>
                  <a:gd name="connsiteX143" fmla="*/ 4431 w 10000"/>
                  <a:gd name="connsiteY143" fmla="*/ 9365 h 10000"/>
                  <a:gd name="connsiteX144" fmla="*/ 4383 w 10000"/>
                  <a:gd name="connsiteY144" fmla="*/ 9498 h 10000"/>
                  <a:gd name="connsiteX145" fmla="*/ 4286 w 10000"/>
                  <a:gd name="connsiteY145" fmla="*/ 9616 h 10000"/>
                  <a:gd name="connsiteX146" fmla="*/ 4213 w 10000"/>
                  <a:gd name="connsiteY146" fmla="*/ 9734 h 10000"/>
                  <a:gd name="connsiteX147" fmla="*/ 4092 w 10000"/>
                  <a:gd name="connsiteY147" fmla="*/ 9838 h 10000"/>
                  <a:gd name="connsiteX148" fmla="*/ 3801 w 10000"/>
                  <a:gd name="connsiteY148" fmla="*/ 9897 h 10000"/>
                  <a:gd name="connsiteX149" fmla="*/ 3559 w 10000"/>
                  <a:gd name="connsiteY149" fmla="*/ 9941 h 10000"/>
                  <a:gd name="connsiteX150" fmla="*/ 3269 w 10000"/>
                  <a:gd name="connsiteY150" fmla="*/ 9985 h 10000"/>
                  <a:gd name="connsiteX151" fmla="*/ 3051 w 10000"/>
                  <a:gd name="connsiteY151" fmla="*/ 10000 h 10000"/>
                  <a:gd name="connsiteX152" fmla="*/ 2567 w 10000"/>
                  <a:gd name="connsiteY152" fmla="*/ 10000 h 10000"/>
                  <a:gd name="connsiteX153" fmla="*/ 2107 w 10000"/>
                  <a:gd name="connsiteY153" fmla="*/ 9985 h 10000"/>
                  <a:gd name="connsiteX154" fmla="*/ 1671 w 10000"/>
                  <a:gd name="connsiteY154" fmla="*/ 9941 h 10000"/>
                  <a:gd name="connsiteX155" fmla="*/ 1211 w 10000"/>
                  <a:gd name="connsiteY155" fmla="*/ 9911 h 10000"/>
                  <a:gd name="connsiteX156" fmla="*/ 944 w 10000"/>
                  <a:gd name="connsiteY156" fmla="*/ 9911 h 10000"/>
                  <a:gd name="connsiteX157" fmla="*/ 702 w 10000"/>
                  <a:gd name="connsiteY157" fmla="*/ 9911 h 10000"/>
                  <a:gd name="connsiteX158" fmla="*/ 436 w 10000"/>
                  <a:gd name="connsiteY158" fmla="*/ 9926 h 10000"/>
                  <a:gd name="connsiteX159" fmla="*/ 169 w 10000"/>
                  <a:gd name="connsiteY159" fmla="*/ 9970 h 10000"/>
                  <a:gd name="connsiteX160" fmla="*/ 97 w 10000"/>
                  <a:gd name="connsiteY160" fmla="*/ 9867 h 10000"/>
                  <a:gd name="connsiteX161" fmla="*/ 48 w 10000"/>
                  <a:gd name="connsiteY161" fmla="*/ 9793 h 10000"/>
                  <a:gd name="connsiteX162" fmla="*/ 0 w 10000"/>
                  <a:gd name="connsiteY162" fmla="*/ 9705 h 10000"/>
                  <a:gd name="connsiteX163" fmla="*/ 0 w 10000"/>
                  <a:gd name="connsiteY163" fmla="*/ 9601 h 10000"/>
                  <a:gd name="connsiteX164" fmla="*/ 48 w 10000"/>
                  <a:gd name="connsiteY164" fmla="*/ 9424 h 10000"/>
                  <a:gd name="connsiteX165" fmla="*/ 97 w 10000"/>
                  <a:gd name="connsiteY165" fmla="*/ 9202 h 10000"/>
                  <a:gd name="connsiteX166" fmla="*/ 145 w 10000"/>
                  <a:gd name="connsiteY166" fmla="*/ 8996 h 10000"/>
                  <a:gd name="connsiteX167" fmla="*/ 194 w 10000"/>
                  <a:gd name="connsiteY167" fmla="*/ 8759 h 10000"/>
                  <a:gd name="connsiteX168" fmla="*/ 218 w 10000"/>
                  <a:gd name="connsiteY168" fmla="*/ 8641 h 10000"/>
                  <a:gd name="connsiteX169" fmla="*/ 218 w 10000"/>
                  <a:gd name="connsiteY169" fmla="*/ 8538 h 10000"/>
                  <a:gd name="connsiteX170" fmla="*/ 194 w 10000"/>
                  <a:gd name="connsiteY170" fmla="*/ 8405 h 10000"/>
                  <a:gd name="connsiteX171" fmla="*/ 169 w 10000"/>
                  <a:gd name="connsiteY171" fmla="*/ 8287 h 10000"/>
                  <a:gd name="connsiteX172" fmla="*/ 412 w 10000"/>
                  <a:gd name="connsiteY172" fmla="*/ 8213 h 10000"/>
                  <a:gd name="connsiteX173" fmla="*/ 654 w 10000"/>
                  <a:gd name="connsiteY173" fmla="*/ 8139 h 10000"/>
                  <a:gd name="connsiteX174" fmla="*/ 896 w 10000"/>
                  <a:gd name="connsiteY174" fmla="*/ 8095 h 10000"/>
                  <a:gd name="connsiteX175" fmla="*/ 1162 w 10000"/>
                  <a:gd name="connsiteY175" fmla="*/ 8065 h 10000"/>
                  <a:gd name="connsiteX176" fmla="*/ 1646 w 10000"/>
                  <a:gd name="connsiteY176" fmla="*/ 8021 h 10000"/>
                  <a:gd name="connsiteX177" fmla="*/ 2131 w 10000"/>
                  <a:gd name="connsiteY177" fmla="*/ 7976 h 10000"/>
                  <a:gd name="connsiteX178" fmla="*/ 2349 w 10000"/>
                  <a:gd name="connsiteY178" fmla="*/ 7947 h 10000"/>
                  <a:gd name="connsiteX179" fmla="*/ 2567 w 10000"/>
                  <a:gd name="connsiteY179" fmla="*/ 7917 h 10000"/>
                  <a:gd name="connsiteX180" fmla="*/ 2760 w 10000"/>
                  <a:gd name="connsiteY180" fmla="*/ 7843 h 10000"/>
                  <a:gd name="connsiteX181" fmla="*/ 2954 w 10000"/>
                  <a:gd name="connsiteY181" fmla="*/ 7784 h 10000"/>
                  <a:gd name="connsiteX182" fmla="*/ 3123 w 10000"/>
                  <a:gd name="connsiteY182" fmla="*/ 7710 h 10000"/>
                  <a:gd name="connsiteX183" fmla="*/ 3269 w 10000"/>
                  <a:gd name="connsiteY183" fmla="*/ 7592 h 10000"/>
                  <a:gd name="connsiteX184" fmla="*/ 3414 w 10000"/>
                  <a:gd name="connsiteY184" fmla="*/ 7474 h 10000"/>
                  <a:gd name="connsiteX185" fmla="*/ 3511 w 10000"/>
                  <a:gd name="connsiteY185" fmla="*/ 7312 h 10000"/>
                  <a:gd name="connsiteX186" fmla="*/ 3317 w 10000"/>
                  <a:gd name="connsiteY186" fmla="*/ 7238 h 10000"/>
                  <a:gd name="connsiteX187" fmla="*/ 3148 w 10000"/>
                  <a:gd name="connsiteY187" fmla="*/ 7179 h 10000"/>
                  <a:gd name="connsiteX188" fmla="*/ 3002 w 10000"/>
                  <a:gd name="connsiteY188" fmla="*/ 7090 h 10000"/>
                  <a:gd name="connsiteX189" fmla="*/ 2857 w 10000"/>
                  <a:gd name="connsiteY189" fmla="*/ 6987 h 10000"/>
                  <a:gd name="connsiteX190" fmla="*/ 2760 w 10000"/>
                  <a:gd name="connsiteY190" fmla="*/ 6869 h 10000"/>
                  <a:gd name="connsiteX191" fmla="*/ 2712 w 10000"/>
                  <a:gd name="connsiteY191" fmla="*/ 6721 h 10000"/>
                  <a:gd name="connsiteX192" fmla="*/ 2688 w 10000"/>
                  <a:gd name="connsiteY192" fmla="*/ 6558 h 10000"/>
                  <a:gd name="connsiteX193" fmla="*/ 2712 w 10000"/>
                  <a:gd name="connsiteY193" fmla="*/ 6352 h 10000"/>
                  <a:gd name="connsiteX194" fmla="*/ 2591 w 10000"/>
                  <a:gd name="connsiteY194" fmla="*/ 6322 h 10000"/>
                  <a:gd name="connsiteX195" fmla="*/ 2446 w 10000"/>
                  <a:gd name="connsiteY195" fmla="*/ 6292 h 10000"/>
                  <a:gd name="connsiteX196" fmla="*/ 2276 w 10000"/>
                  <a:gd name="connsiteY196" fmla="*/ 6278 h 10000"/>
                  <a:gd name="connsiteX197" fmla="*/ 2107 w 10000"/>
                  <a:gd name="connsiteY197" fmla="*/ 6263 h 10000"/>
                  <a:gd name="connsiteX198" fmla="*/ 1768 w 10000"/>
                  <a:gd name="connsiteY198" fmla="*/ 6248 h 10000"/>
                  <a:gd name="connsiteX199" fmla="*/ 1404 w 10000"/>
                  <a:gd name="connsiteY199" fmla="*/ 6263 h 10000"/>
                  <a:gd name="connsiteX200" fmla="*/ 1090 w 10000"/>
                  <a:gd name="connsiteY200" fmla="*/ 6278 h 10000"/>
                  <a:gd name="connsiteX201" fmla="*/ 799 w 10000"/>
                  <a:gd name="connsiteY201" fmla="*/ 6278 h 10000"/>
                  <a:gd name="connsiteX202" fmla="*/ 557 w 10000"/>
                  <a:gd name="connsiteY202" fmla="*/ 6263 h 10000"/>
                  <a:gd name="connsiteX203" fmla="*/ 363 w 10000"/>
                  <a:gd name="connsiteY203" fmla="*/ 6233 h 10000"/>
                  <a:gd name="connsiteX204" fmla="*/ 605 w 10000"/>
                  <a:gd name="connsiteY204" fmla="*/ 5805 h 10000"/>
                  <a:gd name="connsiteX205" fmla="*/ 872 w 10000"/>
                  <a:gd name="connsiteY205" fmla="*/ 5391 h 10000"/>
                  <a:gd name="connsiteX206" fmla="*/ 969 w 10000"/>
                  <a:gd name="connsiteY206" fmla="*/ 5170 h 10000"/>
                  <a:gd name="connsiteX207" fmla="*/ 1041 w 10000"/>
                  <a:gd name="connsiteY207" fmla="*/ 4963 h 10000"/>
                  <a:gd name="connsiteX208" fmla="*/ 1065 w 10000"/>
                  <a:gd name="connsiteY208" fmla="*/ 4860 h 10000"/>
                  <a:gd name="connsiteX209" fmla="*/ 1041 w 10000"/>
                  <a:gd name="connsiteY209" fmla="*/ 4756 h 10000"/>
                  <a:gd name="connsiteX210" fmla="*/ 1017 w 10000"/>
                  <a:gd name="connsiteY210" fmla="*/ 4653 h 10000"/>
                  <a:gd name="connsiteX211" fmla="*/ 944 w 10000"/>
                  <a:gd name="connsiteY211" fmla="*/ 4549 h 10000"/>
                  <a:gd name="connsiteX212" fmla="*/ 1211 w 10000"/>
                  <a:gd name="connsiteY212" fmla="*/ 4520 h 10000"/>
                  <a:gd name="connsiteX213" fmla="*/ 1404 w 10000"/>
                  <a:gd name="connsiteY213" fmla="*/ 4505 h 10000"/>
                  <a:gd name="connsiteX214" fmla="*/ 1574 w 10000"/>
                  <a:gd name="connsiteY214" fmla="*/ 4505 h 10000"/>
                  <a:gd name="connsiteX215" fmla="*/ 1719 w 10000"/>
                  <a:gd name="connsiteY215" fmla="*/ 4520 h 10000"/>
                  <a:gd name="connsiteX216" fmla="*/ 1840 w 10000"/>
                  <a:gd name="connsiteY216" fmla="*/ 4520 h 10000"/>
                  <a:gd name="connsiteX217" fmla="*/ 1985 w 10000"/>
                  <a:gd name="connsiteY217" fmla="*/ 4520 h 10000"/>
                  <a:gd name="connsiteX218" fmla="*/ 2131 w 10000"/>
                  <a:gd name="connsiteY218" fmla="*/ 4490 h 10000"/>
                  <a:gd name="connsiteX219" fmla="*/ 2324 w 10000"/>
                  <a:gd name="connsiteY219" fmla="*/ 4446 h 10000"/>
                  <a:gd name="connsiteX220" fmla="*/ 2324 w 10000"/>
                  <a:gd name="connsiteY220" fmla="*/ 4579 h 10000"/>
                  <a:gd name="connsiteX221" fmla="*/ 2324 w 10000"/>
                  <a:gd name="connsiteY221" fmla="*/ 4742 h 10000"/>
                  <a:gd name="connsiteX222" fmla="*/ 2324 w 10000"/>
                  <a:gd name="connsiteY222" fmla="*/ 4874 h 10000"/>
                  <a:gd name="connsiteX223" fmla="*/ 2324 w 10000"/>
                  <a:gd name="connsiteY223" fmla="*/ 5037 h 10000"/>
                  <a:gd name="connsiteX224" fmla="*/ 2542 w 10000"/>
                  <a:gd name="connsiteY224" fmla="*/ 5022 h 10000"/>
                  <a:gd name="connsiteX225" fmla="*/ 2688 w 10000"/>
                  <a:gd name="connsiteY225" fmla="*/ 5037 h 10000"/>
                  <a:gd name="connsiteX226" fmla="*/ 2809 w 10000"/>
                  <a:gd name="connsiteY226" fmla="*/ 5066 h 10000"/>
                  <a:gd name="connsiteX227" fmla="*/ 2930 w 10000"/>
                  <a:gd name="connsiteY227" fmla="*/ 5096 h 10000"/>
                  <a:gd name="connsiteX228" fmla="*/ 3027 w 10000"/>
                  <a:gd name="connsiteY228" fmla="*/ 5126 h 10000"/>
                  <a:gd name="connsiteX229" fmla="*/ 3148 w 10000"/>
                  <a:gd name="connsiteY229" fmla="*/ 5155 h 10000"/>
                  <a:gd name="connsiteX230" fmla="*/ 3293 w 10000"/>
                  <a:gd name="connsiteY230" fmla="*/ 5170 h 10000"/>
                  <a:gd name="connsiteX231" fmla="*/ 3511 w 10000"/>
                  <a:gd name="connsiteY231" fmla="*/ 5155 h 10000"/>
                  <a:gd name="connsiteX232" fmla="*/ 3584 w 10000"/>
                  <a:gd name="connsiteY232" fmla="*/ 5096 h 10000"/>
                  <a:gd name="connsiteX233" fmla="*/ 3656 w 10000"/>
                  <a:gd name="connsiteY233" fmla="*/ 5022 h 10000"/>
                  <a:gd name="connsiteX234" fmla="*/ 3680 w 10000"/>
                  <a:gd name="connsiteY234" fmla="*/ 4934 h 10000"/>
                  <a:gd name="connsiteX235" fmla="*/ 3705 w 10000"/>
                  <a:gd name="connsiteY235" fmla="*/ 4860 h 10000"/>
                  <a:gd name="connsiteX236" fmla="*/ 3729 w 10000"/>
                  <a:gd name="connsiteY236" fmla="*/ 4697 h 10000"/>
                  <a:gd name="connsiteX237" fmla="*/ 3705 w 10000"/>
                  <a:gd name="connsiteY237" fmla="*/ 4520 h 10000"/>
                  <a:gd name="connsiteX238" fmla="*/ 3632 w 10000"/>
                  <a:gd name="connsiteY238" fmla="*/ 4343 h 10000"/>
                  <a:gd name="connsiteX239" fmla="*/ 3559 w 10000"/>
                  <a:gd name="connsiteY239" fmla="*/ 4195 h 10000"/>
                  <a:gd name="connsiteX240" fmla="*/ 3438 w 10000"/>
                  <a:gd name="connsiteY240" fmla="*/ 4047 h 10000"/>
                  <a:gd name="connsiteX241" fmla="*/ 3317 w 10000"/>
                  <a:gd name="connsiteY241" fmla="*/ 3959 h 10000"/>
                  <a:gd name="connsiteX242" fmla="*/ 3462 w 10000"/>
                  <a:gd name="connsiteY242" fmla="*/ 3944 h 10000"/>
                  <a:gd name="connsiteX243" fmla="*/ 3584 w 10000"/>
                  <a:gd name="connsiteY243" fmla="*/ 3914 h 10000"/>
                  <a:gd name="connsiteX244" fmla="*/ 3680 w 10000"/>
                  <a:gd name="connsiteY244" fmla="*/ 3855 h 10000"/>
                  <a:gd name="connsiteX245" fmla="*/ 3801 w 10000"/>
                  <a:gd name="connsiteY245" fmla="*/ 3752 h 10000"/>
                  <a:gd name="connsiteX246" fmla="*/ 3923 w 10000"/>
                  <a:gd name="connsiteY246" fmla="*/ 3663 h 10000"/>
                  <a:gd name="connsiteX247" fmla="*/ 4019 w 10000"/>
                  <a:gd name="connsiteY247" fmla="*/ 3560 h 10000"/>
                  <a:gd name="connsiteX248" fmla="*/ 4092 w 10000"/>
                  <a:gd name="connsiteY248" fmla="*/ 3442 h 10000"/>
                  <a:gd name="connsiteX249" fmla="*/ 4165 w 10000"/>
                  <a:gd name="connsiteY249" fmla="*/ 3323 h 10000"/>
                  <a:gd name="connsiteX250" fmla="*/ 4213 w 10000"/>
                  <a:gd name="connsiteY250" fmla="*/ 3220 h 10000"/>
                  <a:gd name="connsiteX251" fmla="*/ 4237 w 10000"/>
                  <a:gd name="connsiteY251" fmla="*/ 3102 h 10000"/>
                  <a:gd name="connsiteX252" fmla="*/ 4262 w 10000"/>
                  <a:gd name="connsiteY252" fmla="*/ 3013 h 10000"/>
                  <a:gd name="connsiteX253" fmla="*/ 4237 w 10000"/>
                  <a:gd name="connsiteY253" fmla="*/ 2939 h 10000"/>
                  <a:gd name="connsiteX254" fmla="*/ 4213 w 10000"/>
                  <a:gd name="connsiteY254" fmla="*/ 2866 h 10000"/>
                  <a:gd name="connsiteX255" fmla="*/ 4140 w 10000"/>
                  <a:gd name="connsiteY255" fmla="*/ 2836 h 10000"/>
                  <a:gd name="connsiteX256" fmla="*/ 4044 w 10000"/>
                  <a:gd name="connsiteY256" fmla="*/ 2836 h 10000"/>
                  <a:gd name="connsiteX257" fmla="*/ 3923 w 10000"/>
                  <a:gd name="connsiteY257" fmla="*/ 2866 h 10000"/>
                  <a:gd name="connsiteX258" fmla="*/ 4019 w 10000"/>
                  <a:gd name="connsiteY258" fmla="*/ 2777 h 10000"/>
                  <a:gd name="connsiteX259" fmla="*/ 4068 w 10000"/>
                  <a:gd name="connsiteY259" fmla="*/ 2674 h 10000"/>
                  <a:gd name="connsiteX260" fmla="*/ 4092 w 10000"/>
                  <a:gd name="connsiteY260" fmla="*/ 2541 h 10000"/>
                  <a:gd name="connsiteX261" fmla="*/ 4092 w 10000"/>
                  <a:gd name="connsiteY261" fmla="*/ 2393 h 10000"/>
                  <a:gd name="connsiteX262" fmla="*/ 4116 w 10000"/>
                  <a:gd name="connsiteY262" fmla="*/ 2349 h 10000"/>
                  <a:gd name="connsiteX263" fmla="*/ 4165 w 10000"/>
                  <a:gd name="connsiteY263" fmla="*/ 2304 h 10000"/>
                  <a:gd name="connsiteX264" fmla="*/ 4213 w 10000"/>
                  <a:gd name="connsiteY264" fmla="*/ 2290 h 10000"/>
                  <a:gd name="connsiteX265" fmla="*/ 4286 w 10000"/>
                  <a:gd name="connsiteY265" fmla="*/ 2275 h 10000"/>
                  <a:gd name="connsiteX266" fmla="*/ 4504 w 10000"/>
                  <a:gd name="connsiteY266" fmla="*/ 2260 h 10000"/>
                  <a:gd name="connsiteX267" fmla="*/ 4697 w 10000"/>
                  <a:gd name="connsiteY267" fmla="*/ 2275 h 10000"/>
                  <a:gd name="connsiteX268" fmla="*/ 4673 w 10000"/>
                  <a:gd name="connsiteY268" fmla="*/ 2112 h 10000"/>
                  <a:gd name="connsiteX269" fmla="*/ 4625 w 10000"/>
                  <a:gd name="connsiteY269" fmla="*/ 1950 h 10000"/>
                  <a:gd name="connsiteX270" fmla="*/ 4552 w 10000"/>
                  <a:gd name="connsiteY270" fmla="*/ 1802 h 10000"/>
                  <a:gd name="connsiteX271" fmla="*/ 4455 w 10000"/>
                  <a:gd name="connsiteY271" fmla="*/ 1640 h 10000"/>
                  <a:gd name="connsiteX272" fmla="*/ 4213 w 10000"/>
                  <a:gd name="connsiteY272" fmla="*/ 1329 h 10000"/>
                  <a:gd name="connsiteX273" fmla="*/ 3971 w 10000"/>
                  <a:gd name="connsiteY273" fmla="*/ 1034 h 10000"/>
                  <a:gd name="connsiteX274" fmla="*/ 3850 w 10000"/>
                  <a:gd name="connsiteY274" fmla="*/ 901 h 10000"/>
                  <a:gd name="connsiteX275" fmla="*/ 3753 w 10000"/>
                  <a:gd name="connsiteY275" fmla="*/ 753 h 10000"/>
                  <a:gd name="connsiteX276" fmla="*/ 3680 w 10000"/>
                  <a:gd name="connsiteY276" fmla="*/ 620 h 10000"/>
                  <a:gd name="connsiteX277" fmla="*/ 3656 w 10000"/>
                  <a:gd name="connsiteY277" fmla="*/ 487 h 10000"/>
                  <a:gd name="connsiteX278" fmla="*/ 3632 w 10000"/>
                  <a:gd name="connsiteY278" fmla="*/ 355 h 10000"/>
                  <a:gd name="connsiteX279" fmla="*/ 3680 w 10000"/>
                  <a:gd name="connsiteY279" fmla="*/ 222 h 10000"/>
                  <a:gd name="connsiteX280" fmla="*/ 3705 w 10000"/>
                  <a:gd name="connsiteY280" fmla="*/ 162 h 10000"/>
                  <a:gd name="connsiteX281" fmla="*/ 3753 w 10000"/>
                  <a:gd name="connsiteY281" fmla="*/ 103 h 10000"/>
                  <a:gd name="connsiteX282" fmla="*/ 3826 w 10000"/>
                  <a:gd name="connsiteY282" fmla="*/ 59 h 10000"/>
                  <a:gd name="connsiteX283" fmla="*/ 3923 w 10000"/>
                  <a:gd name="connsiteY283" fmla="*/ 0 h 10000"/>
                  <a:gd name="connsiteX0" fmla="*/ 3923 w 9831"/>
                  <a:gd name="connsiteY0" fmla="*/ 0 h 10000"/>
                  <a:gd name="connsiteX1" fmla="*/ 4092 w 9831"/>
                  <a:gd name="connsiteY1" fmla="*/ 0 h 10000"/>
                  <a:gd name="connsiteX2" fmla="*/ 4262 w 9831"/>
                  <a:gd name="connsiteY2" fmla="*/ 15 h 10000"/>
                  <a:gd name="connsiteX3" fmla="*/ 4431 w 9831"/>
                  <a:gd name="connsiteY3" fmla="*/ 44 h 10000"/>
                  <a:gd name="connsiteX4" fmla="*/ 4552 w 9831"/>
                  <a:gd name="connsiteY4" fmla="*/ 89 h 10000"/>
                  <a:gd name="connsiteX5" fmla="*/ 4746 w 9831"/>
                  <a:gd name="connsiteY5" fmla="*/ 192 h 10000"/>
                  <a:gd name="connsiteX6" fmla="*/ 4939 w 9831"/>
                  <a:gd name="connsiteY6" fmla="*/ 340 h 10000"/>
                  <a:gd name="connsiteX7" fmla="*/ 5085 w 9831"/>
                  <a:gd name="connsiteY7" fmla="*/ 473 h 10000"/>
                  <a:gd name="connsiteX8" fmla="*/ 5278 w 9831"/>
                  <a:gd name="connsiteY8" fmla="*/ 591 h 10000"/>
                  <a:gd name="connsiteX9" fmla="*/ 5400 w 9831"/>
                  <a:gd name="connsiteY9" fmla="*/ 650 h 10000"/>
                  <a:gd name="connsiteX10" fmla="*/ 5545 w 9831"/>
                  <a:gd name="connsiteY10" fmla="*/ 679 h 10000"/>
                  <a:gd name="connsiteX11" fmla="*/ 5690 w 9831"/>
                  <a:gd name="connsiteY11" fmla="*/ 709 h 10000"/>
                  <a:gd name="connsiteX12" fmla="*/ 5884 w 9831"/>
                  <a:gd name="connsiteY12" fmla="*/ 709 h 10000"/>
                  <a:gd name="connsiteX13" fmla="*/ 5884 w 9831"/>
                  <a:gd name="connsiteY13" fmla="*/ 768 h 10000"/>
                  <a:gd name="connsiteX14" fmla="*/ 5908 w 9831"/>
                  <a:gd name="connsiteY14" fmla="*/ 842 h 10000"/>
                  <a:gd name="connsiteX15" fmla="*/ 5956 w 9831"/>
                  <a:gd name="connsiteY15" fmla="*/ 916 h 10000"/>
                  <a:gd name="connsiteX16" fmla="*/ 6005 w 9831"/>
                  <a:gd name="connsiteY16" fmla="*/ 990 h 10000"/>
                  <a:gd name="connsiteX17" fmla="*/ 6077 w 9831"/>
                  <a:gd name="connsiteY17" fmla="*/ 1049 h 10000"/>
                  <a:gd name="connsiteX18" fmla="*/ 6174 w 9831"/>
                  <a:gd name="connsiteY18" fmla="*/ 1108 h 10000"/>
                  <a:gd name="connsiteX19" fmla="*/ 6295 w 9831"/>
                  <a:gd name="connsiteY19" fmla="*/ 1182 h 10000"/>
                  <a:gd name="connsiteX20" fmla="*/ 6392 w 9831"/>
                  <a:gd name="connsiteY20" fmla="*/ 1226 h 10000"/>
                  <a:gd name="connsiteX21" fmla="*/ 6489 w 9831"/>
                  <a:gd name="connsiteY21" fmla="*/ 1270 h 10000"/>
                  <a:gd name="connsiteX22" fmla="*/ 6586 w 9831"/>
                  <a:gd name="connsiteY22" fmla="*/ 1300 h 10000"/>
                  <a:gd name="connsiteX23" fmla="*/ 6683 w 9831"/>
                  <a:gd name="connsiteY23" fmla="*/ 1315 h 10000"/>
                  <a:gd name="connsiteX24" fmla="*/ 6804 w 9831"/>
                  <a:gd name="connsiteY24" fmla="*/ 1300 h 10000"/>
                  <a:gd name="connsiteX25" fmla="*/ 6901 w 9831"/>
                  <a:gd name="connsiteY25" fmla="*/ 1285 h 10000"/>
                  <a:gd name="connsiteX26" fmla="*/ 6973 w 9831"/>
                  <a:gd name="connsiteY26" fmla="*/ 1241 h 10000"/>
                  <a:gd name="connsiteX27" fmla="*/ 7022 w 9831"/>
                  <a:gd name="connsiteY27" fmla="*/ 1167 h 10000"/>
                  <a:gd name="connsiteX28" fmla="*/ 7046 w 9831"/>
                  <a:gd name="connsiteY28" fmla="*/ 1064 h 10000"/>
                  <a:gd name="connsiteX29" fmla="*/ 7409 w 9831"/>
                  <a:gd name="connsiteY29" fmla="*/ 1034 h 10000"/>
                  <a:gd name="connsiteX30" fmla="*/ 7748 w 9831"/>
                  <a:gd name="connsiteY30" fmla="*/ 1004 h 10000"/>
                  <a:gd name="connsiteX31" fmla="*/ 8039 w 9831"/>
                  <a:gd name="connsiteY31" fmla="*/ 990 h 10000"/>
                  <a:gd name="connsiteX32" fmla="*/ 8305 w 9831"/>
                  <a:gd name="connsiteY32" fmla="*/ 1004 h 10000"/>
                  <a:gd name="connsiteX33" fmla="*/ 8426 w 9831"/>
                  <a:gd name="connsiteY33" fmla="*/ 1019 h 10000"/>
                  <a:gd name="connsiteX34" fmla="*/ 8547 w 9831"/>
                  <a:gd name="connsiteY34" fmla="*/ 1034 h 10000"/>
                  <a:gd name="connsiteX35" fmla="*/ 8644 w 9831"/>
                  <a:gd name="connsiteY35" fmla="*/ 1064 h 10000"/>
                  <a:gd name="connsiteX36" fmla="*/ 8765 w 9831"/>
                  <a:gd name="connsiteY36" fmla="*/ 1108 h 10000"/>
                  <a:gd name="connsiteX37" fmla="*/ 8838 w 9831"/>
                  <a:gd name="connsiteY37" fmla="*/ 1182 h 10000"/>
                  <a:gd name="connsiteX38" fmla="*/ 8910 w 9831"/>
                  <a:gd name="connsiteY38" fmla="*/ 1241 h 10000"/>
                  <a:gd name="connsiteX39" fmla="*/ 8959 w 9831"/>
                  <a:gd name="connsiteY39" fmla="*/ 1329 h 10000"/>
                  <a:gd name="connsiteX40" fmla="*/ 9007 w 9831"/>
                  <a:gd name="connsiteY40" fmla="*/ 1433 h 10000"/>
                  <a:gd name="connsiteX41" fmla="*/ 9056 w 9831"/>
                  <a:gd name="connsiteY41" fmla="*/ 1551 h 10000"/>
                  <a:gd name="connsiteX42" fmla="*/ 9031 w 9831"/>
                  <a:gd name="connsiteY42" fmla="*/ 1625 h 10000"/>
                  <a:gd name="connsiteX43" fmla="*/ 9007 w 9831"/>
                  <a:gd name="connsiteY43" fmla="*/ 1684 h 10000"/>
                  <a:gd name="connsiteX44" fmla="*/ 8959 w 9831"/>
                  <a:gd name="connsiteY44" fmla="*/ 1758 h 10000"/>
                  <a:gd name="connsiteX45" fmla="*/ 8886 w 9831"/>
                  <a:gd name="connsiteY45" fmla="*/ 1802 h 10000"/>
                  <a:gd name="connsiteX46" fmla="*/ 8838 w 9831"/>
                  <a:gd name="connsiteY46" fmla="*/ 1861 h 10000"/>
                  <a:gd name="connsiteX47" fmla="*/ 8814 w 9831"/>
                  <a:gd name="connsiteY47" fmla="*/ 1935 h 10000"/>
                  <a:gd name="connsiteX48" fmla="*/ 8838 w 9831"/>
                  <a:gd name="connsiteY48" fmla="*/ 2024 h 10000"/>
                  <a:gd name="connsiteX49" fmla="*/ 9104 w 9831"/>
                  <a:gd name="connsiteY49" fmla="*/ 2157 h 10000"/>
                  <a:gd name="connsiteX50" fmla="*/ 9419 w 9831"/>
                  <a:gd name="connsiteY50" fmla="*/ 2275 h 10000"/>
                  <a:gd name="connsiteX51" fmla="*/ 9540 w 9831"/>
                  <a:gd name="connsiteY51" fmla="*/ 2349 h 10000"/>
                  <a:gd name="connsiteX52" fmla="*/ 9685 w 9831"/>
                  <a:gd name="connsiteY52" fmla="*/ 2422 h 10000"/>
                  <a:gd name="connsiteX53" fmla="*/ 9831 w 9831"/>
                  <a:gd name="connsiteY53" fmla="*/ 2467 h 10000"/>
                  <a:gd name="connsiteX54" fmla="*/ 6852 w 9831"/>
                  <a:gd name="connsiteY54" fmla="*/ 4313 h 10000"/>
                  <a:gd name="connsiteX55" fmla="*/ 6852 w 9831"/>
                  <a:gd name="connsiteY55" fmla="*/ 4431 h 10000"/>
                  <a:gd name="connsiteX56" fmla="*/ 6852 w 9831"/>
                  <a:gd name="connsiteY56" fmla="*/ 4549 h 10000"/>
                  <a:gd name="connsiteX57" fmla="*/ 6804 w 9831"/>
                  <a:gd name="connsiteY57" fmla="*/ 4564 h 10000"/>
                  <a:gd name="connsiteX58" fmla="*/ 6731 w 9831"/>
                  <a:gd name="connsiteY58" fmla="*/ 4594 h 10000"/>
                  <a:gd name="connsiteX59" fmla="*/ 6683 w 9831"/>
                  <a:gd name="connsiteY59" fmla="*/ 4638 h 10000"/>
                  <a:gd name="connsiteX60" fmla="*/ 6683 w 9831"/>
                  <a:gd name="connsiteY60" fmla="*/ 4697 h 10000"/>
                  <a:gd name="connsiteX61" fmla="*/ 6659 w 9831"/>
                  <a:gd name="connsiteY61" fmla="*/ 4801 h 10000"/>
                  <a:gd name="connsiteX62" fmla="*/ 6659 w 9831"/>
                  <a:gd name="connsiteY62" fmla="*/ 4904 h 10000"/>
                  <a:gd name="connsiteX63" fmla="*/ 6538 w 9831"/>
                  <a:gd name="connsiteY63" fmla="*/ 4860 h 10000"/>
                  <a:gd name="connsiteX64" fmla="*/ 6465 w 9831"/>
                  <a:gd name="connsiteY64" fmla="*/ 4801 h 10000"/>
                  <a:gd name="connsiteX65" fmla="*/ 6392 w 9831"/>
                  <a:gd name="connsiteY65" fmla="*/ 4727 h 10000"/>
                  <a:gd name="connsiteX66" fmla="*/ 6320 w 9831"/>
                  <a:gd name="connsiteY66" fmla="*/ 4638 h 10000"/>
                  <a:gd name="connsiteX67" fmla="*/ 6199 w 9831"/>
                  <a:gd name="connsiteY67" fmla="*/ 4476 h 10000"/>
                  <a:gd name="connsiteX68" fmla="*/ 6077 w 9831"/>
                  <a:gd name="connsiteY68" fmla="*/ 4313 h 10000"/>
                  <a:gd name="connsiteX69" fmla="*/ 6223 w 9831"/>
                  <a:gd name="connsiteY69" fmla="*/ 4210 h 10000"/>
                  <a:gd name="connsiteX70" fmla="*/ 6416 w 9831"/>
                  <a:gd name="connsiteY70" fmla="*/ 4121 h 10000"/>
                  <a:gd name="connsiteX71" fmla="*/ 6634 w 9831"/>
                  <a:gd name="connsiteY71" fmla="*/ 4032 h 10000"/>
                  <a:gd name="connsiteX72" fmla="*/ 6877 w 9831"/>
                  <a:gd name="connsiteY72" fmla="*/ 3959 h 10000"/>
                  <a:gd name="connsiteX73" fmla="*/ 7385 w 9831"/>
                  <a:gd name="connsiteY73" fmla="*/ 3811 h 10000"/>
                  <a:gd name="connsiteX74" fmla="*/ 7893 w 9831"/>
                  <a:gd name="connsiteY74" fmla="*/ 3663 h 10000"/>
                  <a:gd name="connsiteX75" fmla="*/ 8136 w 9831"/>
                  <a:gd name="connsiteY75" fmla="*/ 3589 h 10000"/>
                  <a:gd name="connsiteX76" fmla="*/ 8378 w 9831"/>
                  <a:gd name="connsiteY76" fmla="*/ 3516 h 10000"/>
                  <a:gd name="connsiteX77" fmla="*/ 8571 w 9831"/>
                  <a:gd name="connsiteY77" fmla="*/ 3412 h 10000"/>
                  <a:gd name="connsiteX78" fmla="*/ 8765 w 9831"/>
                  <a:gd name="connsiteY78" fmla="*/ 3338 h 10000"/>
                  <a:gd name="connsiteX79" fmla="*/ 8886 w 9831"/>
                  <a:gd name="connsiteY79" fmla="*/ 3235 h 10000"/>
                  <a:gd name="connsiteX80" fmla="*/ 8983 w 9831"/>
                  <a:gd name="connsiteY80" fmla="*/ 3117 h 10000"/>
                  <a:gd name="connsiteX81" fmla="*/ 9007 w 9831"/>
                  <a:gd name="connsiteY81" fmla="*/ 3072 h 10000"/>
                  <a:gd name="connsiteX82" fmla="*/ 9031 w 9831"/>
                  <a:gd name="connsiteY82" fmla="*/ 3013 h 10000"/>
                  <a:gd name="connsiteX83" fmla="*/ 9031 w 9831"/>
                  <a:gd name="connsiteY83" fmla="*/ 2954 h 10000"/>
                  <a:gd name="connsiteX84" fmla="*/ 9007 w 9831"/>
                  <a:gd name="connsiteY84" fmla="*/ 2866 h 10000"/>
                  <a:gd name="connsiteX85" fmla="*/ 8838 w 9831"/>
                  <a:gd name="connsiteY85" fmla="*/ 2984 h 10000"/>
                  <a:gd name="connsiteX86" fmla="*/ 8644 w 9831"/>
                  <a:gd name="connsiteY86" fmla="*/ 3072 h 10000"/>
                  <a:gd name="connsiteX87" fmla="*/ 8450 w 9831"/>
                  <a:gd name="connsiteY87" fmla="*/ 3161 h 10000"/>
                  <a:gd name="connsiteX88" fmla="*/ 8257 w 9831"/>
                  <a:gd name="connsiteY88" fmla="*/ 3250 h 10000"/>
                  <a:gd name="connsiteX89" fmla="*/ 7821 w 9831"/>
                  <a:gd name="connsiteY89" fmla="*/ 3397 h 10000"/>
                  <a:gd name="connsiteX90" fmla="*/ 7361 w 9831"/>
                  <a:gd name="connsiteY90" fmla="*/ 3545 h 10000"/>
                  <a:gd name="connsiteX91" fmla="*/ 6901 w 9831"/>
                  <a:gd name="connsiteY91" fmla="*/ 3678 h 10000"/>
                  <a:gd name="connsiteX92" fmla="*/ 6465 w 9831"/>
                  <a:gd name="connsiteY92" fmla="*/ 3840 h 10000"/>
                  <a:gd name="connsiteX93" fmla="*/ 6247 w 9831"/>
                  <a:gd name="connsiteY93" fmla="*/ 3914 h 10000"/>
                  <a:gd name="connsiteX94" fmla="*/ 6053 w 9831"/>
                  <a:gd name="connsiteY94" fmla="*/ 4003 h 10000"/>
                  <a:gd name="connsiteX95" fmla="*/ 5860 w 9831"/>
                  <a:gd name="connsiteY95" fmla="*/ 4106 h 10000"/>
                  <a:gd name="connsiteX96" fmla="*/ 5666 w 9831"/>
                  <a:gd name="connsiteY96" fmla="*/ 4195 h 10000"/>
                  <a:gd name="connsiteX97" fmla="*/ 5811 w 9831"/>
                  <a:gd name="connsiteY97" fmla="*/ 4417 h 10000"/>
                  <a:gd name="connsiteX98" fmla="*/ 5908 w 9831"/>
                  <a:gd name="connsiteY98" fmla="*/ 4623 h 10000"/>
                  <a:gd name="connsiteX99" fmla="*/ 6005 w 9831"/>
                  <a:gd name="connsiteY99" fmla="*/ 4845 h 10000"/>
                  <a:gd name="connsiteX100" fmla="*/ 6077 w 9831"/>
                  <a:gd name="connsiteY100" fmla="*/ 5081 h 10000"/>
                  <a:gd name="connsiteX101" fmla="*/ 6126 w 9831"/>
                  <a:gd name="connsiteY101" fmla="*/ 5318 h 10000"/>
                  <a:gd name="connsiteX102" fmla="*/ 6150 w 9831"/>
                  <a:gd name="connsiteY102" fmla="*/ 5539 h 10000"/>
                  <a:gd name="connsiteX103" fmla="*/ 6174 w 9831"/>
                  <a:gd name="connsiteY103" fmla="*/ 5775 h 10000"/>
                  <a:gd name="connsiteX104" fmla="*/ 6174 w 9831"/>
                  <a:gd name="connsiteY104" fmla="*/ 5997 h 10000"/>
                  <a:gd name="connsiteX105" fmla="*/ 6150 w 9831"/>
                  <a:gd name="connsiteY105" fmla="*/ 6233 h 10000"/>
                  <a:gd name="connsiteX106" fmla="*/ 6102 w 9831"/>
                  <a:gd name="connsiteY106" fmla="*/ 6470 h 10000"/>
                  <a:gd name="connsiteX107" fmla="*/ 6053 w 9831"/>
                  <a:gd name="connsiteY107" fmla="*/ 6677 h 10000"/>
                  <a:gd name="connsiteX108" fmla="*/ 5981 w 9831"/>
                  <a:gd name="connsiteY108" fmla="*/ 6898 h 10000"/>
                  <a:gd name="connsiteX109" fmla="*/ 5884 w 9831"/>
                  <a:gd name="connsiteY109" fmla="*/ 7105 h 10000"/>
                  <a:gd name="connsiteX110" fmla="*/ 5763 w 9831"/>
                  <a:gd name="connsiteY110" fmla="*/ 7297 h 10000"/>
                  <a:gd name="connsiteX111" fmla="*/ 5617 w 9831"/>
                  <a:gd name="connsiteY111" fmla="*/ 7489 h 10000"/>
                  <a:gd name="connsiteX112" fmla="*/ 5472 w 9831"/>
                  <a:gd name="connsiteY112" fmla="*/ 7681 h 10000"/>
                  <a:gd name="connsiteX113" fmla="*/ 6174 w 9831"/>
                  <a:gd name="connsiteY113" fmla="*/ 7799 h 10000"/>
                  <a:gd name="connsiteX114" fmla="*/ 6901 w 9831"/>
                  <a:gd name="connsiteY114" fmla="*/ 7962 h 10000"/>
                  <a:gd name="connsiteX115" fmla="*/ 7046 w 9831"/>
                  <a:gd name="connsiteY115" fmla="*/ 8021 h 10000"/>
                  <a:gd name="connsiteX116" fmla="*/ 7167 w 9831"/>
                  <a:gd name="connsiteY116" fmla="*/ 8080 h 10000"/>
                  <a:gd name="connsiteX117" fmla="*/ 7288 w 9831"/>
                  <a:gd name="connsiteY117" fmla="*/ 8139 h 10000"/>
                  <a:gd name="connsiteX118" fmla="*/ 7361 w 9831"/>
                  <a:gd name="connsiteY118" fmla="*/ 8227 h 10000"/>
                  <a:gd name="connsiteX119" fmla="*/ 7385 w 9831"/>
                  <a:gd name="connsiteY119" fmla="*/ 8301 h 10000"/>
                  <a:gd name="connsiteX120" fmla="*/ 7385 w 9831"/>
                  <a:gd name="connsiteY120" fmla="*/ 8405 h 10000"/>
                  <a:gd name="connsiteX121" fmla="*/ 7337 w 9831"/>
                  <a:gd name="connsiteY121" fmla="*/ 8523 h 10000"/>
                  <a:gd name="connsiteX122" fmla="*/ 7264 w 9831"/>
                  <a:gd name="connsiteY122" fmla="*/ 8641 h 10000"/>
                  <a:gd name="connsiteX123" fmla="*/ 6949 w 9831"/>
                  <a:gd name="connsiteY123" fmla="*/ 8552 h 10000"/>
                  <a:gd name="connsiteX124" fmla="*/ 6659 w 9831"/>
                  <a:gd name="connsiteY124" fmla="*/ 8449 h 10000"/>
                  <a:gd name="connsiteX125" fmla="*/ 6368 w 9831"/>
                  <a:gd name="connsiteY125" fmla="*/ 8360 h 10000"/>
                  <a:gd name="connsiteX126" fmla="*/ 6077 w 9831"/>
                  <a:gd name="connsiteY126" fmla="*/ 8287 h 10000"/>
                  <a:gd name="connsiteX127" fmla="*/ 5956 w 9831"/>
                  <a:gd name="connsiteY127" fmla="*/ 8449 h 10000"/>
                  <a:gd name="connsiteX128" fmla="*/ 5860 w 9831"/>
                  <a:gd name="connsiteY128" fmla="*/ 8597 h 10000"/>
                  <a:gd name="connsiteX129" fmla="*/ 5811 w 9831"/>
                  <a:gd name="connsiteY129" fmla="*/ 8656 h 10000"/>
                  <a:gd name="connsiteX130" fmla="*/ 5714 w 9831"/>
                  <a:gd name="connsiteY130" fmla="*/ 8700 h 10000"/>
                  <a:gd name="connsiteX131" fmla="*/ 5642 w 9831"/>
                  <a:gd name="connsiteY131" fmla="*/ 8744 h 10000"/>
                  <a:gd name="connsiteX132" fmla="*/ 5569 w 9831"/>
                  <a:gd name="connsiteY132" fmla="*/ 8774 h 10000"/>
                  <a:gd name="connsiteX133" fmla="*/ 5496 w 9831"/>
                  <a:gd name="connsiteY133" fmla="*/ 8804 h 10000"/>
                  <a:gd name="connsiteX134" fmla="*/ 5400 w 9831"/>
                  <a:gd name="connsiteY134" fmla="*/ 8818 h 10000"/>
                  <a:gd name="connsiteX135" fmla="*/ 5278 w 9831"/>
                  <a:gd name="connsiteY135" fmla="*/ 8833 h 10000"/>
                  <a:gd name="connsiteX136" fmla="*/ 5157 w 9831"/>
                  <a:gd name="connsiteY136" fmla="*/ 8833 h 10000"/>
                  <a:gd name="connsiteX137" fmla="*/ 4867 w 9831"/>
                  <a:gd name="connsiteY137" fmla="*/ 8818 h 10000"/>
                  <a:gd name="connsiteX138" fmla="*/ 4504 w 9831"/>
                  <a:gd name="connsiteY138" fmla="*/ 8744 h 10000"/>
                  <a:gd name="connsiteX139" fmla="*/ 4504 w 9831"/>
                  <a:gd name="connsiteY139" fmla="*/ 8922 h 10000"/>
                  <a:gd name="connsiteX140" fmla="*/ 4479 w 9831"/>
                  <a:gd name="connsiteY140" fmla="*/ 9069 h 10000"/>
                  <a:gd name="connsiteX141" fmla="*/ 4455 w 9831"/>
                  <a:gd name="connsiteY141" fmla="*/ 9232 h 10000"/>
                  <a:gd name="connsiteX142" fmla="*/ 4431 w 9831"/>
                  <a:gd name="connsiteY142" fmla="*/ 9365 h 10000"/>
                  <a:gd name="connsiteX143" fmla="*/ 4383 w 9831"/>
                  <a:gd name="connsiteY143" fmla="*/ 9498 h 10000"/>
                  <a:gd name="connsiteX144" fmla="*/ 4286 w 9831"/>
                  <a:gd name="connsiteY144" fmla="*/ 9616 h 10000"/>
                  <a:gd name="connsiteX145" fmla="*/ 4213 w 9831"/>
                  <a:gd name="connsiteY145" fmla="*/ 9734 h 10000"/>
                  <a:gd name="connsiteX146" fmla="*/ 4092 w 9831"/>
                  <a:gd name="connsiteY146" fmla="*/ 9838 h 10000"/>
                  <a:gd name="connsiteX147" fmla="*/ 3801 w 9831"/>
                  <a:gd name="connsiteY147" fmla="*/ 9897 h 10000"/>
                  <a:gd name="connsiteX148" fmla="*/ 3559 w 9831"/>
                  <a:gd name="connsiteY148" fmla="*/ 9941 h 10000"/>
                  <a:gd name="connsiteX149" fmla="*/ 3269 w 9831"/>
                  <a:gd name="connsiteY149" fmla="*/ 9985 h 10000"/>
                  <a:gd name="connsiteX150" fmla="*/ 3051 w 9831"/>
                  <a:gd name="connsiteY150" fmla="*/ 10000 h 10000"/>
                  <a:gd name="connsiteX151" fmla="*/ 2567 w 9831"/>
                  <a:gd name="connsiteY151" fmla="*/ 10000 h 10000"/>
                  <a:gd name="connsiteX152" fmla="*/ 2107 w 9831"/>
                  <a:gd name="connsiteY152" fmla="*/ 9985 h 10000"/>
                  <a:gd name="connsiteX153" fmla="*/ 1671 w 9831"/>
                  <a:gd name="connsiteY153" fmla="*/ 9941 h 10000"/>
                  <a:gd name="connsiteX154" fmla="*/ 1211 w 9831"/>
                  <a:gd name="connsiteY154" fmla="*/ 9911 h 10000"/>
                  <a:gd name="connsiteX155" fmla="*/ 944 w 9831"/>
                  <a:gd name="connsiteY155" fmla="*/ 9911 h 10000"/>
                  <a:gd name="connsiteX156" fmla="*/ 702 w 9831"/>
                  <a:gd name="connsiteY156" fmla="*/ 9911 h 10000"/>
                  <a:gd name="connsiteX157" fmla="*/ 436 w 9831"/>
                  <a:gd name="connsiteY157" fmla="*/ 9926 h 10000"/>
                  <a:gd name="connsiteX158" fmla="*/ 169 w 9831"/>
                  <a:gd name="connsiteY158" fmla="*/ 9970 h 10000"/>
                  <a:gd name="connsiteX159" fmla="*/ 97 w 9831"/>
                  <a:gd name="connsiteY159" fmla="*/ 9867 h 10000"/>
                  <a:gd name="connsiteX160" fmla="*/ 48 w 9831"/>
                  <a:gd name="connsiteY160" fmla="*/ 9793 h 10000"/>
                  <a:gd name="connsiteX161" fmla="*/ 0 w 9831"/>
                  <a:gd name="connsiteY161" fmla="*/ 9705 h 10000"/>
                  <a:gd name="connsiteX162" fmla="*/ 0 w 9831"/>
                  <a:gd name="connsiteY162" fmla="*/ 9601 h 10000"/>
                  <a:gd name="connsiteX163" fmla="*/ 48 w 9831"/>
                  <a:gd name="connsiteY163" fmla="*/ 9424 h 10000"/>
                  <a:gd name="connsiteX164" fmla="*/ 97 w 9831"/>
                  <a:gd name="connsiteY164" fmla="*/ 9202 h 10000"/>
                  <a:gd name="connsiteX165" fmla="*/ 145 w 9831"/>
                  <a:gd name="connsiteY165" fmla="*/ 8996 h 10000"/>
                  <a:gd name="connsiteX166" fmla="*/ 194 w 9831"/>
                  <a:gd name="connsiteY166" fmla="*/ 8759 h 10000"/>
                  <a:gd name="connsiteX167" fmla="*/ 218 w 9831"/>
                  <a:gd name="connsiteY167" fmla="*/ 8641 h 10000"/>
                  <a:gd name="connsiteX168" fmla="*/ 218 w 9831"/>
                  <a:gd name="connsiteY168" fmla="*/ 8538 h 10000"/>
                  <a:gd name="connsiteX169" fmla="*/ 194 w 9831"/>
                  <a:gd name="connsiteY169" fmla="*/ 8405 h 10000"/>
                  <a:gd name="connsiteX170" fmla="*/ 169 w 9831"/>
                  <a:gd name="connsiteY170" fmla="*/ 8287 h 10000"/>
                  <a:gd name="connsiteX171" fmla="*/ 412 w 9831"/>
                  <a:gd name="connsiteY171" fmla="*/ 8213 h 10000"/>
                  <a:gd name="connsiteX172" fmla="*/ 654 w 9831"/>
                  <a:gd name="connsiteY172" fmla="*/ 8139 h 10000"/>
                  <a:gd name="connsiteX173" fmla="*/ 896 w 9831"/>
                  <a:gd name="connsiteY173" fmla="*/ 8095 h 10000"/>
                  <a:gd name="connsiteX174" fmla="*/ 1162 w 9831"/>
                  <a:gd name="connsiteY174" fmla="*/ 8065 h 10000"/>
                  <a:gd name="connsiteX175" fmla="*/ 1646 w 9831"/>
                  <a:gd name="connsiteY175" fmla="*/ 8021 h 10000"/>
                  <a:gd name="connsiteX176" fmla="*/ 2131 w 9831"/>
                  <a:gd name="connsiteY176" fmla="*/ 7976 h 10000"/>
                  <a:gd name="connsiteX177" fmla="*/ 2349 w 9831"/>
                  <a:gd name="connsiteY177" fmla="*/ 7947 h 10000"/>
                  <a:gd name="connsiteX178" fmla="*/ 2567 w 9831"/>
                  <a:gd name="connsiteY178" fmla="*/ 7917 h 10000"/>
                  <a:gd name="connsiteX179" fmla="*/ 2760 w 9831"/>
                  <a:gd name="connsiteY179" fmla="*/ 7843 h 10000"/>
                  <a:gd name="connsiteX180" fmla="*/ 2954 w 9831"/>
                  <a:gd name="connsiteY180" fmla="*/ 7784 h 10000"/>
                  <a:gd name="connsiteX181" fmla="*/ 3123 w 9831"/>
                  <a:gd name="connsiteY181" fmla="*/ 7710 h 10000"/>
                  <a:gd name="connsiteX182" fmla="*/ 3269 w 9831"/>
                  <a:gd name="connsiteY182" fmla="*/ 7592 h 10000"/>
                  <a:gd name="connsiteX183" fmla="*/ 3414 w 9831"/>
                  <a:gd name="connsiteY183" fmla="*/ 7474 h 10000"/>
                  <a:gd name="connsiteX184" fmla="*/ 3511 w 9831"/>
                  <a:gd name="connsiteY184" fmla="*/ 7312 h 10000"/>
                  <a:gd name="connsiteX185" fmla="*/ 3317 w 9831"/>
                  <a:gd name="connsiteY185" fmla="*/ 7238 h 10000"/>
                  <a:gd name="connsiteX186" fmla="*/ 3148 w 9831"/>
                  <a:gd name="connsiteY186" fmla="*/ 7179 h 10000"/>
                  <a:gd name="connsiteX187" fmla="*/ 3002 w 9831"/>
                  <a:gd name="connsiteY187" fmla="*/ 7090 h 10000"/>
                  <a:gd name="connsiteX188" fmla="*/ 2857 w 9831"/>
                  <a:gd name="connsiteY188" fmla="*/ 6987 h 10000"/>
                  <a:gd name="connsiteX189" fmla="*/ 2760 w 9831"/>
                  <a:gd name="connsiteY189" fmla="*/ 6869 h 10000"/>
                  <a:gd name="connsiteX190" fmla="*/ 2712 w 9831"/>
                  <a:gd name="connsiteY190" fmla="*/ 6721 h 10000"/>
                  <a:gd name="connsiteX191" fmla="*/ 2688 w 9831"/>
                  <a:gd name="connsiteY191" fmla="*/ 6558 h 10000"/>
                  <a:gd name="connsiteX192" fmla="*/ 2712 w 9831"/>
                  <a:gd name="connsiteY192" fmla="*/ 6352 h 10000"/>
                  <a:gd name="connsiteX193" fmla="*/ 2591 w 9831"/>
                  <a:gd name="connsiteY193" fmla="*/ 6322 h 10000"/>
                  <a:gd name="connsiteX194" fmla="*/ 2446 w 9831"/>
                  <a:gd name="connsiteY194" fmla="*/ 6292 h 10000"/>
                  <a:gd name="connsiteX195" fmla="*/ 2276 w 9831"/>
                  <a:gd name="connsiteY195" fmla="*/ 6278 h 10000"/>
                  <a:gd name="connsiteX196" fmla="*/ 2107 w 9831"/>
                  <a:gd name="connsiteY196" fmla="*/ 6263 h 10000"/>
                  <a:gd name="connsiteX197" fmla="*/ 1768 w 9831"/>
                  <a:gd name="connsiteY197" fmla="*/ 6248 h 10000"/>
                  <a:gd name="connsiteX198" fmla="*/ 1404 w 9831"/>
                  <a:gd name="connsiteY198" fmla="*/ 6263 h 10000"/>
                  <a:gd name="connsiteX199" fmla="*/ 1090 w 9831"/>
                  <a:gd name="connsiteY199" fmla="*/ 6278 h 10000"/>
                  <a:gd name="connsiteX200" fmla="*/ 799 w 9831"/>
                  <a:gd name="connsiteY200" fmla="*/ 6278 h 10000"/>
                  <a:gd name="connsiteX201" fmla="*/ 557 w 9831"/>
                  <a:gd name="connsiteY201" fmla="*/ 6263 h 10000"/>
                  <a:gd name="connsiteX202" fmla="*/ 363 w 9831"/>
                  <a:gd name="connsiteY202" fmla="*/ 6233 h 10000"/>
                  <a:gd name="connsiteX203" fmla="*/ 605 w 9831"/>
                  <a:gd name="connsiteY203" fmla="*/ 5805 h 10000"/>
                  <a:gd name="connsiteX204" fmla="*/ 872 w 9831"/>
                  <a:gd name="connsiteY204" fmla="*/ 5391 h 10000"/>
                  <a:gd name="connsiteX205" fmla="*/ 969 w 9831"/>
                  <a:gd name="connsiteY205" fmla="*/ 5170 h 10000"/>
                  <a:gd name="connsiteX206" fmla="*/ 1041 w 9831"/>
                  <a:gd name="connsiteY206" fmla="*/ 4963 h 10000"/>
                  <a:gd name="connsiteX207" fmla="*/ 1065 w 9831"/>
                  <a:gd name="connsiteY207" fmla="*/ 4860 h 10000"/>
                  <a:gd name="connsiteX208" fmla="*/ 1041 w 9831"/>
                  <a:gd name="connsiteY208" fmla="*/ 4756 h 10000"/>
                  <a:gd name="connsiteX209" fmla="*/ 1017 w 9831"/>
                  <a:gd name="connsiteY209" fmla="*/ 4653 h 10000"/>
                  <a:gd name="connsiteX210" fmla="*/ 944 w 9831"/>
                  <a:gd name="connsiteY210" fmla="*/ 4549 h 10000"/>
                  <a:gd name="connsiteX211" fmla="*/ 1211 w 9831"/>
                  <a:gd name="connsiteY211" fmla="*/ 4520 h 10000"/>
                  <a:gd name="connsiteX212" fmla="*/ 1404 w 9831"/>
                  <a:gd name="connsiteY212" fmla="*/ 4505 h 10000"/>
                  <a:gd name="connsiteX213" fmla="*/ 1574 w 9831"/>
                  <a:gd name="connsiteY213" fmla="*/ 4505 h 10000"/>
                  <a:gd name="connsiteX214" fmla="*/ 1719 w 9831"/>
                  <a:gd name="connsiteY214" fmla="*/ 4520 h 10000"/>
                  <a:gd name="connsiteX215" fmla="*/ 1840 w 9831"/>
                  <a:gd name="connsiteY215" fmla="*/ 4520 h 10000"/>
                  <a:gd name="connsiteX216" fmla="*/ 1985 w 9831"/>
                  <a:gd name="connsiteY216" fmla="*/ 4520 h 10000"/>
                  <a:gd name="connsiteX217" fmla="*/ 2131 w 9831"/>
                  <a:gd name="connsiteY217" fmla="*/ 4490 h 10000"/>
                  <a:gd name="connsiteX218" fmla="*/ 2324 w 9831"/>
                  <a:gd name="connsiteY218" fmla="*/ 4446 h 10000"/>
                  <a:gd name="connsiteX219" fmla="*/ 2324 w 9831"/>
                  <a:gd name="connsiteY219" fmla="*/ 4579 h 10000"/>
                  <a:gd name="connsiteX220" fmla="*/ 2324 w 9831"/>
                  <a:gd name="connsiteY220" fmla="*/ 4742 h 10000"/>
                  <a:gd name="connsiteX221" fmla="*/ 2324 w 9831"/>
                  <a:gd name="connsiteY221" fmla="*/ 4874 h 10000"/>
                  <a:gd name="connsiteX222" fmla="*/ 2324 w 9831"/>
                  <a:gd name="connsiteY222" fmla="*/ 5037 h 10000"/>
                  <a:gd name="connsiteX223" fmla="*/ 2542 w 9831"/>
                  <a:gd name="connsiteY223" fmla="*/ 5022 h 10000"/>
                  <a:gd name="connsiteX224" fmla="*/ 2688 w 9831"/>
                  <a:gd name="connsiteY224" fmla="*/ 5037 h 10000"/>
                  <a:gd name="connsiteX225" fmla="*/ 2809 w 9831"/>
                  <a:gd name="connsiteY225" fmla="*/ 5066 h 10000"/>
                  <a:gd name="connsiteX226" fmla="*/ 2930 w 9831"/>
                  <a:gd name="connsiteY226" fmla="*/ 5096 h 10000"/>
                  <a:gd name="connsiteX227" fmla="*/ 3027 w 9831"/>
                  <a:gd name="connsiteY227" fmla="*/ 5126 h 10000"/>
                  <a:gd name="connsiteX228" fmla="*/ 3148 w 9831"/>
                  <a:gd name="connsiteY228" fmla="*/ 5155 h 10000"/>
                  <a:gd name="connsiteX229" fmla="*/ 3293 w 9831"/>
                  <a:gd name="connsiteY229" fmla="*/ 5170 h 10000"/>
                  <a:gd name="connsiteX230" fmla="*/ 3511 w 9831"/>
                  <a:gd name="connsiteY230" fmla="*/ 5155 h 10000"/>
                  <a:gd name="connsiteX231" fmla="*/ 3584 w 9831"/>
                  <a:gd name="connsiteY231" fmla="*/ 5096 h 10000"/>
                  <a:gd name="connsiteX232" fmla="*/ 3656 w 9831"/>
                  <a:gd name="connsiteY232" fmla="*/ 5022 h 10000"/>
                  <a:gd name="connsiteX233" fmla="*/ 3680 w 9831"/>
                  <a:gd name="connsiteY233" fmla="*/ 4934 h 10000"/>
                  <a:gd name="connsiteX234" fmla="*/ 3705 w 9831"/>
                  <a:gd name="connsiteY234" fmla="*/ 4860 h 10000"/>
                  <a:gd name="connsiteX235" fmla="*/ 3729 w 9831"/>
                  <a:gd name="connsiteY235" fmla="*/ 4697 h 10000"/>
                  <a:gd name="connsiteX236" fmla="*/ 3705 w 9831"/>
                  <a:gd name="connsiteY236" fmla="*/ 4520 h 10000"/>
                  <a:gd name="connsiteX237" fmla="*/ 3632 w 9831"/>
                  <a:gd name="connsiteY237" fmla="*/ 4343 h 10000"/>
                  <a:gd name="connsiteX238" fmla="*/ 3559 w 9831"/>
                  <a:gd name="connsiteY238" fmla="*/ 4195 h 10000"/>
                  <a:gd name="connsiteX239" fmla="*/ 3438 w 9831"/>
                  <a:gd name="connsiteY239" fmla="*/ 4047 h 10000"/>
                  <a:gd name="connsiteX240" fmla="*/ 3317 w 9831"/>
                  <a:gd name="connsiteY240" fmla="*/ 3959 h 10000"/>
                  <a:gd name="connsiteX241" fmla="*/ 3462 w 9831"/>
                  <a:gd name="connsiteY241" fmla="*/ 3944 h 10000"/>
                  <a:gd name="connsiteX242" fmla="*/ 3584 w 9831"/>
                  <a:gd name="connsiteY242" fmla="*/ 3914 h 10000"/>
                  <a:gd name="connsiteX243" fmla="*/ 3680 w 9831"/>
                  <a:gd name="connsiteY243" fmla="*/ 3855 h 10000"/>
                  <a:gd name="connsiteX244" fmla="*/ 3801 w 9831"/>
                  <a:gd name="connsiteY244" fmla="*/ 3752 h 10000"/>
                  <a:gd name="connsiteX245" fmla="*/ 3923 w 9831"/>
                  <a:gd name="connsiteY245" fmla="*/ 3663 h 10000"/>
                  <a:gd name="connsiteX246" fmla="*/ 4019 w 9831"/>
                  <a:gd name="connsiteY246" fmla="*/ 3560 h 10000"/>
                  <a:gd name="connsiteX247" fmla="*/ 4092 w 9831"/>
                  <a:gd name="connsiteY247" fmla="*/ 3442 h 10000"/>
                  <a:gd name="connsiteX248" fmla="*/ 4165 w 9831"/>
                  <a:gd name="connsiteY248" fmla="*/ 3323 h 10000"/>
                  <a:gd name="connsiteX249" fmla="*/ 4213 w 9831"/>
                  <a:gd name="connsiteY249" fmla="*/ 3220 h 10000"/>
                  <a:gd name="connsiteX250" fmla="*/ 4237 w 9831"/>
                  <a:gd name="connsiteY250" fmla="*/ 3102 h 10000"/>
                  <a:gd name="connsiteX251" fmla="*/ 4262 w 9831"/>
                  <a:gd name="connsiteY251" fmla="*/ 3013 h 10000"/>
                  <a:gd name="connsiteX252" fmla="*/ 4237 w 9831"/>
                  <a:gd name="connsiteY252" fmla="*/ 2939 h 10000"/>
                  <a:gd name="connsiteX253" fmla="*/ 4213 w 9831"/>
                  <a:gd name="connsiteY253" fmla="*/ 2866 h 10000"/>
                  <a:gd name="connsiteX254" fmla="*/ 4140 w 9831"/>
                  <a:gd name="connsiteY254" fmla="*/ 2836 h 10000"/>
                  <a:gd name="connsiteX255" fmla="*/ 4044 w 9831"/>
                  <a:gd name="connsiteY255" fmla="*/ 2836 h 10000"/>
                  <a:gd name="connsiteX256" fmla="*/ 3923 w 9831"/>
                  <a:gd name="connsiteY256" fmla="*/ 2866 h 10000"/>
                  <a:gd name="connsiteX257" fmla="*/ 4019 w 9831"/>
                  <a:gd name="connsiteY257" fmla="*/ 2777 h 10000"/>
                  <a:gd name="connsiteX258" fmla="*/ 4068 w 9831"/>
                  <a:gd name="connsiteY258" fmla="*/ 2674 h 10000"/>
                  <a:gd name="connsiteX259" fmla="*/ 4092 w 9831"/>
                  <a:gd name="connsiteY259" fmla="*/ 2541 h 10000"/>
                  <a:gd name="connsiteX260" fmla="*/ 4092 w 9831"/>
                  <a:gd name="connsiteY260" fmla="*/ 2393 h 10000"/>
                  <a:gd name="connsiteX261" fmla="*/ 4116 w 9831"/>
                  <a:gd name="connsiteY261" fmla="*/ 2349 h 10000"/>
                  <a:gd name="connsiteX262" fmla="*/ 4165 w 9831"/>
                  <a:gd name="connsiteY262" fmla="*/ 2304 h 10000"/>
                  <a:gd name="connsiteX263" fmla="*/ 4213 w 9831"/>
                  <a:gd name="connsiteY263" fmla="*/ 2290 h 10000"/>
                  <a:gd name="connsiteX264" fmla="*/ 4286 w 9831"/>
                  <a:gd name="connsiteY264" fmla="*/ 2275 h 10000"/>
                  <a:gd name="connsiteX265" fmla="*/ 4504 w 9831"/>
                  <a:gd name="connsiteY265" fmla="*/ 2260 h 10000"/>
                  <a:gd name="connsiteX266" fmla="*/ 4697 w 9831"/>
                  <a:gd name="connsiteY266" fmla="*/ 2275 h 10000"/>
                  <a:gd name="connsiteX267" fmla="*/ 4673 w 9831"/>
                  <a:gd name="connsiteY267" fmla="*/ 2112 h 10000"/>
                  <a:gd name="connsiteX268" fmla="*/ 4625 w 9831"/>
                  <a:gd name="connsiteY268" fmla="*/ 1950 h 10000"/>
                  <a:gd name="connsiteX269" fmla="*/ 4552 w 9831"/>
                  <a:gd name="connsiteY269" fmla="*/ 1802 h 10000"/>
                  <a:gd name="connsiteX270" fmla="*/ 4455 w 9831"/>
                  <a:gd name="connsiteY270" fmla="*/ 1640 h 10000"/>
                  <a:gd name="connsiteX271" fmla="*/ 4213 w 9831"/>
                  <a:gd name="connsiteY271" fmla="*/ 1329 h 10000"/>
                  <a:gd name="connsiteX272" fmla="*/ 3971 w 9831"/>
                  <a:gd name="connsiteY272" fmla="*/ 1034 h 10000"/>
                  <a:gd name="connsiteX273" fmla="*/ 3850 w 9831"/>
                  <a:gd name="connsiteY273" fmla="*/ 901 h 10000"/>
                  <a:gd name="connsiteX274" fmla="*/ 3753 w 9831"/>
                  <a:gd name="connsiteY274" fmla="*/ 753 h 10000"/>
                  <a:gd name="connsiteX275" fmla="*/ 3680 w 9831"/>
                  <a:gd name="connsiteY275" fmla="*/ 620 h 10000"/>
                  <a:gd name="connsiteX276" fmla="*/ 3656 w 9831"/>
                  <a:gd name="connsiteY276" fmla="*/ 487 h 10000"/>
                  <a:gd name="connsiteX277" fmla="*/ 3632 w 9831"/>
                  <a:gd name="connsiteY277" fmla="*/ 355 h 10000"/>
                  <a:gd name="connsiteX278" fmla="*/ 3680 w 9831"/>
                  <a:gd name="connsiteY278" fmla="*/ 222 h 10000"/>
                  <a:gd name="connsiteX279" fmla="*/ 3705 w 9831"/>
                  <a:gd name="connsiteY279" fmla="*/ 162 h 10000"/>
                  <a:gd name="connsiteX280" fmla="*/ 3753 w 9831"/>
                  <a:gd name="connsiteY280" fmla="*/ 103 h 10000"/>
                  <a:gd name="connsiteX281" fmla="*/ 3826 w 9831"/>
                  <a:gd name="connsiteY281" fmla="*/ 59 h 10000"/>
                  <a:gd name="connsiteX282" fmla="*/ 3923 w 9831"/>
                  <a:gd name="connsiteY282" fmla="*/ 0 h 10000"/>
                  <a:gd name="connsiteX0" fmla="*/ 3990 w 9851"/>
                  <a:gd name="connsiteY0" fmla="*/ 0 h 10000"/>
                  <a:gd name="connsiteX1" fmla="*/ 4162 w 9851"/>
                  <a:gd name="connsiteY1" fmla="*/ 0 h 10000"/>
                  <a:gd name="connsiteX2" fmla="*/ 4335 w 9851"/>
                  <a:gd name="connsiteY2" fmla="*/ 15 h 10000"/>
                  <a:gd name="connsiteX3" fmla="*/ 4507 w 9851"/>
                  <a:gd name="connsiteY3" fmla="*/ 44 h 10000"/>
                  <a:gd name="connsiteX4" fmla="*/ 4630 w 9851"/>
                  <a:gd name="connsiteY4" fmla="*/ 89 h 10000"/>
                  <a:gd name="connsiteX5" fmla="*/ 4828 w 9851"/>
                  <a:gd name="connsiteY5" fmla="*/ 192 h 10000"/>
                  <a:gd name="connsiteX6" fmla="*/ 5024 w 9851"/>
                  <a:gd name="connsiteY6" fmla="*/ 340 h 10000"/>
                  <a:gd name="connsiteX7" fmla="*/ 5172 w 9851"/>
                  <a:gd name="connsiteY7" fmla="*/ 473 h 10000"/>
                  <a:gd name="connsiteX8" fmla="*/ 5369 w 9851"/>
                  <a:gd name="connsiteY8" fmla="*/ 591 h 10000"/>
                  <a:gd name="connsiteX9" fmla="*/ 5493 w 9851"/>
                  <a:gd name="connsiteY9" fmla="*/ 650 h 10000"/>
                  <a:gd name="connsiteX10" fmla="*/ 5640 w 9851"/>
                  <a:gd name="connsiteY10" fmla="*/ 679 h 10000"/>
                  <a:gd name="connsiteX11" fmla="*/ 5788 w 9851"/>
                  <a:gd name="connsiteY11" fmla="*/ 709 h 10000"/>
                  <a:gd name="connsiteX12" fmla="*/ 5985 w 9851"/>
                  <a:gd name="connsiteY12" fmla="*/ 709 h 10000"/>
                  <a:gd name="connsiteX13" fmla="*/ 5985 w 9851"/>
                  <a:gd name="connsiteY13" fmla="*/ 768 h 10000"/>
                  <a:gd name="connsiteX14" fmla="*/ 6010 w 9851"/>
                  <a:gd name="connsiteY14" fmla="*/ 842 h 10000"/>
                  <a:gd name="connsiteX15" fmla="*/ 6058 w 9851"/>
                  <a:gd name="connsiteY15" fmla="*/ 916 h 10000"/>
                  <a:gd name="connsiteX16" fmla="*/ 6108 w 9851"/>
                  <a:gd name="connsiteY16" fmla="*/ 990 h 10000"/>
                  <a:gd name="connsiteX17" fmla="*/ 6181 w 9851"/>
                  <a:gd name="connsiteY17" fmla="*/ 1049 h 10000"/>
                  <a:gd name="connsiteX18" fmla="*/ 6280 w 9851"/>
                  <a:gd name="connsiteY18" fmla="*/ 1108 h 10000"/>
                  <a:gd name="connsiteX19" fmla="*/ 6403 w 9851"/>
                  <a:gd name="connsiteY19" fmla="*/ 1182 h 10000"/>
                  <a:gd name="connsiteX20" fmla="*/ 6502 w 9851"/>
                  <a:gd name="connsiteY20" fmla="*/ 1226 h 10000"/>
                  <a:gd name="connsiteX21" fmla="*/ 6601 w 9851"/>
                  <a:gd name="connsiteY21" fmla="*/ 1270 h 10000"/>
                  <a:gd name="connsiteX22" fmla="*/ 6699 w 9851"/>
                  <a:gd name="connsiteY22" fmla="*/ 1300 h 10000"/>
                  <a:gd name="connsiteX23" fmla="*/ 6798 w 9851"/>
                  <a:gd name="connsiteY23" fmla="*/ 1315 h 10000"/>
                  <a:gd name="connsiteX24" fmla="*/ 6921 w 9851"/>
                  <a:gd name="connsiteY24" fmla="*/ 1300 h 10000"/>
                  <a:gd name="connsiteX25" fmla="*/ 7020 w 9851"/>
                  <a:gd name="connsiteY25" fmla="*/ 1285 h 10000"/>
                  <a:gd name="connsiteX26" fmla="*/ 7093 w 9851"/>
                  <a:gd name="connsiteY26" fmla="*/ 1241 h 10000"/>
                  <a:gd name="connsiteX27" fmla="*/ 7143 w 9851"/>
                  <a:gd name="connsiteY27" fmla="*/ 1167 h 10000"/>
                  <a:gd name="connsiteX28" fmla="*/ 7167 w 9851"/>
                  <a:gd name="connsiteY28" fmla="*/ 1064 h 10000"/>
                  <a:gd name="connsiteX29" fmla="*/ 7536 w 9851"/>
                  <a:gd name="connsiteY29" fmla="*/ 1034 h 10000"/>
                  <a:gd name="connsiteX30" fmla="*/ 7881 w 9851"/>
                  <a:gd name="connsiteY30" fmla="*/ 1004 h 10000"/>
                  <a:gd name="connsiteX31" fmla="*/ 8177 w 9851"/>
                  <a:gd name="connsiteY31" fmla="*/ 990 h 10000"/>
                  <a:gd name="connsiteX32" fmla="*/ 8448 w 9851"/>
                  <a:gd name="connsiteY32" fmla="*/ 1004 h 10000"/>
                  <a:gd name="connsiteX33" fmla="*/ 8571 w 9851"/>
                  <a:gd name="connsiteY33" fmla="*/ 1019 h 10000"/>
                  <a:gd name="connsiteX34" fmla="*/ 8694 w 9851"/>
                  <a:gd name="connsiteY34" fmla="*/ 1034 h 10000"/>
                  <a:gd name="connsiteX35" fmla="*/ 8793 w 9851"/>
                  <a:gd name="connsiteY35" fmla="*/ 1064 h 10000"/>
                  <a:gd name="connsiteX36" fmla="*/ 8916 w 9851"/>
                  <a:gd name="connsiteY36" fmla="*/ 1108 h 10000"/>
                  <a:gd name="connsiteX37" fmla="*/ 8990 w 9851"/>
                  <a:gd name="connsiteY37" fmla="*/ 1182 h 10000"/>
                  <a:gd name="connsiteX38" fmla="*/ 9063 w 9851"/>
                  <a:gd name="connsiteY38" fmla="*/ 1241 h 10000"/>
                  <a:gd name="connsiteX39" fmla="*/ 9113 w 9851"/>
                  <a:gd name="connsiteY39" fmla="*/ 1329 h 10000"/>
                  <a:gd name="connsiteX40" fmla="*/ 9162 w 9851"/>
                  <a:gd name="connsiteY40" fmla="*/ 1433 h 10000"/>
                  <a:gd name="connsiteX41" fmla="*/ 9212 w 9851"/>
                  <a:gd name="connsiteY41" fmla="*/ 1551 h 10000"/>
                  <a:gd name="connsiteX42" fmla="*/ 9186 w 9851"/>
                  <a:gd name="connsiteY42" fmla="*/ 1625 h 10000"/>
                  <a:gd name="connsiteX43" fmla="*/ 9162 w 9851"/>
                  <a:gd name="connsiteY43" fmla="*/ 1684 h 10000"/>
                  <a:gd name="connsiteX44" fmla="*/ 9113 w 9851"/>
                  <a:gd name="connsiteY44" fmla="*/ 1758 h 10000"/>
                  <a:gd name="connsiteX45" fmla="*/ 9039 w 9851"/>
                  <a:gd name="connsiteY45" fmla="*/ 1802 h 10000"/>
                  <a:gd name="connsiteX46" fmla="*/ 8990 w 9851"/>
                  <a:gd name="connsiteY46" fmla="*/ 1861 h 10000"/>
                  <a:gd name="connsiteX47" fmla="*/ 8966 w 9851"/>
                  <a:gd name="connsiteY47" fmla="*/ 1935 h 10000"/>
                  <a:gd name="connsiteX48" fmla="*/ 8990 w 9851"/>
                  <a:gd name="connsiteY48" fmla="*/ 2024 h 10000"/>
                  <a:gd name="connsiteX49" fmla="*/ 9261 w 9851"/>
                  <a:gd name="connsiteY49" fmla="*/ 2157 h 10000"/>
                  <a:gd name="connsiteX50" fmla="*/ 9581 w 9851"/>
                  <a:gd name="connsiteY50" fmla="*/ 2275 h 10000"/>
                  <a:gd name="connsiteX51" fmla="*/ 9704 w 9851"/>
                  <a:gd name="connsiteY51" fmla="*/ 2349 h 10000"/>
                  <a:gd name="connsiteX52" fmla="*/ 9851 w 9851"/>
                  <a:gd name="connsiteY52" fmla="*/ 2422 h 10000"/>
                  <a:gd name="connsiteX53" fmla="*/ 6970 w 9851"/>
                  <a:gd name="connsiteY53" fmla="*/ 4313 h 10000"/>
                  <a:gd name="connsiteX54" fmla="*/ 6970 w 9851"/>
                  <a:gd name="connsiteY54" fmla="*/ 4431 h 10000"/>
                  <a:gd name="connsiteX55" fmla="*/ 6970 w 9851"/>
                  <a:gd name="connsiteY55" fmla="*/ 4549 h 10000"/>
                  <a:gd name="connsiteX56" fmla="*/ 6921 w 9851"/>
                  <a:gd name="connsiteY56" fmla="*/ 4564 h 10000"/>
                  <a:gd name="connsiteX57" fmla="*/ 6847 w 9851"/>
                  <a:gd name="connsiteY57" fmla="*/ 4594 h 10000"/>
                  <a:gd name="connsiteX58" fmla="*/ 6798 w 9851"/>
                  <a:gd name="connsiteY58" fmla="*/ 4638 h 10000"/>
                  <a:gd name="connsiteX59" fmla="*/ 6798 w 9851"/>
                  <a:gd name="connsiteY59" fmla="*/ 4697 h 10000"/>
                  <a:gd name="connsiteX60" fmla="*/ 6773 w 9851"/>
                  <a:gd name="connsiteY60" fmla="*/ 4801 h 10000"/>
                  <a:gd name="connsiteX61" fmla="*/ 6773 w 9851"/>
                  <a:gd name="connsiteY61" fmla="*/ 4904 h 10000"/>
                  <a:gd name="connsiteX62" fmla="*/ 6650 w 9851"/>
                  <a:gd name="connsiteY62" fmla="*/ 4860 h 10000"/>
                  <a:gd name="connsiteX63" fmla="*/ 6576 w 9851"/>
                  <a:gd name="connsiteY63" fmla="*/ 4801 h 10000"/>
                  <a:gd name="connsiteX64" fmla="*/ 6502 w 9851"/>
                  <a:gd name="connsiteY64" fmla="*/ 4727 h 10000"/>
                  <a:gd name="connsiteX65" fmla="*/ 6429 w 9851"/>
                  <a:gd name="connsiteY65" fmla="*/ 4638 h 10000"/>
                  <a:gd name="connsiteX66" fmla="*/ 6306 w 9851"/>
                  <a:gd name="connsiteY66" fmla="*/ 4476 h 10000"/>
                  <a:gd name="connsiteX67" fmla="*/ 6181 w 9851"/>
                  <a:gd name="connsiteY67" fmla="*/ 4313 h 10000"/>
                  <a:gd name="connsiteX68" fmla="*/ 6330 w 9851"/>
                  <a:gd name="connsiteY68" fmla="*/ 4210 h 10000"/>
                  <a:gd name="connsiteX69" fmla="*/ 6526 w 9851"/>
                  <a:gd name="connsiteY69" fmla="*/ 4121 h 10000"/>
                  <a:gd name="connsiteX70" fmla="*/ 6748 w 9851"/>
                  <a:gd name="connsiteY70" fmla="*/ 4032 h 10000"/>
                  <a:gd name="connsiteX71" fmla="*/ 6995 w 9851"/>
                  <a:gd name="connsiteY71" fmla="*/ 3959 h 10000"/>
                  <a:gd name="connsiteX72" fmla="*/ 7512 w 9851"/>
                  <a:gd name="connsiteY72" fmla="*/ 3811 h 10000"/>
                  <a:gd name="connsiteX73" fmla="*/ 8029 w 9851"/>
                  <a:gd name="connsiteY73" fmla="*/ 3663 h 10000"/>
                  <a:gd name="connsiteX74" fmla="*/ 8276 w 9851"/>
                  <a:gd name="connsiteY74" fmla="*/ 3589 h 10000"/>
                  <a:gd name="connsiteX75" fmla="*/ 8522 w 9851"/>
                  <a:gd name="connsiteY75" fmla="*/ 3516 h 10000"/>
                  <a:gd name="connsiteX76" fmla="*/ 8718 w 9851"/>
                  <a:gd name="connsiteY76" fmla="*/ 3412 h 10000"/>
                  <a:gd name="connsiteX77" fmla="*/ 8916 w 9851"/>
                  <a:gd name="connsiteY77" fmla="*/ 3338 h 10000"/>
                  <a:gd name="connsiteX78" fmla="*/ 9039 w 9851"/>
                  <a:gd name="connsiteY78" fmla="*/ 3235 h 10000"/>
                  <a:gd name="connsiteX79" fmla="*/ 9137 w 9851"/>
                  <a:gd name="connsiteY79" fmla="*/ 3117 h 10000"/>
                  <a:gd name="connsiteX80" fmla="*/ 9162 w 9851"/>
                  <a:gd name="connsiteY80" fmla="*/ 3072 h 10000"/>
                  <a:gd name="connsiteX81" fmla="*/ 9186 w 9851"/>
                  <a:gd name="connsiteY81" fmla="*/ 3013 h 10000"/>
                  <a:gd name="connsiteX82" fmla="*/ 9186 w 9851"/>
                  <a:gd name="connsiteY82" fmla="*/ 2954 h 10000"/>
                  <a:gd name="connsiteX83" fmla="*/ 9162 w 9851"/>
                  <a:gd name="connsiteY83" fmla="*/ 2866 h 10000"/>
                  <a:gd name="connsiteX84" fmla="*/ 8990 w 9851"/>
                  <a:gd name="connsiteY84" fmla="*/ 2984 h 10000"/>
                  <a:gd name="connsiteX85" fmla="*/ 8793 w 9851"/>
                  <a:gd name="connsiteY85" fmla="*/ 3072 h 10000"/>
                  <a:gd name="connsiteX86" fmla="*/ 8595 w 9851"/>
                  <a:gd name="connsiteY86" fmla="*/ 3161 h 10000"/>
                  <a:gd name="connsiteX87" fmla="*/ 8399 w 9851"/>
                  <a:gd name="connsiteY87" fmla="*/ 3250 h 10000"/>
                  <a:gd name="connsiteX88" fmla="*/ 7955 w 9851"/>
                  <a:gd name="connsiteY88" fmla="*/ 3397 h 10000"/>
                  <a:gd name="connsiteX89" fmla="*/ 7488 w 9851"/>
                  <a:gd name="connsiteY89" fmla="*/ 3545 h 10000"/>
                  <a:gd name="connsiteX90" fmla="*/ 7020 w 9851"/>
                  <a:gd name="connsiteY90" fmla="*/ 3678 h 10000"/>
                  <a:gd name="connsiteX91" fmla="*/ 6576 w 9851"/>
                  <a:gd name="connsiteY91" fmla="*/ 3840 h 10000"/>
                  <a:gd name="connsiteX92" fmla="*/ 6354 w 9851"/>
                  <a:gd name="connsiteY92" fmla="*/ 3914 h 10000"/>
                  <a:gd name="connsiteX93" fmla="*/ 6157 w 9851"/>
                  <a:gd name="connsiteY93" fmla="*/ 4003 h 10000"/>
                  <a:gd name="connsiteX94" fmla="*/ 5961 w 9851"/>
                  <a:gd name="connsiteY94" fmla="*/ 4106 h 10000"/>
                  <a:gd name="connsiteX95" fmla="*/ 5763 w 9851"/>
                  <a:gd name="connsiteY95" fmla="*/ 4195 h 10000"/>
                  <a:gd name="connsiteX96" fmla="*/ 5911 w 9851"/>
                  <a:gd name="connsiteY96" fmla="*/ 4417 h 10000"/>
                  <a:gd name="connsiteX97" fmla="*/ 6010 w 9851"/>
                  <a:gd name="connsiteY97" fmla="*/ 4623 h 10000"/>
                  <a:gd name="connsiteX98" fmla="*/ 6108 w 9851"/>
                  <a:gd name="connsiteY98" fmla="*/ 4845 h 10000"/>
                  <a:gd name="connsiteX99" fmla="*/ 6181 w 9851"/>
                  <a:gd name="connsiteY99" fmla="*/ 5081 h 10000"/>
                  <a:gd name="connsiteX100" fmla="*/ 6231 w 9851"/>
                  <a:gd name="connsiteY100" fmla="*/ 5318 h 10000"/>
                  <a:gd name="connsiteX101" fmla="*/ 6256 w 9851"/>
                  <a:gd name="connsiteY101" fmla="*/ 5539 h 10000"/>
                  <a:gd name="connsiteX102" fmla="*/ 6280 w 9851"/>
                  <a:gd name="connsiteY102" fmla="*/ 5775 h 10000"/>
                  <a:gd name="connsiteX103" fmla="*/ 6280 w 9851"/>
                  <a:gd name="connsiteY103" fmla="*/ 5997 h 10000"/>
                  <a:gd name="connsiteX104" fmla="*/ 6256 w 9851"/>
                  <a:gd name="connsiteY104" fmla="*/ 6233 h 10000"/>
                  <a:gd name="connsiteX105" fmla="*/ 6207 w 9851"/>
                  <a:gd name="connsiteY105" fmla="*/ 6470 h 10000"/>
                  <a:gd name="connsiteX106" fmla="*/ 6157 w 9851"/>
                  <a:gd name="connsiteY106" fmla="*/ 6677 h 10000"/>
                  <a:gd name="connsiteX107" fmla="*/ 6084 w 9851"/>
                  <a:gd name="connsiteY107" fmla="*/ 6898 h 10000"/>
                  <a:gd name="connsiteX108" fmla="*/ 5985 w 9851"/>
                  <a:gd name="connsiteY108" fmla="*/ 7105 h 10000"/>
                  <a:gd name="connsiteX109" fmla="*/ 5862 w 9851"/>
                  <a:gd name="connsiteY109" fmla="*/ 7297 h 10000"/>
                  <a:gd name="connsiteX110" fmla="*/ 5714 w 9851"/>
                  <a:gd name="connsiteY110" fmla="*/ 7489 h 10000"/>
                  <a:gd name="connsiteX111" fmla="*/ 5566 w 9851"/>
                  <a:gd name="connsiteY111" fmla="*/ 7681 h 10000"/>
                  <a:gd name="connsiteX112" fmla="*/ 6280 w 9851"/>
                  <a:gd name="connsiteY112" fmla="*/ 7799 h 10000"/>
                  <a:gd name="connsiteX113" fmla="*/ 7020 w 9851"/>
                  <a:gd name="connsiteY113" fmla="*/ 7962 h 10000"/>
                  <a:gd name="connsiteX114" fmla="*/ 7167 w 9851"/>
                  <a:gd name="connsiteY114" fmla="*/ 8021 h 10000"/>
                  <a:gd name="connsiteX115" fmla="*/ 7290 w 9851"/>
                  <a:gd name="connsiteY115" fmla="*/ 8080 h 10000"/>
                  <a:gd name="connsiteX116" fmla="*/ 7413 w 9851"/>
                  <a:gd name="connsiteY116" fmla="*/ 8139 h 10000"/>
                  <a:gd name="connsiteX117" fmla="*/ 7488 w 9851"/>
                  <a:gd name="connsiteY117" fmla="*/ 8227 h 10000"/>
                  <a:gd name="connsiteX118" fmla="*/ 7512 w 9851"/>
                  <a:gd name="connsiteY118" fmla="*/ 8301 h 10000"/>
                  <a:gd name="connsiteX119" fmla="*/ 7512 w 9851"/>
                  <a:gd name="connsiteY119" fmla="*/ 8405 h 10000"/>
                  <a:gd name="connsiteX120" fmla="*/ 7463 w 9851"/>
                  <a:gd name="connsiteY120" fmla="*/ 8523 h 10000"/>
                  <a:gd name="connsiteX121" fmla="*/ 7389 w 9851"/>
                  <a:gd name="connsiteY121" fmla="*/ 8641 h 10000"/>
                  <a:gd name="connsiteX122" fmla="*/ 7068 w 9851"/>
                  <a:gd name="connsiteY122" fmla="*/ 8552 h 10000"/>
                  <a:gd name="connsiteX123" fmla="*/ 6773 w 9851"/>
                  <a:gd name="connsiteY123" fmla="*/ 8449 h 10000"/>
                  <a:gd name="connsiteX124" fmla="*/ 6477 w 9851"/>
                  <a:gd name="connsiteY124" fmla="*/ 8360 h 10000"/>
                  <a:gd name="connsiteX125" fmla="*/ 6181 w 9851"/>
                  <a:gd name="connsiteY125" fmla="*/ 8287 h 10000"/>
                  <a:gd name="connsiteX126" fmla="*/ 6058 w 9851"/>
                  <a:gd name="connsiteY126" fmla="*/ 8449 h 10000"/>
                  <a:gd name="connsiteX127" fmla="*/ 5961 w 9851"/>
                  <a:gd name="connsiteY127" fmla="*/ 8597 h 10000"/>
                  <a:gd name="connsiteX128" fmla="*/ 5911 w 9851"/>
                  <a:gd name="connsiteY128" fmla="*/ 8656 h 10000"/>
                  <a:gd name="connsiteX129" fmla="*/ 5812 w 9851"/>
                  <a:gd name="connsiteY129" fmla="*/ 8700 h 10000"/>
                  <a:gd name="connsiteX130" fmla="*/ 5739 w 9851"/>
                  <a:gd name="connsiteY130" fmla="*/ 8744 h 10000"/>
                  <a:gd name="connsiteX131" fmla="*/ 5665 w 9851"/>
                  <a:gd name="connsiteY131" fmla="*/ 8774 h 10000"/>
                  <a:gd name="connsiteX132" fmla="*/ 5590 w 9851"/>
                  <a:gd name="connsiteY132" fmla="*/ 8804 h 10000"/>
                  <a:gd name="connsiteX133" fmla="*/ 5493 w 9851"/>
                  <a:gd name="connsiteY133" fmla="*/ 8818 h 10000"/>
                  <a:gd name="connsiteX134" fmla="*/ 5369 w 9851"/>
                  <a:gd name="connsiteY134" fmla="*/ 8833 h 10000"/>
                  <a:gd name="connsiteX135" fmla="*/ 5246 w 9851"/>
                  <a:gd name="connsiteY135" fmla="*/ 8833 h 10000"/>
                  <a:gd name="connsiteX136" fmla="*/ 4951 w 9851"/>
                  <a:gd name="connsiteY136" fmla="*/ 8818 h 10000"/>
                  <a:gd name="connsiteX137" fmla="*/ 4581 w 9851"/>
                  <a:gd name="connsiteY137" fmla="*/ 8744 h 10000"/>
                  <a:gd name="connsiteX138" fmla="*/ 4581 w 9851"/>
                  <a:gd name="connsiteY138" fmla="*/ 8922 h 10000"/>
                  <a:gd name="connsiteX139" fmla="*/ 4556 w 9851"/>
                  <a:gd name="connsiteY139" fmla="*/ 9069 h 10000"/>
                  <a:gd name="connsiteX140" fmla="*/ 4532 w 9851"/>
                  <a:gd name="connsiteY140" fmla="*/ 9232 h 10000"/>
                  <a:gd name="connsiteX141" fmla="*/ 4507 w 9851"/>
                  <a:gd name="connsiteY141" fmla="*/ 9365 h 10000"/>
                  <a:gd name="connsiteX142" fmla="*/ 4458 w 9851"/>
                  <a:gd name="connsiteY142" fmla="*/ 9498 h 10000"/>
                  <a:gd name="connsiteX143" fmla="*/ 4360 w 9851"/>
                  <a:gd name="connsiteY143" fmla="*/ 9616 h 10000"/>
                  <a:gd name="connsiteX144" fmla="*/ 4285 w 9851"/>
                  <a:gd name="connsiteY144" fmla="*/ 9734 h 10000"/>
                  <a:gd name="connsiteX145" fmla="*/ 4162 w 9851"/>
                  <a:gd name="connsiteY145" fmla="*/ 9838 h 10000"/>
                  <a:gd name="connsiteX146" fmla="*/ 3866 w 9851"/>
                  <a:gd name="connsiteY146" fmla="*/ 9897 h 10000"/>
                  <a:gd name="connsiteX147" fmla="*/ 3620 w 9851"/>
                  <a:gd name="connsiteY147" fmla="*/ 9941 h 10000"/>
                  <a:gd name="connsiteX148" fmla="*/ 3325 w 9851"/>
                  <a:gd name="connsiteY148" fmla="*/ 9985 h 10000"/>
                  <a:gd name="connsiteX149" fmla="*/ 3103 w 9851"/>
                  <a:gd name="connsiteY149" fmla="*/ 10000 h 10000"/>
                  <a:gd name="connsiteX150" fmla="*/ 2611 w 9851"/>
                  <a:gd name="connsiteY150" fmla="*/ 10000 h 10000"/>
                  <a:gd name="connsiteX151" fmla="*/ 2143 w 9851"/>
                  <a:gd name="connsiteY151" fmla="*/ 9985 h 10000"/>
                  <a:gd name="connsiteX152" fmla="*/ 1700 w 9851"/>
                  <a:gd name="connsiteY152" fmla="*/ 9941 h 10000"/>
                  <a:gd name="connsiteX153" fmla="*/ 1232 w 9851"/>
                  <a:gd name="connsiteY153" fmla="*/ 9911 h 10000"/>
                  <a:gd name="connsiteX154" fmla="*/ 960 w 9851"/>
                  <a:gd name="connsiteY154" fmla="*/ 9911 h 10000"/>
                  <a:gd name="connsiteX155" fmla="*/ 714 w 9851"/>
                  <a:gd name="connsiteY155" fmla="*/ 9911 h 10000"/>
                  <a:gd name="connsiteX156" fmla="*/ 443 w 9851"/>
                  <a:gd name="connsiteY156" fmla="*/ 9926 h 10000"/>
                  <a:gd name="connsiteX157" fmla="*/ 172 w 9851"/>
                  <a:gd name="connsiteY157" fmla="*/ 9970 h 10000"/>
                  <a:gd name="connsiteX158" fmla="*/ 99 w 9851"/>
                  <a:gd name="connsiteY158" fmla="*/ 9867 h 10000"/>
                  <a:gd name="connsiteX159" fmla="*/ 49 w 9851"/>
                  <a:gd name="connsiteY159" fmla="*/ 9793 h 10000"/>
                  <a:gd name="connsiteX160" fmla="*/ 0 w 9851"/>
                  <a:gd name="connsiteY160" fmla="*/ 9705 h 10000"/>
                  <a:gd name="connsiteX161" fmla="*/ 0 w 9851"/>
                  <a:gd name="connsiteY161" fmla="*/ 9601 h 10000"/>
                  <a:gd name="connsiteX162" fmla="*/ 49 w 9851"/>
                  <a:gd name="connsiteY162" fmla="*/ 9424 h 10000"/>
                  <a:gd name="connsiteX163" fmla="*/ 99 w 9851"/>
                  <a:gd name="connsiteY163" fmla="*/ 9202 h 10000"/>
                  <a:gd name="connsiteX164" fmla="*/ 147 w 9851"/>
                  <a:gd name="connsiteY164" fmla="*/ 8996 h 10000"/>
                  <a:gd name="connsiteX165" fmla="*/ 197 w 9851"/>
                  <a:gd name="connsiteY165" fmla="*/ 8759 h 10000"/>
                  <a:gd name="connsiteX166" fmla="*/ 222 w 9851"/>
                  <a:gd name="connsiteY166" fmla="*/ 8641 h 10000"/>
                  <a:gd name="connsiteX167" fmla="*/ 222 w 9851"/>
                  <a:gd name="connsiteY167" fmla="*/ 8538 h 10000"/>
                  <a:gd name="connsiteX168" fmla="*/ 197 w 9851"/>
                  <a:gd name="connsiteY168" fmla="*/ 8405 h 10000"/>
                  <a:gd name="connsiteX169" fmla="*/ 172 w 9851"/>
                  <a:gd name="connsiteY169" fmla="*/ 8287 h 10000"/>
                  <a:gd name="connsiteX170" fmla="*/ 419 w 9851"/>
                  <a:gd name="connsiteY170" fmla="*/ 8213 h 10000"/>
                  <a:gd name="connsiteX171" fmla="*/ 665 w 9851"/>
                  <a:gd name="connsiteY171" fmla="*/ 8139 h 10000"/>
                  <a:gd name="connsiteX172" fmla="*/ 911 w 9851"/>
                  <a:gd name="connsiteY172" fmla="*/ 8095 h 10000"/>
                  <a:gd name="connsiteX173" fmla="*/ 1182 w 9851"/>
                  <a:gd name="connsiteY173" fmla="*/ 8065 h 10000"/>
                  <a:gd name="connsiteX174" fmla="*/ 1674 w 9851"/>
                  <a:gd name="connsiteY174" fmla="*/ 8021 h 10000"/>
                  <a:gd name="connsiteX175" fmla="*/ 2168 w 9851"/>
                  <a:gd name="connsiteY175" fmla="*/ 7976 h 10000"/>
                  <a:gd name="connsiteX176" fmla="*/ 2389 w 9851"/>
                  <a:gd name="connsiteY176" fmla="*/ 7947 h 10000"/>
                  <a:gd name="connsiteX177" fmla="*/ 2611 w 9851"/>
                  <a:gd name="connsiteY177" fmla="*/ 7917 h 10000"/>
                  <a:gd name="connsiteX178" fmla="*/ 2807 w 9851"/>
                  <a:gd name="connsiteY178" fmla="*/ 7843 h 10000"/>
                  <a:gd name="connsiteX179" fmla="*/ 3005 w 9851"/>
                  <a:gd name="connsiteY179" fmla="*/ 7784 h 10000"/>
                  <a:gd name="connsiteX180" fmla="*/ 3177 w 9851"/>
                  <a:gd name="connsiteY180" fmla="*/ 7710 h 10000"/>
                  <a:gd name="connsiteX181" fmla="*/ 3325 w 9851"/>
                  <a:gd name="connsiteY181" fmla="*/ 7592 h 10000"/>
                  <a:gd name="connsiteX182" fmla="*/ 3473 w 9851"/>
                  <a:gd name="connsiteY182" fmla="*/ 7474 h 10000"/>
                  <a:gd name="connsiteX183" fmla="*/ 3571 w 9851"/>
                  <a:gd name="connsiteY183" fmla="*/ 7312 h 10000"/>
                  <a:gd name="connsiteX184" fmla="*/ 3374 w 9851"/>
                  <a:gd name="connsiteY184" fmla="*/ 7238 h 10000"/>
                  <a:gd name="connsiteX185" fmla="*/ 3202 w 9851"/>
                  <a:gd name="connsiteY185" fmla="*/ 7179 h 10000"/>
                  <a:gd name="connsiteX186" fmla="*/ 3054 w 9851"/>
                  <a:gd name="connsiteY186" fmla="*/ 7090 h 10000"/>
                  <a:gd name="connsiteX187" fmla="*/ 2906 w 9851"/>
                  <a:gd name="connsiteY187" fmla="*/ 6987 h 10000"/>
                  <a:gd name="connsiteX188" fmla="*/ 2807 w 9851"/>
                  <a:gd name="connsiteY188" fmla="*/ 6869 h 10000"/>
                  <a:gd name="connsiteX189" fmla="*/ 2759 w 9851"/>
                  <a:gd name="connsiteY189" fmla="*/ 6721 h 10000"/>
                  <a:gd name="connsiteX190" fmla="*/ 2734 w 9851"/>
                  <a:gd name="connsiteY190" fmla="*/ 6558 h 10000"/>
                  <a:gd name="connsiteX191" fmla="*/ 2759 w 9851"/>
                  <a:gd name="connsiteY191" fmla="*/ 6352 h 10000"/>
                  <a:gd name="connsiteX192" fmla="*/ 2636 w 9851"/>
                  <a:gd name="connsiteY192" fmla="*/ 6322 h 10000"/>
                  <a:gd name="connsiteX193" fmla="*/ 2488 w 9851"/>
                  <a:gd name="connsiteY193" fmla="*/ 6292 h 10000"/>
                  <a:gd name="connsiteX194" fmla="*/ 2315 w 9851"/>
                  <a:gd name="connsiteY194" fmla="*/ 6278 h 10000"/>
                  <a:gd name="connsiteX195" fmla="*/ 2143 w 9851"/>
                  <a:gd name="connsiteY195" fmla="*/ 6263 h 10000"/>
                  <a:gd name="connsiteX196" fmla="*/ 1798 w 9851"/>
                  <a:gd name="connsiteY196" fmla="*/ 6248 h 10000"/>
                  <a:gd name="connsiteX197" fmla="*/ 1428 w 9851"/>
                  <a:gd name="connsiteY197" fmla="*/ 6263 h 10000"/>
                  <a:gd name="connsiteX198" fmla="*/ 1109 w 9851"/>
                  <a:gd name="connsiteY198" fmla="*/ 6278 h 10000"/>
                  <a:gd name="connsiteX199" fmla="*/ 813 w 9851"/>
                  <a:gd name="connsiteY199" fmla="*/ 6278 h 10000"/>
                  <a:gd name="connsiteX200" fmla="*/ 567 w 9851"/>
                  <a:gd name="connsiteY200" fmla="*/ 6263 h 10000"/>
                  <a:gd name="connsiteX201" fmla="*/ 369 w 9851"/>
                  <a:gd name="connsiteY201" fmla="*/ 6233 h 10000"/>
                  <a:gd name="connsiteX202" fmla="*/ 615 w 9851"/>
                  <a:gd name="connsiteY202" fmla="*/ 5805 h 10000"/>
                  <a:gd name="connsiteX203" fmla="*/ 887 w 9851"/>
                  <a:gd name="connsiteY203" fmla="*/ 5391 h 10000"/>
                  <a:gd name="connsiteX204" fmla="*/ 986 w 9851"/>
                  <a:gd name="connsiteY204" fmla="*/ 5170 h 10000"/>
                  <a:gd name="connsiteX205" fmla="*/ 1059 w 9851"/>
                  <a:gd name="connsiteY205" fmla="*/ 4963 h 10000"/>
                  <a:gd name="connsiteX206" fmla="*/ 1083 w 9851"/>
                  <a:gd name="connsiteY206" fmla="*/ 4860 h 10000"/>
                  <a:gd name="connsiteX207" fmla="*/ 1059 w 9851"/>
                  <a:gd name="connsiteY207" fmla="*/ 4756 h 10000"/>
                  <a:gd name="connsiteX208" fmla="*/ 1034 w 9851"/>
                  <a:gd name="connsiteY208" fmla="*/ 4653 h 10000"/>
                  <a:gd name="connsiteX209" fmla="*/ 960 w 9851"/>
                  <a:gd name="connsiteY209" fmla="*/ 4549 h 10000"/>
                  <a:gd name="connsiteX210" fmla="*/ 1232 w 9851"/>
                  <a:gd name="connsiteY210" fmla="*/ 4520 h 10000"/>
                  <a:gd name="connsiteX211" fmla="*/ 1428 w 9851"/>
                  <a:gd name="connsiteY211" fmla="*/ 4505 h 10000"/>
                  <a:gd name="connsiteX212" fmla="*/ 1601 w 9851"/>
                  <a:gd name="connsiteY212" fmla="*/ 4505 h 10000"/>
                  <a:gd name="connsiteX213" fmla="*/ 1749 w 9851"/>
                  <a:gd name="connsiteY213" fmla="*/ 4520 h 10000"/>
                  <a:gd name="connsiteX214" fmla="*/ 1872 w 9851"/>
                  <a:gd name="connsiteY214" fmla="*/ 4520 h 10000"/>
                  <a:gd name="connsiteX215" fmla="*/ 2019 w 9851"/>
                  <a:gd name="connsiteY215" fmla="*/ 4520 h 10000"/>
                  <a:gd name="connsiteX216" fmla="*/ 2168 w 9851"/>
                  <a:gd name="connsiteY216" fmla="*/ 4490 h 10000"/>
                  <a:gd name="connsiteX217" fmla="*/ 2364 w 9851"/>
                  <a:gd name="connsiteY217" fmla="*/ 4446 h 10000"/>
                  <a:gd name="connsiteX218" fmla="*/ 2364 w 9851"/>
                  <a:gd name="connsiteY218" fmla="*/ 4579 h 10000"/>
                  <a:gd name="connsiteX219" fmla="*/ 2364 w 9851"/>
                  <a:gd name="connsiteY219" fmla="*/ 4742 h 10000"/>
                  <a:gd name="connsiteX220" fmla="*/ 2364 w 9851"/>
                  <a:gd name="connsiteY220" fmla="*/ 4874 h 10000"/>
                  <a:gd name="connsiteX221" fmla="*/ 2364 w 9851"/>
                  <a:gd name="connsiteY221" fmla="*/ 5037 h 10000"/>
                  <a:gd name="connsiteX222" fmla="*/ 2586 w 9851"/>
                  <a:gd name="connsiteY222" fmla="*/ 5022 h 10000"/>
                  <a:gd name="connsiteX223" fmla="*/ 2734 w 9851"/>
                  <a:gd name="connsiteY223" fmla="*/ 5037 h 10000"/>
                  <a:gd name="connsiteX224" fmla="*/ 2857 w 9851"/>
                  <a:gd name="connsiteY224" fmla="*/ 5066 h 10000"/>
                  <a:gd name="connsiteX225" fmla="*/ 2980 w 9851"/>
                  <a:gd name="connsiteY225" fmla="*/ 5096 h 10000"/>
                  <a:gd name="connsiteX226" fmla="*/ 3079 w 9851"/>
                  <a:gd name="connsiteY226" fmla="*/ 5126 h 10000"/>
                  <a:gd name="connsiteX227" fmla="*/ 3202 w 9851"/>
                  <a:gd name="connsiteY227" fmla="*/ 5155 h 10000"/>
                  <a:gd name="connsiteX228" fmla="*/ 3350 w 9851"/>
                  <a:gd name="connsiteY228" fmla="*/ 5170 h 10000"/>
                  <a:gd name="connsiteX229" fmla="*/ 3571 w 9851"/>
                  <a:gd name="connsiteY229" fmla="*/ 5155 h 10000"/>
                  <a:gd name="connsiteX230" fmla="*/ 3646 w 9851"/>
                  <a:gd name="connsiteY230" fmla="*/ 5096 h 10000"/>
                  <a:gd name="connsiteX231" fmla="*/ 3719 w 9851"/>
                  <a:gd name="connsiteY231" fmla="*/ 5022 h 10000"/>
                  <a:gd name="connsiteX232" fmla="*/ 3743 w 9851"/>
                  <a:gd name="connsiteY232" fmla="*/ 4934 h 10000"/>
                  <a:gd name="connsiteX233" fmla="*/ 3769 w 9851"/>
                  <a:gd name="connsiteY233" fmla="*/ 4860 h 10000"/>
                  <a:gd name="connsiteX234" fmla="*/ 3793 w 9851"/>
                  <a:gd name="connsiteY234" fmla="*/ 4697 h 10000"/>
                  <a:gd name="connsiteX235" fmla="*/ 3769 w 9851"/>
                  <a:gd name="connsiteY235" fmla="*/ 4520 h 10000"/>
                  <a:gd name="connsiteX236" fmla="*/ 3694 w 9851"/>
                  <a:gd name="connsiteY236" fmla="*/ 4343 h 10000"/>
                  <a:gd name="connsiteX237" fmla="*/ 3620 w 9851"/>
                  <a:gd name="connsiteY237" fmla="*/ 4195 h 10000"/>
                  <a:gd name="connsiteX238" fmla="*/ 3497 w 9851"/>
                  <a:gd name="connsiteY238" fmla="*/ 4047 h 10000"/>
                  <a:gd name="connsiteX239" fmla="*/ 3374 w 9851"/>
                  <a:gd name="connsiteY239" fmla="*/ 3959 h 10000"/>
                  <a:gd name="connsiteX240" fmla="*/ 3522 w 9851"/>
                  <a:gd name="connsiteY240" fmla="*/ 3944 h 10000"/>
                  <a:gd name="connsiteX241" fmla="*/ 3646 w 9851"/>
                  <a:gd name="connsiteY241" fmla="*/ 3914 h 10000"/>
                  <a:gd name="connsiteX242" fmla="*/ 3743 w 9851"/>
                  <a:gd name="connsiteY242" fmla="*/ 3855 h 10000"/>
                  <a:gd name="connsiteX243" fmla="*/ 3866 w 9851"/>
                  <a:gd name="connsiteY243" fmla="*/ 3752 h 10000"/>
                  <a:gd name="connsiteX244" fmla="*/ 3990 w 9851"/>
                  <a:gd name="connsiteY244" fmla="*/ 3663 h 10000"/>
                  <a:gd name="connsiteX245" fmla="*/ 4088 w 9851"/>
                  <a:gd name="connsiteY245" fmla="*/ 3560 h 10000"/>
                  <a:gd name="connsiteX246" fmla="*/ 4162 w 9851"/>
                  <a:gd name="connsiteY246" fmla="*/ 3442 h 10000"/>
                  <a:gd name="connsiteX247" fmla="*/ 4237 w 9851"/>
                  <a:gd name="connsiteY247" fmla="*/ 3323 h 10000"/>
                  <a:gd name="connsiteX248" fmla="*/ 4285 w 9851"/>
                  <a:gd name="connsiteY248" fmla="*/ 3220 h 10000"/>
                  <a:gd name="connsiteX249" fmla="*/ 4310 w 9851"/>
                  <a:gd name="connsiteY249" fmla="*/ 3102 h 10000"/>
                  <a:gd name="connsiteX250" fmla="*/ 4335 w 9851"/>
                  <a:gd name="connsiteY250" fmla="*/ 3013 h 10000"/>
                  <a:gd name="connsiteX251" fmla="*/ 4310 w 9851"/>
                  <a:gd name="connsiteY251" fmla="*/ 2939 h 10000"/>
                  <a:gd name="connsiteX252" fmla="*/ 4285 w 9851"/>
                  <a:gd name="connsiteY252" fmla="*/ 2866 h 10000"/>
                  <a:gd name="connsiteX253" fmla="*/ 4211 w 9851"/>
                  <a:gd name="connsiteY253" fmla="*/ 2836 h 10000"/>
                  <a:gd name="connsiteX254" fmla="*/ 4114 w 9851"/>
                  <a:gd name="connsiteY254" fmla="*/ 2836 h 10000"/>
                  <a:gd name="connsiteX255" fmla="*/ 3990 w 9851"/>
                  <a:gd name="connsiteY255" fmla="*/ 2866 h 10000"/>
                  <a:gd name="connsiteX256" fmla="*/ 4088 w 9851"/>
                  <a:gd name="connsiteY256" fmla="*/ 2777 h 10000"/>
                  <a:gd name="connsiteX257" fmla="*/ 4138 w 9851"/>
                  <a:gd name="connsiteY257" fmla="*/ 2674 h 10000"/>
                  <a:gd name="connsiteX258" fmla="*/ 4162 w 9851"/>
                  <a:gd name="connsiteY258" fmla="*/ 2541 h 10000"/>
                  <a:gd name="connsiteX259" fmla="*/ 4162 w 9851"/>
                  <a:gd name="connsiteY259" fmla="*/ 2393 h 10000"/>
                  <a:gd name="connsiteX260" fmla="*/ 4187 w 9851"/>
                  <a:gd name="connsiteY260" fmla="*/ 2349 h 10000"/>
                  <a:gd name="connsiteX261" fmla="*/ 4237 w 9851"/>
                  <a:gd name="connsiteY261" fmla="*/ 2304 h 10000"/>
                  <a:gd name="connsiteX262" fmla="*/ 4285 w 9851"/>
                  <a:gd name="connsiteY262" fmla="*/ 2290 h 10000"/>
                  <a:gd name="connsiteX263" fmla="*/ 4360 w 9851"/>
                  <a:gd name="connsiteY263" fmla="*/ 2275 h 10000"/>
                  <a:gd name="connsiteX264" fmla="*/ 4581 w 9851"/>
                  <a:gd name="connsiteY264" fmla="*/ 2260 h 10000"/>
                  <a:gd name="connsiteX265" fmla="*/ 4778 w 9851"/>
                  <a:gd name="connsiteY265" fmla="*/ 2275 h 10000"/>
                  <a:gd name="connsiteX266" fmla="*/ 4753 w 9851"/>
                  <a:gd name="connsiteY266" fmla="*/ 2112 h 10000"/>
                  <a:gd name="connsiteX267" fmla="*/ 4705 w 9851"/>
                  <a:gd name="connsiteY267" fmla="*/ 1950 h 10000"/>
                  <a:gd name="connsiteX268" fmla="*/ 4630 w 9851"/>
                  <a:gd name="connsiteY268" fmla="*/ 1802 h 10000"/>
                  <a:gd name="connsiteX269" fmla="*/ 4532 w 9851"/>
                  <a:gd name="connsiteY269" fmla="*/ 1640 h 10000"/>
                  <a:gd name="connsiteX270" fmla="*/ 4285 w 9851"/>
                  <a:gd name="connsiteY270" fmla="*/ 1329 h 10000"/>
                  <a:gd name="connsiteX271" fmla="*/ 4039 w 9851"/>
                  <a:gd name="connsiteY271" fmla="*/ 1034 h 10000"/>
                  <a:gd name="connsiteX272" fmla="*/ 3916 w 9851"/>
                  <a:gd name="connsiteY272" fmla="*/ 901 h 10000"/>
                  <a:gd name="connsiteX273" fmla="*/ 3818 w 9851"/>
                  <a:gd name="connsiteY273" fmla="*/ 753 h 10000"/>
                  <a:gd name="connsiteX274" fmla="*/ 3743 w 9851"/>
                  <a:gd name="connsiteY274" fmla="*/ 620 h 10000"/>
                  <a:gd name="connsiteX275" fmla="*/ 3719 w 9851"/>
                  <a:gd name="connsiteY275" fmla="*/ 487 h 10000"/>
                  <a:gd name="connsiteX276" fmla="*/ 3694 w 9851"/>
                  <a:gd name="connsiteY276" fmla="*/ 355 h 10000"/>
                  <a:gd name="connsiteX277" fmla="*/ 3743 w 9851"/>
                  <a:gd name="connsiteY277" fmla="*/ 222 h 10000"/>
                  <a:gd name="connsiteX278" fmla="*/ 3769 w 9851"/>
                  <a:gd name="connsiteY278" fmla="*/ 162 h 10000"/>
                  <a:gd name="connsiteX279" fmla="*/ 3818 w 9851"/>
                  <a:gd name="connsiteY279" fmla="*/ 103 h 10000"/>
                  <a:gd name="connsiteX280" fmla="*/ 3892 w 9851"/>
                  <a:gd name="connsiteY280" fmla="*/ 59 h 10000"/>
                  <a:gd name="connsiteX281" fmla="*/ 3990 w 9851"/>
                  <a:gd name="connsiteY281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51 w 10000"/>
                  <a:gd name="connsiteY56" fmla="*/ 4594 h 10000"/>
                  <a:gd name="connsiteX57" fmla="*/ 6901 w 10000"/>
                  <a:gd name="connsiteY57" fmla="*/ 4638 h 10000"/>
                  <a:gd name="connsiteX58" fmla="*/ 6901 w 10000"/>
                  <a:gd name="connsiteY58" fmla="*/ 4697 h 10000"/>
                  <a:gd name="connsiteX59" fmla="*/ 6875 w 10000"/>
                  <a:gd name="connsiteY59" fmla="*/ 4801 h 10000"/>
                  <a:gd name="connsiteX60" fmla="*/ 6875 w 10000"/>
                  <a:gd name="connsiteY60" fmla="*/ 4904 h 10000"/>
                  <a:gd name="connsiteX61" fmla="*/ 6751 w 10000"/>
                  <a:gd name="connsiteY61" fmla="*/ 4860 h 10000"/>
                  <a:gd name="connsiteX62" fmla="*/ 6675 w 10000"/>
                  <a:gd name="connsiteY62" fmla="*/ 4801 h 10000"/>
                  <a:gd name="connsiteX63" fmla="*/ 6600 w 10000"/>
                  <a:gd name="connsiteY63" fmla="*/ 4727 h 10000"/>
                  <a:gd name="connsiteX64" fmla="*/ 6526 w 10000"/>
                  <a:gd name="connsiteY64" fmla="*/ 4638 h 10000"/>
                  <a:gd name="connsiteX65" fmla="*/ 6401 w 10000"/>
                  <a:gd name="connsiteY65" fmla="*/ 4476 h 10000"/>
                  <a:gd name="connsiteX66" fmla="*/ 6274 w 10000"/>
                  <a:gd name="connsiteY66" fmla="*/ 4313 h 10000"/>
                  <a:gd name="connsiteX67" fmla="*/ 6426 w 10000"/>
                  <a:gd name="connsiteY67" fmla="*/ 4210 h 10000"/>
                  <a:gd name="connsiteX68" fmla="*/ 6625 w 10000"/>
                  <a:gd name="connsiteY68" fmla="*/ 4121 h 10000"/>
                  <a:gd name="connsiteX69" fmla="*/ 6850 w 10000"/>
                  <a:gd name="connsiteY69" fmla="*/ 4032 h 10000"/>
                  <a:gd name="connsiteX70" fmla="*/ 7101 w 10000"/>
                  <a:gd name="connsiteY70" fmla="*/ 3959 h 10000"/>
                  <a:gd name="connsiteX71" fmla="*/ 7626 w 10000"/>
                  <a:gd name="connsiteY71" fmla="*/ 3811 h 10000"/>
                  <a:gd name="connsiteX72" fmla="*/ 8150 w 10000"/>
                  <a:gd name="connsiteY72" fmla="*/ 3663 h 10000"/>
                  <a:gd name="connsiteX73" fmla="*/ 8401 w 10000"/>
                  <a:gd name="connsiteY73" fmla="*/ 3589 h 10000"/>
                  <a:gd name="connsiteX74" fmla="*/ 8651 w 10000"/>
                  <a:gd name="connsiteY74" fmla="*/ 3516 h 10000"/>
                  <a:gd name="connsiteX75" fmla="*/ 8850 w 10000"/>
                  <a:gd name="connsiteY75" fmla="*/ 3412 h 10000"/>
                  <a:gd name="connsiteX76" fmla="*/ 9051 w 10000"/>
                  <a:gd name="connsiteY76" fmla="*/ 3338 h 10000"/>
                  <a:gd name="connsiteX77" fmla="*/ 9176 w 10000"/>
                  <a:gd name="connsiteY77" fmla="*/ 3235 h 10000"/>
                  <a:gd name="connsiteX78" fmla="*/ 9275 w 10000"/>
                  <a:gd name="connsiteY78" fmla="*/ 3117 h 10000"/>
                  <a:gd name="connsiteX79" fmla="*/ 9301 w 10000"/>
                  <a:gd name="connsiteY79" fmla="*/ 3072 h 10000"/>
                  <a:gd name="connsiteX80" fmla="*/ 9325 w 10000"/>
                  <a:gd name="connsiteY80" fmla="*/ 3013 h 10000"/>
                  <a:gd name="connsiteX81" fmla="*/ 9325 w 10000"/>
                  <a:gd name="connsiteY81" fmla="*/ 2954 h 10000"/>
                  <a:gd name="connsiteX82" fmla="*/ 9301 w 10000"/>
                  <a:gd name="connsiteY82" fmla="*/ 2866 h 10000"/>
                  <a:gd name="connsiteX83" fmla="*/ 9126 w 10000"/>
                  <a:gd name="connsiteY83" fmla="*/ 2984 h 10000"/>
                  <a:gd name="connsiteX84" fmla="*/ 8926 w 10000"/>
                  <a:gd name="connsiteY84" fmla="*/ 3072 h 10000"/>
                  <a:gd name="connsiteX85" fmla="*/ 8725 w 10000"/>
                  <a:gd name="connsiteY85" fmla="*/ 3161 h 10000"/>
                  <a:gd name="connsiteX86" fmla="*/ 8526 w 10000"/>
                  <a:gd name="connsiteY86" fmla="*/ 3250 h 10000"/>
                  <a:gd name="connsiteX87" fmla="*/ 8075 w 10000"/>
                  <a:gd name="connsiteY87" fmla="*/ 3397 h 10000"/>
                  <a:gd name="connsiteX88" fmla="*/ 7601 w 10000"/>
                  <a:gd name="connsiteY88" fmla="*/ 3545 h 10000"/>
                  <a:gd name="connsiteX89" fmla="*/ 7126 w 10000"/>
                  <a:gd name="connsiteY89" fmla="*/ 3678 h 10000"/>
                  <a:gd name="connsiteX90" fmla="*/ 6675 w 10000"/>
                  <a:gd name="connsiteY90" fmla="*/ 3840 h 10000"/>
                  <a:gd name="connsiteX91" fmla="*/ 6450 w 10000"/>
                  <a:gd name="connsiteY91" fmla="*/ 3914 h 10000"/>
                  <a:gd name="connsiteX92" fmla="*/ 6250 w 10000"/>
                  <a:gd name="connsiteY92" fmla="*/ 4003 h 10000"/>
                  <a:gd name="connsiteX93" fmla="*/ 6051 w 10000"/>
                  <a:gd name="connsiteY93" fmla="*/ 4106 h 10000"/>
                  <a:gd name="connsiteX94" fmla="*/ 5850 w 10000"/>
                  <a:gd name="connsiteY94" fmla="*/ 4195 h 10000"/>
                  <a:gd name="connsiteX95" fmla="*/ 6000 w 10000"/>
                  <a:gd name="connsiteY95" fmla="*/ 4417 h 10000"/>
                  <a:gd name="connsiteX96" fmla="*/ 6101 w 10000"/>
                  <a:gd name="connsiteY96" fmla="*/ 4623 h 10000"/>
                  <a:gd name="connsiteX97" fmla="*/ 6200 w 10000"/>
                  <a:gd name="connsiteY97" fmla="*/ 4845 h 10000"/>
                  <a:gd name="connsiteX98" fmla="*/ 6274 w 10000"/>
                  <a:gd name="connsiteY98" fmla="*/ 5081 h 10000"/>
                  <a:gd name="connsiteX99" fmla="*/ 6325 w 10000"/>
                  <a:gd name="connsiteY99" fmla="*/ 5318 h 10000"/>
                  <a:gd name="connsiteX100" fmla="*/ 6351 w 10000"/>
                  <a:gd name="connsiteY100" fmla="*/ 5539 h 10000"/>
                  <a:gd name="connsiteX101" fmla="*/ 6375 w 10000"/>
                  <a:gd name="connsiteY101" fmla="*/ 5775 h 10000"/>
                  <a:gd name="connsiteX102" fmla="*/ 6375 w 10000"/>
                  <a:gd name="connsiteY102" fmla="*/ 5997 h 10000"/>
                  <a:gd name="connsiteX103" fmla="*/ 6351 w 10000"/>
                  <a:gd name="connsiteY103" fmla="*/ 6233 h 10000"/>
                  <a:gd name="connsiteX104" fmla="*/ 6301 w 10000"/>
                  <a:gd name="connsiteY104" fmla="*/ 6470 h 10000"/>
                  <a:gd name="connsiteX105" fmla="*/ 6250 w 10000"/>
                  <a:gd name="connsiteY105" fmla="*/ 6677 h 10000"/>
                  <a:gd name="connsiteX106" fmla="*/ 6176 w 10000"/>
                  <a:gd name="connsiteY106" fmla="*/ 6898 h 10000"/>
                  <a:gd name="connsiteX107" fmla="*/ 6076 w 10000"/>
                  <a:gd name="connsiteY107" fmla="*/ 7105 h 10000"/>
                  <a:gd name="connsiteX108" fmla="*/ 5951 w 10000"/>
                  <a:gd name="connsiteY108" fmla="*/ 7297 h 10000"/>
                  <a:gd name="connsiteX109" fmla="*/ 5800 w 10000"/>
                  <a:gd name="connsiteY109" fmla="*/ 7489 h 10000"/>
                  <a:gd name="connsiteX110" fmla="*/ 5650 w 10000"/>
                  <a:gd name="connsiteY110" fmla="*/ 7681 h 10000"/>
                  <a:gd name="connsiteX111" fmla="*/ 6375 w 10000"/>
                  <a:gd name="connsiteY111" fmla="*/ 7799 h 10000"/>
                  <a:gd name="connsiteX112" fmla="*/ 7126 w 10000"/>
                  <a:gd name="connsiteY112" fmla="*/ 7962 h 10000"/>
                  <a:gd name="connsiteX113" fmla="*/ 7275 w 10000"/>
                  <a:gd name="connsiteY113" fmla="*/ 8021 h 10000"/>
                  <a:gd name="connsiteX114" fmla="*/ 7400 w 10000"/>
                  <a:gd name="connsiteY114" fmla="*/ 8080 h 10000"/>
                  <a:gd name="connsiteX115" fmla="*/ 7525 w 10000"/>
                  <a:gd name="connsiteY115" fmla="*/ 8139 h 10000"/>
                  <a:gd name="connsiteX116" fmla="*/ 7601 w 10000"/>
                  <a:gd name="connsiteY116" fmla="*/ 8227 h 10000"/>
                  <a:gd name="connsiteX117" fmla="*/ 7626 w 10000"/>
                  <a:gd name="connsiteY117" fmla="*/ 8301 h 10000"/>
                  <a:gd name="connsiteX118" fmla="*/ 7626 w 10000"/>
                  <a:gd name="connsiteY118" fmla="*/ 8405 h 10000"/>
                  <a:gd name="connsiteX119" fmla="*/ 7576 w 10000"/>
                  <a:gd name="connsiteY119" fmla="*/ 8523 h 10000"/>
                  <a:gd name="connsiteX120" fmla="*/ 7501 w 10000"/>
                  <a:gd name="connsiteY120" fmla="*/ 8641 h 10000"/>
                  <a:gd name="connsiteX121" fmla="*/ 7175 w 10000"/>
                  <a:gd name="connsiteY121" fmla="*/ 8552 h 10000"/>
                  <a:gd name="connsiteX122" fmla="*/ 6875 w 10000"/>
                  <a:gd name="connsiteY122" fmla="*/ 8449 h 10000"/>
                  <a:gd name="connsiteX123" fmla="*/ 6575 w 10000"/>
                  <a:gd name="connsiteY123" fmla="*/ 8360 h 10000"/>
                  <a:gd name="connsiteX124" fmla="*/ 6274 w 10000"/>
                  <a:gd name="connsiteY124" fmla="*/ 8287 h 10000"/>
                  <a:gd name="connsiteX125" fmla="*/ 6150 w 10000"/>
                  <a:gd name="connsiteY125" fmla="*/ 8449 h 10000"/>
                  <a:gd name="connsiteX126" fmla="*/ 6051 w 10000"/>
                  <a:gd name="connsiteY126" fmla="*/ 8597 h 10000"/>
                  <a:gd name="connsiteX127" fmla="*/ 6000 w 10000"/>
                  <a:gd name="connsiteY127" fmla="*/ 8656 h 10000"/>
                  <a:gd name="connsiteX128" fmla="*/ 5900 w 10000"/>
                  <a:gd name="connsiteY128" fmla="*/ 8700 h 10000"/>
                  <a:gd name="connsiteX129" fmla="*/ 5826 w 10000"/>
                  <a:gd name="connsiteY129" fmla="*/ 8744 h 10000"/>
                  <a:gd name="connsiteX130" fmla="*/ 5751 w 10000"/>
                  <a:gd name="connsiteY130" fmla="*/ 8774 h 10000"/>
                  <a:gd name="connsiteX131" fmla="*/ 5675 w 10000"/>
                  <a:gd name="connsiteY131" fmla="*/ 8804 h 10000"/>
                  <a:gd name="connsiteX132" fmla="*/ 5576 w 10000"/>
                  <a:gd name="connsiteY132" fmla="*/ 8818 h 10000"/>
                  <a:gd name="connsiteX133" fmla="*/ 5450 w 10000"/>
                  <a:gd name="connsiteY133" fmla="*/ 8833 h 10000"/>
                  <a:gd name="connsiteX134" fmla="*/ 5325 w 10000"/>
                  <a:gd name="connsiteY134" fmla="*/ 8833 h 10000"/>
                  <a:gd name="connsiteX135" fmla="*/ 5026 w 10000"/>
                  <a:gd name="connsiteY135" fmla="*/ 8818 h 10000"/>
                  <a:gd name="connsiteX136" fmla="*/ 4650 w 10000"/>
                  <a:gd name="connsiteY136" fmla="*/ 8744 h 10000"/>
                  <a:gd name="connsiteX137" fmla="*/ 4650 w 10000"/>
                  <a:gd name="connsiteY137" fmla="*/ 8922 h 10000"/>
                  <a:gd name="connsiteX138" fmla="*/ 4625 w 10000"/>
                  <a:gd name="connsiteY138" fmla="*/ 9069 h 10000"/>
                  <a:gd name="connsiteX139" fmla="*/ 4601 w 10000"/>
                  <a:gd name="connsiteY139" fmla="*/ 9232 h 10000"/>
                  <a:gd name="connsiteX140" fmla="*/ 4575 w 10000"/>
                  <a:gd name="connsiteY140" fmla="*/ 9365 h 10000"/>
                  <a:gd name="connsiteX141" fmla="*/ 4525 w 10000"/>
                  <a:gd name="connsiteY141" fmla="*/ 9498 h 10000"/>
                  <a:gd name="connsiteX142" fmla="*/ 4426 w 10000"/>
                  <a:gd name="connsiteY142" fmla="*/ 9616 h 10000"/>
                  <a:gd name="connsiteX143" fmla="*/ 4350 w 10000"/>
                  <a:gd name="connsiteY143" fmla="*/ 9734 h 10000"/>
                  <a:gd name="connsiteX144" fmla="*/ 4225 w 10000"/>
                  <a:gd name="connsiteY144" fmla="*/ 9838 h 10000"/>
                  <a:gd name="connsiteX145" fmla="*/ 3924 w 10000"/>
                  <a:gd name="connsiteY145" fmla="*/ 9897 h 10000"/>
                  <a:gd name="connsiteX146" fmla="*/ 3675 w 10000"/>
                  <a:gd name="connsiteY146" fmla="*/ 9941 h 10000"/>
                  <a:gd name="connsiteX147" fmla="*/ 3375 w 10000"/>
                  <a:gd name="connsiteY147" fmla="*/ 9985 h 10000"/>
                  <a:gd name="connsiteX148" fmla="*/ 3150 w 10000"/>
                  <a:gd name="connsiteY148" fmla="*/ 10000 h 10000"/>
                  <a:gd name="connsiteX149" fmla="*/ 2650 w 10000"/>
                  <a:gd name="connsiteY149" fmla="*/ 10000 h 10000"/>
                  <a:gd name="connsiteX150" fmla="*/ 2175 w 10000"/>
                  <a:gd name="connsiteY150" fmla="*/ 9985 h 10000"/>
                  <a:gd name="connsiteX151" fmla="*/ 1726 w 10000"/>
                  <a:gd name="connsiteY151" fmla="*/ 9941 h 10000"/>
                  <a:gd name="connsiteX152" fmla="*/ 1251 w 10000"/>
                  <a:gd name="connsiteY152" fmla="*/ 9911 h 10000"/>
                  <a:gd name="connsiteX153" fmla="*/ 975 w 10000"/>
                  <a:gd name="connsiteY153" fmla="*/ 9911 h 10000"/>
                  <a:gd name="connsiteX154" fmla="*/ 725 w 10000"/>
                  <a:gd name="connsiteY154" fmla="*/ 9911 h 10000"/>
                  <a:gd name="connsiteX155" fmla="*/ 450 w 10000"/>
                  <a:gd name="connsiteY155" fmla="*/ 9926 h 10000"/>
                  <a:gd name="connsiteX156" fmla="*/ 175 w 10000"/>
                  <a:gd name="connsiteY156" fmla="*/ 9970 h 10000"/>
                  <a:gd name="connsiteX157" fmla="*/ 100 w 10000"/>
                  <a:gd name="connsiteY157" fmla="*/ 9867 h 10000"/>
                  <a:gd name="connsiteX158" fmla="*/ 50 w 10000"/>
                  <a:gd name="connsiteY158" fmla="*/ 9793 h 10000"/>
                  <a:gd name="connsiteX159" fmla="*/ 0 w 10000"/>
                  <a:gd name="connsiteY159" fmla="*/ 9705 h 10000"/>
                  <a:gd name="connsiteX160" fmla="*/ 0 w 10000"/>
                  <a:gd name="connsiteY160" fmla="*/ 9601 h 10000"/>
                  <a:gd name="connsiteX161" fmla="*/ 50 w 10000"/>
                  <a:gd name="connsiteY161" fmla="*/ 9424 h 10000"/>
                  <a:gd name="connsiteX162" fmla="*/ 100 w 10000"/>
                  <a:gd name="connsiteY162" fmla="*/ 9202 h 10000"/>
                  <a:gd name="connsiteX163" fmla="*/ 149 w 10000"/>
                  <a:gd name="connsiteY163" fmla="*/ 8996 h 10000"/>
                  <a:gd name="connsiteX164" fmla="*/ 200 w 10000"/>
                  <a:gd name="connsiteY164" fmla="*/ 8759 h 10000"/>
                  <a:gd name="connsiteX165" fmla="*/ 225 w 10000"/>
                  <a:gd name="connsiteY165" fmla="*/ 8641 h 10000"/>
                  <a:gd name="connsiteX166" fmla="*/ 225 w 10000"/>
                  <a:gd name="connsiteY166" fmla="*/ 8538 h 10000"/>
                  <a:gd name="connsiteX167" fmla="*/ 200 w 10000"/>
                  <a:gd name="connsiteY167" fmla="*/ 8405 h 10000"/>
                  <a:gd name="connsiteX168" fmla="*/ 175 w 10000"/>
                  <a:gd name="connsiteY168" fmla="*/ 8287 h 10000"/>
                  <a:gd name="connsiteX169" fmla="*/ 425 w 10000"/>
                  <a:gd name="connsiteY169" fmla="*/ 8213 h 10000"/>
                  <a:gd name="connsiteX170" fmla="*/ 675 w 10000"/>
                  <a:gd name="connsiteY170" fmla="*/ 8139 h 10000"/>
                  <a:gd name="connsiteX171" fmla="*/ 925 w 10000"/>
                  <a:gd name="connsiteY171" fmla="*/ 8095 h 10000"/>
                  <a:gd name="connsiteX172" fmla="*/ 1200 w 10000"/>
                  <a:gd name="connsiteY172" fmla="*/ 8065 h 10000"/>
                  <a:gd name="connsiteX173" fmla="*/ 1699 w 10000"/>
                  <a:gd name="connsiteY173" fmla="*/ 8021 h 10000"/>
                  <a:gd name="connsiteX174" fmla="*/ 2201 w 10000"/>
                  <a:gd name="connsiteY174" fmla="*/ 7976 h 10000"/>
                  <a:gd name="connsiteX175" fmla="*/ 2425 w 10000"/>
                  <a:gd name="connsiteY175" fmla="*/ 7947 h 10000"/>
                  <a:gd name="connsiteX176" fmla="*/ 2650 w 10000"/>
                  <a:gd name="connsiteY176" fmla="*/ 7917 h 10000"/>
                  <a:gd name="connsiteX177" fmla="*/ 2849 w 10000"/>
                  <a:gd name="connsiteY177" fmla="*/ 7843 h 10000"/>
                  <a:gd name="connsiteX178" fmla="*/ 3050 w 10000"/>
                  <a:gd name="connsiteY178" fmla="*/ 7784 h 10000"/>
                  <a:gd name="connsiteX179" fmla="*/ 3225 w 10000"/>
                  <a:gd name="connsiteY179" fmla="*/ 7710 h 10000"/>
                  <a:gd name="connsiteX180" fmla="*/ 3375 w 10000"/>
                  <a:gd name="connsiteY180" fmla="*/ 7592 h 10000"/>
                  <a:gd name="connsiteX181" fmla="*/ 3526 w 10000"/>
                  <a:gd name="connsiteY181" fmla="*/ 7474 h 10000"/>
                  <a:gd name="connsiteX182" fmla="*/ 3625 w 10000"/>
                  <a:gd name="connsiteY182" fmla="*/ 7312 h 10000"/>
                  <a:gd name="connsiteX183" fmla="*/ 3425 w 10000"/>
                  <a:gd name="connsiteY183" fmla="*/ 7238 h 10000"/>
                  <a:gd name="connsiteX184" fmla="*/ 3250 w 10000"/>
                  <a:gd name="connsiteY184" fmla="*/ 7179 h 10000"/>
                  <a:gd name="connsiteX185" fmla="*/ 3100 w 10000"/>
                  <a:gd name="connsiteY185" fmla="*/ 7090 h 10000"/>
                  <a:gd name="connsiteX186" fmla="*/ 2950 w 10000"/>
                  <a:gd name="connsiteY186" fmla="*/ 6987 h 10000"/>
                  <a:gd name="connsiteX187" fmla="*/ 2849 w 10000"/>
                  <a:gd name="connsiteY187" fmla="*/ 6869 h 10000"/>
                  <a:gd name="connsiteX188" fmla="*/ 2801 w 10000"/>
                  <a:gd name="connsiteY188" fmla="*/ 6721 h 10000"/>
                  <a:gd name="connsiteX189" fmla="*/ 2775 w 10000"/>
                  <a:gd name="connsiteY189" fmla="*/ 6558 h 10000"/>
                  <a:gd name="connsiteX190" fmla="*/ 2801 w 10000"/>
                  <a:gd name="connsiteY190" fmla="*/ 6352 h 10000"/>
                  <a:gd name="connsiteX191" fmla="*/ 2676 w 10000"/>
                  <a:gd name="connsiteY191" fmla="*/ 6322 h 10000"/>
                  <a:gd name="connsiteX192" fmla="*/ 2526 w 10000"/>
                  <a:gd name="connsiteY192" fmla="*/ 6292 h 10000"/>
                  <a:gd name="connsiteX193" fmla="*/ 2350 w 10000"/>
                  <a:gd name="connsiteY193" fmla="*/ 6278 h 10000"/>
                  <a:gd name="connsiteX194" fmla="*/ 2175 w 10000"/>
                  <a:gd name="connsiteY194" fmla="*/ 6263 h 10000"/>
                  <a:gd name="connsiteX195" fmla="*/ 1825 w 10000"/>
                  <a:gd name="connsiteY195" fmla="*/ 6248 h 10000"/>
                  <a:gd name="connsiteX196" fmla="*/ 1450 w 10000"/>
                  <a:gd name="connsiteY196" fmla="*/ 6263 h 10000"/>
                  <a:gd name="connsiteX197" fmla="*/ 1126 w 10000"/>
                  <a:gd name="connsiteY197" fmla="*/ 6278 h 10000"/>
                  <a:gd name="connsiteX198" fmla="*/ 825 w 10000"/>
                  <a:gd name="connsiteY198" fmla="*/ 6278 h 10000"/>
                  <a:gd name="connsiteX199" fmla="*/ 576 w 10000"/>
                  <a:gd name="connsiteY199" fmla="*/ 6263 h 10000"/>
                  <a:gd name="connsiteX200" fmla="*/ 375 w 10000"/>
                  <a:gd name="connsiteY200" fmla="*/ 6233 h 10000"/>
                  <a:gd name="connsiteX201" fmla="*/ 624 w 10000"/>
                  <a:gd name="connsiteY201" fmla="*/ 5805 h 10000"/>
                  <a:gd name="connsiteX202" fmla="*/ 900 w 10000"/>
                  <a:gd name="connsiteY202" fmla="*/ 5391 h 10000"/>
                  <a:gd name="connsiteX203" fmla="*/ 1001 w 10000"/>
                  <a:gd name="connsiteY203" fmla="*/ 5170 h 10000"/>
                  <a:gd name="connsiteX204" fmla="*/ 1075 w 10000"/>
                  <a:gd name="connsiteY204" fmla="*/ 4963 h 10000"/>
                  <a:gd name="connsiteX205" fmla="*/ 1099 w 10000"/>
                  <a:gd name="connsiteY205" fmla="*/ 4860 h 10000"/>
                  <a:gd name="connsiteX206" fmla="*/ 1075 w 10000"/>
                  <a:gd name="connsiteY206" fmla="*/ 4756 h 10000"/>
                  <a:gd name="connsiteX207" fmla="*/ 1050 w 10000"/>
                  <a:gd name="connsiteY207" fmla="*/ 4653 h 10000"/>
                  <a:gd name="connsiteX208" fmla="*/ 975 w 10000"/>
                  <a:gd name="connsiteY208" fmla="*/ 4549 h 10000"/>
                  <a:gd name="connsiteX209" fmla="*/ 1251 w 10000"/>
                  <a:gd name="connsiteY209" fmla="*/ 4520 h 10000"/>
                  <a:gd name="connsiteX210" fmla="*/ 1450 w 10000"/>
                  <a:gd name="connsiteY210" fmla="*/ 4505 h 10000"/>
                  <a:gd name="connsiteX211" fmla="*/ 1625 w 10000"/>
                  <a:gd name="connsiteY211" fmla="*/ 4505 h 10000"/>
                  <a:gd name="connsiteX212" fmla="*/ 1775 w 10000"/>
                  <a:gd name="connsiteY212" fmla="*/ 4520 h 10000"/>
                  <a:gd name="connsiteX213" fmla="*/ 1900 w 10000"/>
                  <a:gd name="connsiteY213" fmla="*/ 4520 h 10000"/>
                  <a:gd name="connsiteX214" fmla="*/ 2050 w 10000"/>
                  <a:gd name="connsiteY214" fmla="*/ 4520 h 10000"/>
                  <a:gd name="connsiteX215" fmla="*/ 2201 w 10000"/>
                  <a:gd name="connsiteY215" fmla="*/ 4490 h 10000"/>
                  <a:gd name="connsiteX216" fmla="*/ 2400 w 10000"/>
                  <a:gd name="connsiteY216" fmla="*/ 4446 h 10000"/>
                  <a:gd name="connsiteX217" fmla="*/ 2400 w 10000"/>
                  <a:gd name="connsiteY217" fmla="*/ 4579 h 10000"/>
                  <a:gd name="connsiteX218" fmla="*/ 2400 w 10000"/>
                  <a:gd name="connsiteY218" fmla="*/ 4742 h 10000"/>
                  <a:gd name="connsiteX219" fmla="*/ 2400 w 10000"/>
                  <a:gd name="connsiteY219" fmla="*/ 4874 h 10000"/>
                  <a:gd name="connsiteX220" fmla="*/ 2400 w 10000"/>
                  <a:gd name="connsiteY220" fmla="*/ 5037 h 10000"/>
                  <a:gd name="connsiteX221" fmla="*/ 2625 w 10000"/>
                  <a:gd name="connsiteY221" fmla="*/ 5022 h 10000"/>
                  <a:gd name="connsiteX222" fmla="*/ 2775 w 10000"/>
                  <a:gd name="connsiteY222" fmla="*/ 5037 h 10000"/>
                  <a:gd name="connsiteX223" fmla="*/ 2900 w 10000"/>
                  <a:gd name="connsiteY223" fmla="*/ 5066 h 10000"/>
                  <a:gd name="connsiteX224" fmla="*/ 3025 w 10000"/>
                  <a:gd name="connsiteY224" fmla="*/ 5096 h 10000"/>
                  <a:gd name="connsiteX225" fmla="*/ 3126 w 10000"/>
                  <a:gd name="connsiteY225" fmla="*/ 5126 h 10000"/>
                  <a:gd name="connsiteX226" fmla="*/ 3250 w 10000"/>
                  <a:gd name="connsiteY226" fmla="*/ 5155 h 10000"/>
                  <a:gd name="connsiteX227" fmla="*/ 3401 w 10000"/>
                  <a:gd name="connsiteY227" fmla="*/ 5170 h 10000"/>
                  <a:gd name="connsiteX228" fmla="*/ 3625 w 10000"/>
                  <a:gd name="connsiteY228" fmla="*/ 5155 h 10000"/>
                  <a:gd name="connsiteX229" fmla="*/ 3701 w 10000"/>
                  <a:gd name="connsiteY229" fmla="*/ 5096 h 10000"/>
                  <a:gd name="connsiteX230" fmla="*/ 3775 w 10000"/>
                  <a:gd name="connsiteY230" fmla="*/ 5022 h 10000"/>
                  <a:gd name="connsiteX231" fmla="*/ 3800 w 10000"/>
                  <a:gd name="connsiteY231" fmla="*/ 4934 h 10000"/>
                  <a:gd name="connsiteX232" fmla="*/ 3826 w 10000"/>
                  <a:gd name="connsiteY232" fmla="*/ 4860 h 10000"/>
                  <a:gd name="connsiteX233" fmla="*/ 3850 w 10000"/>
                  <a:gd name="connsiteY233" fmla="*/ 4697 h 10000"/>
                  <a:gd name="connsiteX234" fmla="*/ 3826 w 10000"/>
                  <a:gd name="connsiteY234" fmla="*/ 4520 h 10000"/>
                  <a:gd name="connsiteX235" fmla="*/ 3750 w 10000"/>
                  <a:gd name="connsiteY235" fmla="*/ 4343 h 10000"/>
                  <a:gd name="connsiteX236" fmla="*/ 3675 w 10000"/>
                  <a:gd name="connsiteY236" fmla="*/ 4195 h 10000"/>
                  <a:gd name="connsiteX237" fmla="*/ 3550 w 10000"/>
                  <a:gd name="connsiteY237" fmla="*/ 4047 h 10000"/>
                  <a:gd name="connsiteX238" fmla="*/ 3425 w 10000"/>
                  <a:gd name="connsiteY238" fmla="*/ 3959 h 10000"/>
                  <a:gd name="connsiteX239" fmla="*/ 3575 w 10000"/>
                  <a:gd name="connsiteY239" fmla="*/ 3944 h 10000"/>
                  <a:gd name="connsiteX240" fmla="*/ 3701 w 10000"/>
                  <a:gd name="connsiteY240" fmla="*/ 3914 h 10000"/>
                  <a:gd name="connsiteX241" fmla="*/ 3800 w 10000"/>
                  <a:gd name="connsiteY241" fmla="*/ 3855 h 10000"/>
                  <a:gd name="connsiteX242" fmla="*/ 3924 w 10000"/>
                  <a:gd name="connsiteY242" fmla="*/ 3752 h 10000"/>
                  <a:gd name="connsiteX243" fmla="*/ 4050 w 10000"/>
                  <a:gd name="connsiteY243" fmla="*/ 3663 h 10000"/>
                  <a:gd name="connsiteX244" fmla="*/ 4150 w 10000"/>
                  <a:gd name="connsiteY244" fmla="*/ 3560 h 10000"/>
                  <a:gd name="connsiteX245" fmla="*/ 4225 w 10000"/>
                  <a:gd name="connsiteY245" fmla="*/ 3442 h 10000"/>
                  <a:gd name="connsiteX246" fmla="*/ 4301 w 10000"/>
                  <a:gd name="connsiteY246" fmla="*/ 3323 h 10000"/>
                  <a:gd name="connsiteX247" fmla="*/ 4350 w 10000"/>
                  <a:gd name="connsiteY247" fmla="*/ 3220 h 10000"/>
                  <a:gd name="connsiteX248" fmla="*/ 4375 w 10000"/>
                  <a:gd name="connsiteY248" fmla="*/ 3102 h 10000"/>
                  <a:gd name="connsiteX249" fmla="*/ 4401 w 10000"/>
                  <a:gd name="connsiteY249" fmla="*/ 3013 h 10000"/>
                  <a:gd name="connsiteX250" fmla="*/ 4375 w 10000"/>
                  <a:gd name="connsiteY250" fmla="*/ 2939 h 10000"/>
                  <a:gd name="connsiteX251" fmla="*/ 4350 w 10000"/>
                  <a:gd name="connsiteY251" fmla="*/ 2866 h 10000"/>
                  <a:gd name="connsiteX252" fmla="*/ 4275 w 10000"/>
                  <a:gd name="connsiteY252" fmla="*/ 2836 h 10000"/>
                  <a:gd name="connsiteX253" fmla="*/ 4176 w 10000"/>
                  <a:gd name="connsiteY253" fmla="*/ 2836 h 10000"/>
                  <a:gd name="connsiteX254" fmla="*/ 4050 w 10000"/>
                  <a:gd name="connsiteY254" fmla="*/ 2866 h 10000"/>
                  <a:gd name="connsiteX255" fmla="*/ 4150 w 10000"/>
                  <a:gd name="connsiteY255" fmla="*/ 2777 h 10000"/>
                  <a:gd name="connsiteX256" fmla="*/ 4201 w 10000"/>
                  <a:gd name="connsiteY256" fmla="*/ 2674 h 10000"/>
                  <a:gd name="connsiteX257" fmla="*/ 4225 w 10000"/>
                  <a:gd name="connsiteY257" fmla="*/ 2541 h 10000"/>
                  <a:gd name="connsiteX258" fmla="*/ 4225 w 10000"/>
                  <a:gd name="connsiteY258" fmla="*/ 2393 h 10000"/>
                  <a:gd name="connsiteX259" fmla="*/ 4250 w 10000"/>
                  <a:gd name="connsiteY259" fmla="*/ 2349 h 10000"/>
                  <a:gd name="connsiteX260" fmla="*/ 4301 w 10000"/>
                  <a:gd name="connsiteY260" fmla="*/ 2304 h 10000"/>
                  <a:gd name="connsiteX261" fmla="*/ 4350 w 10000"/>
                  <a:gd name="connsiteY261" fmla="*/ 2290 h 10000"/>
                  <a:gd name="connsiteX262" fmla="*/ 4426 w 10000"/>
                  <a:gd name="connsiteY262" fmla="*/ 2275 h 10000"/>
                  <a:gd name="connsiteX263" fmla="*/ 4650 w 10000"/>
                  <a:gd name="connsiteY263" fmla="*/ 2260 h 10000"/>
                  <a:gd name="connsiteX264" fmla="*/ 4850 w 10000"/>
                  <a:gd name="connsiteY264" fmla="*/ 2275 h 10000"/>
                  <a:gd name="connsiteX265" fmla="*/ 4825 w 10000"/>
                  <a:gd name="connsiteY265" fmla="*/ 2112 h 10000"/>
                  <a:gd name="connsiteX266" fmla="*/ 4776 w 10000"/>
                  <a:gd name="connsiteY266" fmla="*/ 1950 h 10000"/>
                  <a:gd name="connsiteX267" fmla="*/ 4700 w 10000"/>
                  <a:gd name="connsiteY267" fmla="*/ 1802 h 10000"/>
                  <a:gd name="connsiteX268" fmla="*/ 4601 w 10000"/>
                  <a:gd name="connsiteY268" fmla="*/ 1640 h 10000"/>
                  <a:gd name="connsiteX269" fmla="*/ 4350 w 10000"/>
                  <a:gd name="connsiteY269" fmla="*/ 1329 h 10000"/>
                  <a:gd name="connsiteX270" fmla="*/ 4100 w 10000"/>
                  <a:gd name="connsiteY270" fmla="*/ 1034 h 10000"/>
                  <a:gd name="connsiteX271" fmla="*/ 3975 w 10000"/>
                  <a:gd name="connsiteY271" fmla="*/ 901 h 10000"/>
                  <a:gd name="connsiteX272" fmla="*/ 3876 w 10000"/>
                  <a:gd name="connsiteY272" fmla="*/ 753 h 10000"/>
                  <a:gd name="connsiteX273" fmla="*/ 3800 w 10000"/>
                  <a:gd name="connsiteY273" fmla="*/ 620 h 10000"/>
                  <a:gd name="connsiteX274" fmla="*/ 3775 w 10000"/>
                  <a:gd name="connsiteY274" fmla="*/ 487 h 10000"/>
                  <a:gd name="connsiteX275" fmla="*/ 3750 w 10000"/>
                  <a:gd name="connsiteY275" fmla="*/ 355 h 10000"/>
                  <a:gd name="connsiteX276" fmla="*/ 3800 w 10000"/>
                  <a:gd name="connsiteY276" fmla="*/ 222 h 10000"/>
                  <a:gd name="connsiteX277" fmla="*/ 3826 w 10000"/>
                  <a:gd name="connsiteY277" fmla="*/ 162 h 10000"/>
                  <a:gd name="connsiteX278" fmla="*/ 3876 w 10000"/>
                  <a:gd name="connsiteY278" fmla="*/ 103 h 10000"/>
                  <a:gd name="connsiteX279" fmla="*/ 3951 w 10000"/>
                  <a:gd name="connsiteY279" fmla="*/ 59 h 10000"/>
                  <a:gd name="connsiteX280" fmla="*/ 4050 w 10000"/>
                  <a:gd name="connsiteY280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51 w 10000"/>
                  <a:gd name="connsiteY56" fmla="*/ 4594 h 10000"/>
                  <a:gd name="connsiteX57" fmla="*/ 6901 w 10000"/>
                  <a:gd name="connsiteY57" fmla="*/ 4638 h 10000"/>
                  <a:gd name="connsiteX58" fmla="*/ 6901 w 10000"/>
                  <a:gd name="connsiteY58" fmla="*/ 4697 h 10000"/>
                  <a:gd name="connsiteX59" fmla="*/ 6875 w 10000"/>
                  <a:gd name="connsiteY59" fmla="*/ 4801 h 10000"/>
                  <a:gd name="connsiteX60" fmla="*/ 6875 w 10000"/>
                  <a:gd name="connsiteY60" fmla="*/ 4904 h 10000"/>
                  <a:gd name="connsiteX61" fmla="*/ 6751 w 10000"/>
                  <a:gd name="connsiteY61" fmla="*/ 4860 h 10000"/>
                  <a:gd name="connsiteX62" fmla="*/ 6675 w 10000"/>
                  <a:gd name="connsiteY62" fmla="*/ 4801 h 10000"/>
                  <a:gd name="connsiteX63" fmla="*/ 6600 w 10000"/>
                  <a:gd name="connsiteY63" fmla="*/ 4727 h 10000"/>
                  <a:gd name="connsiteX64" fmla="*/ 6526 w 10000"/>
                  <a:gd name="connsiteY64" fmla="*/ 4638 h 10000"/>
                  <a:gd name="connsiteX65" fmla="*/ 6401 w 10000"/>
                  <a:gd name="connsiteY65" fmla="*/ 4476 h 10000"/>
                  <a:gd name="connsiteX66" fmla="*/ 6274 w 10000"/>
                  <a:gd name="connsiteY66" fmla="*/ 4313 h 10000"/>
                  <a:gd name="connsiteX67" fmla="*/ 6426 w 10000"/>
                  <a:gd name="connsiteY67" fmla="*/ 4210 h 10000"/>
                  <a:gd name="connsiteX68" fmla="*/ 6625 w 10000"/>
                  <a:gd name="connsiteY68" fmla="*/ 4121 h 10000"/>
                  <a:gd name="connsiteX69" fmla="*/ 7101 w 10000"/>
                  <a:gd name="connsiteY69" fmla="*/ 3959 h 10000"/>
                  <a:gd name="connsiteX70" fmla="*/ 7626 w 10000"/>
                  <a:gd name="connsiteY70" fmla="*/ 3811 h 10000"/>
                  <a:gd name="connsiteX71" fmla="*/ 8150 w 10000"/>
                  <a:gd name="connsiteY71" fmla="*/ 3663 h 10000"/>
                  <a:gd name="connsiteX72" fmla="*/ 8401 w 10000"/>
                  <a:gd name="connsiteY72" fmla="*/ 3589 h 10000"/>
                  <a:gd name="connsiteX73" fmla="*/ 8651 w 10000"/>
                  <a:gd name="connsiteY73" fmla="*/ 3516 h 10000"/>
                  <a:gd name="connsiteX74" fmla="*/ 8850 w 10000"/>
                  <a:gd name="connsiteY74" fmla="*/ 3412 h 10000"/>
                  <a:gd name="connsiteX75" fmla="*/ 9051 w 10000"/>
                  <a:gd name="connsiteY75" fmla="*/ 3338 h 10000"/>
                  <a:gd name="connsiteX76" fmla="*/ 9176 w 10000"/>
                  <a:gd name="connsiteY76" fmla="*/ 3235 h 10000"/>
                  <a:gd name="connsiteX77" fmla="*/ 9275 w 10000"/>
                  <a:gd name="connsiteY77" fmla="*/ 3117 h 10000"/>
                  <a:gd name="connsiteX78" fmla="*/ 9301 w 10000"/>
                  <a:gd name="connsiteY78" fmla="*/ 3072 h 10000"/>
                  <a:gd name="connsiteX79" fmla="*/ 9325 w 10000"/>
                  <a:gd name="connsiteY79" fmla="*/ 3013 h 10000"/>
                  <a:gd name="connsiteX80" fmla="*/ 9325 w 10000"/>
                  <a:gd name="connsiteY80" fmla="*/ 2954 h 10000"/>
                  <a:gd name="connsiteX81" fmla="*/ 9301 w 10000"/>
                  <a:gd name="connsiteY81" fmla="*/ 2866 h 10000"/>
                  <a:gd name="connsiteX82" fmla="*/ 9126 w 10000"/>
                  <a:gd name="connsiteY82" fmla="*/ 2984 h 10000"/>
                  <a:gd name="connsiteX83" fmla="*/ 8926 w 10000"/>
                  <a:gd name="connsiteY83" fmla="*/ 3072 h 10000"/>
                  <a:gd name="connsiteX84" fmla="*/ 8725 w 10000"/>
                  <a:gd name="connsiteY84" fmla="*/ 3161 h 10000"/>
                  <a:gd name="connsiteX85" fmla="*/ 8526 w 10000"/>
                  <a:gd name="connsiteY85" fmla="*/ 3250 h 10000"/>
                  <a:gd name="connsiteX86" fmla="*/ 8075 w 10000"/>
                  <a:gd name="connsiteY86" fmla="*/ 3397 h 10000"/>
                  <a:gd name="connsiteX87" fmla="*/ 7601 w 10000"/>
                  <a:gd name="connsiteY87" fmla="*/ 3545 h 10000"/>
                  <a:gd name="connsiteX88" fmla="*/ 7126 w 10000"/>
                  <a:gd name="connsiteY88" fmla="*/ 3678 h 10000"/>
                  <a:gd name="connsiteX89" fmla="*/ 6675 w 10000"/>
                  <a:gd name="connsiteY89" fmla="*/ 3840 h 10000"/>
                  <a:gd name="connsiteX90" fmla="*/ 6450 w 10000"/>
                  <a:gd name="connsiteY90" fmla="*/ 3914 h 10000"/>
                  <a:gd name="connsiteX91" fmla="*/ 6250 w 10000"/>
                  <a:gd name="connsiteY91" fmla="*/ 4003 h 10000"/>
                  <a:gd name="connsiteX92" fmla="*/ 6051 w 10000"/>
                  <a:gd name="connsiteY92" fmla="*/ 4106 h 10000"/>
                  <a:gd name="connsiteX93" fmla="*/ 5850 w 10000"/>
                  <a:gd name="connsiteY93" fmla="*/ 4195 h 10000"/>
                  <a:gd name="connsiteX94" fmla="*/ 6000 w 10000"/>
                  <a:gd name="connsiteY94" fmla="*/ 4417 h 10000"/>
                  <a:gd name="connsiteX95" fmla="*/ 6101 w 10000"/>
                  <a:gd name="connsiteY95" fmla="*/ 4623 h 10000"/>
                  <a:gd name="connsiteX96" fmla="*/ 6200 w 10000"/>
                  <a:gd name="connsiteY96" fmla="*/ 4845 h 10000"/>
                  <a:gd name="connsiteX97" fmla="*/ 6274 w 10000"/>
                  <a:gd name="connsiteY97" fmla="*/ 5081 h 10000"/>
                  <a:gd name="connsiteX98" fmla="*/ 6325 w 10000"/>
                  <a:gd name="connsiteY98" fmla="*/ 5318 h 10000"/>
                  <a:gd name="connsiteX99" fmla="*/ 6351 w 10000"/>
                  <a:gd name="connsiteY99" fmla="*/ 5539 h 10000"/>
                  <a:gd name="connsiteX100" fmla="*/ 6375 w 10000"/>
                  <a:gd name="connsiteY100" fmla="*/ 5775 h 10000"/>
                  <a:gd name="connsiteX101" fmla="*/ 6375 w 10000"/>
                  <a:gd name="connsiteY101" fmla="*/ 5997 h 10000"/>
                  <a:gd name="connsiteX102" fmla="*/ 6351 w 10000"/>
                  <a:gd name="connsiteY102" fmla="*/ 6233 h 10000"/>
                  <a:gd name="connsiteX103" fmla="*/ 6301 w 10000"/>
                  <a:gd name="connsiteY103" fmla="*/ 6470 h 10000"/>
                  <a:gd name="connsiteX104" fmla="*/ 6250 w 10000"/>
                  <a:gd name="connsiteY104" fmla="*/ 6677 h 10000"/>
                  <a:gd name="connsiteX105" fmla="*/ 6176 w 10000"/>
                  <a:gd name="connsiteY105" fmla="*/ 6898 h 10000"/>
                  <a:gd name="connsiteX106" fmla="*/ 6076 w 10000"/>
                  <a:gd name="connsiteY106" fmla="*/ 7105 h 10000"/>
                  <a:gd name="connsiteX107" fmla="*/ 5951 w 10000"/>
                  <a:gd name="connsiteY107" fmla="*/ 7297 h 10000"/>
                  <a:gd name="connsiteX108" fmla="*/ 5800 w 10000"/>
                  <a:gd name="connsiteY108" fmla="*/ 7489 h 10000"/>
                  <a:gd name="connsiteX109" fmla="*/ 5650 w 10000"/>
                  <a:gd name="connsiteY109" fmla="*/ 7681 h 10000"/>
                  <a:gd name="connsiteX110" fmla="*/ 6375 w 10000"/>
                  <a:gd name="connsiteY110" fmla="*/ 7799 h 10000"/>
                  <a:gd name="connsiteX111" fmla="*/ 7126 w 10000"/>
                  <a:gd name="connsiteY111" fmla="*/ 7962 h 10000"/>
                  <a:gd name="connsiteX112" fmla="*/ 7275 w 10000"/>
                  <a:gd name="connsiteY112" fmla="*/ 8021 h 10000"/>
                  <a:gd name="connsiteX113" fmla="*/ 7400 w 10000"/>
                  <a:gd name="connsiteY113" fmla="*/ 8080 h 10000"/>
                  <a:gd name="connsiteX114" fmla="*/ 7525 w 10000"/>
                  <a:gd name="connsiteY114" fmla="*/ 8139 h 10000"/>
                  <a:gd name="connsiteX115" fmla="*/ 7601 w 10000"/>
                  <a:gd name="connsiteY115" fmla="*/ 8227 h 10000"/>
                  <a:gd name="connsiteX116" fmla="*/ 7626 w 10000"/>
                  <a:gd name="connsiteY116" fmla="*/ 8301 h 10000"/>
                  <a:gd name="connsiteX117" fmla="*/ 7626 w 10000"/>
                  <a:gd name="connsiteY117" fmla="*/ 8405 h 10000"/>
                  <a:gd name="connsiteX118" fmla="*/ 7576 w 10000"/>
                  <a:gd name="connsiteY118" fmla="*/ 8523 h 10000"/>
                  <a:gd name="connsiteX119" fmla="*/ 7501 w 10000"/>
                  <a:gd name="connsiteY119" fmla="*/ 8641 h 10000"/>
                  <a:gd name="connsiteX120" fmla="*/ 7175 w 10000"/>
                  <a:gd name="connsiteY120" fmla="*/ 8552 h 10000"/>
                  <a:gd name="connsiteX121" fmla="*/ 6875 w 10000"/>
                  <a:gd name="connsiteY121" fmla="*/ 8449 h 10000"/>
                  <a:gd name="connsiteX122" fmla="*/ 6575 w 10000"/>
                  <a:gd name="connsiteY122" fmla="*/ 8360 h 10000"/>
                  <a:gd name="connsiteX123" fmla="*/ 6274 w 10000"/>
                  <a:gd name="connsiteY123" fmla="*/ 8287 h 10000"/>
                  <a:gd name="connsiteX124" fmla="*/ 6150 w 10000"/>
                  <a:gd name="connsiteY124" fmla="*/ 8449 h 10000"/>
                  <a:gd name="connsiteX125" fmla="*/ 6051 w 10000"/>
                  <a:gd name="connsiteY125" fmla="*/ 8597 h 10000"/>
                  <a:gd name="connsiteX126" fmla="*/ 6000 w 10000"/>
                  <a:gd name="connsiteY126" fmla="*/ 8656 h 10000"/>
                  <a:gd name="connsiteX127" fmla="*/ 5900 w 10000"/>
                  <a:gd name="connsiteY127" fmla="*/ 8700 h 10000"/>
                  <a:gd name="connsiteX128" fmla="*/ 5826 w 10000"/>
                  <a:gd name="connsiteY128" fmla="*/ 8744 h 10000"/>
                  <a:gd name="connsiteX129" fmla="*/ 5751 w 10000"/>
                  <a:gd name="connsiteY129" fmla="*/ 8774 h 10000"/>
                  <a:gd name="connsiteX130" fmla="*/ 5675 w 10000"/>
                  <a:gd name="connsiteY130" fmla="*/ 8804 h 10000"/>
                  <a:gd name="connsiteX131" fmla="*/ 5576 w 10000"/>
                  <a:gd name="connsiteY131" fmla="*/ 8818 h 10000"/>
                  <a:gd name="connsiteX132" fmla="*/ 5450 w 10000"/>
                  <a:gd name="connsiteY132" fmla="*/ 8833 h 10000"/>
                  <a:gd name="connsiteX133" fmla="*/ 5325 w 10000"/>
                  <a:gd name="connsiteY133" fmla="*/ 8833 h 10000"/>
                  <a:gd name="connsiteX134" fmla="*/ 5026 w 10000"/>
                  <a:gd name="connsiteY134" fmla="*/ 8818 h 10000"/>
                  <a:gd name="connsiteX135" fmla="*/ 4650 w 10000"/>
                  <a:gd name="connsiteY135" fmla="*/ 8744 h 10000"/>
                  <a:gd name="connsiteX136" fmla="*/ 4650 w 10000"/>
                  <a:gd name="connsiteY136" fmla="*/ 8922 h 10000"/>
                  <a:gd name="connsiteX137" fmla="*/ 4625 w 10000"/>
                  <a:gd name="connsiteY137" fmla="*/ 9069 h 10000"/>
                  <a:gd name="connsiteX138" fmla="*/ 4601 w 10000"/>
                  <a:gd name="connsiteY138" fmla="*/ 9232 h 10000"/>
                  <a:gd name="connsiteX139" fmla="*/ 4575 w 10000"/>
                  <a:gd name="connsiteY139" fmla="*/ 9365 h 10000"/>
                  <a:gd name="connsiteX140" fmla="*/ 4525 w 10000"/>
                  <a:gd name="connsiteY140" fmla="*/ 9498 h 10000"/>
                  <a:gd name="connsiteX141" fmla="*/ 4426 w 10000"/>
                  <a:gd name="connsiteY141" fmla="*/ 9616 h 10000"/>
                  <a:gd name="connsiteX142" fmla="*/ 4350 w 10000"/>
                  <a:gd name="connsiteY142" fmla="*/ 9734 h 10000"/>
                  <a:gd name="connsiteX143" fmla="*/ 4225 w 10000"/>
                  <a:gd name="connsiteY143" fmla="*/ 9838 h 10000"/>
                  <a:gd name="connsiteX144" fmla="*/ 3924 w 10000"/>
                  <a:gd name="connsiteY144" fmla="*/ 9897 h 10000"/>
                  <a:gd name="connsiteX145" fmla="*/ 3675 w 10000"/>
                  <a:gd name="connsiteY145" fmla="*/ 9941 h 10000"/>
                  <a:gd name="connsiteX146" fmla="*/ 3375 w 10000"/>
                  <a:gd name="connsiteY146" fmla="*/ 9985 h 10000"/>
                  <a:gd name="connsiteX147" fmla="*/ 3150 w 10000"/>
                  <a:gd name="connsiteY147" fmla="*/ 10000 h 10000"/>
                  <a:gd name="connsiteX148" fmla="*/ 2650 w 10000"/>
                  <a:gd name="connsiteY148" fmla="*/ 10000 h 10000"/>
                  <a:gd name="connsiteX149" fmla="*/ 2175 w 10000"/>
                  <a:gd name="connsiteY149" fmla="*/ 9985 h 10000"/>
                  <a:gd name="connsiteX150" fmla="*/ 1726 w 10000"/>
                  <a:gd name="connsiteY150" fmla="*/ 9941 h 10000"/>
                  <a:gd name="connsiteX151" fmla="*/ 1251 w 10000"/>
                  <a:gd name="connsiteY151" fmla="*/ 9911 h 10000"/>
                  <a:gd name="connsiteX152" fmla="*/ 975 w 10000"/>
                  <a:gd name="connsiteY152" fmla="*/ 9911 h 10000"/>
                  <a:gd name="connsiteX153" fmla="*/ 725 w 10000"/>
                  <a:gd name="connsiteY153" fmla="*/ 9911 h 10000"/>
                  <a:gd name="connsiteX154" fmla="*/ 450 w 10000"/>
                  <a:gd name="connsiteY154" fmla="*/ 9926 h 10000"/>
                  <a:gd name="connsiteX155" fmla="*/ 175 w 10000"/>
                  <a:gd name="connsiteY155" fmla="*/ 9970 h 10000"/>
                  <a:gd name="connsiteX156" fmla="*/ 100 w 10000"/>
                  <a:gd name="connsiteY156" fmla="*/ 9867 h 10000"/>
                  <a:gd name="connsiteX157" fmla="*/ 50 w 10000"/>
                  <a:gd name="connsiteY157" fmla="*/ 9793 h 10000"/>
                  <a:gd name="connsiteX158" fmla="*/ 0 w 10000"/>
                  <a:gd name="connsiteY158" fmla="*/ 9705 h 10000"/>
                  <a:gd name="connsiteX159" fmla="*/ 0 w 10000"/>
                  <a:gd name="connsiteY159" fmla="*/ 9601 h 10000"/>
                  <a:gd name="connsiteX160" fmla="*/ 50 w 10000"/>
                  <a:gd name="connsiteY160" fmla="*/ 9424 h 10000"/>
                  <a:gd name="connsiteX161" fmla="*/ 100 w 10000"/>
                  <a:gd name="connsiteY161" fmla="*/ 9202 h 10000"/>
                  <a:gd name="connsiteX162" fmla="*/ 149 w 10000"/>
                  <a:gd name="connsiteY162" fmla="*/ 8996 h 10000"/>
                  <a:gd name="connsiteX163" fmla="*/ 200 w 10000"/>
                  <a:gd name="connsiteY163" fmla="*/ 8759 h 10000"/>
                  <a:gd name="connsiteX164" fmla="*/ 225 w 10000"/>
                  <a:gd name="connsiteY164" fmla="*/ 8641 h 10000"/>
                  <a:gd name="connsiteX165" fmla="*/ 225 w 10000"/>
                  <a:gd name="connsiteY165" fmla="*/ 8538 h 10000"/>
                  <a:gd name="connsiteX166" fmla="*/ 200 w 10000"/>
                  <a:gd name="connsiteY166" fmla="*/ 8405 h 10000"/>
                  <a:gd name="connsiteX167" fmla="*/ 175 w 10000"/>
                  <a:gd name="connsiteY167" fmla="*/ 8287 h 10000"/>
                  <a:gd name="connsiteX168" fmla="*/ 425 w 10000"/>
                  <a:gd name="connsiteY168" fmla="*/ 8213 h 10000"/>
                  <a:gd name="connsiteX169" fmla="*/ 675 w 10000"/>
                  <a:gd name="connsiteY169" fmla="*/ 8139 h 10000"/>
                  <a:gd name="connsiteX170" fmla="*/ 925 w 10000"/>
                  <a:gd name="connsiteY170" fmla="*/ 8095 h 10000"/>
                  <a:gd name="connsiteX171" fmla="*/ 1200 w 10000"/>
                  <a:gd name="connsiteY171" fmla="*/ 8065 h 10000"/>
                  <a:gd name="connsiteX172" fmla="*/ 1699 w 10000"/>
                  <a:gd name="connsiteY172" fmla="*/ 8021 h 10000"/>
                  <a:gd name="connsiteX173" fmla="*/ 2201 w 10000"/>
                  <a:gd name="connsiteY173" fmla="*/ 7976 h 10000"/>
                  <a:gd name="connsiteX174" fmla="*/ 2425 w 10000"/>
                  <a:gd name="connsiteY174" fmla="*/ 7947 h 10000"/>
                  <a:gd name="connsiteX175" fmla="*/ 2650 w 10000"/>
                  <a:gd name="connsiteY175" fmla="*/ 7917 h 10000"/>
                  <a:gd name="connsiteX176" fmla="*/ 2849 w 10000"/>
                  <a:gd name="connsiteY176" fmla="*/ 7843 h 10000"/>
                  <a:gd name="connsiteX177" fmla="*/ 3050 w 10000"/>
                  <a:gd name="connsiteY177" fmla="*/ 7784 h 10000"/>
                  <a:gd name="connsiteX178" fmla="*/ 3225 w 10000"/>
                  <a:gd name="connsiteY178" fmla="*/ 7710 h 10000"/>
                  <a:gd name="connsiteX179" fmla="*/ 3375 w 10000"/>
                  <a:gd name="connsiteY179" fmla="*/ 7592 h 10000"/>
                  <a:gd name="connsiteX180" fmla="*/ 3526 w 10000"/>
                  <a:gd name="connsiteY180" fmla="*/ 7474 h 10000"/>
                  <a:gd name="connsiteX181" fmla="*/ 3625 w 10000"/>
                  <a:gd name="connsiteY181" fmla="*/ 7312 h 10000"/>
                  <a:gd name="connsiteX182" fmla="*/ 3425 w 10000"/>
                  <a:gd name="connsiteY182" fmla="*/ 7238 h 10000"/>
                  <a:gd name="connsiteX183" fmla="*/ 3250 w 10000"/>
                  <a:gd name="connsiteY183" fmla="*/ 7179 h 10000"/>
                  <a:gd name="connsiteX184" fmla="*/ 3100 w 10000"/>
                  <a:gd name="connsiteY184" fmla="*/ 7090 h 10000"/>
                  <a:gd name="connsiteX185" fmla="*/ 2950 w 10000"/>
                  <a:gd name="connsiteY185" fmla="*/ 6987 h 10000"/>
                  <a:gd name="connsiteX186" fmla="*/ 2849 w 10000"/>
                  <a:gd name="connsiteY186" fmla="*/ 6869 h 10000"/>
                  <a:gd name="connsiteX187" fmla="*/ 2801 w 10000"/>
                  <a:gd name="connsiteY187" fmla="*/ 6721 h 10000"/>
                  <a:gd name="connsiteX188" fmla="*/ 2775 w 10000"/>
                  <a:gd name="connsiteY188" fmla="*/ 6558 h 10000"/>
                  <a:gd name="connsiteX189" fmla="*/ 2801 w 10000"/>
                  <a:gd name="connsiteY189" fmla="*/ 6352 h 10000"/>
                  <a:gd name="connsiteX190" fmla="*/ 2676 w 10000"/>
                  <a:gd name="connsiteY190" fmla="*/ 6322 h 10000"/>
                  <a:gd name="connsiteX191" fmla="*/ 2526 w 10000"/>
                  <a:gd name="connsiteY191" fmla="*/ 6292 h 10000"/>
                  <a:gd name="connsiteX192" fmla="*/ 2350 w 10000"/>
                  <a:gd name="connsiteY192" fmla="*/ 6278 h 10000"/>
                  <a:gd name="connsiteX193" fmla="*/ 2175 w 10000"/>
                  <a:gd name="connsiteY193" fmla="*/ 6263 h 10000"/>
                  <a:gd name="connsiteX194" fmla="*/ 1825 w 10000"/>
                  <a:gd name="connsiteY194" fmla="*/ 6248 h 10000"/>
                  <a:gd name="connsiteX195" fmla="*/ 1450 w 10000"/>
                  <a:gd name="connsiteY195" fmla="*/ 6263 h 10000"/>
                  <a:gd name="connsiteX196" fmla="*/ 1126 w 10000"/>
                  <a:gd name="connsiteY196" fmla="*/ 6278 h 10000"/>
                  <a:gd name="connsiteX197" fmla="*/ 825 w 10000"/>
                  <a:gd name="connsiteY197" fmla="*/ 6278 h 10000"/>
                  <a:gd name="connsiteX198" fmla="*/ 576 w 10000"/>
                  <a:gd name="connsiteY198" fmla="*/ 6263 h 10000"/>
                  <a:gd name="connsiteX199" fmla="*/ 375 w 10000"/>
                  <a:gd name="connsiteY199" fmla="*/ 6233 h 10000"/>
                  <a:gd name="connsiteX200" fmla="*/ 624 w 10000"/>
                  <a:gd name="connsiteY200" fmla="*/ 5805 h 10000"/>
                  <a:gd name="connsiteX201" fmla="*/ 900 w 10000"/>
                  <a:gd name="connsiteY201" fmla="*/ 5391 h 10000"/>
                  <a:gd name="connsiteX202" fmla="*/ 1001 w 10000"/>
                  <a:gd name="connsiteY202" fmla="*/ 5170 h 10000"/>
                  <a:gd name="connsiteX203" fmla="*/ 1075 w 10000"/>
                  <a:gd name="connsiteY203" fmla="*/ 4963 h 10000"/>
                  <a:gd name="connsiteX204" fmla="*/ 1099 w 10000"/>
                  <a:gd name="connsiteY204" fmla="*/ 4860 h 10000"/>
                  <a:gd name="connsiteX205" fmla="*/ 1075 w 10000"/>
                  <a:gd name="connsiteY205" fmla="*/ 4756 h 10000"/>
                  <a:gd name="connsiteX206" fmla="*/ 1050 w 10000"/>
                  <a:gd name="connsiteY206" fmla="*/ 4653 h 10000"/>
                  <a:gd name="connsiteX207" fmla="*/ 975 w 10000"/>
                  <a:gd name="connsiteY207" fmla="*/ 4549 h 10000"/>
                  <a:gd name="connsiteX208" fmla="*/ 1251 w 10000"/>
                  <a:gd name="connsiteY208" fmla="*/ 4520 h 10000"/>
                  <a:gd name="connsiteX209" fmla="*/ 1450 w 10000"/>
                  <a:gd name="connsiteY209" fmla="*/ 4505 h 10000"/>
                  <a:gd name="connsiteX210" fmla="*/ 1625 w 10000"/>
                  <a:gd name="connsiteY210" fmla="*/ 4505 h 10000"/>
                  <a:gd name="connsiteX211" fmla="*/ 1775 w 10000"/>
                  <a:gd name="connsiteY211" fmla="*/ 4520 h 10000"/>
                  <a:gd name="connsiteX212" fmla="*/ 1900 w 10000"/>
                  <a:gd name="connsiteY212" fmla="*/ 4520 h 10000"/>
                  <a:gd name="connsiteX213" fmla="*/ 2050 w 10000"/>
                  <a:gd name="connsiteY213" fmla="*/ 4520 h 10000"/>
                  <a:gd name="connsiteX214" fmla="*/ 2201 w 10000"/>
                  <a:gd name="connsiteY214" fmla="*/ 4490 h 10000"/>
                  <a:gd name="connsiteX215" fmla="*/ 2400 w 10000"/>
                  <a:gd name="connsiteY215" fmla="*/ 4446 h 10000"/>
                  <a:gd name="connsiteX216" fmla="*/ 2400 w 10000"/>
                  <a:gd name="connsiteY216" fmla="*/ 4579 h 10000"/>
                  <a:gd name="connsiteX217" fmla="*/ 2400 w 10000"/>
                  <a:gd name="connsiteY217" fmla="*/ 4742 h 10000"/>
                  <a:gd name="connsiteX218" fmla="*/ 2400 w 10000"/>
                  <a:gd name="connsiteY218" fmla="*/ 4874 h 10000"/>
                  <a:gd name="connsiteX219" fmla="*/ 2400 w 10000"/>
                  <a:gd name="connsiteY219" fmla="*/ 5037 h 10000"/>
                  <a:gd name="connsiteX220" fmla="*/ 2625 w 10000"/>
                  <a:gd name="connsiteY220" fmla="*/ 5022 h 10000"/>
                  <a:gd name="connsiteX221" fmla="*/ 2775 w 10000"/>
                  <a:gd name="connsiteY221" fmla="*/ 5037 h 10000"/>
                  <a:gd name="connsiteX222" fmla="*/ 2900 w 10000"/>
                  <a:gd name="connsiteY222" fmla="*/ 5066 h 10000"/>
                  <a:gd name="connsiteX223" fmla="*/ 3025 w 10000"/>
                  <a:gd name="connsiteY223" fmla="*/ 5096 h 10000"/>
                  <a:gd name="connsiteX224" fmla="*/ 3126 w 10000"/>
                  <a:gd name="connsiteY224" fmla="*/ 5126 h 10000"/>
                  <a:gd name="connsiteX225" fmla="*/ 3250 w 10000"/>
                  <a:gd name="connsiteY225" fmla="*/ 5155 h 10000"/>
                  <a:gd name="connsiteX226" fmla="*/ 3401 w 10000"/>
                  <a:gd name="connsiteY226" fmla="*/ 5170 h 10000"/>
                  <a:gd name="connsiteX227" fmla="*/ 3625 w 10000"/>
                  <a:gd name="connsiteY227" fmla="*/ 5155 h 10000"/>
                  <a:gd name="connsiteX228" fmla="*/ 3701 w 10000"/>
                  <a:gd name="connsiteY228" fmla="*/ 5096 h 10000"/>
                  <a:gd name="connsiteX229" fmla="*/ 3775 w 10000"/>
                  <a:gd name="connsiteY229" fmla="*/ 5022 h 10000"/>
                  <a:gd name="connsiteX230" fmla="*/ 3800 w 10000"/>
                  <a:gd name="connsiteY230" fmla="*/ 4934 h 10000"/>
                  <a:gd name="connsiteX231" fmla="*/ 3826 w 10000"/>
                  <a:gd name="connsiteY231" fmla="*/ 4860 h 10000"/>
                  <a:gd name="connsiteX232" fmla="*/ 3850 w 10000"/>
                  <a:gd name="connsiteY232" fmla="*/ 4697 h 10000"/>
                  <a:gd name="connsiteX233" fmla="*/ 3826 w 10000"/>
                  <a:gd name="connsiteY233" fmla="*/ 4520 h 10000"/>
                  <a:gd name="connsiteX234" fmla="*/ 3750 w 10000"/>
                  <a:gd name="connsiteY234" fmla="*/ 4343 h 10000"/>
                  <a:gd name="connsiteX235" fmla="*/ 3675 w 10000"/>
                  <a:gd name="connsiteY235" fmla="*/ 4195 h 10000"/>
                  <a:gd name="connsiteX236" fmla="*/ 3550 w 10000"/>
                  <a:gd name="connsiteY236" fmla="*/ 4047 h 10000"/>
                  <a:gd name="connsiteX237" fmla="*/ 3425 w 10000"/>
                  <a:gd name="connsiteY237" fmla="*/ 3959 h 10000"/>
                  <a:gd name="connsiteX238" fmla="*/ 3575 w 10000"/>
                  <a:gd name="connsiteY238" fmla="*/ 3944 h 10000"/>
                  <a:gd name="connsiteX239" fmla="*/ 3701 w 10000"/>
                  <a:gd name="connsiteY239" fmla="*/ 3914 h 10000"/>
                  <a:gd name="connsiteX240" fmla="*/ 3800 w 10000"/>
                  <a:gd name="connsiteY240" fmla="*/ 3855 h 10000"/>
                  <a:gd name="connsiteX241" fmla="*/ 3924 w 10000"/>
                  <a:gd name="connsiteY241" fmla="*/ 3752 h 10000"/>
                  <a:gd name="connsiteX242" fmla="*/ 4050 w 10000"/>
                  <a:gd name="connsiteY242" fmla="*/ 3663 h 10000"/>
                  <a:gd name="connsiteX243" fmla="*/ 4150 w 10000"/>
                  <a:gd name="connsiteY243" fmla="*/ 3560 h 10000"/>
                  <a:gd name="connsiteX244" fmla="*/ 4225 w 10000"/>
                  <a:gd name="connsiteY244" fmla="*/ 3442 h 10000"/>
                  <a:gd name="connsiteX245" fmla="*/ 4301 w 10000"/>
                  <a:gd name="connsiteY245" fmla="*/ 3323 h 10000"/>
                  <a:gd name="connsiteX246" fmla="*/ 4350 w 10000"/>
                  <a:gd name="connsiteY246" fmla="*/ 3220 h 10000"/>
                  <a:gd name="connsiteX247" fmla="*/ 4375 w 10000"/>
                  <a:gd name="connsiteY247" fmla="*/ 3102 h 10000"/>
                  <a:gd name="connsiteX248" fmla="*/ 4401 w 10000"/>
                  <a:gd name="connsiteY248" fmla="*/ 3013 h 10000"/>
                  <a:gd name="connsiteX249" fmla="*/ 4375 w 10000"/>
                  <a:gd name="connsiteY249" fmla="*/ 2939 h 10000"/>
                  <a:gd name="connsiteX250" fmla="*/ 4350 w 10000"/>
                  <a:gd name="connsiteY250" fmla="*/ 2866 h 10000"/>
                  <a:gd name="connsiteX251" fmla="*/ 4275 w 10000"/>
                  <a:gd name="connsiteY251" fmla="*/ 2836 h 10000"/>
                  <a:gd name="connsiteX252" fmla="*/ 4176 w 10000"/>
                  <a:gd name="connsiteY252" fmla="*/ 2836 h 10000"/>
                  <a:gd name="connsiteX253" fmla="*/ 4050 w 10000"/>
                  <a:gd name="connsiteY253" fmla="*/ 2866 h 10000"/>
                  <a:gd name="connsiteX254" fmla="*/ 4150 w 10000"/>
                  <a:gd name="connsiteY254" fmla="*/ 2777 h 10000"/>
                  <a:gd name="connsiteX255" fmla="*/ 4201 w 10000"/>
                  <a:gd name="connsiteY255" fmla="*/ 2674 h 10000"/>
                  <a:gd name="connsiteX256" fmla="*/ 4225 w 10000"/>
                  <a:gd name="connsiteY256" fmla="*/ 2541 h 10000"/>
                  <a:gd name="connsiteX257" fmla="*/ 4225 w 10000"/>
                  <a:gd name="connsiteY257" fmla="*/ 2393 h 10000"/>
                  <a:gd name="connsiteX258" fmla="*/ 4250 w 10000"/>
                  <a:gd name="connsiteY258" fmla="*/ 2349 h 10000"/>
                  <a:gd name="connsiteX259" fmla="*/ 4301 w 10000"/>
                  <a:gd name="connsiteY259" fmla="*/ 2304 h 10000"/>
                  <a:gd name="connsiteX260" fmla="*/ 4350 w 10000"/>
                  <a:gd name="connsiteY260" fmla="*/ 2290 h 10000"/>
                  <a:gd name="connsiteX261" fmla="*/ 4426 w 10000"/>
                  <a:gd name="connsiteY261" fmla="*/ 2275 h 10000"/>
                  <a:gd name="connsiteX262" fmla="*/ 4650 w 10000"/>
                  <a:gd name="connsiteY262" fmla="*/ 2260 h 10000"/>
                  <a:gd name="connsiteX263" fmla="*/ 4850 w 10000"/>
                  <a:gd name="connsiteY263" fmla="*/ 2275 h 10000"/>
                  <a:gd name="connsiteX264" fmla="*/ 4825 w 10000"/>
                  <a:gd name="connsiteY264" fmla="*/ 2112 h 10000"/>
                  <a:gd name="connsiteX265" fmla="*/ 4776 w 10000"/>
                  <a:gd name="connsiteY265" fmla="*/ 1950 h 10000"/>
                  <a:gd name="connsiteX266" fmla="*/ 4700 w 10000"/>
                  <a:gd name="connsiteY266" fmla="*/ 1802 h 10000"/>
                  <a:gd name="connsiteX267" fmla="*/ 4601 w 10000"/>
                  <a:gd name="connsiteY267" fmla="*/ 1640 h 10000"/>
                  <a:gd name="connsiteX268" fmla="*/ 4350 w 10000"/>
                  <a:gd name="connsiteY268" fmla="*/ 1329 h 10000"/>
                  <a:gd name="connsiteX269" fmla="*/ 4100 w 10000"/>
                  <a:gd name="connsiteY269" fmla="*/ 1034 h 10000"/>
                  <a:gd name="connsiteX270" fmla="*/ 3975 w 10000"/>
                  <a:gd name="connsiteY270" fmla="*/ 901 h 10000"/>
                  <a:gd name="connsiteX271" fmla="*/ 3876 w 10000"/>
                  <a:gd name="connsiteY271" fmla="*/ 753 h 10000"/>
                  <a:gd name="connsiteX272" fmla="*/ 3800 w 10000"/>
                  <a:gd name="connsiteY272" fmla="*/ 620 h 10000"/>
                  <a:gd name="connsiteX273" fmla="*/ 3775 w 10000"/>
                  <a:gd name="connsiteY273" fmla="*/ 487 h 10000"/>
                  <a:gd name="connsiteX274" fmla="*/ 3750 w 10000"/>
                  <a:gd name="connsiteY274" fmla="*/ 355 h 10000"/>
                  <a:gd name="connsiteX275" fmla="*/ 3800 w 10000"/>
                  <a:gd name="connsiteY275" fmla="*/ 222 h 10000"/>
                  <a:gd name="connsiteX276" fmla="*/ 3826 w 10000"/>
                  <a:gd name="connsiteY276" fmla="*/ 162 h 10000"/>
                  <a:gd name="connsiteX277" fmla="*/ 3876 w 10000"/>
                  <a:gd name="connsiteY277" fmla="*/ 103 h 10000"/>
                  <a:gd name="connsiteX278" fmla="*/ 3951 w 10000"/>
                  <a:gd name="connsiteY278" fmla="*/ 59 h 10000"/>
                  <a:gd name="connsiteX279" fmla="*/ 4050 w 10000"/>
                  <a:gd name="connsiteY279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51 w 10000"/>
                  <a:gd name="connsiteY56" fmla="*/ 4594 h 10000"/>
                  <a:gd name="connsiteX57" fmla="*/ 6901 w 10000"/>
                  <a:gd name="connsiteY57" fmla="*/ 4638 h 10000"/>
                  <a:gd name="connsiteX58" fmla="*/ 6901 w 10000"/>
                  <a:gd name="connsiteY58" fmla="*/ 4697 h 10000"/>
                  <a:gd name="connsiteX59" fmla="*/ 6875 w 10000"/>
                  <a:gd name="connsiteY59" fmla="*/ 4801 h 10000"/>
                  <a:gd name="connsiteX60" fmla="*/ 6875 w 10000"/>
                  <a:gd name="connsiteY60" fmla="*/ 4904 h 10000"/>
                  <a:gd name="connsiteX61" fmla="*/ 6751 w 10000"/>
                  <a:gd name="connsiteY61" fmla="*/ 4860 h 10000"/>
                  <a:gd name="connsiteX62" fmla="*/ 6675 w 10000"/>
                  <a:gd name="connsiteY62" fmla="*/ 4801 h 10000"/>
                  <a:gd name="connsiteX63" fmla="*/ 6600 w 10000"/>
                  <a:gd name="connsiteY63" fmla="*/ 4727 h 10000"/>
                  <a:gd name="connsiteX64" fmla="*/ 6526 w 10000"/>
                  <a:gd name="connsiteY64" fmla="*/ 4638 h 10000"/>
                  <a:gd name="connsiteX65" fmla="*/ 6401 w 10000"/>
                  <a:gd name="connsiteY65" fmla="*/ 4476 h 10000"/>
                  <a:gd name="connsiteX66" fmla="*/ 6274 w 10000"/>
                  <a:gd name="connsiteY66" fmla="*/ 4313 h 10000"/>
                  <a:gd name="connsiteX67" fmla="*/ 6426 w 10000"/>
                  <a:gd name="connsiteY67" fmla="*/ 4210 h 10000"/>
                  <a:gd name="connsiteX68" fmla="*/ 6625 w 10000"/>
                  <a:gd name="connsiteY68" fmla="*/ 4121 h 10000"/>
                  <a:gd name="connsiteX69" fmla="*/ 7101 w 10000"/>
                  <a:gd name="connsiteY69" fmla="*/ 3959 h 10000"/>
                  <a:gd name="connsiteX70" fmla="*/ 7626 w 10000"/>
                  <a:gd name="connsiteY70" fmla="*/ 3811 h 10000"/>
                  <a:gd name="connsiteX71" fmla="*/ 8150 w 10000"/>
                  <a:gd name="connsiteY71" fmla="*/ 3663 h 10000"/>
                  <a:gd name="connsiteX72" fmla="*/ 8401 w 10000"/>
                  <a:gd name="connsiteY72" fmla="*/ 3589 h 10000"/>
                  <a:gd name="connsiteX73" fmla="*/ 8651 w 10000"/>
                  <a:gd name="connsiteY73" fmla="*/ 3516 h 10000"/>
                  <a:gd name="connsiteX74" fmla="*/ 8850 w 10000"/>
                  <a:gd name="connsiteY74" fmla="*/ 3412 h 10000"/>
                  <a:gd name="connsiteX75" fmla="*/ 9051 w 10000"/>
                  <a:gd name="connsiteY75" fmla="*/ 3338 h 10000"/>
                  <a:gd name="connsiteX76" fmla="*/ 9176 w 10000"/>
                  <a:gd name="connsiteY76" fmla="*/ 3235 h 10000"/>
                  <a:gd name="connsiteX77" fmla="*/ 9275 w 10000"/>
                  <a:gd name="connsiteY77" fmla="*/ 3117 h 10000"/>
                  <a:gd name="connsiteX78" fmla="*/ 9301 w 10000"/>
                  <a:gd name="connsiteY78" fmla="*/ 3072 h 10000"/>
                  <a:gd name="connsiteX79" fmla="*/ 9325 w 10000"/>
                  <a:gd name="connsiteY79" fmla="*/ 3013 h 10000"/>
                  <a:gd name="connsiteX80" fmla="*/ 9325 w 10000"/>
                  <a:gd name="connsiteY80" fmla="*/ 2954 h 10000"/>
                  <a:gd name="connsiteX81" fmla="*/ 9301 w 10000"/>
                  <a:gd name="connsiteY81" fmla="*/ 2866 h 10000"/>
                  <a:gd name="connsiteX82" fmla="*/ 9126 w 10000"/>
                  <a:gd name="connsiteY82" fmla="*/ 2984 h 10000"/>
                  <a:gd name="connsiteX83" fmla="*/ 8926 w 10000"/>
                  <a:gd name="connsiteY83" fmla="*/ 3072 h 10000"/>
                  <a:gd name="connsiteX84" fmla="*/ 8725 w 10000"/>
                  <a:gd name="connsiteY84" fmla="*/ 3161 h 10000"/>
                  <a:gd name="connsiteX85" fmla="*/ 8526 w 10000"/>
                  <a:gd name="connsiteY85" fmla="*/ 3250 h 10000"/>
                  <a:gd name="connsiteX86" fmla="*/ 8075 w 10000"/>
                  <a:gd name="connsiteY86" fmla="*/ 3397 h 10000"/>
                  <a:gd name="connsiteX87" fmla="*/ 7601 w 10000"/>
                  <a:gd name="connsiteY87" fmla="*/ 3545 h 10000"/>
                  <a:gd name="connsiteX88" fmla="*/ 7126 w 10000"/>
                  <a:gd name="connsiteY88" fmla="*/ 3678 h 10000"/>
                  <a:gd name="connsiteX89" fmla="*/ 6675 w 10000"/>
                  <a:gd name="connsiteY89" fmla="*/ 3840 h 10000"/>
                  <a:gd name="connsiteX90" fmla="*/ 6450 w 10000"/>
                  <a:gd name="connsiteY90" fmla="*/ 3914 h 10000"/>
                  <a:gd name="connsiteX91" fmla="*/ 6250 w 10000"/>
                  <a:gd name="connsiteY91" fmla="*/ 4003 h 10000"/>
                  <a:gd name="connsiteX92" fmla="*/ 6051 w 10000"/>
                  <a:gd name="connsiteY92" fmla="*/ 4106 h 10000"/>
                  <a:gd name="connsiteX93" fmla="*/ 5850 w 10000"/>
                  <a:gd name="connsiteY93" fmla="*/ 4195 h 10000"/>
                  <a:gd name="connsiteX94" fmla="*/ 6000 w 10000"/>
                  <a:gd name="connsiteY94" fmla="*/ 4417 h 10000"/>
                  <a:gd name="connsiteX95" fmla="*/ 6101 w 10000"/>
                  <a:gd name="connsiteY95" fmla="*/ 4623 h 10000"/>
                  <a:gd name="connsiteX96" fmla="*/ 6200 w 10000"/>
                  <a:gd name="connsiteY96" fmla="*/ 4845 h 10000"/>
                  <a:gd name="connsiteX97" fmla="*/ 6274 w 10000"/>
                  <a:gd name="connsiteY97" fmla="*/ 5081 h 10000"/>
                  <a:gd name="connsiteX98" fmla="*/ 6325 w 10000"/>
                  <a:gd name="connsiteY98" fmla="*/ 5318 h 10000"/>
                  <a:gd name="connsiteX99" fmla="*/ 6351 w 10000"/>
                  <a:gd name="connsiteY99" fmla="*/ 5539 h 10000"/>
                  <a:gd name="connsiteX100" fmla="*/ 6375 w 10000"/>
                  <a:gd name="connsiteY100" fmla="*/ 5775 h 10000"/>
                  <a:gd name="connsiteX101" fmla="*/ 6375 w 10000"/>
                  <a:gd name="connsiteY101" fmla="*/ 5997 h 10000"/>
                  <a:gd name="connsiteX102" fmla="*/ 6351 w 10000"/>
                  <a:gd name="connsiteY102" fmla="*/ 6233 h 10000"/>
                  <a:gd name="connsiteX103" fmla="*/ 6301 w 10000"/>
                  <a:gd name="connsiteY103" fmla="*/ 6470 h 10000"/>
                  <a:gd name="connsiteX104" fmla="*/ 6250 w 10000"/>
                  <a:gd name="connsiteY104" fmla="*/ 6677 h 10000"/>
                  <a:gd name="connsiteX105" fmla="*/ 6176 w 10000"/>
                  <a:gd name="connsiteY105" fmla="*/ 6898 h 10000"/>
                  <a:gd name="connsiteX106" fmla="*/ 6076 w 10000"/>
                  <a:gd name="connsiteY106" fmla="*/ 7105 h 10000"/>
                  <a:gd name="connsiteX107" fmla="*/ 5951 w 10000"/>
                  <a:gd name="connsiteY107" fmla="*/ 7297 h 10000"/>
                  <a:gd name="connsiteX108" fmla="*/ 5800 w 10000"/>
                  <a:gd name="connsiteY108" fmla="*/ 7489 h 10000"/>
                  <a:gd name="connsiteX109" fmla="*/ 5650 w 10000"/>
                  <a:gd name="connsiteY109" fmla="*/ 7681 h 10000"/>
                  <a:gd name="connsiteX110" fmla="*/ 6375 w 10000"/>
                  <a:gd name="connsiteY110" fmla="*/ 7799 h 10000"/>
                  <a:gd name="connsiteX111" fmla="*/ 7126 w 10000"/>
                  <a:gd name="connsiteY111" fmla="*/ 7962 h 10000"/>
                  <a:gd name="connsiteX112" fmla="*/ 7275 w 10000"/>
                  <a:gd name="connsiteY112" fmla="*/ 8021 h 10000"/>
                  <a:gd name="connsiteX113" fmla="*/ 7400 w 10000"/>
                  <a:gd name="connsiteY113" fmla="*/ 8080 h 10000"/>
                  <a:gd name="connsiteX114" fmla="*/ 7525 w 10000"/>
                  <a:gd name="connsiteY114" fmla="*/ 8139 h 10000"/>
                  <a:gd name="connsiteX115" fmla="*/ 7601 w 10000"/>
                  <a:gd name="connsiteY115" fmla="*/ 8227 h 10000"/>
                  <a:gd name="connsiteX116" fmla="*/ 7626 w 10000"/>
                  <a:gd name="connsiteY116" fmla="*/ 8301 h 10000"/>
                  <a:gd name="connsiteX117" fmla="*/ 7626 w 10000"/>
                  <a:gd name="connsiteY117" fmla="*/ 8405 h 10000"/>
                  <a:gd name="connsiteX118" fmla="*/ 7576 w 10000"/>
                  <a:gd name="connsiteY118" fmla="*/ 8523 h 10000"/>
                  <a:gd name="connsiteX119" fmla="*/ 7501 w 10000"/>
                  <a:gd name="connsiteY119" fmla="*/ 8641 h 10000"/>
                  <a:gd name="connsiteX120" fmla="*/ 7175 w 10000"/>
                  <a:gd name="connsiteY120" fmla="*/ 8552 h 10000"/>
                  <a:gd name="connsiteX121" fmla="*/ 6875 w 10000"/>
                  <a:gd name="connsiteY121" fmla="*/ 8449 h 10000"/>
                  <a:gd name="connsiteX122" fmla="*/ 6575 w 10000"/>
                  <a:gd name="connsiteY122" fmla="*/ 8360 h 10000"/>
                  <a:gd name="connsiteX123" fmla="*/ 6274 w 10000"/>
                  <a:gd name="connsiteY123" fmla="*/ 8287 h 10000"/>
                  <a:gd name="connsiteX124" fmla="*/ 6150 w 10000"/>
                  <a:gd name="connsiteY124" fmla="*/ 8449 h 10000"/>
                  <a:gd name="connsiteX125" fmla="*/ 6051 w 10000"/>
                  <a:gd name="connsiteY125" fmla="*/ 8597 h 10000"/>
                  <a:gd name="connsiteX126" fmla="*/ 6000 w 10000"/>
                  <a:gd name="connsiteY126" fmla="*/ 8656 h 10000"/>
                  <a:gd name="connsiteX127" fmla="*/ 5900 w 10000"/>
                  <a:gd name="connsiteY127" fmla="*/ 8700 h 10000"/>
                  <a:gd name="connsiteX128" fmla="*/ 5826 w 10000"/>
                  <a:gd name="connsiteY128" fmla="*/ 8744 h 10000"/>
                  <a:gd name="connsiteX129" fmla="*/ 5751 w 10000"/>
                  <a:gd name="connsiteY129" fmla="*/ 8774 h 10000"/>
                  <a:gd name="connsiteX130" fmla="*/ 5675 w 10000"/>
                  <a:gd name="connsiteY130" fmla="*/ 8804 h 10000"/>
                  <a:gd name="connsiteX131" fmla="*/ 5576 w 10000"/>
                  <a:gd name="connsiteY131" fmla="*/ 8818 h 10000"/>
                  <a:gd name="connsiteX132" fmla="*/ 5450 w 10000"/>
                  <a:gd name="connsiteY132" fmla="*/ 8833 h 10000"/>
                  <a:gd name="connsiteX133" fmla="*/ 5325 w 10000"/>
                  <a:gd name="connsiteY133" fmla="*/ 8833 h 10000"/>
                  <a:gd name="connsiteX134" fmla="*/ 5026 w 10000"/>
                  <a:gd name="connsiteY134" fmla="*/ 8818 h 10000"/>
                  <a:gd name="connsiteX135" fmla="*/ 4650 w 10000"/>
                  <a:gd name="connsiteY135" fmla="*/ 8744 h 10000"/>
                  <a:gd name="connsiteX136" fmla="*/ 4650 w 10000"/>
                  <a:gd name="connsiteY136" fmla="*/ 8922 h 10000"/>
                  <a:gd name="connsiteX137" fmla="*/ 4625 w 10000"/>
                  <a:gd name="connsiteY137" fmla="*/ 9069 h 10000"/>
                  <a:gd name="connsiteX138" fmla="*/ 4601 w 10000"/>
                  <a:gd name="connsiteY138" fmla="*/ 9232 h 10000"/>
                  <a:gd name="connsiteX139" fmla="*/ 4575 w 10000"/>
                  <a:gd name="connsiteY139" fmla="*/ 9365 h 10000"/>
                  <a:gd name="connsiteX140" fmla="*/ 4525 w 10000"/>
                  <a:gd name="connsiteY140" fmla="*/ 9498 h 10000"/>
                  <a:gd name="connsiteX141" fmla="*/ 4426 w 10000"/>
                  <a:gd name="connsiteY141" fmla="*/ 9616 h 10000"/>
                  <a:gd name="connsiteX142" fmla="*/ 4350 w 10000"/>
                  <a:gd name="connsiteY142" fmla="*/ 9734 h 10000"/>
                  <a:gd name="connsiteX143" fmla="*/ 4225 w 10000"/>
                  <a:gd name="connsiteY143" fmla="*/ 9838 h 10000"/>
                  <a:gd name="connsiteX144" fmla="*/ 3924 w 10000"/>
                  <a:gd name="connsiteY144" fmla="*/ 9897 h 10000"/>
                  <a:gd name="connsiteX145" fmla="*/ 3675 w 10000"/>
                  <a:gd name="connsiteY145" fmla="*/ 9941 h 10000"/>
                  <a:gd name="connsiteX146" fmla="*/ 3375 w 10000"/>
                  <a:gd name="connsiteY146" fmla="*/ 9985 h 10000"/>
                  <a:gd name="connsiteX147" fmla="*/ 3150 w 10000"/>
                  <a:gd name="connsiteY147" fmla="*/ 10000 h 10000"/>
                  <a:gd name="connsiteX148" fmla="*/ 2650 w 10000"/>
                  <a:gd name="connsiteY148" fmla="*/ 10000 h 10000"/>
                  <a:gd name="connsiteX149" fmla="*/ 2175 w 10000"/>
                  <a:gd name="connsiteY149" fmla="*/ 9985 h 10000"/>
                  <a:gd name="connsiteX150" fmla="*/ 1726 w 10000"/>
                  <a:gd name="connsiteY150" fmla="*/ 9941 h 10000"/>
                  <a:gd name="connsiteX151" fmla="*/ 1251 w 10000"/>
                  <a:gd name="connsiteY151" fmla="*/ 9911 h 10000"/>
                  <a:gd name="connsiteX152" fmla="*/ 975 w 10000"/>
                  <a:gd name="connsiteY152" fmla="*/ 9911 h 10000"/>
                  <a:gd name="connsiteX153" fmla="*/ 725 w 10000"/>
                  <a:gd name="connsiteY153" fmla="*/ 9911 h 10000"/>
                  <a:gd name="connsiteX154" fmla="*/ 450 w 10000"/>
                  <a:gd name="connsiteY154" fmla="*/ 9926 h 10000"/>
                  <a:gd name="connsiteX155" fmla="*/ 175 w 10000"/>
                  <a:gd name="connsiteY155" fmla="*/ 9970 h 10000"/>
                  <a:gd name="connsiteX156" fmla="*/ 100 w 10000"/>
                  <a:gd name="connsiteY156" fmla="*/ 9867 h 10000"/>
                  <a:gd name="connsiteX157" fmla="*/ 50 w 10000"/>
                  <a:gd name="connsiteY157" fmla="*/ 9793 h 10000"/>
                  <a:gd name="connsiteX158" fmla="*/ 0 w 10000"/>
                  <a:gd name="connsiteY158" fmla="*/ 9705 h 10000"/>
                  <a:gd name="connsiteX159" fmla="*/ 0 w 10000"/>
                  <a:gd name="connsiteY159" fmla="*/ 9601 h 10000"/>
                  <a:gd name="connsiteX160" fmla="*/ 50 w 10000"/>
                  <a:gd name="connsiteY160" fmla="*/ 9424 h 10000"/>
                  <a:gd name="connsiteX161" fmla="*/ 100 w 10000"/>
                  <a:gd name="connsiteY161" fmla="*/ 9202 h 10000"/>
                  <a:gd name="connsiteX162" fmla="*/ 149 w 10000"/>
                  <a:gd name="connsiteY162" fmla="*/ 8996 h 10000"/>
                  <a:gd name="connsiteX163" fmla="*/ 200 w 10000"/>
                  <a:gd name="connsiteY163" fmla="*/ 8759 h 10000"/>
                  <a:gd name="connsiteX164" fmla="*/ 225 w 10000"/>
                  <a:gd name="connsiteY164" fmla="*/ 8641 h 10000"/>
                  <a:gd name="connsiteX165" fmla="*/ 225 w 10000"/>
                  <a:gd name="connsiteY165" fmla="*/ 8538 h 10000"/>
                  <a:gd name="connsiteX166" fmla="*/ 200 w 10000"/>
                  <a:gd name="connsiteY166" fmla="*/ 8405 h 10000"/>
                  <a:gd name="connsiteX167" fmla="*/ 175 w 10000"/>
                  <a:gd name="connsiteY167" fmla="*/ 8287 h 10000"/>
                  <a:gd name="connsiteX168" fmla="*/ 425 w 10000"/>
                  <a:gd name="connsiteY168" fmla="*/ 8213 h 10000"/>
                  <a:gd name="connsiteX169" fmla="*/ 675 w 10000"/>
                  <a:gd name="connsiteY169" fmla="*/ 8139 h 10000"/>
                  <a:gd name="connsiteX170" fmla="*/ 925 w 10000"/>
                  <a:gd name="connsiteY170" fmla="*/ 8095 h 10000"/>
                  <a:gd name="connsiteX171" fmla="*/ 1200 w 10000"/>
                  <a:gd name="connsiteY171" fmla="*/ 8065 h 10000"/>
                  <a:gd name="connsiteX172" fmla="*/ 1699 w 10000"/>
                  <a:gd name="connsiteY172" fmla="*/ 8021 h 10000"/>
                  <a:gd name="connsiteX173" fmla="*/ 2201 w 10000"/>
                  <a:gd name="connsiteY173" fmla="*/ 7976 h 10000"/>
                  <a:gd name="connsiteX174" fmla="*/ 2425 w 10000"/>
                  <a:gd name="connsiteY174" fmla="*/ 7947 h 10000"/>
                  <a:gd name="connsiteX175" fmla="*/ 2650 w 10000"/>
                  <a:gd name="connsiteY175" fmla="*/ 7917 h 10000"/>
                  <a:gd name="connsiteX176" fmla="*/ 2849 w 10000"/>
                  <a:gd name="connsiteY176" fmla="*/ 7843 h 10000"/>
                  <a:gd name="connsiteX177" fmla="*/ 3050 w 10000"/>
                  <a:gd name="connsiteY177" fmla="*/ 7784 h 10000"/>
                  <a:gd name="connsiteX178" fmla="*/ 3225 w 10000"/>
                  <a:gd name="connsiteY178" fmla="*/ 7710 h 10000"/>
                  <a:gd name="connsiteX179" fmla="*/ 3375 w 10000"/>
                  <a:gd name="connsiteY179" fmla="*/ 7592 h 10000"/>
                  <a:gd name="connsiteX180" fmla="*/ 3526 w 10000"/>
                  <a:gd name="connsiteY180" fmla="*/ 7474 h 10000"/>
                  <a:gd name="connsiteX181" fmla="*/ 3625 w 10000"/>
                  <a:gd name="connsiteY181" fmla="*/ 7312 h 10000"/>
                  <a:gd name="connsiteX182" fmla="*/ 3425 w 10000"/>
                  <a:gd name="connsiteY182" fmla="*/ 7238 h 10000"/>
                  <a:gd name="connsiteX183" fmla="*/ 3250 w 10000"/>
                  <a:gd name="connsiteY183" fmla="*/ 7179 h 10000"/>
                  <a:gd name="connsiteX184" fmla="*/ 3100 w 10000"/>
                  <a:gd name="connsiteY184" fmla="*/ 7090 h 10000"/>
                  <a:gd name="connsiteX185" fmla="*/ 2950 w 10000"/>
                  <a:gd name="connsiteY185" fmla="*/ 6987 h 10000"/>
                  <a:gd name="connsiteX186" fmla="*/ 2849 w 10000"/>
                  <a:gd name="connsiteY186" fmla="*/ 6869 h 10000"/>
                  <a:gd name="connsiteX187" fmla="*/ 2801 w 10000"/>
                  <a:gd name="connsiteY187" fmla="*/ 6721 h 10000"/>
                  <a:gd name="connsiteX188" fmla="*/ 2775 w 10000"/>
                  <a:gd name="connsiteY188" fmla="*/ 6558 h 10000"/>
                  <a:gd name="connsiteX189" fmla="*/ 2801 w 10000"/>
                  <a:gd name="connsiteY189" fmla="*/ 6352 h 10000"/>
                  <a:gd name="connsiteX190" fmla="*/ 2676 w 10000"/>
                  <a:gd name="connsiteY190" fmla="*/ 6322 h 10000"/>
                  <a:gd name="connsiteX191" fmla="*/ 2526 w 10000"/>
                  <a:gd name="connsiteY191" fmla="*/ 6292 h 10000"/>
                  <a:gd name="connsiteX192" fmla="*/ 2350 w 10000"/>
                  <a:gd name="connsiteY192" fmla="*/ 6278 h 10000"/>
                  <a:gd name="connsiteX193" fmla="*/ 2175 w 10000"/>
                  <a:gd name="connsiteY193" fmla="*/ 6263 h 10000"/>
                  <a:gd name="connsiteX194" fmla="*/ 1825 w 10000"/>
                  <a:gd name="connsiteY194" fmla="*/ 6248 h 10000"/>
                  <a:gd name="connsiteX195" fmla="*/ 1450 w 10000"/>
                  <a:gd name="connsiteY195" fmla="*/ 6263 h 10000"/>
                  <a:gd name="connsiteX196" fmla="*/ 1126 w 10000"/>
                  <a:gd name="connsiteY196" fmla="*/ 6278 h 10000"/>
                  <a:gd name="connsiteX197" fmla="*/ 825 w 10000"/>
                  <a:gd name="connsiteY197" fmla="*/ 6278 h 10000"/>
                  <a:gd name="connsiteX198" fmla="*/ 576 w 10000"/>
                  <a:gd name="connsiteY198" fmla="*/ 6263 h 10000"/>
                  <a:gd name="connsiteX199" fmla="*/ 375 w 10000"/>
                  <a:gd name="connsiteY199" fmla="*/ 6233 h 10000"/>
                  <a:gd name="connsiteX200" fmla="*/ 624 w 10000"/>
                  <a:gd name="connsiteY200" fmla="*/ 5805 h 10000"/>
                  <a:gd name="connsiteX201" fmla="*/ 900 w 10000"/>
                  <a:gd name="connsiteY201" fmla="*/ 5391 h 10000"/>
                  <a:gd name="connsiteX202" fmla="*/ 1001 w 10000"/>
                  <a:gd name="connsiteY202" fmla="*/ 5170 h 10000"/>
                  <a:gd name="connsiteX203" fmla="*/ 1075 w 10000"/>
                  <a:gd name="connsiteY203" fmla="*/ 4963 h 10000"/>
                  <a:gd name="connsiteX204" fmla="*/ 1099 w 10000"/>
                  <a:gd name="connsiteY204" fmla="*/ 4860 h 10000"/>
                  <a:gd name="connsiteX205" fmla="*/ 1075 w 10000"/>
                  <a:gd name="connsiteY205" fmla="*/ 4756 h 10000"/>
                  <a:gd name="connsiteX206" fmla="*/ 1050 w 10000"/>
                  <a:gd name="connsiteY206" fmla="*/ 4653 h 10000"/>
                  <a:gd name="connsiteX207" fmla="*/ 975 w 10000"/>
                  <a:gd name="connsiteY207" fmla="*/ 4549 h 10000"/>
                  <a:gd name="connsiteX208" fmla="*/ 1251 w 10000"/>
                  <a:gd name="connsiteY208" fmla="*/ 4520 h 10000"/>
                  <a:gd name="connsiteX209" fmla="*/ 1450 w 10000"/>
                  <a:gd name="connsiteY209" fmla="*/ 4505 h 10000"/>
                  <a:gd name="connsiteX210" fmla="*/ 1625 w 10000"/>
                  <a:gd name="connsiteY210" fmla="*/ 4505 h 10000"/>
                  <a:gd name="connsiteX211" fmla="*/ 1775 w 10000"/>
                  <a:gd name="connsiteY211" fmla="*/ 4520 h 10000"/>
                  <a:gd name="connsiteX212" fmla="*/ 1900 w 10000"/>
                  <a:gd name="connsiteY212" fmla="*/ 4520 h 10000"/>
                  <a:gd name="connsiteX213" fmla="*/ 2050 w 10000"/>
                  <a:gd name="connsiteY213" fmla="*/ 4520 h 10000"/>
                  <a:gd name="connsiteX214" fmla="*/ 2201 w 10000"/>
                  <a:gd name="connsiteY214" fmla="*/ 4490 h 10000"/>
                  <a:gd name="connsiteX215" fmla="*/ 2400 w 10000"/>
                  <a:gd name="connsiteY215" fmla="*/ 4446 h 10000"/>
                  <a:gd name="connsiteX216" fmla="*/ 2400 w 10000"/>
                  <a:gd name="connsiteY216" fmla="*/ 4579 h 10000"/>
                  <a:gd name="connsiteX217" fmla="*/ 2400 w 10000"/>
                  <a:gd name="connsiteY217" fmla="*/ 4742 h 10000"/>
                  <a:gd name="connsiteX218" fmla="*/ 2400 w 10000"/>
                  <a:gd name="connsiteY218" fmla="*/ 4874 h 10000"/>
                  <a:gd name="connsiteX219" fmla="*/ 2400 w 10000"/>
                  <a:gd name="connsiteY219" fmla="*/ 5037 h 10000"/>
                  <a:gd name="connsiteX220" fmla="*/ 2625 w 10000"/>
                  <a:gd name="connsiteY220" fmla="*/ 5022 h 10000"/>
                  <a:gd name="connsiteX221" fmla="*/ 2775 w 10000"/>
                  <a:gd name="connsiteY221" fmla="*/ 5037 h 10000"/>
                  <a:gd name="connsiteX222" fmla="*/ 2900 w 10000"/>
                  <a:gd name="connsiteY222" fmla="*/ 5066 h 10000"/>
                  <a:gd name="connsiteX223" fmla="*/ 3025 w 10000"/>
                  <a:gd name="connsiteY223" fmla="*/ 5096 h 10000"/>
                  <a:gd name="connsiteX224" fmla="*/ 3126 w 10000"/>
                  <a:gd name="connsiteY224" fmla="*/ 5126 h 10000"/>
                  <a:gd name="connsiteX225" fmla="*/ 3250 w 10000"/>
                  <a:gd name="connsiteY225" fmla="*/ 5155 h 10000"/>
                  <a:gd name="connsiteX226" fmla="*/ 3401 w 10000"/>
                  <a:gd name="connsiteY226" fmla="*/ 5170 h 10000"/>
                  <a:gd name="connsiteX227" fmla="*/ 3625 w 10000"/>
                  <a:gd name="connsiteY227" fmla="*/ 5155 h 10000"/>
                  <a:gd name="connsiteX228" fmla="*/ 3701 w 10000"/>
                  <a:gd name="connsiteY228" fmla="*/ 5096 h 10000"/>
                  <a:gd name="connsiteX229" fmla="*/ 3775 w 10000"/>
                  <a:gd name="connsiteY229" fmla="*/ 5022 h 10000"/>
                  <a:gd name="connsiteX230" fmla="*/ 3800 w 10000"/>
                  <a:gd name="connsiteY230" fmla="*/ 4934 h 10000"/>
                  <a:gd name="connsiteX231" fmla="*/ 3826 w 10000"/>
                  <a:gd name="connsiteY231" fmla="*/ 4860 h 10000"/>
                  <a:gd name="connsiteX232" fmla="*/ 3850 w 10000"/>
                  <a:gd name="connsiteY232" fmla="*/ 4697 h 10000"/>
                  <a:gd name="connsiteX233" fmla="*/ 3826 w 10000"/>
                  <a:gd name="connsiteY233" fmla="*/ 4520 h 10000"/>
                  <a:gd name="connsiteX234" fmla="*/ 3750 w 10000"/>
                  <a:gd name="connsiteY234" fmla="*/ 4343 h 10000"/>
                  <a:gd name="connsiteX235" fmla="*/ 3675 w 10000"/>
                  <a:gd name="connsiteY235" fmla="*/ 4195 h 10000"/>
                  <a:gd name="connsiteX236" fmla="*/ 3550 w 10000"/>
                  <a:gd name="connsiteY236" fmla="*/ 4047 h 10000"/>
                  <a:gd name="connsiteX237" fmla="*/ 3425 w 10000"/>
                  <a:gd name="connsiteY237" fmla="*/ 3959 h 10000"/>
                  <a:gd name="connsiteX238" fmla="*/ 3575 w 10000"/>
                  <a:gd name="connsiteY238" fmla="*/ 3944 h 10000"/>
                  <a:gd name="connsiteX239" fmla="*/ 3701 w 10000"/>
                  <a:gd name="connsiteY239" fmla="*/ 3914 h 10000"/>
                  <a:gd name="connsiteX240" fmla="*/ 3800 w 10000"/>
                  <a:gd name="connsiteY240" fmla="*/ 3855 h 10000"/>
                  <a:gd name="connsiteX241" fmla="*/ 3924 w 10000"/>
                  <a:gd name="connsiteY241" fmla="*/ 3752 h 10000"/>
                  <a:gd name="connsiteX242" fmla="*/ 4050 w 10000"/>
                  <a:gd name="connsiteY242" fmla="*/ 3663 h 10000"/>
                  <a:gd name="connsiteX243" fmla="*/ 4150 w 10000"/>
                  <a:gd name="connsiteY243" fmla="*/ 3560 h 10000"/>
                  <a:gd name="connsiteX244" fmla="*/ 4225 w 10000"/>
                  <a:gd name="connsiteY244" fmla="*/ 3442 h 10000"/>
                  <a:gd name="connsiteX245" fmla="*/ 4301 w 10000"/>
                  <a:gd name="connsiteY245" fmla="*/ 3323 h 10000"/>
                  <a:gd name="connsiteX246" fmla="*/ 4350 w 10000"/>
                  <a:gd name="connsiteY246" fmla="*/ 3220 h 10000"/>
                  <a:gd name="connsiteX247" fmla="*/ 4375 w 10000"/>
                  <a:gd name="connsiteY247" fmla="*/ 3102 h 10000"/>
                  <a:gd name="connsiteX248" fmla="*/ 4401 w 10000"/>
                  <a:gd name="connsiteY248" fmla="*/ 3013 h 10000"/>
                  <a:gd name="connsiteX249" fmla="*/ 4375 w 10000"/>
                  <a:gd name="connsiteY249" fmla="*/ 2939 h 10000"/>
                  <a:gd name="connsiteX250" fmla="*/ 4350 w 10000"/>
                  <a:gd name="connsiteY250" fmla="*/ 2866 h 10000"/>
                  <a:gd name="connsiteX251" fmla="*/ 4275 w 10000"/>
                  <a:gd name="connsiteY251" fmla="*/ 2836 h 10000"/>
                  <a:gd name="connsiteX252" fmla="*/ 4176 w 10000"/>
                  <a:gd name="connsiteY252" fmla="*/ 2836 h 10000"/>
                  <a:gd name="connsiteX253" fmla="*/ 4050 w 10000"/>
                  <a:gd name="connsiteY253" fmla="*/ 2866 h 10000"/>
                  <a:gd name="connsiteX254" fmla="*/ 4150 w 10000"/>
                  <a:gd name="connsiteY254" fmla="*/ 2777 h 10000"/>
                  <a:gd name="connsiteX255" fmla="*/ 4201 w 10000"/>
                  <a:gd name="connsiteY255" fmla="*/ 2674 h 10000"/>
                  <a:gd name="connsiteX256" fmla="*/ 4225 w 10000"/>
                  <a:gd name="connsiteY256" fmla="*/ 2541 h 10000"/>
                  <a:gd name="connsiteX257" fmla="*/ 4225 w 10000"/>
                  <a:gd name="connsiteY257" fmla="*/ 2393 h 10000"/>
                  <a:gd name="connsiteX258" fmla="*/ 4250 w 10000"/>
                  <a:gd name="connsiteY258" fmla="*/ 2349 h 10000"/>
                  <a:gd name="connsiteX259" fmla="*/ 4301 w 10000"/>
                  <a:gd name="connsiteY259" fmla="*/ 2304 h 10000"/>
                  <a:gd name="connsiteX260" fmla="*/ 4350 w 10000"/>
                  <a:gd name="connsiteY260" fmla="*/ 2290 h 10000"/>
                  <a:gd name="connsiteX261" fmla="*/ 4426 w 10000"/>
                  <a:gd name="connsiteY261" fmla="*/ 2275 h 10000"/>
                  <a:gd name="connsiteX262" fmla="*/ 4650 w 10000"/>
                  <a:gd name="connsiteY262" fmla="*/ 2260 h 10000"/>
                  <a:gd name="connsiteX263" fmla="*/ 4850 w 10000"/>
                  <a:gd name="connsiteY263" fmla="*/ 2275 h 10000"/>
                  <a:gd name="connsiteX264" fmla="*/ 4825 w 10000"/>
                  <a:gd name="connsiteY264" fmla="*/ 2112 h 10000"/>
                  <a:gd name="connsiteX265" fmla="*/ 4776 w 10000"/>
                  <a:gd name="connsiteY265" fmla="*/ 1950 h 10000"/>
                  <a:gd name="connsiteX266" fmla="*/ 4700 w 10000"/>
                  <a:gd name="connsiteY266" fmla="*/ 1802 h 10000"/>
                  <a:gd name="connsiteX267" fmla="*/ 4601 w 10000"/>
                  <a:gd name="connsiteY267" fmla="*/ 1640 h 10000"/>
                  <a:gd name="connsiteX268" fmla="*/ 4350 w 10000"/>
                  <a:gd name="connsiteY268" fmla="*/ 1329 h 10000"/>
                  <a:gd name="connsiteX269" fmla="*/ 4100 w 10000"/>
                  <a:gd name="connsiteY269" fmla="*/ 1034 h 10000"/>
                  <a:gd name="connsiteX270" fmla="*/ 3975 w 10000"/>
                  <a:gd name="connsiteY270" fmla="*/ 901 h 10000"/>
                  <a:gd name="connsiteX271" fmla="*/ 3876 w 10000"/>
                  <a:gd name="connsiteY271" fmla="*/ 753 h 10000"/>
                  <a:gd name="connsiteX272" fmla="*/ 3800 w 10000"/>
                  <a:gd name="connsiteY272" fmla="*/ 620 h 10000"/>
                  <a:gd name="connsiteX273" fmla="*/ 3775 w 10000"/>
                  <a:gd name="connsiteY273" fmla="*/ 487 h 10000"/>
                  <a:gd name="connsiteX274" fmla="*/ 3750 w 10000"/>
                  <a:gd name="connsiteY274" fmla="*/ 355 h 10000"/>
                  <a:gd name="connsiteX275" fmla="*/ 3800 w 10000"/>
                  <a:gd name="connsiteY275" fmla="*/ 222 h 10000"/>
                  <a:gd name="connsiteX276" fmla="*/ 3826 w 10000"/>
                  <a:gd name="connsiteY276" fmla="*/ 162 h 10000"/>
                  <a:gd name="connsiteX277" fmla="*/ 3876 w 10000"/>
                  <a:gd name="connsiteY277" fmla="*/ 103 h 10000"/>
                  <a:gd name="connsiteX278" fmla="*/ 3951 w 10000"/>
                  <a:gd name="connsiteY278" fmla="*/ 59 h 10000"/>
                  <a:gd name="connsiteX279" fmla="*/ 4050 w 10000"/>
                  <a:gd name="connsiteY279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51 w 10000"/>
                  <a:gd name="connsiteY56" fmla="*/ 4594 h 10000"/>
                  <a:gd name="connsiteX57" fmla="*/ 6901 w 10000"/>
                  <a:gd name="connsiteY57" fmla="*/ 4638 h 10000"/>
                  <a:gd name="connsiteX58" fmla="*/ 6901 w 10000"/>
                  <a:gd name="connsiteY58" fmla="*/ 4697 h 10000"/>
                  <a:gd name="connsiteX59" fmla="*/ 6875 w 10000"/>
                  <a:gd name="connsiteY59" fmla="*/ 4801 h 10000"/>
                  <a:gd name="connsiteX60" fmla="*/ 6875 w 10000"/>
                  <a:gd name="connsiteY60" fmla="*/ 4904 h 10000"/>
                  <a:gd name="connsiteX61" fmla="*/ 6751 w 10000"/>
                  <a:gd name="connsiteY61" fmla="*/ 4860 h 10000"/>
                  <a:gd name="connsiteX62" fmla="*/ 6675 w 10000"/>
                  <a:gd name="connsiteY62" fmla="*/ 4801 h 10000"/>
                  <a:gd name="connsiteX63" fmla="*/ 6600 w 10000"/>
                  <a:gd name="connsiteY63" fmla="*/ 4727 h 10000"/>
                  <a:gd name="connsiteX64" fmla="*/ 6526 w 10000"/>
                  <a:gd name="connsiteY64" fmla="*/ 4638 h 10000"/>
                  <a:gd name="connsiteX65" fmla="*/ 6401 w 10000"/>
                  <a:gd name="connsiteY65" fmla="*/ 4476 h 10000"/>
                  <a:gd name="connsiteX66" fmla="*/ 6274 w 10000"/>
                  <a:gd name="connsiteY66" fmla="*/ 4313 h 10000"/>
                  <a:gd name="connsiteX67" fmla="*/ 6426 w 10000"/>
                  <a:gd name="connsiteY67" fmla="*/ 4210 h 10000"/>
                  <a:gd name="connsiteX68" fmla="*/ 7101 w 10000"/>
                  <a:gd name="connsiteY68" fmla="*/ 3959 h 10000"/>
                  <a:gd name="connsiteX69" fmla="*/ 7626 w 10000"/>
                  <a:gd name="connsiteY69" fmla="*/ 3811 h 10000"/>
                  <a:gd name="connsiteX70" fmla="*/ 8150 w 10000"/>
                  <a:gd name="connsiteY70" fmla="*/ 3663 h 10000"/>
                  <a:gd name="connsiteX71" fmla="*/ 8401 w 10000"/>
                  <a:gd name="connsiteY71" fmla="*/ 3589 h 10000"/>
                  <a:gd name="connsiteX72" fmla="*/ 8651 w 10000"/>
                  <a:gd name="connsiteY72" fmla="*/ 3516 h 10000"/>
                  <a:gd name="connsiteX73" fmla="*/ 8850 w 10000"/>
                  <a:gd name="connsiteY73" fmla="*/ 3412 h 10000"/>
                  <a:gd name="connsiteX74" fmla="*/ 9051 w 10000"/>
                  <a:gd name="connsiteY74" fmla="*/ 3338 h 10000"/>
                  <a:gd name="connsiteX75" fmla="*/ 9176 w 10000"/>
                  <a:gd name="connsiteY75" fmla="*/ 3235 h 10000"/>
                  <a:gd name="connsiteX76" fmla="*/ 9275 w 10000"/>
                  <a:gd name="connsiteY76" fmla="*/ 3117 h 10000"/>
                  <a:gd name="connsiteX77" fmla="*/ 9301 w 10000"/>
                  <a:gd name="connsiteY77" fmla="*/ 3072 h 10000"/>
                  <a:gd name="connsiteX78" fmla="*/ 9325 w 10000"/>
                  <a:gd name="connsiteY78" fmla="*/ 3013 h 10000"/>
                  <a:gd name="connsiteX79" fmla="*/ 9325 w 10000"/>
                  <a:gd name="connsiteY79" fmla="*/ 2954 h 10000"/>
                  <a:gd name="connsiteX80" fmla="*/ 9301 w 10000"/>
                  <a:gd name="connsiteY80" fmla="*/ 2866 h 10000"/>
                  <a:gd name="connsiteX81" fmla="*/ 9126 w 10000"/>
                  <a:gd name="connsiteY81" fmla="*/ 2984 h 10000"/>
                  <a:gd name="connsiteX82" fmla="*/ 8926 w 10000"/>
                  <a:gd name="connsiteY82" fmla="*/ 3072 h 10000"/>
                  <a:gd name="connsiteX83" fmla="*/ 8725 w 10000"/>
                  <a:gd name="connsiteY83" fmla="*/ 3161 h 10000"/>
                  <a:gd name="connsiteX84" fmla="*/ 8526 w 10000"/>
                  <a:gd name="connsiteY84" fmla="*/ 3250 h 10000"/>
                  <a:gd name="connsiteX85" fmla="*/ 8075 w 10000"/>
                  <a:gd name="connsiteY85" fmla="*/ 3397 h 10000"/>
                  <a:gd name="connsiteX86" fmla="*/ 7601 w 10000"/>
                  <a:gd name="connsiteY86" fmla="*/ 3545 h 10000"/>
                  <a:gd name="connsiteX87" fmla="*/ 7126 w 10000"/>
                  <a:gd name="connsiteY87" fmla="*/ 3678 h 10000"/>
                  <a:gd name="connsiteX88" fmla="*/ 6675 w 10000"/>
                  <a:gd name="connsiteY88" fmla="*/ 3840 h 10000"/>
                  <a:gd name="connsiteX89" fmla="*/ 6450 w 10000"/>
                  <a:gd name="connsiteY89" fmla="*/ 3914 h 10000"/>
                  <a:gd name="connsiteX90" fmla="*/ 6250 w 10000"/>
                  <a:gd name="connsiteY90" fmla="*/ 4003 h 10000"/>
                  <a:gd name="connsiteX91" fmla="*/ 6051 w 10000"/>
                  <a:gd name="connsiteY91" fmla="*/ 4106 h 10000"/>
                  <a:gd name="connsiteX92" fmla="*/ 5850 w 10000"/>
                  <a:gd name="connsiteY92" fmla="*/ 4195 h 10000"/>
                  <a:gd name="connsiteX93" fmla="*/ 6000 w 10000"/>
                  <a:gd name="connsiteY93" fmla="*/ 4417 h 10000"/>
                  <a:gd name="connsiteX94" fmla="*/ 6101 w 10000"/>
                  <a:gd name="connsiteY94" fmla="*/ 4623 h 10000"/>
                  <a:gd name="connsiteX95" fmla="*/ 6200 w 10000"/>
                  <a:gd name="connsiteY95" fmla="*/ 4845 h 10000"/>
                  <a:gd name="connsiteX96" fmla="*/ 6274 w 10000"/>
                  <a:gd name="connsiteY96" fmla="*/ 5081 h 10000"/>
                  <a:gd name="connsiteX97" fmla="*/ 6325 w 10000"/>
                  <a:gd name="connsiteY97" fmla="*/ 5318 h 10000"/>
                  <a:gd name="connsiteX98" fmla="*/ 6351 w 10000"/>
                  <a:gd name="connsiteY98" fmla="*/ 5539 h 10000"/>
                  <a:gd name="connsiteX99" fmla="*/ 6375 w 10000"/>
                  <a:gd name="connsiteY99" fmla="*/ 5775 h 10000"/>
                  <a:gd name="connsiteX100" fmla="*/ 6375 w 10000"/>
                  <a:gd name="connsiteY100" fmla="*/ 5997 h 10000"/>
                  <a:gd name="connsiteX101" fmla="*/ 6351 w 10000"/>
                  <a:gd name="connsiteY101" fmla="*/ 6233 h 10000"/>
                  <a:gd name="connsiteX102" fmla="*/ 6301 w 10000"/>
                  <a:gd name="connsiteY102" fmla="*/ 6470 h 10000"/>
                  <a:gd name="connsiteX103" fmla="*/ 6250 w 10000"/>
                  <a:gd name="connsiteY103" fmla="*/ 6677 h 10000"/>
                  <a:gd name="connsiteX104" fmla="*/ 6176 w 10000"/>
                  <a:gd name="connsiteY104" fmla="*/ 6898 h 10000"/>
                  <a:gd name="connsiteX105" fmla="*/ 6076 w 10000"/>
                  <a:gd name="connsiteY105" fmla="*/ 7105 h 10000"/>
                  <a:gd name="connsiteX106" fmla="*/ 5951 w 10000"/>
                  <a:gd name="connsiteY106" fmla="*/ 7297 h 10000"/>
                  <a:gd name="connsiteX107" fmla="*/ 5800 w 10000"/>
                  <a:gd name="connsiteY107" fmla="*/ 7489 h 10000"/>
                  <a:gd name="connsiteX108" fmla="*/ 5650 w 10000"/>
                  <a:gd name="connsiteY108" fmla="*/ 7681 h 10000"/>
                  <a:gd name="connsiteX109" fmla="*/ 6375 w 10000"/>
                  <a:gd name="connsiteY109" fmla="*/ 7799 h 10000"/>
                  <a:gd name="connsiteX110" fmla="*/ 7126 w 10000"/>
                  <a:gd name="connsiteY110" fmla="*/ 7962 h 10000"/>
                  <a:gd name="connsiteX111" fmla="*/ 7275 w 10000"/>
                  <a:gd name="connsiteY111" fmla="*/ 8021 h 10000"/>
                  <a:gd name="connsiteX112" fmla="*/ 7400 w 10000"/>
                  <a:gd name="connsiteY112" fmla="*/ 8080 h 10000"/>
                  <a:gd name="connsiteX113" fmla="*/ 7525 w 10000"/>
                  <a:gd name="connsiteY113" fmla="*/ 8139 h 10000"/>
                  <a:gd name="connsiteX114" fmla="*/ 7601 w 10000"/>
                  <a:gd name="connsiteY114" fmla="*/ 8227 h 10000"/>
                  <a:gd name="connsiteX115" fmla="*/ 7626 w 10000"/>
                  <a:gd name="connsiteY115" fmla="*/ 8301 h 10000"/>
                  <a:gd name="connsiteX116" fmla="*/ 7626 w 10000"/>
                  <a:gd name="connsiteY116" fmla="*/ 8405 h 10000"/>
                  <a:gd name="connsiteX117" fmla="*/ 7576 w 10000"/>
                  <a:gd name="connsiteY117" fmla="*/ 8523 h 10000"/>
                  <a:gd name="connsiteX118" fmla="*/ 7501 w 10000"/>
                  <a:gd name="connsiteY118" fmla="*/ 8641 h 10000"/>
                  <a:gd name="connsiteX119" fmla="*/ 7175 w 10000"/>
                  <a:gd name="connsiteY119" fmla="*/ 8552 h 10000"/>
                  <a:gd name="connsiteX120" fmla="*/ 6875 w 10000"/>
                  <a:gd name="connsiteY120" fmla="*/ 8449 h 10000"/>
                  <a:gd name="connsiteX121" fmla="*/ 6575 w 10000"/>
                  <a:gd name="connsiteY121" fmla="*/ 8360 h 10000"/>
                  <a:gd name="connsiteX122" fmla="*/ 6274 w 10000"/>
                  <a:gd name="connsiteY122" fmla="*/ 8287 h 10000"/>
                  <a:gd name="connsiteX123" fmla="*/ 6150 w 10000"/>
                  <a:gd name="connsiteY123" fmla="*/ 8449 h 10000"/>
                  <a:gd name="connsiteX124" fmla="*/ 6051 w 10000"/>
                  <a:gd name="connsiteY124" fmla="*/ 8597 h 10000"/>
                  <a:gd name="connsiteX125" fmla="*/ 6000 w 10000"/>
                  <a:gd name="connsiteY125" fmla="*/ 8656 h 10000"/>
                  <a:gd name="connsiteX126" fmla="*/ 5900 w 10000"/>
                  <a:gd name="connsiteY126" fmla="*/ 8700 h 10000"/>
                  <a:gd name="connsiteX127" fmla="*/ 5826 w 10000"/>
                  <a:gd name="connsiteY127" fmla="*/ 8744 h 10000"/>
                  <a:gd name="connsiteX128" fmla="*/ 5751 w 10000"/>
                  <a:gd name="connsiteY128" fmla="*/ 8774 h 10000"/>
                  <a:gd name="connsiteX129" fmla="*/ 5675 w 10000"/>
                  <a:gd name="connsiteY129" fmla="*/ 8804 h 10000"/>
                  <a:gd name="connsiteX130" fmla="*/ 5576 w 10000"/>
                  <a:gd name="connsiteY130" fmla="*/ 8818 h 10000"/>
                  <a:gd name="connsiteX131" fmla="*/ 5450 w 10000"/>
                  <a:gd name="connsiteY131" fmla="*/ 8833 h 10000"/>
                  <a:gd name="connsiteX132" fmla="*/ 5325 w 10000"/>
                  <a:gd name="connsiteY132" fmla="*/ 8833 h 10000"/>
                  <a:gd name="connsiteX133" fmla="*/ 5026 w 10000"/>
                  <a:gd name="connsiteY133" fmla="*/ 8818 h 10000"/>
                  <a:gd name="connsiteX134" fmla="*/ 4650 w 10000"/>
                  <a:gd name="connsiteY134" fmla="*/ 8744 h 10000"/>
                  <a:gd name="connsiteX135" fmla="*/ 4650 w 10000"/>
                  <a:gd name="connsiteY135" fmla="*/ 8922 h 10000"/>
                  <a:gd name="connsiteX136" fmla="*/ 4625 w 10000"/>
                  <a:gd name="connsiteY136" fmla="*/ 9069 h 10000"/>
                  <a:gd name="connsiteX137" fmla="*/ 4601 w 10000"/>
                  <a:gd name="connsiteY137" fmla="*/ 9232 h 10000"/>
                  <a:gd name="connsiteX138" fmla="*/ 4575 w 10000"/>
                  <a:gd name="connsiteY138" fmla="*/ 9365 h 10000"/>
                  <a:gd name="connsiteX139" fmla="*/ 4525 w 10000"/>
                  <a:gd name="connsiteY139" fmla="*/ 9498 h 10000"/>
                  <a:gd name="connsiteX140" fmla="*/ 4426 w 10000"/>
                  <a:gd name="connsiteY140" fmla="*/ 9616 h 10000"/>
                  <a:gd name="connsiteX141" fmla="*/ 4350 w 10000"/>
                  <a:gd name="connsiteY141" fmla="*/ 9734 h 10000"/>
                  <a:gd name="connsiteX142" fmla="*/ 4225 w 10000"/>
                  <a:gd name="connsiteY142" fmla="*/ 9838 h 10000"/>
                  <a:gd name="connsiteX143" fmla="*/ 3924 w 10000"/>
                  <a:gd name="connsiteY143" fmla="*/ 9897 h 10000"/>
                  <a:gd name="connsiteX144" fmla="*/ 3675 w 10000"/>
                  <a:gd name="connsiteY144" fmla="*/ 9941 h 10000"/>
                  <a:gd name="connsiteX145" fmla="*/ 3375 w 10000"/>
                  <a:gd name="connsiteY145" fmla="*/ 9985 h 10000"/>
                  <a:gd name="connsiteX146" fmla="*/ 3150 w 10000"/>
                  <a:gd name="connsiteY146" fmla="*/ 10000 h 10000"/>
                  <a:gd name="connsiteX147" fmla="*/ 2650 w 10000"/>
                  <a:gd name="connsiteY147" fmla="*/ 10000 h 10000"/>
                  <a:gd name="connsiteX148" fmla="*/ 2175 w 10000"/>
                  <a:gd name="connsiteY148" fmla="*/ 9985 h 10000"/>
                  <a:gd name="connsiteX149" fmla="*/ 1726 w 10000"/>
                  <a:gd name="connsiteY149" fmla="*/ 9941 h 10000"/>
                  <a:gd name="connsiteX150" fmla="*/ 1251 w 10000"/>
                  <a:gd name="connsiteY150" fmla="*/ 9911 h 10000"/>
                  <a:gd name="connsiteX151" fmla="*/ 975 w 10000"/>
                  <a:gd name="connsiteY151" fmla="*/ 9911 h 10000"/>
                  <a:gd name="connsiteX152" fmla="*/ 725 w 10000"/>
                  <a:gd name="connsiteY152" fmla="*/ 9911 h 10000"/>
                  <a:gd name="connsiteX153" fmla="*/ 450 w 10000"/>
                  <a:gd name="connsiteY153" fmla="*/ 9926 h 10000"/>
                  <a:gd name="connsiteX154" fmla="*/ 175 w 10000"/>
                  <a:gd name="connsiteY154" fmla="*/ 9970 h 10000"/>
                  <a:gd name="connsiteX155" fmla="*/ 100 w 10000"/>
                  <a:gd name="connsiteY155" fmla="*/ 9867 h 10000"/>
                  <a:gd name="connsiteX156" fmla="*/ 50 w 10000"/>
                  <a:gd name="connsiteY156" fmla="*/ 9793 h 10000"/>
                  <a:gd name="connsiteX157" fmla="*/ 0 w 10000"/>
                  <a:gd name="connsiteY157" fmla="*/ 9705 h 10000"/>
                  <a:gd name="connsiteX158" fmla="*/ 0 w 10000"/>
                  <a:gd name="connsiteY158" fmla="*/ 9601 h 10000"/>
                  <a:gd name="connsiteX159" fmla="*/ 50 w 10000"/>
                  <a:gd name="connsiteY159" fmla="*/ 9424 h 10000"/>
                  <a:gd name="connsiteX160" fmla="*/ 100 w 10000"/>
                  <a:gd name="connsiteY160" fmla="*/ 9202 h 10000"/>
                  <a:gd name="connsiteX161" fmla="*/ 149 w 10000"/>
                  <a:gd name="connsiteY161" fmla="*/ 8996 h 10000"/>
                  <a:gd name="connsiteX162" fmla="*/ 200 w 10000"/>
                  <a:gd name="connsiteY162" fmla="*/ 8759 h 10000"/>
                  <a:gd name="connsiteX163" fmla="*/ 225 w 10000"/>
                  <a:gd name="connsiteY163" fmla="*/ 8641 h 10000"/>
                  <a:gd name="connsiteX164" fmla="*/ 225 w 10000"/>
                  <a:gd name="connsiteY164" fmla="*/ 8538 h 10000"/>
                  <a:gd name="connsiteX165" fmla="*/ 200 w 10000"/>
                  <a:gd name="connsiteY165" fmla="*/ 8405 h 10000"/>
                  <a:gd name="connsiteX166" fmla="*/ 175 w 10000"/>
                  <a:gd name="connsiteY166" fmla="*/ 8287 h 10000"/>
                  <a:gd name="connsiteX167" fmla="*/ 425 w 10000"/>
                  <a:gd name="connsiteY167" fmla="*/ 8213 h 10000"/>
                  <a:gd name="connsiteX168" fmla="*/ 675 w 10000"/>
                  <a:gd name="connsiteY168" fmla="*/ 8139 h 10000"/>
                  <a:gd name="connsiteX169" fmla="*/ 925 w 10000"/>
                  <a:gd name="connsiteY169" fmla="*/ 8095 h 10000"/>
                  <a:gd name="connsiteX170" fmla="*/ 1200 w 10000"/>
                  <a:gd name="connsiteY170" fmla="*/ 8065 h 10000"/>
                  <a:gd name="connsiteX171" fmla="*/ 1699 w 10000"/>
                  <a:gd name="connsiteY171" fmla="*/ 8021 h 10000"/>
                  <a:gd name="connsiteX172" fmla="*/ 2201 w 10000"/>
                  <a:gd name="connsiteY172" fmla="*/ 7976 h 10000"/>
                  <a:gd name="connsiteX173" fmla="*/ 2425 w 10000"/>
                  <a:gd name="connsiteY173" fmla="*/ 7947 h 10000"/>
                  <a:gd name="connsiteX174" fmla="*/ 2650 w 10000"/>
                  <a:gd name="connsiteY174" fmla="*/ 7917 h 10000"/>
                  <a:gd name="connsiteX175" fmla="*/ 2849 w 10000"/>
                  <a:gd name="connsiteY175" fmla="*/ 7843 h 10000"/>
                  <a:gd name="connsiteX176" fmla="*/ 3050 w 10000"/>
                  <a:gd name="connsiteY176" fmla="*/ 7784 h 10000"/>
                  <a:gd name="connsiteX177" fmla="*/ 3225 w 10000"/>
                  <a:gd name="connsiteY177" fmla="*/ 7710 h 10000"/>
                  <a:gd name="connsiteX178" fmla="*/ 3375 w 10000"/>
                  <a:gd name="connsiteY178" fmla="*/ 7592 h 10000"/>
                  <a:gd name="connsiteX179" fmla="*/ 3526 w 10000"/>
                  <a:gd name="connsiteY179" fmla="*/ 7474 h 10000"/>
                  <a:gd name="connsiteX180" fmla="*/ 3625 w 10000"/>
                  <a:gd name="connsiteY180" fmla="*/ 7312 h 10000"/>
                  <a:gd name="connsiteX181" fmla="*/ 3425 w 10000"/>
                  <a:gd name="connsiteY181" fmla="*/ 7238 h 10000"/>
                  <a:gd name="connsiteX182" fmla="*/ 3250 w 10000"/>
                  <a:gd name="connsiteY182" fmla="*/ 7179 h 10000"/>
                  <a:gd name="connsiteX183" fmla="*/ 3100 w 10000"/>
                  <a:gd name="connsiteY183" fmla="*/ 7090 h 10000"/>
                  <a:gd name="connsiteX184" fmla="*/ 2950 w 10000"/>
                  <a:gd name="connsiteY184" fmla="*/ 6987 h 10000"/>
                  <a:gd name="connsiteX185" fmla="*/ 2849 w 10000"/>
                  <a:gd name="connsiteY185" fmla="*/ 6869 h 10000"/>
                  <a:gd name="connsiteX186" fmla="*/ 2801 w 10000"/>
                  <a:gd name="connsiteY186" fmla="*/ 6721 h 10000"/>
                  <a:gd name="connsiteX187" fmla="*/ 2775 w 10000"/>
                  <a:gd name="connsiteY187" fmla="*/ 6558 h 10000"/>
                  <a:gd name="connsiteX188" fmla="*/ 2801 w 10000"/>
                  <a:gd name="connsiteY188" fmla="*/ 6352 h 10000"/>
                  <a:gd name="connsiteX189" fmla="*/ 2676 w 10000"/>
                  <a:gd name="connsiteY189" fmla="*/ 6322 h 10000"/>
                  <a:gd name="connsiteX190" fmla="*/ 2526 w 10000"/>
                  <a:gd name="connsiteY190" fmla="*/ 6292 h 10000"/>
                  <a:gd name="connsiteX191" fmla="*/ 2350 w 10000"/>
                  <a:gd name="connsiteY191" fmla="*/ 6278 h 10000"/>
                  <a:gd name="connsiteX192" fmla="*/ 2175 w 10000"/>
                  <a:gd name="connsiteY192" fmla="*/ 6263 h 10000"/>
                  <a:gd name="connsiteX193" fmla="*/ 1825 w 10000"/>
                  <a:gd name="connsiteY193" fmla="*/ 6248 h 10000"/>
                  <a:gd name="connsiteX194" fmla="*/ 1450 w 10000"/>
                  <a:gd name="connsiteY194" fmla="*/ 6263 h 10000"/>
                  <a:gd name="connsiteX195" fmla="*/ 1126 w 10000"/>
                  <a:gd name="connsiteY195" fmla="*/ 6278 h 10000"/>
                  <a:gd name="connsiteX196" fmla="*/ 825 w 10000"/>
                  <a:gd name="connsiteY196" fmla="*/ 6278 h 10000"/>
                  <a:gd name="connsiteX197" fmla="*/ 576 w 10000"/>
                  <a:gd name="connsiteY197" fmla="*/ 6263 h 10000"/>
                  <a:gd name="connsiteX198" fmla="*/ 375 w 10000"/>
                  <a:gd name="connsiteY198" fmla="*/ 6233 h 10000"/>
                  <a:gd name="connsiteX199" fmla="*/ 624 w 10000"/>
                  <a:gd name="connsiteY199" fmla="*/ 5805 h 10000"/>
                  <a:gd name="connsiteX200" fmla="*/ 900 w 10000"/>
                  <a:gd name="connsiteY200" fmla="*/ 5391 h 10000"/>
                  <a:gd name="connsiteX201" fmla="*/ 1001 w 10000"/>
                  <a:gd name="connsiteY201" fmla="*/ 5170 h 10000"/>
                  <a:gd name="connsiteX202" fmla="*/ 1075 w 10000"/>
                  <a:gd name="connsiteY202" fmla="*/ 4963 h 10000"/>
                  <a:gd name="connsiteX203" fmla="*/ 1099 w 10000"/>
                  <a:gd name="connsiteY203" fmla="*/ 4860 h 10000"/>
                  <a:gd name="connsiteX204" fmla="*/ 1075 w 10000"/>
                  <a:gd name="connsiteY204" fmla="*/ 4756 h 10000"/>
                  <a:gd name="connsiteX205" fmla="*/ 1050 w 10000"/>
                  <a:gd name="connsiteY205" fmla="*/ 4653 h 10000"/>
                  <a:gd name="connsiteX206" fmla="*/ 975 w 10000"/>
                  <a:gd name="connsiteY206" fmla="*/ 4549 h 10000"/>
                  <a:gd name="connsiteX207" fmla="*/ 1251 w 10000"/>
                  <a:gd name="connsiteY207" fmla="*/ 4520 h 10000"/>
                  <a:gd name="connsiteX208" fmla="*/ 1450 w 10000"/>
                  <a:gd name="connsiteY208" fmla="*/ 4505 h 10000"/>
                  <a:gd name="connsiteX209" fmla="*/ 1625 w 10000"/>
                  <a:gd name="connsiteY209" fmla="*/ 4505 h 10000"/>
                  <a:gd name="connsiteX210" fmla="*/ 1775 w 10000"/>
                  <a:gd name="connsiteY210" fmla="*/ 4520 h 10000"/>
                  <a:gd name="connsiteX211" fmla="*/ 1900 w 10000"/>
                  <a:gd name="connsiteY211" fmla="*/ 4520 h 10000"/>
                  <a:gd name="connsiteX212" fmla="*/ 2050 w 10000"/>
                  <a:gd name="connsiteY212" fmla="*/ 4520 h 10000"/>
                  <a:gd name="connsiteX213" fmla="*/ 2201 w 10000"/>
                  <a:gd name="connsiteY213" fmla="*/ 4490 h 10000"/>
                  <a:gd name="connsiteX214" fmla="*/ 2400 w 10000"/>
                  <a:gd name="connsiteY214" fmla="*/ 4446 h 10000"/>
                  <a:gd name="connsiteX215" fmla="*/ 2400 w 10000"/>
                  <a:gd name="connsiteY215" fmla="*/ 4579 h 10000"/>
                  <a:gd name="connsiteX216" fmla="*/ 2400 w 10000"/>
                  <a:gd name="connsiteY216" fmla="*/ 4742 h 10000"/>
                  <a:gd name="connsiteX217" fmla="*/ 2400 w 10000"/>
                  <a:gd name="connsiteY217" fmla="*/ 4874 h 10000"/>
                  <a:gd name="connsiteX218" fmla="*/ 2400 w 10000"/>
                  <a:gd name="connsiteY218" fmla="*/ 5037 h 10000"/>
                  <a:gd name="connsiteX219" fmla="*/ 2625 w 10000"/>
                  <a:gd name="connsiteY219" fmla="*/ 5022 h 10000"/>
                  <a:gd name="connsiteX220" fmla="*/ 2775 w 10000"/>
                  <a:gd name="connsiteY220" fmla="*/ 5037 h 10000"/>
                  <a:gd name="connsiteX221" fmla="*/ 2900 w 10000"/>
                  <a:gd name="connsiteY221" fmla="*/ 5066 h 10000"/>
                  <a:gd name="connsiteX222" fmla="*/ 3025 w 10000"/>
                  <a:gd name="connsiteY222" fmla="*/ 5096 h 10000"/>
                  <a:gd name="connsiteX223" fmla="*/ 3126 w 10000"/>
                  <a:gd name="connsiteY223" fmla="*/ 5126 h 10000"/>
                  <a:gd name="connsiteX224" fmla="*/ 3250 w 10000"/>
                  <a:gd name="connsiteY224" fmla="*/ 5155 h 10000"/>
                  <a:gd name="connsiteX225" fmla="*/ 3401 w 10000"/>
                  <a:gd name="connsiteY225" fmla="*/ 5170 h 10000"/>
                  <a:gd name="connsiteX226" fmla="*/ 3625 w 10000"/>
                  <a:gd name="connsiteY226" fmla="*/ 5155 h 10000"/>
                  <a:gd name="connsiteX227" fmla="*/ 3701 w 10000"/>
                  <a:gd name="connsiteY227" fmla="*/ 5096 h 10000"/>
                  <a:gd name="connsiteX228" fmla="*/ 3775 w 10000"/>
                  <a:gd name="connsiteY228" fmla="*/ 5022 h 10000"/>
                  <a:gd name="connsiteX229" fmla="*/ 3800 w 10000"/>
                  <a:gd name="connsiteY229" fmla="*/ 4934 h 10000"/>
                  <a:gd name="connsiteX230" fmla="*/ 3826 w 10000"/>
                  <a:gd name="connsiteY230" fmla="*/ 4860 h 10000"/>
                  <a:gd name="connsiteX231" fmla="*/ 3850 w 10000"/>
                  <a:gd name="connsiteY231" fmla="*/ 4697 h 10000"/>
                  <a:gd name="connsiteX232" fmla="*/ 3826 w 10000"/>
                  <a:gd name="connsiteY232" fmla="*/ 4520 h 10000"/>
                  <a:gd name="connsiteX233" fmla="*/ 3750 w 10000"/>
                  <a:gd name="connsiteY233" fmla="*/ 4343 h 10000"/>
                  <a:gd name="connsiteX234" fmla="*/ 3675 w 10000"/>
                  <a:gd name="connsiteY234" fmla="*/ 4195 h 10000"/>
                  <a:gd name="connsiteX235" fmla="*/ 3550 w 10000"/>
                  <a:gd name="connsiteY235" fmla="*/ 4047 h 10000"/>
                  <a:gd name="connsiteX236" fmla="*/ 3425 w 10000"/>
                  <a:gd name="connsiteY236" fmla="*/ 3959 h 10000"/>
                  <a:gd name="connsiteX237" fmla="*/ 3575 w 10000"/>
                  <a:gd name="connsiteY237" fmla="*/ 3944 h 10000"/>
                  <a:gd name="connsiteX238" fmla="*/ 3701 w 10000"/>
                  <a:gd name="connsiteY238" fmla="*/ 3914 h 10000"/>
                  <a:gd name="connsiteX239" fmla="*/ 3800 w 10000"/>
                  <a:gd name="connsiteY239" fmla="*/ 3855 h 10000"/>
                  <a:gd name="connsiteX240" fmla="*/ 3924 w 10000"/>
                  <a:gd name="connsiteY240" fmla="*/ 3752 h 10000"/>
                  <a:gd name="connsiteX241" fmla="*/ 4050 w 10000"/>
                  <a:gd name="connsiteY241" fmla="*/ 3663 h 10000"/>
                  <a:gd name="connsiteX242" fmla="*/ 4150 w 10000"/>
                  <a:gd name="connsiteY242" fmla="*/ 3560 h 10000"/>
                  <a:gd name="connsiteX243" fmla="*/ 4225 w 10000"/>
                  <a:gd name="connsiteY243" fmla="*/ 3442 h 10000"/>
                  <a:gd name="connsiteX244" fmla="*/ 4301 w 10000"/>
                  <a:gd name="connsiteY244" fmla="*/ 3323 h 10000"/>
                  <a:gd name="connsiteX245" fmla="*/ 4350 w 10000"/>
                  <a:gd name="connsiteY245" fmla="*/ 3220 h 10000"/>
                  <a:gd name="connsiteX246" fmla="*/ 4375 w 10000"/>
                  <a:gd name="connsiteY246" fmla="*/ 3102 h 10000"/>
                  <a:gd name="connsiteX247" fmla="*/ 4401 w 10000"/>
                  <a:gd name="connsiteY247" fmla="*/ 3013 h 10000"/>
                  <a:gd name="connsiteX248" fmla="*/ 4375 w 10000"/>
                  <a:gd name="connsiteY248" fmla="*/ 2939 h 10000"/>
                  <a:gd name="connsiteX249" fmla="*/ 4350 w 10000"/>
                  <a:gd name="connsiteY249" fmla="*/ 2866 h 10000"/>
                  <a:gd name="connsiteX250" fmla="*/ 4275 w 10000"/>
                  <a:gd name="connsiteY250" fmla="*/ 2836 h 10000"/>
                  <a:gd name="connsiteX251" fmla="*/ 4176 w 10000"/>
                  <a:gd name="connsiteY251" fmla="*/ 2836 h 10000"/>
                  <a:gd name="connsiteX252" fmla="*/ 4050 w 10000"/>
                  <a:gd name="connsiteY252" fmla="*/ 2866 h 10000"/>
                  <a:gd name="connsiteX253" fmla="*/ 4150 w 10000"/>
                  <a:gd name="connsiteY253" fmla="*/ 2777 h 10000"/>
                  <a:gd name="connsiteX254" fmla="*/ 4201 w 10000"/>
                  <a:gd name="connsiteY254" fmla="*/ 2674 h 10000"/>
                  <a:gd name="connsiteX255" fmla="*/ 4225 w 10000"/>
                  <a:gd name="connsiteY255" fmla="*/ 2541 h 10000"/>
                  <a:gd name="connsiteX256" fmla="*/ 4225 w 10000"/>
                  <a:gd name="connsiteY256" fmla="*/ 2393 h 10000"/>
                  <a:gd name="connsiteX257" fmla="*/ 4250 w 10000"/>
                  <a:gd name="connsiteY257" fmla="*/ 2349 h 10000"/>
                  <a:gd name="connsiteX258" fmla="*/ 4301 w 10000"/>
                  <a:gd name="connsiteY258" fmla="*/ 2304 h 10000"/>
                  <a:gd name="connsiteX259" fmla="*/ 4350 w 10000"/>
                  <a:gd name="connsiteY259" fmla="*/ 2290 h 10000"/>
                  <a:gd name="connsiteX260" fmla="*/ 4426 w 10000"/>
                  <a:gd name="connsiteY260" fmla="*/ 2275 h 10000"/>
                  <a:gd name="connsiteX261" fmla="*/ 4650 w 10000"/>
                  <a:gd name="connsiteY261" fmla="*/ 2260 h 10000"/>
                  <a:gd name="connsiteX262" fmla="*/ 4850 w 10000"/>
                  <a:gd name="connsiteY262" fmla="*/ 2275 h 10000"/>
                  <a:gd name="connsiteX263" fmla="*/ 4825 w 10000"/>
                  <a:gd name="connsiteY263" fmla="*/ 2112 h 10000"/>
                  <a:gd name="connsiteX264" fmla="*/ 4776 w 10000"/>
                  <a:gd name="connsiteY264" fmla="*/ 1950 h 10000"/>
                  <a:gd name="connsiteX265" fmla="*/ 4700 w 10000"/>
                  <a:gd name="connsiteY265" fmla="*/ 1802 h 10000"/>
                  <a:gd name="connsiteX266" fmla="*/ 4601 w 10000"/>
                  <a:gd name="connsiteY266" fmla="*/ 1640 h 10000"/>
                  <a:gd name="connsiteX267" fmla="*/ 4350 w 10000"/>
                  <a:gd name="connsiteY267" fmla="*/ 1329 h 10000"/>
                  <a:gd name="connsiteX268" fmla="*/ 4100 w 10000"/>
                  <a:gd name="connsiteY268" fmla="*/ 1034 h 10000"/>
                  <a:gd name="connsiteX269" fmla="*/ 3975 w 10000"/>
                  <a:gd name="connsiteY269" fmla="*/ 901 h 10000"/>
                  <a:gd name="connsiteX270" fmla="*/ 3876 w 10000"/>
                  <a:gd name="connsiteY270" fmla="*/ 753 h 10000"/>
                  <a:gd name="connsiteX271" fmla="*/ 3800 w 10000"/>
                  <a:gd name="connsiteY271" fmla="*/ 620 h 10000"/>
                  <a:gd name="connsiteX272" fmla="*/ 3775 w 10000"/>
                  <a:gd name="connsiteY272" fmla="*/ 487 h 10000"/>
                  <a:gd name="connsiteX273" fmla="*/ 3750 w 10000"/>
                  <a:gd name="connsiteY273" fmla="*/ 355 h 10000"/>
                  <a:gd name="connsiteX274" fmla="*/ 3800 w 10000"/>
                  <a:gd name="connsiteY274" fmla="*/ 222 h 10000"/>
                  <a:gd name="connsiteX275" fmla="*/ 3826 w 10000"/>
                  <a:gd name="connsiteY275" fmla="*/ 162 h 10000"/>
                  <a:gd name="connsiteX276" fmla="*/ 3876 w 10000"/>
                  <a:gd name="connsiteY276" fmla="*/ 103 h 10000"/>
                  <a:gd name="connsiteX277" fmla="*/ 3951 w 10000"/>
                  <a:gd name="connsiteY277" fmla="*/ 59 h 10000"/>
                  <a:gd name="connsiteX278" fmla="*/ 4050 w 10000"/>
                  <a:gd name="connsiteY278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01 w 10000"/>
                  <a:gd name="connsiteY56" fmla="*/ 4638 h 10000"/>
                  <a:gd name="connsiteX57" fmla="*/ 6901 w 10000"/>
                  <a:gd name="connsiteY57" fmla="*/ 4697 h 10000"/>
                  <a:gd name="connsiteX58" fmla="*/ 6875 w 10000"/>
                  <a:gd name="connsiteY58" fmla="*/ 4801 h 10000"/>
                  <a:gd name="connsiteX59" fmla="*/ 6875 w 10000"/>
                  <a:gd name="connsiteY59" fmla="*/ 4904 h 10000"/>
                  <a:gd name="connsiteX60" fmla="*/ 6751 w 10000"/>
                  <a:gd name="connsiteY60" fmla="*/ 4860 h 10000"/>
                  <a:gd name="connsiteX61" fmla="*/ 6675 w 10000"/>
                  <a:gd name="connsiteY61" fmla="*/ 4801 h 10000"/>
                  <a:gd name="connsiteX62" fmla="*/ 6600 w 10000"/>
                  <a:gd name="connsiteY62" fmla="*/ 4727 h 10000"/>
                  <a:gd name="connsiteX63" fmla="*/ 6526 w 10000"/>
                  <a:gd name="connsiteY63" fmla="*/ 4638 h 10000"/>
                  <a:gd name="connsiteX64" fmla="*/ 6401 w 10000"/>
                  <a:gd name="connsiteY64" fmla="*/ 4476 h 10000"/>
                  <a:gd name="connsiteX65" fmla="*/ 6274 w 10000"/>
                  <a:gd name="connsiteY65" fmla="*/ 4313 h 10000"/>
                  <a:gd name="connsiteX66" fmla="*/ 6426 w 10000"/>
                  <a:gd name="connsiteY66" fmla="*/ 4210 h 10000"/>
                  <a:gd name="connsiteX67" fmla="*/ 7101 w 10000"/>
                  <a:gd name="connsiteY67" fmla="*/ 3959 h 10000"/>
                  <a:gd name="connsiteX68" fmla="*/ 7626 w 10000"/>
                  <a:gd name="connsiteY68" fmla="*/ 3811 h 10000"/>
                  <a:gd name="connsiteX69" fmla="*/ 8150 w 10000"/>
                  <a:gd name="connsiteY69" fmla="*/ 3663 h 10000"/>
                  <a:gd name="connsiteX70" fmla="*/ 8401 w 10000"/>
                  <a:gd name="connsiteY70" fmla="*/ 3589 h 10000"/>
                  <a:gd name="connsiteX71" fmla="*/ 8651 w 10000"/>
                  <a:gd name="connsiteY71" fmla="*/ 3516 h 10000"/>
                  <a:gd name="connsiteX72" fmla="*/ 8850 w 10000"/>
                  <a:gd name="connsiteY72" fmla="*/ 3412 h 10000"/>
                  <a:gd name="connsiteX73" fmla="*/ 9051 w 10000"/>
                  <a:gd name="connsiteY73" fmla="*/ 3338 h 10000"/>
                  <a:gd name="connsiteX74" fmla="*/ 9176 w 10000"/>
                  <a:gd name="connsiteY74" fmla="*/ 3235 h 10000"/>
                  <a:gd name="connsiteX75" fmla="*/ 9275 w 10000"/>
                  <a:gd name="connsiteY75" fmla="*/ 3117 h 10000"/>
                  <a:gd name="connsiteX76" fmla="*/ 9301 w 10000"/>
                  <a:gd name="connsiteY76" fmla="*/ 3072 h 10000"/>
                  <a:gd name="connsiteX77" fmla="*/ 9325 w 10000"/>
                  <a:gd name="connsiteY77" fmla="*/ 3013 h 10000"/>
                  <a:gd name="connsiteX78" fmla="*/ 9325 w 10000"/>
                  <a:gd name="connsiteY78" fmla="*/ 2954 h 10000"/>
                  <a:gd name="connsiteX79" fmla="*/ 9301 w 10000"/>
                  <a:gd name="connsiteY79" fmla="*/ 2866 h 10000"/>
                  <a:gd name="connsiteX80" fmla="*/ 9126 w 10000"/>
                  <a:gd name="connsiteY80" fmla="*/ 2984 h 10000"/>
                  <a:gd name="connsiteX81" fmla="*/ 8926 w 10000"/>
                  <a:gd name="connsiteY81" fmla="*/ 3072 h 10000"/>
                  <a:gd name="connsiteX82" fmla="*/ 8725 w 10000"/>
                  <a:gd name="connsiteY82" fmla="*/ 3161 h 10000"/>
                  <a:gd name="connsiteX83" fmla="*/ 8526 w 10000"/>
                  <a:gd name="connsiteY83" fmla="*/ 3250 h 10000"/>
                  <a:gd name="connsiteX84" fmla="*/ 8075 w 10000"/>
                  <a:gd name="connsiteY84" fmla="*/ 3397 h 10000"/>
                  <a:gd name="connsiteX85" fmla="*/ 7601 w 10000"/>
                  <a:gd name="connsiteY85" fmla="*/ 3545 h 10000"/>
                  <a:gd name="connsiteX86" fmla="*/ 7126 w 10000"/>
                  <a:gd name="connsiteY86" fmla="*/ 3678 h 10000"/>
                  <a:gd name="connsiteX87" fmla="*/ 6675 w 10000"/>
                  <a:gd name="connsiteY87" fmla="*/ 3840 h 10000"/>
                  <a:gd name="connsiteX88" fmla="*/ 6450 w 10000"/>
                  <a:gd name="connsiteY88" fmla="*/ 3914 h 10000"/>
                  <a:gd name="connsiteX89" fmla="*/ 6250 w 10000"/>
                  <a:gd name="connsiteY89" fmla="*/ 4003 h 10000"/>
                  <a:gd name="connsiteX90" fmla="*/ 6051 w 10000"/>
                  <a:gd name="connsiteY90" fmla="*/ 4106 h 10000"/>
                  <a:gd name="connsiteX91" fmla="*/ 5850 w 10000"/>
                  <a:gd name="connsiteY91" fmla="*/ 4195 h 10000"/>
                  <a:gd name="connsiteX92" fmla="*/ 6000 w 10000"/>
                  <a:gd name="connsiteY92" fmla="*/ 4417 h 10000"/>
                  <a:gd name="connsiteX93" fmla="*/ 6101 w 10000"/>
                  <a:gd name="connsiteY93" fmla="*/ 4623 h 10000"/>
                  <a:gd name="connsiteX94" fmla="*/ 6200 w 10000"/>
                  <a:gd name="connsiteY94" fmla="*/ 4845 h 10000"/>
                  <a:gd name="connsiteX95" fmla="*/ 6274 w 10000"/>
                  <a:gd name="connsiteY95" fmla="*/ 5081 h 10000"/>
                  <a:gd name="connsiteX96" fmla="*/ 6325 w 10000"/>
                  <a:gd name="connsiteY96" fmla="*/ 5318 h 10000"/>
                  <a:gd name="connsiteX97" fmla="*/ 6351 w 10000"/>
                  <a:gd name="connsiteY97" fmla="*/ 5539 h 10000"/>
                  <a:gd name="connsiteX98" fmla="*/ 6375 w 10000"/>
                  <a:gd name="connsiteY98" fmla="*/ 5775 h 10000"/>
                  <a:gd name="connsiteX99" fmla="*/ 6375 w 10000"/>
                  <a:gd name="connsiteY99" fmla="*/ 5997 h 10000"/>
                  <a:gd name="connsiteX100" fmla="*/ 6351 w 10000"/>
                  <a:gd name="connsiteY100" fmla="*/ 6233 h 10000"/>
                  <a:gd name="connsiteX101" fmla="*/ 6301 w 10000"/>
                  <a:gd name="connsiteY101" fmla="*/ 6470 h 10000"/>
                  <a:gd name="connsiteX102" fmla="*/ 6250 w 10000"/>
                  <a:gd name="connsiteY102" fmla="*/ 6677 h 10000"/>
                  <a:gd name="connsiteX103" fmla="*/ 6176 w 10000"/>
                  <a:gd name="connsiteY103" fmla="*/ 6898 h 10000"/>
                  <a:gd name="connsiteX104" fmla="*/ 6076 w 10000"/>
                  <a:gd name="connsiteY104" fmla="*/ 7105 h 10000"/>
                  <a:gd name="connsiteX105" fmla="*/ 5951 w 10000"/>
                  <a:gd name="connsiteY105" fmla="*/ 7297 h 10000"/>
                  <a:gd name="connsiteX106" fmla="*/ 5800 w 10000"/>
                  <a:gd name="connsiteY106" fmla="*/ 7489 h 10000"/>
                  <a:gd name="connsiteX107" fmla="*/ 5650 w 10000"/>
                  <a:gd name="connsiteY107" fmla="*/ 7681 h 10000"/>
                  <a:gd name="connsiteX108" fmla="*/ 6375 w 10000"/>
                  <a:gd name="connsiteY108" fmla="*/ 7799 h 10000"/>
                  <a:gd name="connsiteX109" fmla="*/ 7126 w 10000"/>
                  <a:gd name="connsiteY109" fmla="*/ 7962 h 10000"/>
                  <a:gd name="connsiteX110" fmla="*/ 7275 w 10000"/>
                  <a:gd name="connsiteY110" fmla="*/ 8021 h 10000"/>
                  <a:gd name="connsiteX111" fmla="*/ 7400 w 10000"/>
                  <a:gd name="connsiteY111" fmla="*/ 8080 h 10000"/>
                  <a:gd name="connsiteX112" fmla="*/ 7525 w 10000"/>
                  <a:gd name="connsiteY112" fmla="*/ 8139 h 10000"/>
                  <a:gd name="connsiteX113" fmla="*/ 7601 w 10000"/>
                  <a:gd name="connsiteY113" fmla="*/ 8227 h 10000"/>
                  <a:gd name="connsiteX114" fmla="*/ 7626 w 10000"/>
                  <a:gd name="connsiteY114" fmla="*/ 8301 h 10000"/>
                  <a:gd name="connsiteX115" fmla="*/ 7626 w 10000"/>
                  <a:gd name="connsiteY115" fmla="*/ 8405 h 10000"/>
                  <a:gd name="connsiteX116" fmla="*/ 7576 w 10000"/>
                  <a:gd name="connsiteY116" fmla="*/ 8523 h 10000"/>
                  <a:gd name="connsiteX117" fmla="*/ 7501 w 10000"/>
                  <a:gd name="connsiteY117" fmla="*/ 8641 h 10000"/>
                  <a:gd name="connsiteX118" fmla="*/ 7175 w 10000"/>
                  <a:gd name="connsiteY118" fmla="*/ 8552 h 10000"/>
                  <a:gd name="connsiteX119" fmla="*/ 6875 w 10000"/>
                  <a:gd name="connsiteY119" fmla="*/ 8449 h 10000"/>
                  <a:gd name="connsiteX120" fmla="*/ 6575 w 10000"/>
                  <a:gd name="connsiteY120" fmla="*/ 8360 h 10000"/>
                  <a:gd name="connsiteX121" fmla="*/ 6274 w 10000"/>
                  <a:gd name="connsiteY121" fmla="*/ 8287 h 10000"/>
                  <a:gd name="connsiteX122" fmla="*/ 6150 w 10000"/>
                  <a:gd name="connsiteY122" fmla="*/ 8449 h 10000"/>
                  <a:gd name="connsiteX123" fmla="*/ 6051 w 10000"/>
                  <a:gd name="connsiteY123" fmla="*/ 8597 h 10000"/>
                  <a:gd name="connsiteX124" fmla="*/ 6000 w 10000"/>
                  <a:gd name="connsiteY124" fmla="*/ 8656 h 10000"/>
                  <a:gd name="connsiteX125" fmla="*/ 5900 w 10000"/>
                  <a:gd name="connsiteY125" fmla="*/ 8700 h 10000"/>
                  <a:gd name="connsiteX126" fmla="*/ 5826 w 10000"/>
                  <a:gd name="connsiteY126" fmla="*/ 8744 h 10000"/>
                  <a:gd name="connsiteX127" fmla="*/ 5751 w 10000"/>
                  <a:gd name="connsiteY127" fmla="*/ 8774 h 10000"/>
                  <a:gd name="connsiteX128" fmla="*/ 5675 w 10000"/>
                  <a:gd name="connsiteY128" fmla="*/ 8804 h 10000"/>
                  <a:gd name="connsiteX129" fmla="*/ 5576 w 10000"/>
                  <a:gd name="connsiteY129" fmla="*/ 8818 h 10000"/>
                  <a:gd name="connsiteX130" fmla="*/ 5450 w 10000"/>
                  <a:gd name="connsiteY130" fmla="*/ 8833 h 10000"/>
                  <a:gd name="connsiteX131" fmla="*/ 5325 w 10000"/>
                  <a:gd name="connsiteY131" fmla="*/ 8833 h 10000"/>
                  <a:gd name="connsiteX132" fmla="*/ 5026 w 10000"/>
                  <a:gd name="connsiteY132" fmla="*/ 8818 h 10000"/>
                  <a:gd name="connsiteX133" fmla="*/ 4650 w 10000"/>
                  <a:gd name="connsiteY133" fmla="*/ 8744 h 10000"/>
                  <a:gd name="connsiteX134" fmla="*/ 4650 w 10000"/>
                  <a:gd name="connsiteY134" fmla="*/ 8922 h 10000"/>
                  <a:gd name="connsiteX135" fmla="*/ 4625 w 10000"/>
                  <a:gd name="connsiteY135" fmla="*/ 9069 h 10000"/>
                  <a:gd name="connsiteX136" fmla="*/ 4601 w 10000"/>
                  <a:gd name="connsiteY136" fmla="*/ 9232 h 10000"/>
                  <a:gd name="connsiteX137" fmla="*/ 4575 w 10000"/>
                  <a:gd name="connsiteY137" fmla="*/ 9365 h 10000"/>
                  <a:gd name="connsiteX138" fmla="*/ 4525 w 10000"/>
                  <a:gd name="connsiteY138" fmla="*/ 9498 h 10000"/>
                  <a:gd name="connsiteX139" fmla="*/ 4426 w 10000"/>
                  <a:gd name="connsiteY139" fmla="*/ 9616 h 10000"/>
                  <a:gd name="connsiteX140" fmla="*/ 4350 w 10000"/>
                  <a:gd name="connsiteY140" fmla="*/ 9734 h 10000"/>
                  <a:gd name="connsiteX141" fmla="*/ 4225 w 10000"/>
                  <a:gd name="connsiteY141" fmla="*/ 9838 h 10000"/>
                  <a:gd name="connsiteX142" fmla="*/ 3924 w 10000"/>
                  <a:gd name="connsiteY142" fmla="*/ 9897 h 10000"/>
                  <a:gd name="connsiteX143" fmla="*/ 3675 w 10000"/>
                  <a:gd name="connsiteY143" fmla="*/ 9941 h 10000"/>
                  <a:gd name="connsiteX144" fmla="*/ 3375 w 10000"/>
                  <a:gd name="connsiteY144" fmla="*/ 9985 h 10000"/>
                  <a:gd name="connsiteX145" fmla="*/ 3150 w 10000"/>
                  <a:gd name="connsiteY145" fmla="*/ 10000 h 10000"/>
                  <a:gd name="connsiteX146" fmla="*/ 2650 w 10000"/>
                  <a:gd name="connsiteY146" fmla="*/ 10000 h 10000"/>
                  <a:gd name="connsiteX147" fmla="*/ 2175 w 10000"/>
                  <a:gd name="connsiteY147" fmla="*/ 9985 h 10000"/>
                  <a:gd name="connsiteX148" fmla="*/ 1726 w 10000"/>
                  <a:gd name="connsiteY148" fmla="*/ 9941 h 10000"/>
                  <a:gd name="connsiteX149" fmla="*/ 1251 w 10000"/>
                  <a:gd name="connsiteY149" fmla="*/ 9911 h 10000"/>
                  <a:gd name="connsiteX150" fmla="*/ 975 w 10000"/>
                  <a:gd name="connsiteY150" fmla="*/ 9911 h 10000"/>
                  <a:gd name="connsiteX151" fmla="*/ 725 w 10000"/>
                  <a:gd name="connsiteY151" fmla="*/ 9911 h 10000"/>
                  <a:gd name="connsiteX152" fmla="*/ 450 w 10000"/>
                  <a:gd name="connsiteY152" fmla="*/ 9926 h 10000"/>
                  <a:gd name="connsiteX153" fmla="*/ 175 w 10000"/>
                  <a:gd name="connsiteY153" fmla="*/ 9970 h 10000"/>
                  <a:gd name="connsiteX154" fmla="*/ 100 w 10000"/>
                  <a:gd name="connsiteY154" fmla="*/ 9867 h 10000"/>
                  <a:gd name="connsiteX155" fmla="*/ 50 w 10000"/>
                  <a:gd name="connsiteY155" fmla="*/ 9793 h 10000"/>
                  <a:gd name="connsiteX156" fmla="*/ 0 w 10000"/>
                  <a:gd name="connsiteY156" fmla="*/ 9705 h 10000"/>
                  <a:gd name="connsiteX157" fmla="*/ 0 w 10000"/>
                  <a:gd name="connsiteY157" fmla="*/ 9601 h 10000"/>
                  <a:gd name="connsiteX158" fmla="*/ 50 w 10000"/>
                  <a:gd name="connsiteY158" fmla="*/ 9424 h 10000"/>
                  <a:gd name="connsiteX159" fmla="*/ 100 w 10000"/>
                  <a:gd name="connsiteY159" fmla="*/ 9202 h 10000"/>
                  <a:gd name="connsiteX160" fmla="*/ 149 w 10000"/>
                  <a:gd name="connsiteY160" fmla="*/ 8996 h 10000"/>
                  <a:gd name="connsiteX161" fmla="*/ 200 w 10000"/>
                  <a:gd name="connsiteY161" fmla="*/ 8759 h 10000"/>
                  <a:gd name="connsiteX162" fmla="*/ 225 w 10000"/>
                  <a:gd name="connsiteY162" fmla="*/ 8641 h 10000"/>
                  <a:gd name="connsiteX163" fmla="*/ 225 w 10000"/>
                  <a:gd name="connsiteY163" fmla="*/ 8538 h 10000"/>
                  <a:gd name="connsiteX164" fmla="*/ 200 w 10000"/>
                  <a:gd name="connsiteY164" fmla="*/ 8405 h 10000"/>
                  <a:gd name="connsiteX165" fmla="*/ 175 w 10000"/>
                  <a:gd name="connsiteY165" fmla="*/ 8287 h 10000"/>
                  <a:gd name="connsiteX166" fmla="*/ 425 w 10000"/>
                  <a:gd name="connsiteY166" fmla="*/ 8213 h 10000"/>
                  <a:gd name="connsiteX167" fmla="*/ 675 w 10000"/>
                  <a:gd name="connsiteY167" fmla="*/ 8139 h 10000"/>
                  <a:gd name="connsiteX168" fmla="*/ 925 w 10000"/>
                  <a:gd name="connsiteY168" fmla="*/ 8095 h 10000"/>
                  <a:gd name="connsiteX169" fmla="*/ 1200 w 10000"/>
                  <a:gd name="connsiteY169" fmla="*/ 8065 h 10000"/>
                  <a:gd name="connsiteX170" fmla="*/ 1699 w 10000"/>
                  <a:gd name="connsiteY170" fmla="*/ 8021 h 10000"/>
                  <a:gd name="connsiteX171" fmla="*/ 2201 w 10000"/>
                  <a:gd name="connsiteY171" fmla="*/ 7976 h 10000"/>
                  <a:gd name="connsiteX172" fmla="*/ 2425 w 10000"/>
                  <a:gd name="connsiteY172" fmla="*/ 7947 h 10000"/>
                  <a:gd name="connsiteX173" fmla="*/ 2650 w 10000"/>
                  <a:gd name="connsiteY173" fmla="*/ 7917 h 10000"/>
                  <a:gd name="connsiteX174" fmla="*/ 2849 w 10000"/>
                  <a:gd name="connsiteY174" fmla="*/ 7843 h 10000"/>
                  <a:gd name="connsiteX175" fmla="*/ 3050 w 10000"/>
                  <a:gd name="connsiteY175" fmla="*/ 7784 h 10000"/>
                  <a:gd name="connsiteX176" fmla="*/ 3225 w 10000"/>
                  <a:gd name="connsiteY176" fmla="*/ 7710 h 10000"/>
                  <a:gd name="connsiteX177" fmla="*/ 3375 w 10000"/>
                  <a:gd name="connsiteY177" fmla="*/ 7592 h 10000"/>
                  <a:gd name="connsiteX178" fmla="*/ 3526 w 10000"/>
                  <a:gd name="connsiteY178" fmla="*/ 7474 h 10000"/>
                  <a:gd name="connsiteX179" fmla="*/ 3625 w 10000"/>
                  <a:gd name="connsiteY179" fmla="*/ 7312 h 10000"/>
                  <a:gd name="connsiteX180" fmla="*/ 3425 w 10000"/>
                  <a:gd name="connsiteY180" fmla="*/ 7238 h 10000"/>
                  <a:gd name="connsiteX181" fmla="*/ 3250 w 10000"/>
                  <a:gd name="connsiteY181" fmla="*/ 7179 h 10000"/>
                  <a:gd name="connsiteX182" fmla="*/ 3100 w 10000"/>
                  <a:gd name="connsiteY182" fmla="*/ 7090 h 10000"/>
                  <a:gd name="connsiteX183" fmla="*/ 2950 w 10000"/>
                  <a:gd name="connsiteY183" fmla="*/ 6987 h 10000"/>
                  <a:gd name="connsiteX184" fmla="*/ 2849 w 10000"/>
                  <a:gd name="connsiteY184" fmla="*/ 6869 h 10000"/>
                  <a:gd name="connsiteX185" fmla="*/ 2801 w 10000"/>
                  <a:gd name="connsiteY185" fmla="*/ 6721 h 10000"/>
                  <a:gd name="connsiteX186" fmla="*/ 2775 w 10000"/>
                  <a:gd name="connsiteY186" fmla="*/ 6558 h 10000"/>
                  <a:gd name="connsiteX187" fmla="*/ 2801 w 10000"/>
                  <a:gd name="connsiteY187" fmla="*/ 6352 h 10000"/>
                  <a:gd name="connsiteX188" fmla="*/ 2676 w 10000"/>
                  <a:gd name="connsiteY188" fmla="*/ 6322 h 10000"/>
                  <a:gd name="connsiteX189" fmla="*/ 2526 w 10000"/>
                  <a:gd name="connsiteY189" fmla="*/ 6292 h 10000"/>
                  <a:gd name="connsiteX190" fmla="*/ 2350 w 10000"/>
                  <a:gd name="connsiteY190" fmla="*/ 6278 h 10000"/>
                  <a:gd name="connsiteX191" fmla="*/ 2175 w 10000"/>
                  <a:gd name="connsiteY191" fmla="*/ 6263 h 10000"/>
                  <a:gd name="connsiteX192" fmla="*/ 1825 w 10000"/>
                  <a:gd name="connsiteY192" fmla="*/ 6248 h 10000"/>
                  <a:gd name="connsiteX193" fmla="*/ 1450 w 10000"/>
                  <a:gd name="connsiteY193" fmla="*/ 6263 h 10000"/>
                  <a:gd name="connsiteX194" fmla="*/ 1126 w 10000"/>
                  <a:gd name="connsiteY194" fmla="*/ 6278 h 10000"/>
                  <a:gd name="connsiteX195" fmla="*/ 825 w 10000"/>
                  <a:gd name="connsiteY195" fmla="*/ 6278 h 10000"/>
                  <a:gd name="connsiteX196" fmla="*/ 576 w 10000"/>
                  <a:gd name="connsiteY196" fmla="*/ 6263 h 10000"/>
                  <a:gd name="connsiteX197" fmla="*/ 375 w 10000"/>
                  <a:gd name="connsiteY197" fmla="*/ 6233 h 10000"/>
                  <a:gd name="connsiteX198" fmla="*/ 624 w 10000"/>
                  <a:gd name="connsiteY198" fmla="*/ 5805 h 10000"/>
                  <a:gd name="connsiteX199" fmla="*/ 900 w 10000"/>
                  <a:gd name="connsiteY199" fmla="*/ 5391 h 10000"/>
                  <a:gd name="connsiteX200" fmla="*/ 1001 w 10000"/>
                  <a:gd name="connsiteY200" fmla="*/ 5170 h 10000"/>
                  <a:gd name="connsiteX201" fmla="*/ 1075 w 10000"/>
                  <a:gd name="connsiteY201" fmla="*/ 4963 h 10000"/>
                  <a:gd name="connsiteX202" fmla="*/ 1099 w 10000"/>
                  <a:gd name="connsiteY202" fmla="*/ 4860 h 10000"/>
                  <a:gd name="connsiteX203" fmla="*/ 1075 w 10000"/>
                  <a:gd name="connsiteY203" fmla="*/ 4756 h 10000"/>
                  <a:gd name="connsiteX204" fmla="*/ 1050 w 10000"/>
                  <a:gd name="connsiteY204" fmla="*/ 4653 h 10000"/>
                  <a:gd name="connsiteX205" fmla="*/ 975 w 10000"/>
                  <a:gd name="connsiteY205" fmla="*/ 4549 h 10000"/>
                  <a:gd name="connsiteX206" fmla="*/ 1251 w 10000"/>
                  <a:gd name="connsiteY206" fmla="*/ 4520 h 10000"/>
                  <a:gd name="connsiteX207" fmla="*/ 1450 w 10000"/>
                  <a:gd name="connsiteY207" fmla="*/ 4505 h 10000"/>
                  <a:gd name="connsiteX208" fmla="*/ 1625 w 10000"/>
                  <a:gd name="connsiteY208" fmla="*/ 4505 h 10000"/>
                  <a:gd name="connsiteX209" fmla="*/ 1775 w 10000"/>
                  <a:gd name="connsiteY209" fmla="*/ 4520 h 10000"/>
                  <a:gd name="connsiteX210" fmla="*/ 1900 w 10000"/>
                  <a:gd name="connsiteY210" fmla="*/ 4520 h 10000"/>
                  <a:gd name="connsiteX211" fmla="*/ 2050 w 10000"/>
                  <a:gd name="connsiteY211" fmla="*/ 4520 h 10000"/>
                  <a:gd name="connsiteX212" fmla="*/ 2201 w 10000"/>
                  <a:gd name="connsiteY212" fmla="*/ 4490 h 10000"/>
                  <a:gd name="connsiteX213" fmla="*/ 2400 w 10000"/>
                  <a:gd name="connsiteY213" fmla="*/ 4446 h 10000"/>
                  <a:gd name="connsiteX214" fmla="*/ 2400 w 10000"/>
                  <a:gd name="connsiteY214" fmla="*/ 4579 h 10000"/>
                  <a:gd name="connsiteX215" fmla="*/ 2400 w 10000"/>
                  <a:gd name="connsiteY215" fmla="*/ 4742 h 10000"/>
                  <a:gd name="connsiteX216" fmla="*/ 2400 w 10000"/>
                  <a:gd name="connsiteY216" fmla="*/ 4874 h 10000"/>
                  <a:gd name="connsiteX217" fmla="*/ 2400 w 10000"/>
                  <a:gd name="connsiteY217" fmla="*/ 5037 h 10000"/>
                  <a:gd name="connsiteX218" fmla="*/ 2625 w 10000"/>
                  <a:gd name="connsiteY218" fmla="*/ 5022 h 10000"/>
                  <a:gd name="connsiteX219" fmla="*/ 2775 w 10000"/>
                  <a:gd name="connsiteY219" fmla="*/ 5037 h 10000"/>
                  <a:gd name="connsiteX220" fmla="*/ 2900 w 10000"/>
                  <a:gd name="connsiteY220" fmla="*/ 5066 h 10000"/>
                  <a:gd name="connsiteX221" fmla="*/ 3025 w 10000"/>
                  <a:gd name="connsiteY221" fmla="*/ 5096 h 10000"/>
                  <a:gd name="connsiteX222" fmla="*/ 3126 w 10000"/>
                  <a:gd name="connsiteY222" fmla="*/ 5126 h 10000"/>
                  <a:gd name="connsiteX223" fmla="*/ 3250 w 10000"/>
                  <a:gd name="connsiteY223" fmla="*/ 5155 h 10000"/>
                  <a:gd name="connsiteX224" fmla="*/ 3401 w 10000"/>
                  <a:gd name="connsiteY224" fmla="*/ 5170 h 10000"/>
                  <a:gd name="connsiteX225" fmla="*/ 3625 w 10000"/>
                  <a:gd name="connsiteY225" fmla="*/ 5155 h 10000"/>
                  <a:gd name="connsiteX226" fmla="*/ 3701 w 10000"/>
                  <a:gd name="connsiteY226" fmla="*/ 5096 h 10000"/>
                  <a:gd name="connsiteX227" fmla="*/ 3775 w 10000"/>
                  <a:gd name="connsiteY227" fmla="*/ 5022 h 10000"/>
                  <a:gd name="connsiteX228" fmla="*/ 3800 w 10000"/>
                  <a:gd name="connsiteY228" fmla="*/ 4934 h 10000"/>
                  <a:gd name="connsiteX229" fmla="*/ 3826 w 10000"/>
                  <a:gd name="connsiteY229" fmla="*/ 4860 h 10000"/>
                  <a:gd name="connsiteX230" fmla="*/ 3850 w 10000"/>
                  <a:gd name="connsiteY230" fmla="*/ 4697 h 10000"/>
                  <a:gd name="connsiteX231" fmla="*/ 3826 w 10000"/>
                  <a:gd name="connsiteY231" fmla="*/ 4520 h 10000"/>
                  <a:gd name="connsiteX232" fmla="*/ 3750 w 10000"/>
                  <a:gd name="connsiteY232" fmla="*/ 4343 h 10000"/>
                  <a:gd name="connsiteX233" fmla="*/ 3675 w 10000"/>
                  <a:gd name="connsiteY233" fmla="*/ 4195 h 10000"/>
                  <a:gd name="connsiteX234" fmla="*/ 3550 w 10000"/>
                  <a:gd name="connsiteY234" fmla="*/ 4047 h 10000"/>
                  <a:gd name="connsiteX235" fmla="*/ 3425 w 10000"/>
                  <a:gd name="connsiteY235" fmla="*/ 3959 h 10000"/>
                  <a:gd name="connsiteX236" fmla="*/ 3575 w 10000"/>
                  <a:gd name="connsiteY236" fmla="*/ 3944 h 10000"/>
                  <a:gd name="connsiteX237" fmla="*/ 3701 w 10000"/>
                  <a:gd name="connsiteY237" fmla="*/ 3914 h 10000"/>
                  <a:gd name="connsiteX238" fmla="*/ 3800 w 10000"/>
                  <a:gd name="connsiteY238" fmla="*/ 3855 h 10000"/>
                  <a:gd name="connsiteX239" fmla="*/ 3924 w 10000"/>
                  <a:gd name="connsiteY239" fmla="*/ 3752 h 10000"/>
                  <a:gd name="connsiteX240" fmla="*/ 4050 w 10000"/>
                  <a:gd name="connsiteY240" fmla="*/ 3663 h 10000"/>
                  <a:gd name="connsiteX241" fmla="*/ 4150 w 10000"/>
                  <a:gd name="connsiteY241" fmla="*/ 3560 h 10000"/>
                  <a:gd name="connsiteX242" fmla="*/ 4225 w 10000"/>
                  <a:gd name="connsiteY242" fmla="*/ 3442 h 10000"/>
                  <a:gd name="connsiteX243" fmla="*/ 4301 w 10000"/>
                  <a:gd name="connsiteY243" fmla="*/ 3323 h 10000"/>
                  <a:gd name="connsiteX244" fmla="*/ 4350 w 10000"/>
                  <a:gd name="connsiteY244" fmla="*/ 3220 h 10000"/>
                  <a:gd name="connsiteX245" fmla="*/ 4375 w 10000"/>
                  <a:gd name="connsiteY245" fmla="*/ 3102 h 10000"/>
                  <a:gd name="connsiteX246" fmla="*/ 4401 w 10000"/>
                  <a:gd name="connsiteY246" fmla="*/ 3013 h 10000"/>
                  <a:gd name="connsiteX247" fmla="*/ 4375 w 10000"/>
                  <a:gd name="connsiteY247" fmla="*/ 2939 h 10000"/>
                  <a:gd name="connsiteX248" fmla="*/ 4350 w 10000"/>
                  <a:gd name="connsiteY248" fmla="*/ 2866 h 10000"/>
                  <a:gd name="connsiteX249" fmla="*/ 4275 w 10000"/>
                  <a:gd name="connsiteY249" fmla="*/ 2836 h 10000"/>
                  <a:gd name="connsiteX250" fmla="*/ 4176 w 10000"/>
                  <a:gd name="connsiteY250" fmla="*/ 2836 h 10000"/>
                  <a:gd name="connsiteX251" fmla="*/ 4050 w 10000"/>
                  <a:gd name="connsiteY251" fmla="*/ 2866 h 10000"/>
                  <a:gd name="connsiteX252" fmla="*/ 4150 w 10000"/>
                  <a:gd name="connsiteY252" fmla="*/ 2777 h 10000"/>
                  <a:gd name="connsiteX253" fmla="*/ 4201 w 10000"/>
                  <a:gd name="connsiteY253" fmla="*/ 2674 h 10000"/>
                  <a:gd name="connsiteX254" fmla="*/ 4225 w 10000"/>
                  <a:gd name="connsiteY254" fmla="*/ 2541 h 10000"/>
                  <a:gd name="connsiteX255" fmla="*/ 4225 w 10000"/>
                  <a:gd name="connsiteY255" fmla="*/ 2393 h 10000"/>
                  <a:gd name="connsiteX256" fmla="*/ 4250 w 10000"/>
                  <a:gd name="connsiteY256" fmla="*/ 2349 h 10000"/>
                  <a:gd name="connsiteX257" fmla="*/ 4301 w 10000"/>
                  <a:gd name="connsiteY257" fmla="*/ 2304 h 10000"/>
                  <a:gd name="connsiteX258" fmla="*/ 4350 w 10000"/>
                  <a:gd name="connsiteY258" fmla="*/ 2290 h 10000"/>
                  <a:gd name="connsiteX259" fmla="*/ 4426 w 10000"/>
                  <a:gd name="connsiteY259" fmla="*/ 2275 h 10000"/>
                  <a:gd name="connsiteX260" fmla="*/ 4650 w 10000"/>
                  <a:gd name="connsiteY260" fmla="*/ 2260 h 10000"/>
                  <a:gd name="connsiteX261" fmla="*/ 4850 w 10000"/>
                  <a:gd name="connsiteY261" fmla="*/ 2275 h 10000"/>
                  <a:gd name="connsiteX262" fmla="*/ 4825 w 10000"/>
                  <a:gd name="connsiteY262" fmla="*/ 2112 h 10000"/>
                  <a:gd name="connsiteX263" fmla="*/ 4776 w 10000"/>
                  <a:gd name="connsiteY263" fmla="*/ 1950 h 10000"/>
                  <a:gd name="connsiteX264" fmla="*/ 4700 w 10000"/>
                  <a:gd name="connsiteY264" fmla="*/ 1802 h 10000"/>
                  <a:gd name="connsiteX265" fmla="*/ 4601 w 10000"/>
                  <a:gd name="connsiteY265" fmla="*/ 1640 h 10000"/>
                  <a:gd name="connsiteX266" fmla="*/ 4350 w 10000"/>
                  <a:gd name="connsiteY266" fmla="*/ 1329 h 10000"/>
                  <a:gd name="connsiteX267" fmla="*/ 4100 w 10000"/>
                  <a:gd name="connsiteY267" fmla="*/ 1034 h 10000"/>
                  <a:gd name="connsiteX268" fmla="*/ 3975 w 10000"/>
                  <a:gd name="connsiteY268" fmla="*/ 901 h 10000"/>
                  <a:gd name="connsiteX269" fmla="*/ 3876 w 10000"/>
                  <a:gd name="connsiteY269" fmla="*/ 753 h 10000"/>
                  <a:gd name="connsiteX270" fmla="*/ 3800 w 10000"/>
                  <a:gd name="connsiteY270" fmla="*/ 620 h 10000"/>
                  <a:gd name="connsiteX271" fmla="*/ 3775 w 10000"/>
                  <a:gd name="connsiteY271" fmla="*/ 487 h 10000"/>
                  <a:gd name="connsiteX272" fmla="*/ 3750 w 10000"/>
                  <a:gd name="connsiteY272" fmla="*/ 355 h 10000"/>
                  <a:gd name="connsiteX273" fmla="*/ 3800 w 10000"/>
                  <a:gd name="connsiteY273" fmla="*/ 222 h 10000"/>
                  <a:gd name="connsiteX274" fmla="*/ 3826 w 10000"/>
                  <a:gd name="connsiteY274" fmla="*/ 162 h 10000"/>
                  <a:gd name="connsiteX275" fmla="*/ 3876 w 10000"/>
                  <a:gd name="connsiteY275" fmla="*/ 103 h 10000"/>
                  <a:gd name="connsiteX276" fmla="*/ 3951 w 10000"/>
                  <a:gd name="connsiteY276" fmla="*/ 59 h 10000"/>
                  <a:gd name="connsiteX277" fmla="*/ 4050 w 10000"/>
                  <a:gd name="connsiteY277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01 w 10000"/>
                  <a:gd name="connsiteY56" fmla="*/ 4638 h 10000"/>
                  <a:gd name="connsiteX57" fmla="*/ 6901 w 10000"/>
                  <a:gd name="connsiteY57" fmla="*/ 4697 h 10000"/>
                  <a:gd name="connsiteX58" fmla="*/ 6875 w 10000"/>
                  <a:gd name="connsiteY58" fmla="*/ 4801 h 10000"/>
                  <a:gd name="connsiteX59" fmla="*/ 6875 w 10000"/>
                  <a:gd name="connsiteY59" fmla="*/ 4904 h 10000"/>
                  <a:gd name="connsiteX60" fmla="*/ 6751 w 10000"/>
                  <a:gd name="connsiteY60" fmla="*/ 4860 h 10000"/>
                  <a:gd name="connsiteX61" fmla="*/ 6675 w 10000"/>
                  <a:gd name="connsiteY61" fmla="*/ 4801 h 10000"/>
                  <a:gd name="connsiteX62" fmla="*/ 6600 w 10000"/>
                  <a:gd name="connsiteY62" fmla="*/ 4727 h 10000"/>
                  <a:gd name="connsiteX63" fmla="*/ 6526 w 10000"/>
                  <a:gd name="connsiteY63" fmla="*/ 4638 h 10000"/>
                  <a:gd name="connsiteX64" fmla="*/ 6401 w 10000"/>
                  <a:gd name="connsiteY64" fmla="*/ 4476 h 10000"/>
                  <a:gd name="connsiteX65" fmla="*/ 6274 w 10000"/>
                  <a:gd name="connsiteY65" fmla="*/ 4313 h 10000"/>
                  <a:gd name="connsiteX66" fmla="*/ 6426 w 10000"/>
                  <a:gd name="connsiteY66" fmla="*/ 4210 h 10000"/>
                  <a:gd name="connsiteX67" fmla="*/ 7101 w 10000"/>
                  <a:gd name="connsiteY67" fmla="*/ 3959 h 10000"/>
                  <a:gd name="connsiteX68" fmla="*/ 8150 w 10000"/>
                  <a:gd name="connsiteY68" fmla="*/ 3663 h 10000"/>
                  <a:gd name="connsiteX69" fmla="*/ 8401 w 10000"/>
                  <a:gd name="connsiteY69" fmla="*/ 3589 h 10000"/>
                  <a:gd name="connsiteX70" fmla="*/ 8651 w 10000"/>
                  <a:gd name="connsiteY70" fmla="*/ 3516 h 10000"/>
                  <a:gd name="connsiteX71" fmla="*/ 8850 w 10000"/>
                  <a:gd name="connsiteY71" fmla="*/ 3412 h 10000"/>
                  <a:gd name="connsiteX72" fmla="*/ 9051 w 10000"/>
                  <a:gd name="connsiteY72" fmla="*/ 3338 h 10000"/>
                  <a:gd name="connsiteX73" fmla="*/ 9176 w 10000"/>
                  <a:gd name="connsiteY73" fmla="*/ 3235 h 10000"/>
                  <a:gd name="connsiteX74" fmla="*/ 9275 w 10000"/>
                  <a:gd name="connsiteY74" fmla="*/ 3117 h 10000"/>
                  <a:gd name="connsiteX75" fmla="*/ 9301 w 10000"/>
                  <a:gd name="connsiteY75" fmla="*/ 3072 h 10000"/>
                  <a:gd name="connsiteX76" fmla="*/ 9325 w 10000"/>
                  <a:gd name="connsiteY76" fmla="*/ 3013 h 10000"/>
                  <a:gd name="connsiteX77" fmla="*/ 9325 w 10000"/>
                  <a:gd name="connsiteY77" fmla="*/ 2954 h 10000"/>
                  <a:gd name="connsiteX78" fmla="*/ 9301 w 10000"/>
                  <a:gd name="connsiteY78" fmla="*/ 2866 h 10000"/>
                  <a:gd name="connsiteX79" fmla="*/ 9126 w 10000"/>
                  <a:gd name="connsiteY79" fmla="*/ 2984 h 10000"/>
                  <a:gd name="connsiteX80" fmla="*/ 8926 w 10000"/>
                  <a:gd name="connsiteY80" fmla="*/ 3072 h 10000"/>
                  <a:gd name="connsiteX81" fmla="*/ 8725 w 10000"/>
                  <a:gd name="connsiteY81" fmla="*/ 3161 h 10000"/>
                  <a:gd name="connsiteX82" fmla="*/ 8526 w 10000"/>
                  <a:gd name="connsiteY82" fmla="*/ 3250 h 10000"/>
                  <a:gd name="connsiteX83" fmla="*/ 8075 w 10000"/>
                  <a:gd name="connsiteY83" fmla="*/ 3397 h 10000"/>
                  <a:gd name="connsiteX84" fmla="*/ 7601 w 10000"/>
                  <a:gd name="connsiteY84" fmla="*/ 3545 h 10000"/>
                  <a:gd name="connsiteX85" fmla="*/ 7126 w 10000"/>
                  <a:gd name="connsiteY85" fmla="*/ 3678 h 10000"/>
                  <a:gd name="connsiteX86" fmla="*/ 6675 w 10000"/>
                  <a:gd name="connsiteY86" fmla="*/ 3840 h 10000"/>
                  <a:gd name="connsiteX87" fmla="*/ 6450 w 10000"/>
                  <a:gd name="connsiteY87" fmla="*/ 3914 h 10000"/>
                  <a:gd name="connsiteX88" fmla="*/ 6250 w 10000"/>
                  <a:gd name="connsiteY88" fmla="*/ 4003 h 10000"/>
                  <a:gd name="connsiteX89" fmla="*/ 6051 w 10000"/>
                  <a:gd name="connsiteY89" fmla="*/ 4106 h 10000"/>
                  <a:gd name="connsiteX90" fmla="*/ 5850 w 10000"/>
                  <a:gd name="connsiteY90" fmla="*/ 4195 h 10000"/>
                  <a:gd name="connsiteX91" fmla="*/ 6000 w 10000"/>
                  <a:gd name="connsiteY91" fmla="*/ 4417 h 10000"/>
                  <a:gd name="connsiteX92" fmla="*/ 6101 w 10000"/>
                  <a:gd name="connsiteY92" fmla="*/ 4623 h 10000"/>
                  <a:gd name="connsiteX93" fmla="*/ 6200 w 10000"/>
                  <a:gd name="connsiteY93" fmla="*/ 4845 h 10000"/>
                  <a:gd name="connsiteX94" fmla="*/ 6274 w 10000"/>
                  <a:gd name="connsiteY94" fmla="*/ 5081 h 10000"/>
                  <a:gd name="connsiteX95" fmla="*/ 6325 w 10000"/>
                  <a:gd name="connsiteY95" fmla="*/ 5318 h 10000"/>
                  <a:gd name="connsiteX96" fmla="*/ 6351 w 10000"/>
                  <a:gd name="connsiteY96" fmla="*/ 5539 h 10000"/>
                  <a:gd name="connsiteX97" fmla="*/ 6375 w 10000"/>
                  <a:gd name="connsiteY97" fmla="*/ 5775 h 10000"/>
                  <a:gd name="connsiteX98" fmla="*/ 6375 w 10000"/>
                  <a:gd name="connsiteY98" fmla="*/ 5997 h 10000"/>
                  <a:gd name="connsiteX99" fmla="*/ 6351 w 10000"/>
                  <a:gd name="connsiteY99" fmla="*/ 6233 h 10000"/>
                  <a:gd name="connsiteX100" fmla="*/ 6301 w 10000"/>
                  <a:gd name="connsiteY100" fmla="*/ 6470 h 10000"/>
                  <a:gd name="connsiteX101" fmla="*/ 6250 w 10000"/>
                  <a:gd name="connsiteY101" fmla="*/ 6677 h 10000"/>
                  <a:gd name="connsiteX102" fmla="*/ 6176 w 10000"/>
                  <a:gd name="connsiteY102" fmla="*/ 6898 h 10000"/>
                  <a:gd name="connsiteX103" fmla="*/ 6076 w 10000"/>
                  <a:gd name="connsiteY103" fmla="*/ 7105 h 10000"/>
                  <a:gd name="connsiteX104" fmla="*/ 5951 w 10000"/>
                  <a:gd name="connsiteY104" fmla="*/ 7297 h 10000"/>
                  <a:gd name="connsiteX105" fmla="*/ 5800 w 10000"/>
                  <a:gd name="connsiteY105" fmla="*/ 7489 h 10000"/>
                  <a:gd name="connsiteX106" fmla="*/ 5650 w 10000"/>
                  <a:gd name="connsiteY106" fmla="*/ 7681 h 10000"/>
                  <a:gd name="connsiteX107" fmla="*/ 6375 w 10000"/>
                  <a:gd name="connsiteY107" fmla="*/ 7799 h 10000"/>
                  <a:gd name="connsiteX108" fmla="*/ 7126 w 10000"/>
                  <a:gd name="connsiteY108" fmla="*/ 7962 h 10000"/>
                  <a:gd name="connsiteX109" fmla="*/ 7275 w 10000"/>
                  <a:gd name="connsiteY109" fmla="*/ 8021 h 10000"/>
                  <a:gd name="connsiteX110" fmla="*/ 7400 w 10000"/>
                  <a:gd name="connsiteY110" fmla="*/ 8080 h 10000"/>
                  <a:gd name="connsiteX111" fmla="*/ 7525 w 10000"/>
                  <a:gd name="connsiteY111" fmla="*/ 8139 h 10000"/>
                  <a:gd name="connsiteX112" fmla="*/ 7601 w 10000"/>
                  <a:gd name="connsiteY112" fmla="*/ 8227 h 10000"/>
                  <a:gd name="connsiteX113" fmla="*/ 7626 w 10000"/>
                  <a:gd name="connsiteY113" fmla="*/ 8301 h 10000"/>
                  <a:gd name="connsiteX114" fmla="*/ 7626 w 10000"/>
                  <a:gd name="connsiteY114" fmla="*/ 8405 h 10000"/>
                  <a:gd name="connsiteX115" fmla="*/ 7576 w 10000"/>
                  <a:gd name="connsiteY115" fmla="*/ 8523 h 10000"/>
                  <a:gd name="connsiteX116" fmla="*/ 7501 w 10000"/>
                  <a:gd name="connsiteY116" fmla="*/ 8641 h 10000"/>
                  <a:gd name="connsiteX117" fmla="*/ 7175 w 10000"/>
                  <a:gd name="connsiteY117" fmla="*/ 8552 h 10000"/>
                  <a:gd name="connsiteX118" fmla="*/ 6875 w 10000"/>
                  <a:gd name="connsiteY118" fmla="*/ 8449 h 10000"/>
                  <a:gd name="connsiteX119" fmla="*/ 6575 w 10000"/>
                  <a:gd name="connsiteY119" fmla="*/ 8360 h 10000"/>
                  <a:gd name="connsiteX120" fmla="*/ 6274 w 10000"/>
                  <a:gd name="connsiteY120" fmla="*/ 8287 h 10000"/>
                  <a:gd name="connsiteX121" fmla="*/ 6150 w 10000"/>
                  <a:gd name="connsiteY121" fmla="*/ 8449 h 10000"/>
                  <a:gd name="connsiteX122" fmla="*/ 6051 w 10000"/>
                  <a:gd name="connsiteY122" fmla="*/ 8597 h 10000"/>
                  <a:gd name="connsiteX123" fmla="*/ 6000 w 10000"/>
                  <a:gd name="connsiteY123" fmla="*/ 8656 h 10000"/>
                  <a:gd name="connsiteX124" fmla="*/ 5900 w 10000"/>
                  <a:gd name="connsiteY124" fmla="*/ 8700 h 10000"/>
                  <a:gd name="connsiteX125" fmla="*/ 5826 w 10000"/>
                  <a:gd name="connsiteY125" fmla="*/ 8744 h 10000"/>
                  <a:gd name="connsiteX126" fmla="*/ 5751 w 10000"/>
                  <a:gd name="connsiteY126" fmla="*/ 8774 h 10000"/>
                  <a:gd name="connsiteX127" fmla="*/ 5675 w 10000"/>
                  <a:gd name="connsiteY127" fmla="*/ 8804 h 10000"/>
                  <a:gd name="connsiteX128" fmla="*/ 5576 w 10000"/>
                  <a:gd name="connsiteY128" fmla="*/ 8818 h 10000"/>
                  <a:gd name="connsiteX129" fmla="*/ 5450 w 10000"/>
                  <a:gd name="connsiteY129" fmla="*/ 8833 h 10000"/>
                  <a:gd name="connsiteX130" fmla="*/ 5325 w 10000"/>
                  <a:gd name="connsiteY130" fmla="*/ 8833 h 10000"/>
                  <a:gd name="connsiteX131" fmla="*/ 5026 w 10000"/>
                  <a:gd name="connsiteY131" fmla="*/ 8818 h 10000"/>
                  <a:gd name="connsiteX132" fmla="*/ 4650 w 10000"/>
                  <a:gd name="connsiteY132" fmla="*/ 8744 h 10000"/>
                  <a:gd name="connsiteX133" fmla="*/ 4650 w 10000"/>
                  <a:gd name="connsiteY133" fmla="*/ 8922 h 10000"/>
                  <a:gd name="connsiteX134" fmla="*/ 4625 w 10000"/>
                  <a:gd name="connsiteY134" fmla="*/ 9069 h 10000"/>
                  <a:gd name="connsiteX135" fmla="*/ 4601 w 10000"/>
                  <a:gd name="connsiteY135" fmla="*/ 9232 h 10000"/>
                  <a:gd name="connsiteX136" fmla="*/ 4575 w 10000"/>
                  <a:gd name="connsiteY136" fmla="*/ 9365 h 10000"/>
                  <a:gd name="connsiteX137" fmla="*/ 4525 w 10000"/>
                  <a:gd name="connsiteY137" fmla="*/ 9498 h 10000"/>
                  <a:gd name="connsiteX138" fmla="*/ 4426 w 10000"/>
                  <a:gd name="connsiteY138" fmla="*/ 9616 h 10000"/>
                  <a:gd name="connsiteX139" fmla="*/ 4350 w 10000"/>
                  <a:gd name="connsiteY139" fmla="*/ 9734 h 10000"/>
                  <a:gd name="connsiteX140" fmla="*/ 4225 w 10000"/>
                  <a:gd name="connsiteY140" fmla="*/ 9838 h 10000"/>
                  <a:gd name="connsiteX141" fmla="*/ 3924 w 10000"/>
                  <a:gd name="connsiteY141" fmla="*/ 9897 h 10000"/>
                  <a:gd name="connsiteX142" fmla="*/ 3675 w 10000"/>
                  <a:gd name="connsiteY142" fmla="*/ 9941 h 10000"/>
                  <a:gd name="connsiteX143" fmla="*/ 3375 w 10000"/>
                  <a:gd name="connsiteY143" fmla="*/ 9985 h 10000"/>
                  <a:gd name="connsiteX144" fmla="*/ 3150 w 10000"/>
                  <a:gd name="connsiteY144" fmla="*/ 10000 h 10000"/>
                  <a:gd name="connsiteX145" fmla="*/ 2650 w 10000"/>
                  <a:gd name="connsiteY145" fmla="*/ 10000 h 10000"/>
                  <a:gd name="connsiteX146" fmla="*/ 2175 w 10000"/>
                  <a:gd name="connsiteY146" fmla="*/ 9985 h 10000"/>
                  <a:gd name="connsiteX147" fmla="*/ 1726 w 10000"/>
                  <a:gd name="connsiteY147" fmla="*/ 9941 h 10000"/>
                  <a:gd name="connsiteX148" fmla="*/ 1251 w 10000"/>
                  <a:gd name="connsiteY148" fmla="*/ 9911 h 10000"/>
                  <a:gd name="connsiteX149" fmla="*/ 975 w 10000"/>
                  <a:gd name="connsiteY149" fmla="*/ 9911 h 10000"/>
                  <a:gd name="connsiteX150" fmla="*/ 725 w 10000"/>
                  <a:gd name="connsiteY150" fmla="*/ 9911 h 10000"/>
                  <a:gd name="connsiteX151" fmla="*/ 450 w 10000"/>
                  <a:gd name="connsiteY151" fmla="*/ 9926 h 10000"/>
                  <a:gd name="connsiteX152" fmla="*/ 175 w 10000"/>
                  <a:gd name="connsiteY152" fmla="*/ 9970 h 10000"/>
                  <a:gd name="connsiteX153" fmla="*/ 100 w 10000"/>
                  <a:gd name="connsiteY153" fmla="*/ 9867 h 10000"/>
                  <a:gd name="connsiteX154" fmla="*/ 50 w 10000"/>
                  <a:gd name="connsiteY154" fmla="*/ 9793 h 10000"/>
                  <a:gd name="connsiteX155" fmla="*/ 0 w 10000"/>
                  <a:gd name="connsiteY155" fmla="*/ 9705 h 10000"/>
                  <a:gd name="connsiteX156" fmla="*/ 0 w 10000"/>
                  <a:gd name="connsiteY156" fmla="*/ 9601 h 10000"/>
                  <a:gd name="connsiteX157" fmla="*/ 50 w 10000"/>
                  <a:gd name="connsiteY157" fmla="*/ 9424 h 10000"/>
                  <a:gd name="connsiteX158" fmla="*/ 100 w 10000"/>
                  <a:gd name="connsiteY158" fmla="*/ 9202 h 10000"/>
                  <a:gd name="connsiteX159" fmla="*/ 149 w 10000"/>
                  <a:gd name="connsiteY159" fmla="*/ 8996 h 10000"/>
                  <a:gd name="connsiteX160" fmla="*/ 200 w 10000"/>
                  <a:gd name="connsiteY160" fmla="*/ 8759 h 10000"/>
                  <a:gd name="connsiteX161" fmla="*/ 225 w 10000"/>
                  <a:gd name="connsiteY161" fmla="*/ 8641 h 10000"/>
                  <a:gd name="connsiteX162" fmla="*/ 225 w 10000"/>
                  <a:gd name="connsiteY162" fmla="*/ 8538 h 10000"/>
                  <a:gd name="connsiteX163" fmla="*/ 200 w 10000"/>
                  <a:gd name="connsiteY163" fmla="*/ 8405 h 10000"/>
                  <a:gd name="connsiteX164" fmla="*/ 175 w 10000"/>
                  <a:gd name="connsiteY164" fmla="*/ 8287 h 10000"/>
                  <a:gd name="connsiteX165" fmla="*/ 425 w 10000"/>
                  <a:gd name="connsiteY165" fmla="*/ 8213 h 10000"/>
                  <a:gd name="connsiteX166" fmla="*/ 675 w 10000"/>
                  <a:gd name="connsiteY166" fmla="*/ 8139 h 10000"/>
                  <a:gd name="connsiteX167" fmla="*/ 925 w 10000"/>
                  <a:gd name="connsiteY167" fmla="*/ 8095 h 10000"/>
                  <a:gd name="connsiteX168" fmla="*/ 1200 w 10000"/>
                  <a:gd name="connsiteY168" fmla="*/ 8065 h 10000"/>
                  <a:gd name="connsiteX169" fmla="*/ 1699 w 10000"/>
                  <a:gd name="connsiteY169" fmla="*/ 8021 h 10000"/>
                  <a:gd name="connsiteX170" fmla="*/ 2201 w 10000"/>
                  <a:gd name="connsiteY170" fmla="*/ 7976 h 10000"/>
                  <a:gd name="connsiteX171" fmla="*/ 2425 w 10000"/>
                  <a:gd name="connsiteY171" fmla="*/ 7947 h 10000"/>
                  <a:gd name="connsiteX172" fmla="*/ 2650 w 10000"/>
                  <a:gd name="connsiteY172" fmla="*/ 7917 h 10000"/>
                  <a:gd name="connsiteX173" fmla="*/ 2849 w 10000"/>
                  <a:gd name="connsiteY173" fmla="*/ 7843 h 10000"/>
                  <a:gd name="connsiteX174" fmla="*/ 3050 w 10000"/>
                  <a:gd name="connsiteY174" fmla="*/ 7784 h 10000"/>
                  <a:gd name="connsiteX175" fmla="*/ 3225 w 10000"/>
                  <a:gd name="connsiteY175" fmla="*/ 7710 h 10000"/>
                  <a:gd name="connsiteX176" fmla="*/ 3375 w 10000"/>
                  <a:gd name="connsiteY176" fmla="*/ 7592 h 10000"/>
                  <a:gd name="connsiteX177" fmla="*/ 3526 w 10000"/>
                  <a:gd name="connsiteY177" fmla="*/ 7474 h 10000"/>
                  <a:gd name="connsiteX178" fmla="*/ 3625 w 10000"/>
                  <a:gd name="connsiteY178" fmla="*/ 7312 h 10000"/>
                  <a:gd name="connsiteX179" fmla="*/ 3425 w 10000"/>
                  <a:gd name="connsiteY179" fmla="*/ 7238 h 10000"/>
                  <a:gd name="connsiteX180" fmla="*/ 3250 w 10000"/>
                  <a:gd name="connsiteY180" fmla="*/ 7179 h 10000"/>
                  <a:gd name="connsiteX181" fmla="*/ 3100 w 10000"/>
                  <a:gd name="connsiteY181" fmla="*/ 7090 h 10000"/>
                  <a:gd name="connsiteX182" fmla="*/ 2950 w 10000"/>
                  <a:gd name="connsiteY182" fmla="*/ 6987 h 10000"/>
                  <a:gd name="connsiteX183" fmla="*/ 2849 w 10000"/>
                  <a:gd name="connsiteY183" fmla="*/ 6869 h 10000"/>
                  <a:gd name="connsiteX184" fmla="*/ 2801 w 10000"/>
                  <a:gd name="connsiteY184" fmla="*/ 6721 h 10000"/>
                  <a:gd name="connsiteX185" fmla="*/ 2775 w 10000"/>
                  <a:gd name="connsiteY185" fmla="*/ 6558 h 10000"/>
                  <a:gd name="connsiteX186" fmla="*/ 2801 w 10000"/>
                  <a:gd name="connsiteY186" fmla="*/ 6352 h 10000"/>
                  <a:gd name="connsiteX187" fmla="*/ 2676 w 10000"/>
                  <a:gd name="connsiteY187" fmla="*/ 6322 h 10000"/>
                  <a:gd name="connsiteX188" fmla="*/ 2526 w 10000"/>
                  <a:gd name="connsiteY188" fmla="*/ 6292 h 10000"/>
                  <a:gd name="connsiteX189" fmla="*/ 2350 w 10000"/>
                  <a:gd name="connsiteY189" fmla="*/ 6278 h 10000"/>
                  <a:gd name="connsiteX190" fmla="*/ 2175 w 10000"/>
                  <a:gd name="connsiteY190" fmla="*/ 6263 h 10000"/>
                  <a:gd name="connsiteX191" fmla="*/ 1825 w 10000"/>
                  <a:gd name="connsiteY191" fmla="*/ 6248 h 10000"/>
                  <a:gd name="connsiteX192" fmla="*/ 1450 w 10000"/>
                  <a:gd name="connsiteY192" fmla="*/ 6263 h 10000"/>
                  <a:gd name="connsiteX193" fmla="*/ 1126 w 10000"/>
                  <a:gd name="connsiteY193" fmla="*/ 6278 h 10000"/>
                  <a:gd name="connsiteX194" fmla="*/ 825 w 10000"/>
                  <a:gd name="connsiteY194" fmla="*/ 6278 h 10000"/>
                  <a:gd name="connsiteX195" fmla="*/ 576 w 10000"/>
                  <a:gd name="connsiteY195" fmla="*/ 6263 h 10000"/>
                  <a:gd name="connsiteX196" fmla="*/ 375 w 10000"/>
                  <a:gd name="connsiteY196" fmla="*/ 6233 h 10000"/>
                  <a:gd name="connsiteX197" fmla="*/ 624 w 10000"/>
                  <a:gd name="connsiteY197" fmla="*/ 5805 h 10000"/>
                  <a:gd name="connsiteX198" fmla="*/ 900 w 10000"/>
                  <a:gd name="connsiteY198" fmla="*/ 5391 h 10000"/>
                  <a:gd name="connsiteX199" fmla="*/ 1001 w 10000"/>
                  <a:gd name="connsiteY199" fmla="*/ 5170 h 10000"/>
                  <a:gd name="connsiteX200" fmla="*/ 1075 w 10000"/>
                  <a:gd name="connsiteY200" fmla="*/ 4963 h 10000"/>
                  <a:gd name="connsiteX201" fmla="*/ 1099 w 10000"/>
                  <a:gd name="connsiteY201" fmla="*/ 4860 h 10000"/>
                  <a:gd name="connsiteX202" fmla="*/ 1075 w 10000"/>
                  <a:gd name="connsiteY202" fmla="*/ 4756 h 10000"/>
                  <a:gd name="connsiteX203" fmla="*/ 1050 w 10000"/>
                  <a:gd name="connsiteY203" fmla="*/ 4653 h 10000"/>
                  <a:gd name="connsiteX204" fmla="*/ 975 w 10000"/>
                  <a:gd name="connsiteY204" fmla="*/ 4549 h 10000"/>
                  <a:gd name="connsiteX205" fmla="*/ 1251 w 10000"/>
                  <a:gd name="connsiteY205" fmla="*/ 4520 h 10000"/>
                  <a:gd name="connsiteX206" fmla="*/ 1450 w 10000"/>
                  <a:gd name="connsiteY206" fmla="*/ 4505 h 10000"/>
                  <a:gd name="connsiteX207" fmla="*/ 1625 w 10000"/>
                  <a:gd name="connsiteY207" fmla="*/ 4505 h 10000"/>
                  <a:gd name="connsiteX208" fmla="*/ 1775 w 10000"/>
                  <a:gd name="connsiteY208" fmla="*/ 4520 h 10000"/>
                  <a:gd name="connsiteX209" fmla="*/ 1900 w 10000"/>
                  <a:gd name="connsiteY209" fmla="*/ 4520 h 10000"/>
                  <a:gd name="connsiteX210" fmla="*/ 2050 w 10000"/>
                  <a:gd name="connsiteY210" fmla="*/ 4520 h 10000"/>
                  <a:gd name="connsiteX211" fmla="*/ 2201 w 10000"/>
                  <a:gd name="connsiteY211" fmla="*/ 4490 h 10000"/>
                  <a:gd name="connsiteX212" fmla="*/ 2400 w 10000"/>
                  <a:gd name="connsiteY212" fmla="*/ 4446 h 10000"/>
                  <a:gd name="connsiteX213" fmla="*/ 2400 w 10000"/>
                  <a:gd name="connsiteY213" fmla="*/ 4579 h 10000"/>
                  <a:gd name="connsiteX214" fmla="*/ 2400 w 10000"/>
                  <a:gd name="connsiteY214" fmla="*/ 4742 h 10000"/>
                  <a:gd name="connsiteX215" fmla="*/ 2400 w 10000"/>
                  <a:gd name="connsiteY215" fmla="*/ 4874 h 10000"/>
                  <a:gd name="connsiteX216" fmla="*/ 2400 w 10000"/>
                  <a:gd name="connsiteY216" fmla="*/ 5037 h 10000"/>
                  <a:gd name="connsiteX217" fmla="*/ 2625 w 10000"/>
                  <a:gd name="connsiteY217" fmla="*/ 5022 h 10000"/>
                  <a:gd name="connsiteX218" fmla="*/ 2775 w 10000"/>
                  <a:gd name="connsiteY218" fmla="*/ 5037 h 10000"/>
                  <a:gd name="connsiteX219" fmla="*/ 2900 w 10000"/>
                  <a:gd name="connsiteY219" fmla="*/ 5066 h 10000"/>
                  <a:gd name="connsiteX220" fmla="*/ 3025 w 10000"/>
                  <a:gd name="connsiteY220" fmla="*/ 5096 h 10000"/>
                  <a:gd name="connsiteX221" fmla="*/ 3126 w 10000"/>
                  <a:gd name="connsiteY221" fmla="*/ 5126 h 10000"/>
                  <a:gd name="connsiteX222" fmla="*/ 3250 w 10000"/>
                  <a:gd name="connsiteY222" fmla="*/ 5155 h 10000"/>
                  <a:gd name="connsiteX223" fmla="*/ 3401 w 10000"/>
                  <a:gd name="connsiteY223" fmla="*/ 5170 h 10000"/>
                  <a:gd name="connsiteX224" fmla="*/ 3625 w 10000"/>
                  <a:gd name="connsiteY224" fmla="*/ 5155 h 10000"/>
                  <a:gd name="connsiteX225" fmla="*/ 3701 w 10000"/>
                  <a:gd name="connsiteY225" fmla="*/ 5096 h 10000"/>
                  <a:gd name="connsiteX226" fmla="*/ 3775 w 10000"/>
                  <a:gd name="connsiteY226" fmla="*/ 5022 h 10000"/>
                  <a:gd name="connsiteX227" fmla="*/ 3800 w 10000"/>
                  <a:gd name="connsiteY227" fmla="*/ 4934 h 10000"/>
                  <a:gd name="connsiteX228" fmla="*/ 3826 w 10000"/>
                  <a:gd name="connsiteY228" fmla="*/ 4860 h 10000"/>
                  <a:gd name="connsiteX229" fmla="*/ 3850 w 10000"/>
                  <a:gd name="connsiteY229" fmla="*/ 4697 h 10000"/>
                  <a:gd name="connsiteX230" fmla="*/ 3826 w 10000"/>
                  <a:gd name="connsiteY230" fmla="*/ 4520 h 10000"/>
                  <a:gd name="connsiteX231" fmla="*/ 3750 w 10000"/>
                  <a:gd name="connsiteY231" fmla="*/ 4343 h 10000"/>
                  <a:gd name="connsiteX232" fmla="*/ 3675 w 10000"/>
                  <a:gd name="connsiteY232" fmla="*/ 4195 h 10000"/>
                  <a:gd name="connsiteX233" fmla="*/ 3550 w 10000"/>
                  <a:gd name="connsiteY233" fmla="*/ 4047 h 10000"/>
                  <a:gd name="connsiteX234" fmla="*/ 3425 w 10000"/>
                  <a:gd name="connsiteY234" fmla="*/ 3959 h 10000"/>
                  <a:gd name="connsiteX235" fmla="*/ 3575 w 10000"/>
                  <a:gd name="connsiteY235" fmla="*/ 3944 h 10000"/>
                  <a:gd name="connsiteX236" fmla="*/ 3701 w 10000"/>
                  <a:gd name="connsiteY236" fmla="*/ 3914 h 10000"/>
                  <a:gd name="connsiteX237" fmla="*/ 3800 w 10000"/>
                  <a:gd name="connsiteY237" fmla="*/ 3855 h 10000"/>
                  <a:gd name="connsiteX238" fmla="*/ 3924 w 10000"/>
                  <a:gd name="connsiteY238" fmla="*/ 3752 h 10000"/>
                  <a:gd name="connsiteX239" fmla="*/ 4050 w 10000"/>
                  <a:gd name="connsiteY239" fmla="*/ 3663 h 10000"/>
                  <a:gd name="connsiteX240" fmla="*/ 4150 w 10000"/>
                  <a:gd name="connsiteY240" fmla="*/ 3560 h 10000"/>
                  <a:gd name="connsiteX241" fmla="*/ 4225 w 10000"/>
                  <a:gd name="connsiteY241" fmla="*/ 3442 h 10000"/>
                  <a:gd name="connsiteX242" fmla="*/ 4301 w 10000"/>
                  <a:gd name="connsiteY242" fmla="*/ 3323 h 10000"/>
                  <a:gd name="connsiteX243" fmla="*/ 4350 w 10000"/>
                  <a:gd name="connsiteY243" fmla="*/ 3220 h 10000"/>
                  <a:gd name="connsiteX244" fmla="*/ 4375 w 10000"/>
                  <a:gd name="connsiteY244" fmla="*/ 3102 h 10000"/>
                  <a:gd name="connsiteX245" fmla="*/ 4401 w 10000"/>
                  <a:gd name="connsiteY245" fmla="*/ 3013 h 10000"/>
                  <a:gd name="connsiteX246" fmla="*/ 4375 w 10000"/>
                  <a:gd name="connsiteY246" fmla="*/ 2939 h 10000"/>
                  <a:gd name="connsiteX247" fmla="*/ 4350 w 10000"/>
                  <a:gd name="connsiteY247" fmla="*/ 2866 h 10000"/>
                  <a:gd name="connsiteX248" fmla="*/ 4275 w 10000"/>
                  <a:gd name="connsiteY248" fmla="*/ 2836 h 10000"/>
                  <a:gd name="connsiteX249" fmla="*/ 4176 w 10000"/>
                  <a:gd name="connsiteY249" fmla="*/ 2836 h 10000"/>
                  <a:gd name="connsiteX250" fmla="*/ 4050 w 10000"/>
                  <a:gd name="connsiteY250" fmla="*/ 2866 h 10000"/>
                  <a:gd name="connsiteX251" fmla="*/ 4150 w 10000"/>
                  <a:gd name="connsiteY251" fmla="*/ 2777 h 10000"/>
                  <a:gd name="connsiteX252" fmla="*/ 4201 w 10000"/>
                  <a:gd name="connsiteY252" fmla="*/ 2674 h 10000"/>
                  <a:gd name="connsiteX253" fmla="*/ 4225 w 10000"/>
                  <a:gd name="connsiteY253" fmla="*/ 2541 h 10000"/>
                  <a:gd name="connsiteX254" fmla="*/ 4225 w 10000"/>
                  <a:gd name="connsiteY254" fmla="*/ 2393 h 10000"/>
                  <a:gd name="connsiteX255" fmla="*/ 4250 w 10000"/>
                  <a:gd name="connsiteY255" fmla="*/ 2349 h 10000"/>
                  <a:gd name="connsiteX256" fmla="*/ 4301 w 10000"/>
                  <a:gd name="connsiteY256" fmla="*/ 2304 h 10000"/>
                  <a:gd name="connsiteX257" fmla="*/ 4350 w 10000"/>
                  <a:gd name="connsiteY257" fmla="*/ 2290 h 10000"/>
                  <a:gd name="connsiteX258" fmla="*/ 4426 w 10000"/>
                  <a:gd name="connsiteY258" fmla="*/ 2275 h 10000"/>
                  <a:gd name="connsiteX259" fmla="*/ 4650 w 10000"/>
                  <a:gd name="connsiteY259" fmla="*/ 2260 h 10000"/>
                  <a:gd name="connsiteX260" fmla="*/ 4850 w 10000"/>
                  <a:gd name="connsiteY260" fmla="*/ 2275 h 10000"/>
                  <a:gd name="connsiteX261" fmla="*/ 4825 w 10000"/>
                  <a:gd name="connsiteY261" fmla="*/ 2112 h 10000"/>
                  <a:gd name="connsiteX262" fmla="*/ 4776 w 10000"/>
                  <a:gd name="connsiteY262" fmla="*/ 1950 h 10000"/>
                  <a:gd name="connsiteX263" fmla="*/ 4700 w 10000"/>
                  <a:gd name="connsiteY263" fmla="*/ 1802 h 10000"/>
                  <a:gd name="connsiteX264" fmla="*/ 4601 w 10000"/>
                  <a:gd name="connsiteY264" fmla="*/ 1640 h 10000"/>
                  <a:gd name="connsiteX265" fmla="*/ 4350 w 10000"/>
                  <a:gd name="connsiteY265" fmla="*/ 1329 h 10000"/>
                  <a:gd name="connsiteX266" fmla="*/ 4100 w 10000"/>
                  <a:gd name="connsiteY266" fmla="*/ 1034 h 10000"/>
                  <a:gd name="connsiteX267" fmla="*/ 3975 w 10000"/>
                  <a:gd name="connsiteY267" fmla="*/ 901 h 10000"/>
                  <a:gd name="connsiteX268" fmla="*/ 3876 w 10000"/>
                  <a:gd name="connsiteY268" fmla="*/ 753 h 10000"/>
                  <a:gd name="connsiteX269" fmla="*/ 3800 w 10000"/>
                  <a:gd name="connsiteY269" fmla="*/ 620 h 10000"/>
                  <a:gd name="connsiteX270" fmla="*/ 3775 w 10000"/>
                  <a:gd name="connsiteY270" fmla="*/ 487 h 10000"/>
                  <a:gd name="connsiteX271" fmla="*/ 3750 w 10000"/>
                  <a:gd name="connsiteY271" fmla="*/ 355 h 10000"/>
                  <a:gd name="connsiteX272" fmla="*/ 3800 w 10000"/>
                  <a:gd name="connsiteY272" fmla="*/ 222 h 10000"/>
                  <a:gd name="connsiteX273" fmla="*/ 3826 w 10000"/>
                  <a:gd name="connsiteY273" fmla="*/ 162 h 10000"/>
                  <a:gd name="connsiteX274" fmla="*/ 3876 w 10000"/>
                  <a:gd name="connsiteY274" fmla="*/ 103 h 10000"/>
                  <a:gd name="connsiteX275" fmla="*/ 3951 w 10000"/>
                  <a:gd name="connsiteY275" fmla="*/ 59 h 10000"/>
                  <a:gd name="connsiteX276" fmla="*/ 4050 w 10000"/>
                  <a:gd name="connsiteY276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26 w 10000"/>
                  <a:gd name="connsiteY54" fmla="*/ 4564 h 10000"/>
                  <a:gd name="connsiteX55" fmla="*/ 6901 w 10000"/>
                  <a:gd name="connsiteY55" fmla="*/ 4638 h 10000"/>
                  <a:gd name="connsiteX56" fmla="*/ 6901 w 10000"/>
                  <a:gd name="connsiteY56" fmla="*/ 4697 h 10000"/>
                  <a:gd name="connsiteX57" fmla="*/ 6875 w 10000"/>
                  <a:gd name="connsiteY57" fmla="*/ 4801 h 10000"/>
                  <a:gd name="connsiteX58" fmla="*/ 6875 w 10000"/>
                  <a:gd name="connsiteY58" fmla="*/ 4904 h 10000"/>
                  <a:gd name="connsiteX59" fmla="*/ 6751 w 10000"/>
                  <a:gd name="connsiteY59" fmla="*/ 4860 h 10000"/>
                  <a:gd name="connsiteX60" fmla="*/ 6675 w 10000"/>
                  <a:gd name="connsiteY60" fmla="*/ 4801 h 10000"/>
                  <a:gd name="connsiteX61" fmla="*/ 6600 w 10000"/>
                  <a:gd name="connsiteY61" fmla="*/ 4727 h 10000"/>
                  <a:gd name="connsiteX62" fmla="*/ 6526 w 10000"/>
                  <a:gd name="connsiteY62" fmla="*/ 4638 h 10000"/>
                  <a:gd name="connsiteX63" fmla="*/ 6401 w 10000"/>
                  <a:gd name="connsiteY63" fmla="*/ 4476 h 10000"/>
                  <a:gd name="connsiteX64" fmla="*/ 6274 w 10000"/>
                  <a:gd name="connsiteY64" fmla="*/ 4313 h 10000"/>
                  <a:gd name="connsiteX65" fmla="*/ 6426 w 10000"/>
                  <a:gd name="connsiteY65" fmla="*/ 4210 h 10000"/>
                  <a:gd name="connsiteX66" fmla="*/ 7101 w 10000"/>
                  <a:gd name="connsiteY66" fmla="*/ 3959 h 10000"/>
                  <a:gd name="connsiteX67" fmla="*/ 8150 w 10000"/>
                  <a:gd name="connsiteY67" fmla="*/ 3663 h 10000"/>
                  <a:gd name="connsiteX68" fmla="*/ 8401 w 10000"/>
                  <a:gd name="connsiteY68" fmla="*/ 3589 h 10000"/>
                  <a:gd name="connsiteX69" fmla="*/ 8651 w 10000"/>
                  <a:gd name="connsiteY69" fmla="*/ 3516 h 10000"/>
                  <a:gd name="connsiteX70" fmla="*/ 8850 w 10000"/>
                  <a:gd name="connsiteY70" fmla="*/ 3412 h 10000"/>
                  <a:gd name="connsiteX71" fmla="*/ 9051 w 10000"/>
                  <a:gd name="connsiteY71" fmla="*/ 3338 h 10000"/>
                  <a:gd name="connsiteX72" fmla="*/ 9176 w 10000"/>
                  <a:gd name="connsiteY72" fmla="*/ 3235 h 10000"/>
                  <a:gd name="connsiteX73" fmla="*/ 9275 w 10000"/>
                  <a:gd name="connsiteY73" fmla="*/ 3117 h 10000"/>
                  <a:gd name="connsiteX74" fmla="*/ 9301 w 10000"/>
                  <a:gd name="connsiteY74" fmla="*/ 3072 h 10000"/>
                  <a:gd name="connsiteX75" fmla="*/ 9325 w 10000"/>
                  <a:gd name="connsiteY75" fmla="*/ 3013 h 10000"/>
                  <a:gd name="connsiteX76" fmla="*/ 9325 w 10000"/>
                  <a:gd name="connsiteY76" fmla="*/ 2954 h 10000"/>
                  <a:gd name="connsiteX77" fmla="*/ 9301 w 10000"/>
                  <a:gd name="connsiteY77" fmla="*/ 2866 h 10000"/>
                  <a:gd name="connsiteX78" fmla="*/ 9126 w 10000"/>
                  <a:gd name="connsiteY78" fmla="*/ 2984 h 10000"/>
                  <a:gd name="connsiteX79" fmla="*/ 8926 w 10000"/>
                  <a:gd name="connsiteY79" fmla="*/ 3072 h 10000"/>
                  <a:gd name="connsiteX80" fmla="*/ 8725 w 10000"/>
                  <a:gd name="connsiteY80" fmla="*/ 3161 h 10000"/>
                  <a:gd name="connsiteX81" fmla="*/ 8526 w 10000"/>
                  <a:gd name="connsiteY81" fmla="*/ 3250 h 10000"/>
                  <a:gd name="connsiteX82" fmla="*/ 8075 w 10000"/>
                  <a:gd name="connsiteY82" fmla="*/ 3397 h 10000"/>
                  <a:gd name="connsiteX83" fmla="*/ 7601 w 10000"/>
                  <a:gd name="connsiteY83" fmla="*/ 3545 h 10000"/>
                  <a:gd name="connsiteX84" fmla="*/ 7126 w 10000"/>
                  <a:gd name="connsiteY84" fmla="*/ 3678 h 10000"/>
                  <a:gd name="connsiteX85" fmla="*/ 6675 w 10000"/>
                  <a:gd name="connsiteY85" fmla="*/ 3840 h 10000"/>
                  <a:gd name="connsiteX86" fmla="*/ 6450 w 10000"/>
                  <a:gd name="connsiteY86" fmla="*/ 3914 h 10000"/>
                  <a:gd name="connsiteX87" fmla="*/ 6250 w 10000"/>
                  <a:gd name="connsiteY87" fmla="*/ 4003 h 10000"/>
                  <a:gd name="connsiteX88" fmla="*/ 6051 w 10000"/>
                  <a:gd name="connsiteY88" fmla="*/ 4106 h 10000"/>
                  <a:gd name="connsiteX89" fmla="*/ 5850 w 10000"/>
                  <a:gd name="connsiteY89" fmla="*/ 4195 h 10000"/>
                  <a:gd name="connsiteX90" fmla="*/ 6000 w 10000"/>
                  <a:gd name="connsiteY90" fmla="*/ 4417 h 10000"/>
                  <a:gd name="connsiteX91" fmla="*/ 6101 w 10000"/>
                  <a:gd name="connsiteY91" fmla="*/ 4623 h 10000"/>
                  <a:gd name="connsiteX92" fmla="*/ 6200 w 10000"/>
                  <a:gd name="connsiteY92" fmla="*/ 4845 h 10000"/>
                  <a:gd name="connsiteX93" fmla="*/ 6274 w 10000"/>
                  <a:gd name="connsiteY93" fmla="*/ 5081 h 10000"/>
                  <a:gd name="connsiteX94" fmla="*/ 6325 w 10000"/>
                  <a:gd name="connsiteY94" fmla="*/ 5318 h 10000"/>
                  <a:gd name="connsiteX95" fmla="*/ 6351 w 10000"/>
                  <a:gd name="connsiteY95" fmla="*/ 5539 h 10000"/>
                  <a:gd name="connsiteX96" fmla="*/ 6375 w 10000"/>
                  <a:gd name="connsiteY96" fmla="*/ 5775 h 10000"/>
                  <a:gd name="connsiteX97" fmla="*/ 6375 w 10000"/>
                  <a:gd name="connsiteY97" fmla="*/ 5997 h 10000"/>
                  <a:gd name="connsiteX98" fmla="*/ 6351 w 10000"/>
                  <a:gd name="connsiteY98" fmla="*/ 6233 h 10000"/>
                  <a:gd name="connsiteX99" fmla="*/ 6301 w 10000"/>
                  <a:gd name="connsiteY99" fmla="*/ 6470 h 10000"/>
                  <a:gd name="connsiteX100" fmla="*/ 6250 w 10000"/>
                  <a:gd name="connsiteY100" fmla="*/ 6677 h 10000"/>
                  <a:gd name="connsiteX101" fmla="*/ 6176 w 10000"/>
                  <a:gd name="connsiteY101" fmla="*/ 6898 h 10000"/>
                  <a:gd name="connsiteX102" fmla="*/ 6076 w 10000"/>
                  <a:gd name="connsiteY102" fmla="*/ 7105 h 10000"/>
                  <a:gd name="connsiteX103" fmla="*/ 5951 w 10000"/>
                  <a:gd name="connsiteY103" fmla="*/ 7297 h 10000"/>
                  <a:gd name="connsiteX104" fmla="*/ 5800 w 10000"/>
                  <a:gd name="connsiteY104" fmla="*/ 7489 h 10000"/>
                  <a:gd name="connsiteX105" fmla="*/ 5650 w 10000"/>
                  <a:gd name="connsiteY105" fmla="*/ 7681 h 10000"/>
                  <a:gd name="connsiteX106" fmla="*/ 6375 w 10000"/>
                  <a:gd name="connsiteY106" fmla="*/ 7799 h 10000"/>
                  <a:gd name="connsiteX107" fmla="*/ 7126 w 10000"/>
                  <a:gd name="connsiteY107" fmla="*/ 7962 h 10000"/>
                  <a:gd name="connsiteX108" fmla="*/ 7275 w 10000"/>
                  <a:gd name="connsiteY108" fmla="*/ 8021 h 10000"/>
                  <a:gd name="connsiteX109" fmla="*/ 7400 w 10000"/>
                  <a:gd name="connsiteY109" fmla="*/ 8080 h 10000"/>
                  <a:gd name="connsiteX110" fmla="*/ 7525 w 10000"/>
                  <a:gd name="connsiteY110" fmla="*/ 8139 h 10000"/>
                  <a:gd name="connsiteX111" fmla="*/ 7601 w 10000"/>
                  <a:gd name="connsiteY111" fmla="*/ 8227 h 10000"/>
                  <a:gd name="connsiteX112" fmla="*/ 7626 w 10000"/>
                  <a:gd name="connsiteY112" fmla="*/ 8301 h 10000"/>
                  <a:gd name="connsiteX113" fmla="*/ 7626 w 10000"/>
                  <a:gd name="connsiteY113" fmla="*/ 8405 h 10000"/>
                  <a:gd name="connsiteX114" fmla="*/ 7576 w 10000"/>
                  <a:gd name="connsiteY114" fmla="*/ 8523 h 10000"/>
                  <a:gd name="connsiteX115" fmla="*/ 7501 w 10000"/>
                  <a:gd name="connsiteY115" fmla="*/ 8641 h 10000"/>
                  <a:gd name="connsiteX116" fmla="*/ 7175 w 10000"/>
                  <a:gd name="connsiteY116" fmla="*/ 8552 h 10000"/>
                  <a:gd name="connsiteX117" fmla="*/ 6875 w 10000"/>
                  <a:gd name="connsiteY117" fmla="*/ 8449 h 10000"/>
                  <a:gd name="connsiteX118" fmla="*/ 6575 w 10000"/>
                  <a:gd name="connsiteY118" fmla="*/ 8360 h 10000"/>
                  <a:gd name="connsiteX119" fmla="*/ 6274 w 10000"/>
                  <a:gd name="connsiteY119" fmla="*/ 8287 h 10000"/>
                  <a:gd name="connsiteX120" fmla="*/ 6150 w 10000"/>
                  <a:gd name="connsiteY120" fmla="*/ 8449 h 10000"/>
                  <a:gd name="connsiteX121" fmla="*/ 6051 w 10000"/>
                  <a:gd name="connsiteY121" fmla="*/ 8597 h 10000"/>
                  <a:gd name="connsiteX122" fmla="*/ 6000 w 10000"/>
                  <a:gd name="connsiteY122" fmla="*/ 8656 h 10000"/>
                  <a:gd name="connsiteX123" fmla="*/ 5900 w 10000"/>
                  <a:gd name="connsiteY123" fmla="*/ 8700 h 10000"/>
                  <a:gd name="connsiteX124" fmla="*/ 5826 w 10000"/>
                  <a:gd name="connsiteY124" fmla="*/ 8744 h 10000"/>
                  <a:gd name="connsiteX125" fmla="*/ 5751 w 10000"/>
                  <a:gd name="connsiteY125" fmla="*/ 8774 h 10000"/>
                  <a:gd name="connsiteX126" fmla="*/ 5675 w 10000"/>
                  <a:gd name="connsiteY126" fmla="*/ 8804 h 10000"/>
                  <a:gd name="connsiteX127" fmla="*/ 5576 w 10000"/>
                  <a:gd name="connsiteY127" fmla="*/ 8818 h 10000"/>
                  <a:gd name="connsiteX128" fmla="*/ 5450 w 10000"/>
                  <a:gd name="connsiteY128" fmla="*/ 8833 h 10000"/>
                  <a:gd name="connsiteX129" fmla="*/ 5325 w 10000"/>
                  <a:gd name="connsiteY129" fmla="*/ 8833 h 10000"/>
                  <a:gd name="connsiteX130" fmla="*/ 5026 w 10000"/>
                  <a:gd name="connsiteY130" fmla="*/ 8818 h 10000"/>
                  <a:gd name="connsiteX131" fmla="*/ 4650 w 10000"/>
                  <a:gd name="connsiteY131" fmla="*/ 8744 h 10000"/>
                  <a:gd name="connsiteX132" fmla="*/ 4650 w 10000"/>
                  <a:gd name="connsiteY132" fmla="*/ 8922 h 10000"/>
                  <a:gd name="connsiteX133" fmla="*/ 4625 w 10000"/>
                  <a:gd name="connsiteY133" fmla="*/ 9069 h 10000"/>
                  <a:gd name="connsiteX134" fmla="*/ 4601 w 10000"/>
                  <a:gd name="connsiteY134" fmla="*/ 9232 h 10000"/>
                  <a:gd name="connsiteX135" fmla="*/ 4575 w 10000"/>
                  <a:gd name="connsiteY135" fmla="*/ 9365 h 10000"/>
                  <a:gd name="connsiteX136" fmla="*/ 4525 w 10000"/>
                  <a:gd name="connsiteY136" fmla="*/ 9498 h 10000"/>
                  <a:gd name="connsiteX137" fmla="*/ 4426 w 10000"/>
                  <a:gd name="connsiteY137" fmla="*/ 9616 h 10000"/>
                  <a:gd name="connsiteX138" fmla="*/ 4350 w 10000"/>
                  <a:gd name="connsiteY138" fmla="*/ 9734 h 10000"/>
                  <a:gd name="connsiteX139" fmla="*/ 4225 w 10000"/>
                  <a:gd name="connsiteY139" fmla="*/ 9838 h 10000"/>
                  <a:gd name="connsiteX140" fmla="*/ 3924 w 10000"/>
                  <a:gd name="connsiteY140" fmla="*/ 9897 h 10000"/>
                  <a:gd name="connsiteX141" fmla="*/ 3675 w 10000"/>
                  <a:gd name="connsiteY141" fmla="*/ 9941 h 10000"/>
                  <a:gd name="connsiteX142" fmla="*/ 3375 w 10000"/>
                  <a:gd name="connsiteY142" fmla="*/ 9985 h 10000"/>
                  <a:gd name="connsiteX143" fmla="*/ 3150 w 10000"/>
                  <a:gd name="connsiteY143" fmla="*/ 10000 h 10000"/>
                  <a:gd name="connsiteX144" fmla="*/ 2650 w 10000"/>
                  <a:gd name="connsiteY144" fmla="*/ 10000 h 10000"/>
                  <a:gd name="connsiteX145" fmla="*/ 2175 w 10000"/>
                  <a:gd name="connsiteY145" fmla="*/ 9985 h 10000"/>
                  <a:gd name="connsiteX146" fmla="*/ 1726 w 10000"/>
                  <a:gd name="connsiteY146" fmla="*/ 9941 h 10000"/>
                  <a:gd name="connsiteX147" fmla="*/ 1251 w 10000"/>
                  <a:gd name="connsiteY147" fmla="*/ 9911 h 10000"/>
                  <a:gd name="connsiteX148" fmla="*/ 975 w 10000"/>
                  <a:gd name="connsiteY148" fmla="*/ 9911 h 10000"/>
                  <a:gd name="connsiteX149" fmla="*/ 725 w 10000"/>
                  <a:gd name="connsiteY149" fmla="*/ 9911 h 10000"/>
                  <a:gd name="connsiteX150" fmla="*/ 450 w 10000"/>
                  <a:gd name="connsiteY150" fmla="*/ 9926 h 10000"/>
                  <a:gd name="connsiteX151" fmla="*/ 175 w 10000"/>
                  <a:gd name="connsiteY151" fmla="*/ 9970 h 10000"/>
                  <a:gd name="connsiteX152" fmla="*/ 100 w 10000"/>
                  <a:gd name="connsiteY152" fmla="*/ 9867 h 10000"/>
                  <a:gd name="connsiteX153" fmla="*/ 50 w 10000"/>
                  <a:gd name="connsiteY153" fmla="*/ 9793 h 10000"/>
                  <a:gd name="connsiteX154" fmla="*/ 0 w 10000"/>
                  <a:gd name="connsiteY154" fmla="*/ 9705 h 10000"/>
                  <a:gd name="connsiteX155" fmla="*/ 0 w 10000"/>
                  <a:gd name="connsiteY155" fmla="*/ 9601 h 10000"/>
                  <a:gd name="connsiteX156" fmla="*/ 50 w 10000"/>
                  <a:gd name="connsiteY156" fmla="*/ 9424 h 10000"/>
                  <a:gd name="connsiteX157" fmla="*/ 100 w 10000"/>
                  <a:gd name="connsiteY157" fmla="*/ 9202 h 10000"/>
                  <a:gd name="connsiteX158" fmla="*/ 149 w 10000"/>
                  <a:gd name="connsiteY158" fmla="*/ 8996 h 10000"/>
                  <a:gd name="connsiteX159" fmla="*/ 200 w 10000"/>
                  <a:gd name="connsiteY159" fmla="*/ 8759 h 10000"/>
                  <a:gd name="connsiteX160" fmla="*/ 225 w 10000"/>
                  <a:gd name="connsiteY160" fmla="*/ 8641 h 10000"/>
                  <a:gd name="connsiteX161" fmla="*/ 225 w 10000"/>
                  <a:gd name="connsiteY161" fmla="*/ 8538 h 10000"/>
                  <a:gd name="connsiteX162" fmla="*/ 200 w 10000"/>
                  <a:gd name="connsiteY162" fmla="*/ 8405 h 10000"/>
                  <a:gd name="connsiteX163" fmla="*/ 175 w 10000"/>
                  <a:gd name="connsiteY163" fmla="*/ 8287 h 10000"/>
                  <a:gd name="connsiteX164" fmla="*/ 425 w 10000"/>
                  <a:gd name="connsiteY164" fmla="*/ 8213 h 10000"/>
                  <a:gd name="connsiteX165" fmla="*/ 675 w 10000"/>
                  <a:gd name="connsiteY165" fmla="*/ 8139 h 10000"/>
                  <a:gd name="connsiteX166" fmla="*/ 925 w 10000"/>
                  <a:gd name="connsiteY166" fmla="*/ 8095 h 10000"/>
                  <a:gd name="connsiteX167" fmla="*/ 1200 w 10000"/>
                  <a:gd name="connsiteY167" fmla="*/ 8065 h 10000"/>
                  <a:gd name="connsiteX168" fmla="*/ 1699 w 10000"/>
                  <a:gd name="connsiteY168" fmla="*/ 8021 h 10000"/>
                  <a:gd name="connsiteX169" fmla="*/ 2201 w 10000"/>
                  <a:gd name="connsiteY169" fmla="*/ 7976 h 10000"/>
                  <a:gd name="connsiteX170" fmla="*/ 2425 w 10000"/>
                  <a:gd name="connsiteY170" fmla="*/ 7947 h 10000"/>
                  <a:gd name="connsiteX171" fmla="*/ 2650 w 10000"/>
                  <a:gd name="connsiteY171" fmla="*/ 7917 h 10000"/>
                  <a:gd name="connsiteX172" fmla="*/ 2849 w 10000"/>
                  <a:gd name="connsiteY172" fmla="*/ 7843 h 10000"/>
                  <a:gd name="connsiteX173" fmla="*/ 3050 w 10000"/>
                  <a:gd name="connsiteY173" fmla="*/ 7784 h 10000"/>
                  <a:gd name="connsiteX174" fmla="*/ 3225 w 10000"/>
                  <a:gd name="connsiteY174" fmla="*/ 7710 h 10000"/>
                  <a:gd name="connsiteX175" fmla="*/ 3375 w 10000"/>
                  <a:gd name="connsiteY175" fmla="*/ 7592 h 10000"/>
                  <a:gd name="connsiteX176" fmla="*/ 3526 w 10000"/>
                  <a:gd name="connsiteY176" fmla="*/ 7474 h 10000"/>
                  <a:gd name="connsiteX177" fmla="*/ 3625 w 10000"/>
                  <a:gd name="connsiteY177" fmla="*/ 7312 h 10000"/>
                  <a:gd name="connsiteX178" fmla="*/ 3425 w 10000"/>
                  <a:gd name="connsiteY178" fmla="*/ 7238 h 10000"/>
                  <a:gd name="connsiteX179" fmla="*/ 3250 w 10000"/>
                  <a:gd name="connsiteY179" fmla="*/ 7179 h 10000"/>
                  <a:gd name="connsiteX180" fmla="*/ 3100 w 10000"/>
                  <a:gd name="connsiteY180" fmla="*/ 7090 h 10000"/>
                  <a:gd name="connsiteX181" fmla="*/ 2950 w 10000"/>
                  <a:gd name="connsiteY181" fmla="*/ 6987 h 10000"/>
                  <a:gd name="connsiteX182" fmla="*/ 2849 w 10000"/>
                  <a:gd name="connsiteY182" fmla="*/ 6869 h 10000"/>
                  <a:gd name="connsiteX183" fmla="*/ 2801 w 10000"/>
                  <a:gd name="connsiteY183" fmla="*/ 6721 h 10000"/>
                  <a:gd name="connsiteX184" fmla="*/ 2775 w 10000"/>
                  <a:gd name="connsiteY184" fmla="*/ 6558 h 10000"/>
                  <a:gd name="connsiteX185" fmla="*/ 2801 w 10000"/>
                  <a:gd name="connsiteY185" fmla="*/ 6352 h 10000"/>
                  <a:gd name="connsiteX186" fmla="*/ 2676 w 10000"/>
                  <a:gd name="connsiteY186" fmla="*/ 6322 h 10000"/>
                  <a:gd name="connsiteX187" fmla="*/ 2526 w 10000"/>
                  <a:gd name="connsiteY187" fmla="*/ 6292 h 10000"/>
                  <a:gd name="connsiteX188" fmla="*/ 2350 w 10000"/>
                  <a:gd name="connsiteY188" fmla="*/ 6278 h 10000"/>
                  <a:gd name="connsiteX189" fmla="*/ 2175 w 10000"/>
                  <a:gd name="connsiteY189" fmla="*/ 6263 h 10000"/>
                  <a:gd name="connsiteX190" fmla="*/ 1825 w 10000"/>
                  <a:gd name="connsiteY190" fmla="*/ 6248 h 10000"/>
                  <a:gd name="connsiteX191" fmla="*/ 1450 w 10000"/>
                  <a:gd name="connsiteY191" fmla="*/ 6263 h 10000"/>
                  <a:gd name="connsiteX192" fmla="*/ 1126 w 10000"/>
                  <a:gd name="connsiteY192" fmla="*/ 6278 h 10000"/>
                  <a:gd name="connsiteX193" fmla="*/ 825 w 10000"/>
                  <a:gd name="connsiteY193" fmla="*/ 6278 h 10000"/>
                  <a:gd name="connsiteX194" fmla="*/ 576 w 10000"/>
                  <a:gd name="connsiteY194" fmla="*/ 6263 h 10000"/>
                  <a:gd name="connsiteX195" fmla="*/ 375 w 10000"/>
                  <a:gd name="connsiteY195" fmla="*/ 6233 h 10000"/>
                  <a:gd name="connsiteX196" fmla="*/ 624 w 10000"/>
                  <a:gd name="connsiteY196" fmla="*/ 5805 h 10000"/>
                  <a:gd name="connsiteX197" fmla="*/ 900 w 10000"/>
                  <a:gd name="connsiteY197" fmla="*/ 5391 h 10000"/>
                  <a:gd name="connsiteX198" fmla="*/ 1001 w 10000"/>
                  <a:gd name="connsiteY198" fmla="*/ 5170 h 10000"/>
                  <a:gd name="connsiteX199" fmla="*/ 1075 w 10000"/>
                  <a:gd name="connsiteY199" fmla="*/ 4963 h 10000"/>
                  <a:gd name="connsiteX200" fmla="*/ 1099 w 10000"/>
                  <a:gd name="connsiteY200" fmla="*/ 4860 h 10000"/>
                  <a:gd name="connsiteX201" fmla="*/ 1075 w 10000"/>
                  <a:gd name="connsiteY201" fmla="*/ 4756 h 10000"/>
                  <a:gd name="connsiteX202" fmla="*/ 1050 w 10000"/>
                  <a:gd name="connsiteY202" fmla="*/ 4653 h 10000"/>
                  <a:gd name="connsiteX203" fmla="*/ 975 w 10000"/>
                  <a:gd name="connsiteY203" fmla="*/ 4549 h 10000"/>
                  <a:gd name="connsiteX204" fmla="*/ 1251 w 10000"/>
                  <a:gd name="connsiteY204" fmla="*/ 4520 h 10000"/>
                  <a:gd name="connsiteX205" fmla="*/ 1450 w 10000"/>
                  <a:gd name="connsiteY205" fmla="*/ 4505 h 10000"/>
                  <a:gd name="connsiteX206" fmla="*/ 1625 w 10000"/>
                  <a:gd name="connsiteY206" fmla="*/ 4505 h 10000"/>
                  <a:gd name="connsiteX207" fmla="*/ 1775 w 10000"/>
                  <a:gd name="connsiteY207" fmla="*/ 4520 h 10000"/>
                  <a:gd name="connsiteX208" fmla="*/ 1900 w 10000"/>
                  <a:gd name="connsiteY208" fmla="*/ 4520 h 10000"/>
                  <a:gd name="connsiteX209" fmla="*/ 2050 w 10000"/>
                  <a:gd name="connsiteY209" fmla="*/ 4520 h 10000"/>
                  <a:gd name="connsiteX210" fmla="*/ 2201 w 10000"/>
                  <a:gd name="connsiteY210" fmla="*/ 4490 h 10000"/>
                  <a:gd name="connsiteX211" fmla="*/ 2400 w 10000"/>
                  <a:gd name="connsiteY211" fmla="*/ 4446 h 10000"/>
                  <a:gd name="connsiteX212" fmla="*/ 2400 w 10000"/>
                  <a:gd name="connsiteY212" fmla="*/ 4579 h 10000"/>
                  <a:gd name="connsiteX213" fmla="*/ 2400 w 10000"/>
                  <a:gd name="connsiteY213" fmla="*/ 4742 h 10000"/>
                  <a:gd name="connsiteX214" fmla="*/ 2400 w 10000"/>
                  <a:gd name="connsiteY214" fmla="*/ 4874 h 10000"/>
                  <a:gd name="connsiteX215" fmla="*/ 2400 w 10000"/>
                  <a:gd name="connsiteY215" fmla="*/ 5037 h 10000"/>
                  <a:gd name="connsiteX216" fmla="*/ 2625 w 10000"/>
                  <a:gd name="connsiteY216" fmla="*/ 5022 h 10000"/>
                  <a:gd name="connsiteX217" fmla="*/ 2775 w 10000"/>
                  <a:gd name="connsiteY217" fmla="*/ 5037 h 10000"/>
                  <a:gd name="connsiteX218" fmla="*/ 2900 w 10000"/>
                  <a:gd name="connsiteY218" fmla="*/ 5066 h 10000"/>
                  <a:gd name="connsiteX219" fmla="*/ 3025 w 10000"/>
                  <a:gd name="connsiteY219" fmla="*/ 5096 h 10000"/>
                  <a:gd name="connsiteX220" fmla="*/ 3126 w 10000"/>
                  <a:gd name="connsiteY220" fmla="*/ 5126 h 10000"/>
                  <a:gd name="connsiteX221" fmla="*/ 3250 w 10000"/>
                  <a:gd name="connsiteY221" fmla="*/ 5155 h 10000"/>
                  <a:gd name="connsiteX222" fmla="*/ 3401 w 10000"/>
                  <a:gd name="connsiteY222" fmla="*/ 5170 h 10000"/>
                  <a:gd name="connsiteX223" fmla="*/ 3625 w 10000"/>
                  <a:gd name="connsiteY223" fmla="*/ 5155 h 10000"/>
                  <a:gd name="connsiteX224" fmla="*/ 3701 w 10000"/>
                  <a:gd name="connsiteY224" fmla="*/ 5096 h 10000"/>
                  <a:gd name="connsiteX225" fmla="*/ 3775 w 10000"/>
                  <a:gd name="connsiteY225" fmla="*/ 5022 h 10000"/>
                  <a:gd name="connsiteX226" fmla="*/ 3800 w 10000"/>
                  <a:gd name="connsiteY226" fmla="*/ 4934 h 10000"/>
                  <a:gd name="connsiteX227" fmla="*/ 3826 w 10000"/>
                  <a:gd name="connsiteY227" fmla="*/ 4860 h 10000"/>
                  <a:gd name="connsiteX228" fmla="*/ 3850 w 10000"/>
                  <a:gd name="connsiteY228" fmla="*/ 4697 h 10000"/>
                  <a:gd name="connsiteX229" fmla="*/ 3826 w 10000"/>
                  <a:gd name="connsiteY229" fmla="*/ 4520 h 10000"/>
                  <a:gd name="connsiteX230" fmla="*/ 3750 w 10000"/>
                  <a:gd name="connsiteY230" fmla="*/ 4343 h 10000"/>
                  <a:gd name="connsiteX231" fmla="*/ 3675 w 10000"/>
                  <a:gd name="connsiteY231" fmla="*/ 4195 h 10000"/>
                  <a:gd name="connsiteX232" fmla="*/ 3550 w 10000"/>
                  <a:gd name="connsiteY232" fmla="*/ 4047 h 10000"/>
                  <a:gd name="connsiteX233" fmla="*/ 3425 w 10000"/>
                  <a:gd name="connsiteY233" fmla="*/ 3959 h 10000"/>
                  <a:gd name="connsiteX234" fmla="*/ 3575 w 10000"/>
                  <a:gd name="connsiteY234" fmla="*/ 3944 h 10000"/>
                  <a:gd name="connsiteX235" fmla="*/ 3701 w 10000"/>
                  <a:gd name="connsiteY235" fmla="*/ 3914 h 10000"/>
                  <a:gd name="connsiteX236" fmla="*/ 3800 w 10000"/>
                  <a:gd name="connsiteY236" fmla="*/ 3855 h 10000"/>
                  <a:gd name="connsiteX237" fmla="*/ 3924 w 10000"/>
                  <a:gd name="connsiteY237" fmla="*/ 3752 h 10000"/>
                  <a:gd name="connsiteX238" fmla="*/ 4050 w 10000"/>
                  <a:gd name="connsiteY238" fmla="*/ 3663 h 10000"/>
                  <a:gd name="connsiteX239" fmla="*/ 4150 w 10000"/>
                  <a:gd name="connsiteY239" fmla="*/ 3560 h 10000"/>
                  <a:gd name="connsiteX240" fmla="*/ 4225 w 10000"/>
                  <a:gd name="connsiteY240" fmla="*/ 3442 h 10000"/>
                  <a:gd name="connsiteX241" fmla="*/ 4301 w 10000"/>
                  <a:gd name="connsiteY241" fmla="*/ 3323 h 10000"/>
                  <a:gd name="connsiteX242" fmla="*/ 4350 w 10000"/>
                  <a:gd name="connsiteY242" fmla="*/ 3220 h 10000"/>
                  <a:gd name="connsiteX243" fmla="*/ 4375 w 10000"/>
                  <a:gd name="connsiteY243" fmla="*/ 3102 h 10000"/>
                  <a:gd name="connsiteX244" fmla="*/ 4401 w 10000"/>
                  <a:gd name="connsiteY244" fmla="*/ 3013 h 10000"/>
                  <a:gd name="connsiteX245" fmla="*/ 4375 w 10000"/>
                  <a:gd name="connsiteY245" fmla="*/ 2939 h 10000"/>
                  <a:gd name="connsiteX246" fmla="*/ 4350 w 10000"/>
                  <a:gd name="connsiteY246" fmla="*/ 2866 h 10000"/>
                  <a:gd name="connsiteX247" fmla="*/ 4275 w 10000"/>
                  <a:gd name="connsiteY247" fmla="*/ 2836 h 10000"/>
                  <a:gd name="connsiteX248" fmla="*/ 4176 w 10000"/>
                  <a:gd name="connsiteY248" fmla="*/ 2836 h 10000"/>
                  <a:gd name="connsiteX249" fmla="*/ 4050 w 10000"/>
                  <a:gd name="connsiteY249" fmla="*/ 2866 h 10000"/>
                  <a:gd name="connsiteX250" fmla="*/ 4150 w 10000"/>
                  <a:gd name="connsiteY250" fmla="*/ 2777 h 10000"/>
                  <a:gd name="connsiteX251" fmla="*/ 4201 w 10000"/>
                  <a:gd name="connsiteY251" fmla="*/ 2674 h 10000"/>
                  <a:gd name="connsiteX252" fmla="*/ 4225 w 10000"/>
                  <a:gd name="connsiteY252" fmla="*/ 2541 h 10000"/>
                  <a:gd name="connsiteX253" fmla="*/ 4225 w 10000"/>
                  <a:gd name="connsiteY253" fmla="*/ 2393 h 10000"/>
                  <a:gd name="connsiteX254" fmla="*/ 4250 w 10000"/>
                  <a:gd name="connsiteY254" fmla="*/ 2349 h 10000"/>
                  <a:gd name="connsiteX255" fmla="*/ 4301 w 10000"/>
                  <a:gd name="connsiteY255" fmla="*/ 2304 h 10000"/>
                  <a:gd name="connsiteX256" fmla="*/ 4350 w 10000"/>
                  <a:gd name="connsiteY256" fmla="*/ 2290 h 10000"/>
                  <a:gd name="connsiteX257" fmla="*/ 4426 w 10000"/>
                  <a:gd name="connsiteY257" fmla="*/ 2275 h 10000"/>
                  <a:gd name="connsiteX258" fmla="*/ 4650 w 10000"/>
                  <a:gd name="connsiteY258" fmla="*/ 2260 h 10000"/>
                  <a:gd name="connsiteX259" fmla="*/ 4850 w 10000"/>
                  <a:gd name="connsiteY259" fmla="*/ 2275 h 10000"/>
                  <a:gd name="connsiteX260" fmla="*/ 4825 w 10000"/>
                  <a:gd name="connsiteY260" fmla="*/ 2112 h 10000"/>
                  <a:gd name="connsiteX261" fmla="*/ 4776 w 10000"/>
                  <a:gd name="connsiteY261" fmla="*/ 1950 h 10000"/>
                  <a:gd name="connsiteX262" fmla="*/ 4700 w 10000"/>
                  <a:gd name="connsiteY262" fmla="*/ 1802 h 10000"/>
                  <a:gd name="connsiteX263" fmla="*/ 4601 w 10000"/>
                  <a:gd name="connsiteY263" fmla="*/ 1640 h 10000"/>
                  <a:gd name="connsiteX264" fmla="*/ 4350 w 10000"/>
                  <a:gd name="connsiteY264" fmla="*/ 1329 h 10000"/>
                  <a:gd name="connsiteX265" fmla="*/ 4100 w 10000"/>
                  <a:gd name="connsiteY265" fmla="*/ 1034 h 10000"/>
                  <a:gd name="connsiteX266" fmla="*/ 3975 w 10000"/>
                  <a:gd name="connsiteY266" fmla="*/ 901 h 10000"/>
                  <a:gd name="connsiteX267" fmla="*/ 3876 w 10000"/>
                  <a:gd name="connsiteY267" fmla="*/ 753 h 10000"/>
                  <a:gd name="connsiteX268" fmla="*/ 3800 w 10000"/>
                  <a:gd name="connsiteY268" fmla="*/ 620 h 10000"/>
                  <a:gd name="connsiteX269" fmla="*/ 3775 w 10000"/>
                  <a:gd name="connsiteY269" fmla="*/ 487 h 10000"/>
                  <a:gd name="connsiteX270" fmla="*/ 3750 w 10000"/>
                  <a:gd name="connsiteY270" fmla="*/ 355 h 10000"/>
                  <a:gd name="connsiteX271" fmla="*/ 3800 w 10000"/>
                  <a:gd name="connsiteY271" fmla="*/ 222 h 10000"/>
                  <a:gd name="connsiteX272" fmla="*/ 3826 w 10000"/>
                  <a:gd name="connsiteY272" fmla="*/ 162 h 10000"/>
                  <a:gd name="connsiteX273" fmla="*/ 3876 w 10000"/>
                  <a:gd name="connsiteY273" fmla="*/ 103 h 10000"/>
                  <a:gd name="connsiteX274" fmla="*/ 3951 w 10000"/>
                  <a:gd name="connsiteY274" fmla="*/ 59 h 10000"/>
                  <a:gd name="connsiteX275" fmla="*/ 4050 w 10000"/>
                  <a:gd name="connsiteY275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26 w 10000"/>
                  <a:gd name="connsiteY53" fmla="*/ 4564 h 10000"/>
                  <a:gd name="connsiteX54" fmla="*/ 6901 w 10000"/>
                  <a:gd name="connsiteY54" fmla="*/ 4638 h 10000"/>
                  <a:gd name="connsiteX55" fmla="*/ 6901 w 10000"/>
                  <a:gd name="connsiteY55" fmla="*/ 4697 h 10000"/>
                  <a:gd name="connsiteX56" fmla="*/ 6875 w 10000"/>
                  <a:gd name="connsiteY56" fmla="*/ 4801 h 10000"/>
                  <a:gd name="connsiteX57" fmla="*/ 6875 w 10000"/>
                  <a:gd name="connsiteY57" fmla="*/ 4904 h 10000"/>
                  <a:gd name="connsiteX58" fmla="*/ 6751 w 10000"/>
                  <a:gd name="connsiteY58" fmla="*/ 4860 h 10000"/>
                  <a:gd name="connsiteX59" fmla="*/ 6675 w 10000"/>
                  <a:gd name="connsiteY59" fmla="*/ 4801 h 10000"/>
                  <a:gd name="connsiteX60" fmla="*/ 6600 w 10000"/>
                  <a:gd name="connsiteY60" fmla="*/ 4727 h 10000"/>
                  <a:gd name="connsiteX61" fmla="*/ 6526 w 10000"/>
                  <a:gd name="connsiteY61" fmla="*/ 4638 h 10000"/>
                  <a:gd name="connsiteX62" fmla="*/ 6401 w 10000"/>
                  <a:gd name="connsiteY62" fmla="*/ 4476 h 10000"/>
                  <a:gd name="connsiteX63" fmla="*/ 6274 w 10000"/>
                  <a:gd name="connsiteY63" fmla="*/ 4313 h 10000"/>
                  <a:gd name="connsiteX64" fmla="*/ 6426 w 10000"/>
                  <a:gd name="connsiteY64" fmla="*/ 4210 h 10000"/>
                  <a:gd name="connsiteX65" fmla="*/ 7101 w 10000"/>
                  <a:gd name="connsiteY65" fmla="*/ 3959 h 10000"/>
                  <a:gd name="connsiteX66" fmla="*/ 8150 w 10000"/>
                  <a:gd name="connsiteY66" fmla="*/ 3663 h 10000"/>
                  <a:gd name="connsiteX67" fmla="*/ 8401 w 10000"/>
                  <a:gd name="connsiteY67" fmla="*/ 3589 h 10000"/>
                  <a:gd name="connsiteX68" fmla="*/ 8651 w 10000"/>
                  <a:gd name="connsiteY68" fmla="*/ 3516 h 10000"/>
                  <a:gd name="connsiteX69" fmla="*/ 8850 w 10000"/>
                  <a:gd name="connsiteY69" fmla="*/ 3412 h 10000"/>
                  <a:gd name="connsiteX70" fmla="*/ 9051 w 10000"/>
                  <a:gd name="connsiteY70" fmla="*/ 3338 h 10000"/>
                  <a:gd name="connsiteX71" fmla="*/ 9176 w 10000"/>
                  <a:gd name="connsiteY71" fmla="*/ 3235 h 10000"/>
                  <a:gd name="connsiteX72" fmla="*/ 9275 w 10000"/>
                  <a:gd name="connsiteY72" fmla="*/ 3117 h 10000"/>
                  <a:gd name="connsiteX73" fmla="*/ 9301 w 10000"/>
                  <a:gd name="connsiteY73" fmla="*/ 3072 h 10000"/>
                  <a:gd name="connsiteX74" fmla="*/ 9325 w 10000"/>
                  <a:gd name="connsiteY74" fmla="*/ 3013 h 10000"/>
                  <a:gd name="connsiteX75" fmla="*/ 9325 w 10000"/>
                  <a:gd name="connsiteY75" fmla="*/ 2954 h 10000"/>
                  <a:gd name="connsiteX76" fmla="*/ 9301 w 10000"/>
                  <a:gd name="connsiteY76" fmla="*/ 2866 h 10000"/>
                  <a:gd name="connsiteX77" fmla="*/ 9126 w 10000"/>
                  <a:gd name="connsiteY77" fmla="*/ 2984 h 10000"/>
                  <a:gd name="connsiteX78" fmla="*/ 8926 w 10000"/>
                  <a:gd name="connsiteY78" fmla="*/ 3072 h 10000"/>
                  <a:gd name="connsiteX79" fmla="*/ 8725 w 10000"/>
                  <a:gd name="connsiteY79" fmla="*/ 3161 h 10000"/>
                  <a:gd name="connsiteX80" fmla="*/ 8526 w 10000"/>
                  <a:gd name="connsiteY80" fmla="*/ 3250 h 10000"/>
                  <a:gd name="connsiteX81" fmla="*/ 8075 w 10000"/>
                  <a:gd name="connsiteY81" fmla="*/ 3397 h 10000"/>
                  <a:gd name="connsiteX82" fmla="*/ 7601 w 10000"/>
                  <a:gd name="connsiteY82" fmla="*/ 3545 h 10000"/>
                  <a:gd name="connsiteX83" fmla="*/ 7126 w 10000"/>
                  <a:gd name="connsiteY83" fmla="*/ 3678 h 10000"/>
                  <a:gd name="connsiteX84" fmla="*/ 6675 w 10000"/>
                  <a:gd name="connsiteY84" fmla="*/ 3840 h 10000"/>
                  <a:gd name="connsiteX85" fmla="*/ 6450 w 10000"/>
                  <a:gd name="connsiteY85" fmla="*/ 3914 h 10000"/>
                  <a:gd name="connsiteX86" fmla="*/ 6250 w 10000"/>
                  <a:gd name="connsiteY86" fmla="*/ 4003 h 10000"/>
                  <a:gd name="connsiteX87" fmla="*/ 6051 w 10000"/>
                  <a:gd name="connsiteY87" fmla="*/ 4106 h 10000"/>
                  <a:gd name="connsiteX88" fmla="*/ 5850 w 10000"/>
                  <a:gd name="connsiteY88" fmla="*/ 4195 h 10000"/>
                  <a:gd name="connsiteX89" fmla="*/ 6000 w 10000"/>
                  <a:gd name="connsiteY89" fmla="*/ 4417 h 10000"/>
                  <a:gd name="connsiteX90" fmla="*/ 6101 w 10000"/>
                  <a:gd name="connsiteY90" fmla="*/ 4623 h 10000"/>
                  <a:gd name="connsiteX91" fmla="*/ 6200 w 10000"/>
                  <a:gd name="connsiteY91" fmla="*/ 4845 h 10000"/>
                  <a:gd name="connsiteX92" fmla="*/ 6274 w 10000"/>
                  <a:gd name="connsiteY92" fmla="*/ 5081 h 10000"/>
                  <a:gd name="connsiteX93" fmla="*/ 6325 w 10000"/>
                  <a:gd name="connsiteY93" fmla="*/ 5318 h 10000"/>
                  <a:gd name="connsiteX94" fmla="*/ 6351 w 10000"/>
                  <a:gd name="connsiteY94" fmla="*/ 5539 h 10000"/>
                  <a:gd name="connsiteX95" fmla="*/ 6375 w 10000"/>
                  <a:gd name="connsiteY95" fmla="*/ 5775 h 10000"/>
                  <a:gd name="connsiteX96" fmla="*/ 6375 w 10000"/>
                  <a:gd name="connsiteY96" fmla="*/ 5997 h 10000"/>
                  <a:gd name="connsiteX97" fmla="*/ 6351 w 10000"/>
                  <a:gd name="connsiteY97" fmla="*/ 6233 h 10000"/>
                  <a:gd name="connsiteX98" fmla="*/ 6301 w 10000"/>
                  <a:gd name="connsiteY98" fmla="*/ 6470 h 10000"/>
                  <a:gd name="connsiteX99" fmla="*/ 6250 w 10000"/>
                  <a:gd name="connsiteY99" fmla="*/ 6677 h 10000"/>
                  <a:gd name="connsiteX100" fmla="*/ 6176 w 10000"/>
                  <a:gd name="connsiteY100" fmla="*/ 6898 h 10000"/>
                  <a:gd name="connsiteX101" fmla="*/ 6076 w 10000"/>
                  <a:gd name="connsiteY101" fmla="*/ 7105 h 10000"/>
                  <a:gd name="connsiteX102" fmla="*/ 5951 w 10000"/>
                  <a:gd name="connsiteY102" fmla="*/ 7297 h 10000"/>
                  <a:gd name="connsiteX103" fmla="*/ 5800 w 10000"/>
                  <a:gd name="connsiteY103" fmla="*/ 7489 h 10000"/>
                  <a:gd name="connsiteX104" fmla="*/ 5650 w 10000"/>
                  <a:gd name="connsiteY104" fmla="*/ 7681 h 10000"/>
                  <a:gd name="connsiteX105" fmla="*/ 6375 w 10000"/>
                  <a:gd name="connsiteY105" fmla="*/ 7799 h 10000"/>
                  <a:gd name="connsiteX106" fmla="*/ 7126 w 10000"/>
                  <a:gd name="connsiteY106" fmla="*/ 7962 h 10000"/>
                  <a:gd name="connsiteX107" fmla="*/ 7275 w 10000"/>
                  <a:gd name="connsiteY107" fmla="*/ 8021 h 10000"/>
                  <a:gd name="connsiteX108" fmla="*/ 7400 w 10000"/>
                  <a:gd name="connsiteY108" fmla="*/ 8080 h 10000"/>
                  <a:gd name="connsiteX109" fmla="*/ 7525 w 10000"/>
                  <a:gd name="connsiteY109" fmla="*/ 8139 h 10000"/>
                  <a:gd name="connsiteX110" fmla="*/ 7601 w 10000"/>
                  <a:gd name="connsiteY110" fmla="*/ 8227 h 10000"/>
                  <a:gd name="connsiteX111" fmla="*/ 7626 w 10000"/>
                  <a:gd name="connsiteY111" fmla="*/ 8301 h 10000"/>
                  <a:gd name="connsiteX112" fmla="*/ 7626 w 10000"/>
                  <a:gd name="connsiteY112" fmla="*/ 8405 h 10000"/>
                  <a:gd name="connsiteX113" fmla="*/ 7576 w 10000"/>
                  <a:gd name="connsiteY113" fmla="*/ 8523 h 10000"/>
                  <a:gd name="connsiteX114" fmla="*/ 7501 w 10000"/>
                  <a:gd name="connsiteY114" fmla="*/ 8641 h 10000"/>
                  <a:gd name="connsiteX115" fmla="*/ 7175 w 10000"/>
                  <a:gd name="connsiteY115" fmla="*/ 8552 h 10000"/>
                  <a:gd name="connsiteX116" fmla="*/ 6875 w 10000"/>
                  <a:gd name="connsiteY116" fmla="*/ 8449 h 10000"/>
                  <a:gd name="connsiteX117" fmla="*/ 6575 w 10000"/>
                  <a:gd name="connsiteY117" fmla="*/ 8360 h 10000"/>
                  <a:gd name="connsiteX118" fmla="*/ 6274 w 10000"/>
                  <a:gd name="connsiteY118" fmla="*/ 8287 h 10000"/>
                  <a:gd name="connsiteX119" fmla="*/ 6150 w 10000"/>
                  <a:gd name="connsiteY119" fmla="*/ 8449 h 10000"/>
                  <a:gd name="connsiteX120" fmla="*/ 6051 w 10000"/>
                  <a:gd name="connsiteY120" fmla="*/ 8597 h 10000"/>
                  <a:gd name="connsiteX121" fmla="*/ 6000 w 10000"/>
                  <a:gd name="connsiteY121" fmla="*/ 8656 h 10000"/>
                  <a:gd name="connsiteX122" fmla="*/ 5900 w 10000"/>
                  <a:gd name="connsiteY122" fmla="*/ 8700 h 10000"/>
                  <a:gd name="connsiteX123" fmla="*/ 5826 w 10000"/>
                  <a:gd name="connsiteY123" fmla="*/ 8744 h 10000"/>
                  <a:gd name="connsiteX124" fmla="*/ 5751 w 10000"/>
                  <a:gd name="connsiteY124" fmla="*/ 8774 h 10000"/>
                  <a:gd name="connsiteX125" fmla="*/ 5675 w 10000"/>
                  <a:gd name="connsiteY125" fmla="*/ 8804 h 10000"/>
                  <a:gd name="connsiteX126" fmla="*/ 5576 w 10000"/>
                  <a:gd name="connsiteY126" fmla="*/ 8818 h 10000"/>
                  <a:gd name="connsiteX127" fmla="*/ 5450 w 10000"/>
                  <a:gd name="connsiteY127" fmla="*/ 8833 h 10000"/>
                  <a:gd name="connsiteX128" fmla="*/ 5325 w 10000"/>
                  <a:gd name="connsiteY128" fmla="*/ 8833 h 10000"/>
                  <a:gd name="connsiteX129" fmla="*/ 5026 w 10000"/>
                  <a:gd name="connsiteY129" fmla="*/ 8818 h 10000"/>
                  <a:gd name="connsiteX130" fmla="*/ 4650 w 10000"/>
                  <a:gd name="connsiteY130" fmla="*/ 8744 h 10000"/>
                  <a:gd name="connsiteX131" fmla="*/ 4650 w 10000"/>
                  <a:gd name="connsiteY131" fmla="*/ 8922 h 10000"/>
                  <a:gd name="connsiteX132" fmla="*/ 4625 w 10000"/>
                  <a:gd name="connsiteY132" fmla="*/ 9069 h 10000"/>
                  <a:gd name="connsiteX133" fmla="*/ 4601 w 10000"/>
                  <a:gd name="connsiteY133" fmla="*/ 9232 h 10000"/>
                  <a:gd name="connsiteX134" fmla="*/ 4575 w 10000"/>
                  <a:gd name="connsiteY134" fmla="*/ 9365 h 10000"/>
                  <a:gd name="connsiteX135" fmla="*/ 4525 w 10000"/>
                  <a:gd name="connsiteY135" fmla="*/ 9498 h 10000"/>
                  <a:gd name="connsiteX136" fmla="*/ 4426 w 10000"/>
                  <a:gd name="connsiteY136" fmla="*/ 9616 h 10000"/>
                  <a:gd name="connsiteX137" fmla="*/ 4350 w 10000"/>
                  <a:gd name="connsiteY137" fmla="*/ 9734 h 10000"/>
                  <a:gd name="connsiteX138" fmla="*/ 4225 w 10000"/>
                  <a:gd name="connsiteY138" fmla="*/ 9838 h 10000"/>
                  <a:gd name="connsiteX139" fmla="*/ 3924 w 10000"/>
                  <a:gd name="connsiteY139" fmla="*/ 9897 h 10000"/>
                  <a:gd name="connsiteX140" fmla="*/ 3675 w 10000"/>
                  <a:gd name="connsiteY140" fmla="*/ 9941 h 10000"/>
                  <a:gd name="connsiteX141" fmla="*/ 3375 w 10000"/>
                  <a:gd name="connsiteY141" fmla="*/ 9985 h 10000"/>
                  <a:gd name="connsiteX142" fmla="*/ 3150 w 10000"/>
                  <a:gd name="connsiteY142" fmla="*/ 10000 h 10000"/>
                  <a:gd name="connsiteX143" fmla="*/ 2650 w 10000"/>
                  <a:gd name="connsiteY143" fmla="*/ 10000 h 10000"/>
                  <a:gd name="connsiteX144" fmla="*/ 2175 w 10000"/>
                  <a:gd name="connsiteY144" fmla="*/ 9985 h 10000"/>
                  <a:gd name="connsiteX145" fmla="*/ 1726 w 10000"/>
                  <a:gd name="connsiteY145" fmla="*/ 9941 h 10000"/>
                  <a:gd name="connsiteX146" fmla="*/ 1251 w 10000"/>
                  <a:gd name="connsiteY146" fmla="*/ 9911 h 10000"/>
                  <a:gd name="connsiteX147" fmla="*/ 975 w 10000"/>
                  <a:gd name="connsiteY147" fmla="*/ 9911 h 10000"/>
                  <a:gd name="connsiteX148" fmla="*/ 725 w 10000"/>
                  <a:gd name="connsiteY148" fmla="*/ 9911 h 10000"/>
                  <a:gd name="connsiteX149" fmla="*/ 450 w 10000"/>
                  <a:gd name="connsiteY149" fmla="*/ 9926 h 10000"/>
                  <a:gd name="connsiteX150" fmla="*/ 175 w 10000"/>
                  <a:gd name="connsiteY150" fmla="*/ 9970 h 10000"/>
                  <a:gd name="connsiteX151" fmla="*/ 100 w 10000"/>
                  <a:gd name="connsiteY151" fmla="*/ 9867 h 10000"/>
                  <a:gd name="connsiteX152" fmla="*/ 50 w 10000"/>
                  <a:gd name="connsiteY152" fmla="*/ 9793 h 10000"/>
                  <a:gd name="connsiteX153" fmla="*/ 0 w 10000"/>
                  <a:gd name="connsiteY153" fmla="*/ 9705 h 10000"/>
                  <a:gd name="connsiteX154" fmla="*/ 0 w 10000"/>
                  <a:gd name="connsiteY154" fmla="*/ 9601 h 10000"/>
                  <a:gd name="connsiteX155" fmla="*/ 50 w 10000"/>
                  <a:gd name="connsiteY155" fmla="*/ 9424 h 10000"/>
                  <a:gd name="connsiteX156" fmla="*/ 100 w 10000"/>
                  <a:gd name="connsiteY156" fmla="*/ 9202 h 10000"/>
                  <a:gd name="connsiteX157" fmla="*/ 149 w 10000"/>
                  <a:gd name="connsiteY157" fmla="*/ 8996 h 10000"/>
                  <a:gd name="connsiteX158" fmla="*/ 200 w 10000"/>
                  <a:gd name="connsiteY158" fmla="*/ 8759 h 10000"/>
                  <a:gd name="connsiteX159" fmla="*/ 225 w 10000"/>
                  <a:gd name="connsiteY159" fmla="*/ 8641 h 10000"/>
                  <a:gd name="connsiteX160" fmla="*/ 225 w 10000"/>
                  <a:gd name="connsiteY160" fmla="*/ 8538 h 10000"/>
                  <a:gd name="connsiteX161" fmla="*/ 200 w 10000"/>
                  <a:gd name="connsiteY161" fmla="*/ 8405 h 10000"/>
                  <a:gd name="connsiteX162" fmla="*/ 175 w 10000"/>
                  <a:gd name="connsiteY162" fmla="*/ 8287 h 10000"/>
                  <a:gd name="connsiteX163" fmla="*/ 425 w 10000"/>
                  <a:gd name="connsiteY163" fmla="*/ 8213 h 10000"/>
                  <a:gd name="connsiteX164" fmla="*/ 675 w 10000"/>
                  <a:gd name="connsiteY164" fmla="*/ 8139 h 10000"/>
                  <a:gd name="connsiteX165" fmla="*/ 925 w 10000"/>
                  <a:gd name="connsiteY165" fmla="*/ 8095 h 10000"/>
                  <a:gd name="connsiteX166" fmla="*/ 1200 w 10000"/>
                  <a:gd name="connsiteY166" fmla="*/ 8065 h 10000"/>
                  <a:gd name="connsiteX167" fmla="*/ 1699 w 10000"/>
                  <a:gd name="connsiteY167" fmla="*/ 8021 h 10000"/>
                  <a:gd name="connsiteX168" fmla="*/ 2201 w 10000"/>
                  <a:gd name="connsiteY168" fmla="*/ 7976 h 10000"/>
                  <a:gd name="connsiteX169" fmla="*/ 2425 w 10000"/>
                  <a:gd name="connsiteY169" fmla="*/ 7947 h 10000"/>
                  <a:gd name="connsiteX170" fmla="*/ 2650 w 10000"/>
                  <a:gd name="connsiteY170" fmla="*/ 7917 h 10000"/>
                  <a:gd name="connsiteX171" fmla="*/ 2849 w 10000"/>
                  <a:gd name="connsiteY171" fmla="*/ 7843 h 10000"/>
                  <a:gd name="connsiteX172" fmla="*/ 3050 w 10000"/>
                  <a:gd name="connsiteY172" fmla="*/ 7784 h 10000"/>
                  <a:gd name="connsiteX173" fmla="*/ 3225 w 10000"/>
                  <a:gd name="connsiteY173" fmla="*/ 7710 h 10000"/>
                  <a:gd name="connsiteX174" fmla="*/ 3375 w 10000"/>
                  <a:gd name="connsiteY174" fmla="*/ 7592 h 10000"/>
                  <a:gd name="connsiteX175" fmla="*/ 3526 w 10000"/>
                  <a:gd name="connsiteY175" fmla="*/ 7474 h 10000"/>
                  <a:gd name="connsiteX176" fmla="*/ 3625 w 10000"/>
                  <a:gd name="connsiteY176" fmla="*/ 7312 h 10000"/>
                  <a:gd name="connsiteX177" fmla="*/ 3425 w 10000"/>
                  <a:gd name="connsiteY177" fmla="*/ 7238 h 10000"/>
                  <a:gd name="connsiteX178" fmla="*/ 3250 w 10000"/>
                  <a:gd name="connsiteY178" fmla="*/ 7179 h 10000"/>
                  <a:gd name="connsiteX179" fmla="*/ 3100 w 10000"/>
                  <a:gd name="connsiteY179" fmla="*/ 7090 h 10000"/>
                  <a:gd name="connsiteX180" fmla="*/ 2950 w 10000"/>
                  <a:gd name="connsiteY180" fmla="*/ 6987 h 10000"/>
                  <a:gd name="connsiteX181" fmla="*/ 2849 w 10000"/>
                  <a:gd name="connsiteY181" fmla="*/ 6869 h 10000"/>
                  <a:gd name="connsiteX182" fmla="*/ 2801 w 10000"/>
                  <a:gd name="connsiteY182" fmla="*/ 6721 h 10000"/>
                  <a:gd name="connsiteX183" fmla="*/ 2775 w 10000"/>
                  <a:gd name="connsiteY183" fmla="*/ 6558 h 10000"/>
                  <a:gd name="connsiteX184" fmla="*/ 2801 w 10000"/>
                  <a:gd name="connsiteY184" fmla="*/ 6352 h 10000"/>
                  <a:gd name="connsiteX185" fmla="*/ 2676 w 10000"/>
                  <a:gd name="connsiteY185" fmla="*/ 6322 h 10000"/>
                  <a:gd name="connsiteX186" fmla="*/ 2526 w 10000"/>
                  <a:gd name="connsiteY186" fmla="*/ 6292 h 10000"/>
                  <a:gd name="connsiteX187" fmla="*/ 2350 w 10000"/>
                  <a:gd name="connsiteY187" fmla="*/ 6278 h 10000"/>
                  <a:gd name="connsiteX188" fmla="*/ 2175 w 10000"/>
                  <a:gd name="connsiteY188" fmla="*/ 6263 h 10000"/>
                  <a:gd name="connsiteX189" fmla="*/ 1825 w 10000"/>
                  <a:gd name="connsiteY189" fmla="*/ 6248 h 10000"/>
                  <a:gd name="connsiteX190" fmla="*/ 1450 w 10000"/>
                  <a:gd name="connsiteY190" fmla="*/ 6263 h 10000"/>
                  <a:gd name="connsiteX191" fmla="*/ 1126 w 10000"/>
                  <a:gd name="connsiteY191" fmla="*/ 6278 h 10000"/>
                  <a:gd name="connsiteX192" fmla="*/ 825 w 10000"/>
                  <a:gd name="connsiteY192" fmla="*/ 6278 h 10000"/>
                  <a:gd name="connsiteX193" fmla="*/ 576 w 10000"/>
                  <a:gd name="connsiteY193" fmla="*/ 6263 h 10000"/>
                  <a:gd name="connsiteX194" fmla="*/ 375 w 10000"/>
                  <a:gd name="connsiteY194" fmla="*/ 6233 h 10000"/>
                  <a:gd name="connsiteX195" fmla="*/ 624 w 10000"/>
                  <a:gd name="connsiteY195" fmla="*/ 5805 h 10000"/>
                  <a:gd name="connsiteX196" fmla="*/ 900 w 10000"/>
                  <a:gd name="connsiteY196" fmla="*/ 5391 h 10000"/>
                  <a:gd name="connsiteX197" fmla="*/ 1001 w 10000"/>
                  <a:gd name="connsiteY197" fmla="*/ 5170 h 10000"/>
                  <a:gd name="connsiteX198" fmla="*/ 1075 w 10000"/>
                  <a:gd name="connsiteY198" fmla="*/ 4963 h 10000"/>
                  <a:gd name="connsiteX199" fmla="*/ 1099 w 10000"/>
                  <a:gd name="connsiteY199" fmla="*/ 4860 h 10000"/>
                  <a:gd name="connsiteX200" fmla="*/ 1075 w 10000"/>
                  <a:gd name="connsiteY200" fmla="*/ 4756 h 10000"/>
                  <a:gd name="connsiteX201" fmla="*/ 1050 w 10000"/>
                  <a:gd name="connsiteY201" fmla="*/ 4653 h 10000"/>
                  <a:gd name="connsiteX202" fmla="*/ 975 w 10000"/>
                  <a:gd name="connsiteY202" fmla="*/ 4549 h 10000"/>
                  <a:gd name="connsiteX203" fmla="*/ 1251 w 10000"/>
                  <a:gd name="connsiteY203" fmla="*/ 4520 h 10000"/>
                  <a:gd name="connsiteX204" fmla="*/ 1450 w 10000"/>
                  <a:gd name="connsiteY204" fmla="*/ 4505 h 10000"/>
                  <a:gd name="connsiteX205" fmla="*/ 1625 w 10000"/>
                  <a:gd name="connsiteY205" fmla="*/ 4505 h 10000"/>
                  <a:gd name="connsiteX206" fmla="*/ 1775 w 10000"/>
                  <a:gd name="connsiteY206" fmla="*/ 4520 h 10000"/>
                  <a:gd name="connsiteX207" fmla="*/ 1900 w 10000"/>
                  <a:gd name="connsiteY207" fmla="*/ 4520 h 10000"/>
                  <a:gd name="connsiteX208" fmla="*/ 2050 w 10000"/>
                  <a:gd name="connsiteY208" fmla="*/ 4520 h 10000"/>
                  <a:gd name="connsiteX209" fmla="*/ 2201 w 10000"/>
                  <a:gd name="connsiteY209" fmla="*/ 4490 h 10000"/>
                  <a:gd name="connsiteX210" fmla="*/ 2400 w 10000"/>
                  <a:gd name="connsiteY210" fmla="*/ 4446 h 10000"/>
                  <a:gd name="connsiteX211" fmla="*/ 2400 w 10000"/>
                  <a:gd name="connsiteY211" fmla="*/ 4579 h 10000"/>
                  <a:gd name="connsiteX212" fmla="*/ 2400 w 10000"/>
                  <a:gd name="connsiteY212" fmla="*/ 4742 h 10000"/>
                  <a:gd name="connsiteX213" fmla="*/ 2400 w 10000"/>
                  <a:gd name="connsiteY213" fmla="*/ 4874 h 10000"/>
                  <a:gd name="connsiteX214" fmla="*/ 2400 w 10000"/>
                  <a:gd name="connsiteY214" fmla="*/ 5037 h 10000"/>
                  <a:gd name="connsiteX215" fmla="*/ 2625 w 10000"/>
                  <a:gd name="connsiteY215" fmla="*/ 5022 h 10000"/>
                  <a:gd name="connsiteX216" fmla="*/ 2775 w 10000"/>
                  <a:gd name="connsiteY216" fmla="*/ 5037 h 10000"/>
                  <a:gd name="connsiteX217" fmla="*/ 2900 w 10000"/>
                  <a:gd name="connsiteY217" fmla="*/ 5066 h 10000"/>
                  <a:gd name="connsiteX218" fmla="*/ 3025 w 10000"/>
                  <a:gd name="connsiteY218" fmla="*/ 5096 h 10000"/>
                  <a:gd name="connsiteX219" fmla="*/ 3126 w 10000"/>
                  <a:gd name="connsiteY219" fmla="*/ 5126 h 10000"/>
                  <a:gd name="connsiteX220" fmla="*/ 3250 w 10000"/>
                  <a:gd name="connsiteY220" fmla="*/ 5155 h 10000"/>
                  <a:gd name="connsiteX221" fmla="*/ 3401 w 10000"/>
                  <a:gd name="connsiteY221" fmla="*/ 5170 h 10000"/>
                  <a:gd name="connsiteX222" fmla="*/ 3625 w 10000"/>
                  <a:gd name="connsiteY222" fmla="*/ 5155 h 10000"/>
                  <a:gd name="connsiteX223" fmla="*/ 3701 w 10000"/>
                  <a:gd name="connsiteY223" fmla="*/ 5096 h 10000"/>
                  <a:gd name="connsiteX224" fmla="*/ 3775 w 10000"/>
                  <a:gd name="connsiteY224" fmla="*/ 5022 h 10000"/>
                  <a:gd name="connsiteX225" fmla="*/ 3800 w 10000"/>
                  <a:gd name="connsiteY225" fmla="*/ 4934 h 10000"/>
                  <a:gd name="connsiteX226" fmla="*/ 3826 w 10000"/>
                  <a:gd name="connsiteY226" fmla="*/ 4860 h 10000"/>
                  <a:gd name="connsiteX227" fmla="*/ 3850 w 10000"/>
                  <a:gd name="connsiteY227" fmla="*/ 4697 h 10000"/>
                  <a:gd name="connsiteX228" fmla="*/ 3826 w 10000"/>
                  <a:gd name="connsiteY228" fmla="*/ 4520 h 10000"/>
                  <a:gd name="connsiteX229" fmla="*/ 3750 w 10000"/>
                  <a:gd name="connsiteY229" fmla="*/ 4343 h 10000"/>
                  <a:gd name="connsiteX230" fmla="*/ 3675 w 10000"/>
                  <a:gd name="connsiteY230" fmla="*/ 4195 h 10000"/>
                  <a:gd name="connsiteX231" fmla="*/ 3550 w 10000"/>
                  <a:gd name="connsiteY231" fmla="*/ 4047 h 10000"/>
                  <a:gd name="connsiteX232" fmla="*/ 3425 w 10000"/>
                  <a:gd name="connsiteY232" fmla="*/ 3959 h 10000"/>
                  <a:gd name="connsiteX233" fmla="*/ 3575 w 10000"/>
                  <a:gd name="connsiteY233" fmla="*/ 3944 h 10000"/>
                  <a:gd name="connsiteX234" fmla="*/ 3701 w 10000"/>
                  <a:gd name="connsiteY234" fmla="*/ 3914 h 10000"/>
                  <a:gd name="connsiteX235" fmla="*/ 3800 w 10000"/>
                  <a:gd name="connsiteY235" fmla="*/ 3855 h 10000"/>
                  <a:gd name="connsiteX236" fmla="*/ 3924 w 10000"/>
                  <a:gd name="connsiteY236" fmla="*/ 3752 h 10000"/>
                  <a:gd name="connsiteX237" fmla="*/ 4050 w 10000"/>
                  <a:gd name="connsiteY237" fmla="*/ 3663 h 10000"/>
                  <a:gd name="connsiteX238" fmla="*/ 4150 w 10000"/>
                  <a:gd name="connsiteY238" fmla="*/ 3560 h 10000"/>
                  <a:gd name="connsiteX239" fmla="*/ 4225 w 10000"/>
                  <a:gd name="connsiteY239" fmla="*/ 3442 h 10000"/>
                  <a:gd name="connsiteX240" fmla="*/ 4301 w 10000"/>
                  <a:gd name="connsiteY240" fmla="*/ 3323 h 10000"/>
                  <a:gd name="connsiteX241" fmla="*/ 4350 w 10000"/>
                  <a:gd name="connsiteY241" fmla="*/ 3220 h 10000"/>
                  <a:gd name="connsiteX242" fmla="*/ 4375 w 10000"/>
                  <a:gd name="connsiteY242" fmla="*/ 3102 h 10000"/>
                  <a:gd name="connsiteX243" fmla="*/ 4401 w 10000"/>
                  <a:gd name="connsiteY243" fmla="*/ 3013 h 10000"/>
                  <a:gd name="connsiteX244" fmla="*/ 4375 w 10000"/>
                  <a:gd name="connsiteY244" fmla="*/ 2939 h 10000"/>
                  <a:gd name="connsiteX245" fmla="*/ 4350 w 10000"/>
                  <a:gd name="connsiteY245" fmla="*/ 2866 h 10000"/>
                  <a:gd name="connsiteX246" fmla="*/ 4275 w 10000"/>
                  <a:gd name="connsiteY246" fmla="*/ 2836 h 10000"/>
                  <a:gd name="connsiteX247" fmla="*/ 4176 w 10000"/>
                  <a:gd name="connsiteY247" fmla="*/ 2836 h 10000"/>
                  <a:gd name="connsiteX248" fmla="*/ 4050 w 10000"/>
                  <a:gd name="connsiteY248" fmla="*/ 2866 h 10000"/>
                  <a:gd name="connsiteX249" fmla="*/ 4150 w 10000"/>
                  <a:gd name="connsiteY249" fmla="*/ 2777 h 10000"/>
                  <a:gd name="connsiteX250" fmla="*/ 4201 w 10000"/>
                  <a:gd name="connsiteY250" fmla="*/ 2674 h 10000"/>
                  <a:gd name="connsiteX251" fmla="*/ 4225 w 10000"/>
                  <a:gd name="connsiteY251" fmla="*/ 2541 h 10000"/>
                  <a:gd name="connsiteX252" fmla="*/ 4225 w 10000"/>
                  <a:gd name="connsiteY252" fmla="*/ 2393 h 10000"/>
                  <a:gd name="connsiteX253" fmla="*/ 4250 w 10000"/>
                  <a:gd name="connsiteY253" fmla="*/ 2349 h 10000"/>
                  <a:gd name="connsiteX254" fmla="*/ 4301 w 10000"/>
                  <a:gd name="connsiteY254" fmla="*/ 2304 h 10000"/>
                  <a:gd name="connsiteX255" fmla="*/ 4350 w 10000"/>
                  <a:gd name="connsiteY255" fmla="*/ 2290 h 10000"/>
                  <a:gd name="connsiteX256" fmla="*/ 4426 w 10000"/>
                  <a:gd name="connsiteY256" fmla="*/ 2275 h 10000"/>
                  <a:gd name="connsiteX257" fmla="*/ 4650 w 10000"/>
                  <a:gd name="connsiteY257" fmla="*/ 2260 h 10000"/>
                  <a:gd name="connsiteX258" fmla="*/ 4850 w 10000"/>
                  <a:gd name="connsiteY258" fmla="*/ 2275 h 10000"/>
                  <a:gd name="connsiteX259" fmla="*/ 4825 w 10000"/>
                  <a:gd name="connsiteY259" fmla="*/ 2112 h 10000"/>
                  <a:gd name="connsiteX260" fmla="*/ 4776 w 10000"/>
                  <a:gd name="connsiteY260" fmla="*/ 1950 h 10000"/>
                  <a:gd name="connsiteX261" fmla="*/ 4700 w 10000"/>
                  <a:gd name="connsiteY261" fmla="*/ 1802 h 10000"/>
                  <a:gd name="connsiteX262" fmla="*/ 4601 w 10000"/>
                  <a:gd name="connsiteY262" fmla="*/ 1640 h 10000"/>
                  <a:gd name="connsiteX263" fmla="*/ 4350 w 10000"/>
                  <a:gd name="connsiteY263" fmla="*/ 1329 h 10000"/>
                  <a:gd name="connsiteX264" fmla="*/ 4100 w 10000"/>
                  <a:gd name="connsiteY264" fmla="*/ 1034 h 10000"/>
                  <a:gd name="connsiteX265" fmla="*/ 3975 w 10000"/>
                  <a:gd name="connsiteY265" fmla="*/ 901 h 10000"/>
                  <a:gd name="connsiteX266" fmla="*/ 3876 w 10000"/>
                  <a:gd name="connsiteY266" fmla="*/ 753 h 10000"/>
                  <a:gd name="connsiteX267" fmla="*/ 3800 w 10000"/>
                  <a:gd name="connsiteY267" fmla="*/ 620 h 10000"/>
                  <a:gd name="connsiteX268" fmla="*/ 3775 w 10000"/>
                  <a:gd name="connsiteY268" fmla="*/ 487 h 10000"/>
                  <a:gd name="connsiteX269" fmla="*/ 3750 w 10000"/>
                  <a:gd name="connsiteY269" fmla="*/ 355 h 10000"/>
                  <a:gd name="connsiteX270" fmla="*/ 3800 w 10000"/>
                  <a:gd name="connsiteY270" fmla="*/ 222 h 10000"/>
                  <a:gd name="connsiteX271" fmla="*/ 3826 w 10000"/>
                  <a:gd name="connsiteY271" fmla="*/ 162 h 10000"/>
                  <a:gd name="connsiteX272" fmla="*/ 3876 w 10000"/>
                  <a:gd name="connsiteY272" fmla="*/ 103 h 10000"/>
                  <a:gd name="connsiteX273" fmla="*/ 3951 w 10000"/>
                  <a:gd name="connsiteY273" fmla="*/ 59 h 10000"/>
                  <a:gd name="connsiteX274" fmla="*/ 4050 w 10000"/>
                  <a:gd name="connsiteY274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26 w 10000"/>
                  <a:gd name="connsiteY53" fmla="*/ 4564 h 10000"/>
                  <a:gd name="connsiteX54" fmla="*/ 6901 w 10000"/>
                  <a:gd name="connsiteY54" fmla="*/ 4638 h 10000"/>
                  <a:gd name="connsiteX55" fmla="*/ 6901 w 10000"/>
                  <a:gd name="connsiteY55" fmla="*/ 4697 h 10000"/>
                  <a:gd name="connsiteX56" fmla="*/ 6875 w 10000"/>
                  <a:gd name="connsiteY56" fmla="*/ 4801 h 10000"/>
                  <a:gd name="connsiteX57" fmla="*/ 6875 w 10000"/>
                  <a:gd name="connsiteY57" fmla="*/ 4904 h 10000"/>
                  <a:gd name="connsiteX58" fmla="*/ 6751 w 10000"/>
                  <a:gd name="connsiteY58" fmla="*/ 4860 h 10000"/>
                  <a:gd name="connsiteX59" fmla="*/ 6675 w 10000"/>
                  <a:gd name="connsiteY59" fmla="*/ 4801 h 10000"/>
                  <a:gd name="connsiteX60" fmla="*/ 6600 w 10000"/>
                  <a:gd name="connsiteY60" fmla="*/ 4727 h 10000"/>
                  <a:gd name="connsiteX61" fmla="*/ 6526 w 10000"/>
                  <a:gd name="connsiteY61" fmla="*/ 4638 h 10000"/>
                  <a:gd name="connsiteX62" fmla="*/ 6401 w 10000"/>
                  <a:gd name="connsiteY62" fmla="*/ 4476 h 10000"/>
                  <a:gd name="connsiteX63" fmla="*/ 6274 w 10000"/>
                  <a:gd name="connsiteY63" fmla="*/ 4313 h 10000"/>
                  <a:gd name="connsiteX64" fmla="*/ 6426 w 10000"/>
                  <a:gd name="connsiteY64" fmla="*/ 4210 h 10000"/>
                  <a:gd name="connsiteX65" fmla="*/ 8150 w 10000"/>
                  <a:gd name="connsiteY65" fmla="*/ 3663 h 10000"/>
                  <a:gd name="connsiteX66" fmla="*/ 8401 w 10000"/>
                  <a:gd name="connsiteY66" fmla="*/ 3589 h 10000"/>
                  <a:gd name="connsiteX67" fmla="*/ 8651 w 10000"/>
                  <a:gd name="connsiteY67" fmla="*/ 3516 h 10000"/>
                  <a:gd name="connsiteX68" fmla="*/ 8850 w 10000"/>
                  <a:gd name="connsiteY68" fmla="*/ 3412 h 10000"/>
                  <a:gd name="connsiteX69" fmla="*/ 9051 w 10000"/>
                  <a:gd name="connsiteY69" fmla="*/ 3338 h 10000"/>
                  <a:gd name="connsiteX70" fmla="*/ 9176 w 10000"/>
                  <a:gd name="connsiteY70" fmla="*/ 3235 h 10000"/>
                  <a:gd name="connsiteX71" fmla="*/ 9275 w 10000"/>
                  <a:gd name="connsiteY71" fmla="*/ 3117 h 10000"/>
                  <a:gd name="connsiteX72" fmla="*/ 9301 w 10000"/>
                  <a:gd name="connsiteY72" fmla="*/ 3072 h 10000"/>
                  <a:gd name="connsiteX73" fmla="*/ 9325 w 10000"/>
                  <a:gd name="connsiteY73" fmla="*/ 3013 h 10000"/>
                  <a:gd name="connsiteX74" fmla="*/ 9325 w 10000"/>
                  <a:gd name="connsiteY74" fmla="*/ 2954 h 10000"/>
                  <a:gd name="connsiteX75" fmla="*/ 9301 w 10000"/>
                  <a:gd name="connsiteY75" fmla="*/ 2866 h 10000"/>
                  <a:gd name="connsiteX76" fmla="*/ 9126 w 10000"/>
                  <a:gd name="connsiteY76" fmla="*/ 2984 h 10000"/>
                  <a:gd name="connsiteX77" fmla="*/ 8926 w 10000"/>
                  <a:gd name="connsiteY77" fmla="*/ 3072 h 10000"/>
                  <a:gd name="connsiteX78" fmla="*/ 8725 w 10000"/>
                  <a:gd name="connsiteY78" fmla="*/ 3161 h 10000"/>
                  <a:gd name="connsiteX79" fmla="*/ 8526 w 10000"/>
                  <a:gd name="connsiteY79" fmla="*/ 3250 h 10000"/>
                  <a:gd name="connsiteX80" fmla="*/ 8075 w 10000"/>
                  <a:gd name="connsiteY80" fmla="*/ 3397 h 10000"/>
                  <a:gd name="connsiteX81" fmla="*/ 7601 w 10000"/>
                  <a:gd name="connsiteY81" fmla="*/ 3545 h 10000"/>
                  <a:gd name="connsiteX82" fmla="*/ 7126 w 10000"/>
                  <a:gd name="connsiteY82" fmla="*/ 3678 h 10000"/>
                  <a:gd name="connsiteX83" fmla="*/ 6675 w 10000"/>
                  <a:gd name="connsiteY83" fmla="*/ 3840 h 10000"/>
                  <a:gd name="connsiteX84" fmla="*/ 6450 w 10000"/>
                  <a:gd name="connsiteY84" fmla="*/ 3914 h 10000"/>
                  <a:gd name="connsiteX85" fmla="*/ 6250 w 10000"/>
                  <a:gd name="connsiteY85" fmla="*/ 4003 h 10000"/>
                  <a:gd name="connsiteX86" fmla="*/ 6051 w 10000"/>
                  <a:gd name="connsiteY86" fmla="*/ 4106 h 10000"/>
                  <a:gd name="connsiteX87" fmla="*/ 5850 w 10000"/>
                  <a:gd name="connsiteY87" fmla="*/ 4195 h 10000"/>
                  <a:gd name="connsiteX88" fmla="*/ 6000 w 10000"/>
                  <a:gd name="connsiteY88" fmla="*/ 4417 h 10000"/>
                  <a:gd name="connsiteX89" fmla="*/ 6101 w 10000"/>
                  <a:gd name="connsiteY89" fmla="*/ 4623 h 10000"/>
                  <a:gd name="connsiteX90" fmla="*/ 6200 w 10000"/>
                  <a:gd name="connsiteY90" fmla="*/ 4845 h 10000"/>
                  <a:gd name="connsiteX91" fmla="*/ 6274 w 10000"/>
                  <a:gd name="connsiteY91" fmla="*/ 5081 h 10000"/>
                  <a:gd name="connsiteX92" fmla="*/ 6325 w 10000"/>
                  <a:gd name="connsiteY92" fmla="*/ 5318 h 10000"/>
                  <a:gd name="connsiteX93" fmla="*/ 6351 w 10000"/>
                  <a:gd name="connsiteY93" fmla="*/ 5539 h 10000"/>
                  <a:gd name="connsiteX94" fmla="*/ 6375 w 10000"/>
                  <a:gd name="connsiteY94" fmla="*/ 5775 h 10000"/>
                  <a:gd name="connsiteX95" fmla="*/ 6375 w 10000"/>
                  <a:gd name="connsiteY95" fmla="*/ 5997 h 10000"/>
                  <a:gd name="connsiteX96" fmla="*/ 6351 w 10000"/>
                  <a:gd name="connsiteY96" fmla="*/ 6233 h 10000"/>
                  <a:gd name="connsiteX97" fmla="*/ 6301 w 10000"/>
                  <a:gd name="connsiteY97" fmla="*/ 6470 h 10000"/>
                  <a:gd name="connsiteX98" fmla="*/ 6250 w 10000"/>
                  <a:gd name="connsiteY98" fmla="*/ 6677 h 10000"/>
                  <a:gd name="connsiteX99" fmla="*/ 6176 w 10000"/>
                  <a:gd name="connsiteY99" fmla="*/ 6898 h 10000"/>
                  <a:gd name="connsiteX100" fmla="*/ 6076 w 10000"/>
                  <a:gd name="connsiteY100" fmla="*/ 7105 h 10000"/>
                  <a:gd name="connsiteX101" fmla="*/ 5951 w 10000"/>
                  <a:gd name="connsiteY101" fmla="*/ 7297 h 10000"/>
                  <a:gd name="connsiteX102" fmla="*/ 5800 w 10000"/>
                  <a:gd name="connsiteY102" fmla="*/ 7489 h 10000"/>
                  <a:gd name="connsiteX103" fmla="*/ 5650 w 10000"/>
                  <a:gd name="connsiteY103" fmla="*/ 7681 h 10000"/>
                  <a:gd name="connsiteX104" fmla="*/ 6375 w 10000"/>
                  <a:gd name="connsiteY104" fmla="*/ 7799 h 10000"/>
                  <a:gd name="connsiteX105" fmla="*/ 7126 w 10000"/>
                  <a:gd name="connsiteY105" fmla="*/ 7962 h 10000"/>
                  <a:gd name="connsiteX106" fmla="*/ 7275 w 10000"/>
                  <a:gd name="connsiteY106" fmla="*/ 8021 h 10000"/>
                  <a:gd name="connsiteX107" fmla="*/ 7400 w 10000"/>
                  <a:gd name="connsiteY107" fmla="*/ 8080 h 10000"/>
                  <a:gd name="connsiteX108" fmla="*/ 7525 w 10000"/>
                  <a:gd name="connsiteY108" fmla="*/ 8139 h 10000"/>
                  <a:gd name="connsiteX109" fmla="*/ 7601 w 10000"/>
                  <a:gd name="connsiteY109" fmla="*/ 8227 h 10000"/>
                  <a:gd name="connsiteX110" fmla="*/ 7626 w 10000"/>
                  <a:gd name="connsiteY110" fmla="*/ 8301 h 10000"/>
                  <a:gd name="connsiteX111" fmla="*/ 7626 w 10000"/>
                  <a:gd name="connsiteY111" fmla="*/ 8405 h 10000"/>
                  <a:gd name="connsiteX112" fmla="*/ 7576 w 10000"/>
                  <a:gd name="connsiteY112" fmla="*/ 8523 h 10000"/>
                  <a:gd name="connsiteX113" fmla="*/ 7501 w 10000"/>
                  <a:gd name="connsiteY113" fmla="*/ 8641 h 10000"/>
                  <a:gd name="connsiteX114" fmla="*/ 7175 w 10000"/>
                  <a:gd name="connsiteY114" fmla="*/ 8552 h 10000"/>
                  <a:gd name="connsiteX115" fmla="*/ 6875 w 10000"/>
                  <a:gd name="connsiteY115" fmla="*/ 8449 h 10000"/>
                  <a:gd name="connsiteX116" fmla="*/ 6575 w 10000"/>
                  <a:gd name="connsiteY116" fmla="*/ 8360 h 10000"/>
                  <a:gd name="connsiteX117" fmla="*/ 6274 w 10000"/>
                  <a:gd name="connsiteY117" fmla="*/ 8287 h 10000"/>
                  <a:gd name="connsiteX118" fmla="*/ 6150 w 10000"/>
                  <a:gd name="connsiteY118" fmla="*/ 8449 h 10000"/>
                  <a:gd name="connsiteX119" fmla="*/ 6051 w 10000"/>
                  <a:gd name="connsiteY119" fmla="*/ 8597 h 10000"/>
                  <a:gd name="connsiteX120" fmla="*/ 6000 w 10000"/>
                  <a:gd name="connsiteY120" fmla="*/ 8656 h 10000"/>
                  <a:gd name="connsiteX121" fmla="*/ 5900 w 10000"/>
                  <a:gd name="connsiteY121" fmla="*/ 8700 h 10000"/>
                  <a:gd name="connsiteX122" fmla="*/ 5826 w 10000"/>
                  <a:gd name="connsiteY122" fmla="*/ 8744 h 10000"/>
                  <a:gd name="connsiteX123" fmla="*/ 5751 w 10000"/>
                  <a:gd name="connsiteY123" fmla="*/ 8774 h 10000"/>
                  <a:gd name="connsiteX124" fmla="*/ 5675 w 10000"/>
                  <a:gd name="connsiteY124" fmla="*/ 8804 h 10000"/>
                  <a:gd name="connsiteX125" fmla="*/ 5576 w 10000"/>
                  <a:gd name="connsiteY125" fmla="*/ 8818 h 10000"/>
                  <a:gd name="connsiteX126" fmla="*/ 5450 w 10000"/>
                  <a:gd name="connsiteY126" fmla="*/ 8833 h 10000"/>
                  <a:gd name="connsiteX127" fmla="*/ 5325 w 10000"/>
                  <a:gd name="connsiteY127" fmla="*/ 8833 h 10000"/>
                  <a:gd name="connsiteX128" fmla="*/ 5026 w 10000"/>
                  <a:gd name="connsiteY128" fmla="*/ 8818 h 10000"/>
                  <a:gd name="connsiteX129" fmla="*/ 4650 w 10000"/>
                  <a:gd name="connsiteY129" fmla="*/ 8744 h 10000"/>
                  <a:gd name="connsiteX130" fmla="*/ 4650 w 10000"/>
                  <a:gd name="connsiteY130" fmla="*/ 8922 h 10000"/>
                  <a:gd name="connsiteX131" fmla="*/ 4625 w 10000"/>
                  <a:gd name="connsiteY131" fmla="*/ 9069 h 10000"/>
                  <a:gd name="connsiteX132" fmla="*/ 4601 w 10000"/>
                  <a:gd name="connsiteY132" fmla="*/ 9232 h 10000"/>
                  <a:gd name="connsiteX133" fmla="*/ 4575 w 10000"/>
                  <a:gd name="connsiteY133" fmla="*/ 9365 h 10000"/>
                  <a:gd name="connsiteX134" fmla="*/ 4525 w 10000"/>
                  <a:gd name="connsiteY134" fmla="*/ 9498 h 10000"/>
                  <a:gd name="connsiteX135" fmla="*/ 4426 w 10000"/>
                  <a:gd name="connsiteY135" fmla="*/ 9616 h 10000"/>
                  <a:gd name="connsiteX136" fmla="*/ 4350 w 10000"/>
                  <a:gd name="connsiteY136" fmla="*/ 9734 h 10000"/>
                  <a:gd name="connsiteX137" fmla="*/ 4225 w 10000"/>
                  <a:gd name="connsiteY137" fmla="*/ 9838 h 10000"/>
                  <a:gd name="connsiteX138" fmla="*/ 3924 w 10000"/>
                  <a:gd name="connsiteY138" fmla="*/ 9897 h 10000"/>
                  <a:gd name="connsiteX139" fmla="*/ 3675 w 10000"/>
                  <a:gd name="connsiteY139" fmla="*/ 9941 h 10000"/>
                  <a:gd name="connsiteX140" fmla="*/ 3375 w 10000"/>
                  <a:gd name="connsiteY140" fmla="*/ 9985 h 10000"/>
                  <a:gd name="connsiteX141" fmla="*/ 3150 w 10000"/>
                  <a:gd name="connsiteY141" fmla="*/ 10000 h 10000"/>
                  <a:gd name="connsiteX142" fmla="*/ 2650 w 10000"/>
                  <a:gd name="connsiteY142" fmla="*/ 10000 h 10000"/>
                  <a:gd name="connsiteX143" fmla="*/ 2175 w 10000"/>
                  <a:gd name="connsiteY143" fmla="*/ 9985 h 10000"/>
                  <a:gd name="connsiteX144" fmla="*/ 1726 w 10000"/>
                  <a:gd name="connsiteY144" fmla="*/ 9941 h 10000"/>
                  <a:gd name="connsiteX145" fmla="*/ 1251 w 10000"/>
                  <a:gd name="connsiteY145" fmla="*/ 9911 h 10000"/>
                  <a:gd name="connsiteX146" fmla="*/ 975 w 10000"/>
                  <a:gd name="connsiteY146" fmla="*/ 9911 h 10000"/>
                  <a:gd name="connsiteX147" fmla="*/ 725 w 10000"/>
                  <a:gd name="connsiteY147" fmla="*/ 9911 h 10000"/>
                  <a:gd name="connsiteX148" fmla="*/ 450 w 10000"/>
                  <a:gd name="connsiteY148" fmla="*/ 9926 h 10000"/>
                  <a:gd name="connsiteX149" fmla="*/ 175 w 10000"/>
                  <a:gd name="connsiteY149" fmla="*/ 9970 h 10000"/>
                  <a:gd name="connsiteX150" fmla="*/ 100 w 10000"/>
                  <a:gd name="connsiteY150" fmla="*/ 9867 h 10000"/>
                  <a:gd name="connsiteX151" fmla="*/ 50 w 10000"/>
                  <a:gd name="connsiteY151" fmla="*/ 9793 h 10000"/>
                  <a:gd name="connsiteX152" fmla="*/ 0 w 10000"/>
                  <a:gd name="connsiteY152" fmla="*/ 9705 h 10000"/>
                  <a:gd name="connsiteX153" fmla="*/ 0 w 10000"/>
                  <a:gd name="connsiteY153" fmla="*/ 9601 h 10000"/>
                  <a:gd name="connsiteX154" fmla="*/ 50 w 10000"/>
                  <a:gd name="connsiteY154" fmla="*/ 9424 h 10000"/>
                  <a:gd name="connsiteX155" fmla="*/ 100 w 10000"/>
                  <a:gd name="connsiteY155" fmla="*/ 9202 h 10000"/>
                  <a:gd name="connsiteX156" fmla="*/ 149 w 10000"/>
                  <a:gd name="connsiteY156" fmla="*/ 8996 h 10000"/>
                  <a:gd name="connsiteX157" fmla="*/ 200 w 10000"/>
                  <a:gd name="connsiteY157" fmla="*/ 8759 h 10000"/>
                  <a:gd name="connsiteX158" fmla="*/ 225 w 10000"/>
                  <a:gd name="connsiteY158" fmla="*/ 8641 h 10000"/>
                  <a:gd name="connsiteX159" fmla="*/ 225 w 10000"/>
                  <a:gd name="connsiteY159" fmla="*/ 8538 h 10000"/>
                  <a:gd name="connsiteX160" fmla="*/ 200 w 10000"/>
                  <a:gd name="connsiteY160" fmla="*/ 8405 h 10000"/>
                  <a:gd name="connsiteX161" fmla="*/ 175 w 10000"/>
                  <a:gd name="connsiteY161" fmla="*/ 8287 h 10000"/>
                  <a:gd name="connsiteX162" fmla="*/ 425 w 10000"/>
                  <a:gd name="connsiteY162" fmla="*/ 8213 h 10000"/>
                  <a:gd name="connsiteX163" fmla="*/ 675 w 10000"/>
                  <a:gd name="connsiteY163" fmla="*/ 8139 h 10000"/>
                  <a:gd name="connsiteX164" fmla="*/ 925 w 10000"/>
                  <a:gd name="connsiteY164" fmla="*/ 8095 h 10000"/>
                  <a:gd name="connsiteX165" fmla="*/ 1200 w 10000"/>
                  <a:gd name="connsiteY165" fmla="*/ 8065 h 10000"/>
                  <a:gd name="connsiteX166" fmla="*/ 1699 w 10000"/>
                  <a:gd name="connsiteY166" fmla="*/ 8021 h 10000"/>
                  <a:gd name="connsiteX167" fmla="*/ 2201 w 10000"/>
                  <a:gd name="connsiteY167" fmla="*/ 7976 h 10000"/>
                  <a:gd name="connsiteX168" fmla="*/ 2425 w 10000"/>
                  <a:gd name="connsiteY168" fmla="*/ 7947 h 10000"/>
                  <a:gd name="connsiteX169" fmla="*/ 2650 w 10000"/>
                  <a:gd name="connsiteY169" fmla="*/ 7917 h 10000"/>
                  <a:gd name="connsiteX170" fmla="*/ 2849 w 10000"/>
                  <a:gd name="connsiteY170" fmla="*/ 7843 h 10000"/>
                  <a:gd name="connsiteX171" fmla="*/ 3050 w 10000"/>
                  <a:gd name="connsiteY171" fmla="*/ 7784 h 10000"/>
                  <a:gd name="connsiteX172" fmla="*/ 3225 w 10000"/>
                  <a:gd name="connsiteY172" fmla="*/ 7710 h 10000"/>
                  <a:gd name="connsiteX173" fmla="*/ 3375 w 10000"/>
                  <a:gd name="connsiteY173" fmla="*/ 7592 h 10000"/>
                  <a:gd name="connsiteX174" fmla="*/ 3526 w 10000"/>
                  <a:gd name="connsiteY174" fmla="*/ 7474 h 10000"/>
                  <a:gd name="connsiteX175" fmla="*/ 3625 w 10000"/>
                  <a:gd name="connsiteY175" fmla="*/ 7312 h 10000"/>
                  <a:gd name="connsiteX176" fmla="*/ 3425 w 10000"/>
                  <a:gd name="connsiteY176" fmla="*/ 7238 h 10000"/>
                  <a:gd name="connsiteX177" fmla="*/ 3250 w 10000"/>
                  <a:gd name="connsiteY177" fmla="*/ 7179 h 10000"/>
                  <a:gd name="connsiteX178" fmla="*/ 3100 w 10000"/>
                  <a:gd name="connsiteY178" fmla="*/ 7090 h 10000"/>
                  <a:gd name="connsiteX179" fmla="*/ 2950 w 10000"/>
                  <a:gd name="connsiteY179" fmla="*/ 6987 h 10000"/>
                  <a:gd name="connsiteX180" fmla="*/ 2849 w 10000"/>
                  <a:gd name="connsiteY180" fmla="*/ 6869 h 10000"/>
                  <a:gd name="connsiteX181" fmla="*/ 2801 w 10000"/>
                  <a:gd name="connsiteY181" fmla="*/ 6721 h 10000"/>
                  <a:gd name="connsiteX182" fmla="*/ 2775 w 10000"/>
                  <a:gd name="connsiteY182" fmla="*/ 6558 h 10000"/>
                  <a:gd name="connsiteX183" fmla="*/ 2801 w 10000"/>
                  <a:gd name="connsiteY183" fmla="*/ 6352 h 10000"/>
                  <a:gd name="connsiteX184" fmla="*/ 2676 w 10000"/>
                  <a:gd name="connsiteY184" fmla="*/ 6322 h 10000"/>
                  <a:gd name="connsiteX185" fmla="*/ 2526 w 10000"/>
                  <a:gd name="connsiteY185" fmla="*/ 6292 h 10000"/>
                  <a:gd name="connsiteX186" fmla="*/ 2350 w 10000"/>
                  <a:gd name="connsiteY186" fmla="*/ 6278 h 10000"/>
                  <a:gd name="connsiteX187" fmla="*/ 2175 w 10000"/>
                  <a:gd name="connsiteY187" fmla="*/ 6263 h 10000"/>
                  <a:gd name="connsiteX188" fmla="*/ 1825 w 10000"/>
                  <a:gd name="connsiteY188" fmla="*/ 6248 h 10000"/>
                  <a:gd name="connsiteX189" fmla="*/ 1450 w 10000"/>
                  <a:gd name="connsiteY189" fmla="*/ 6263 h 10000"/>
                  <a:gd name="connsiteX190" fmla="*/ 1126 w 10000"/>
                  <a:gd name="connsiteY190" fmla="*/ 6278 h 10000"/>
                  <a:gd name="connsiteX191" fmla="*/ 825 w 10000"/>
                  <a:gd name="connsiteY191" fmla="*/ 6278 h 10000"/>
                  <a:gd name="connsiteX192" fmla="*/ 576 w 10000"/>
                  <a:gd name="connsiteY192" fmla="*/ 6263 h 10000"/>
                  <a:gd name="connsiteX193" fmla="*/ 375 w 10000"/>
                  <a:gd name="connsiteY193" fmla="*/ 6233 h 10000"/>
                  <a:gd name="connsiteX194" fmla="*/ 624 w 10000"/>
                  <a:gd name="connsiteY194" fmla="*/ 5805 h 10000"/>
                  <a:gd name="connsiteX195" fmla="*/ 900 w 10000"/>
                  <a:gd name="connsiteY195" fmla="*/ 5391 h 10000"/>
                  <a:gd name="connsiteX196" fmla="*/ 1001 w 10000"/>
                  <a:gd name="connsiteY196" fmla="*/ 5170 h 10000"/>
                  <a:gd name="connsiteX197" fmla="*/ 1075 w 10000"/>
                  <a:gd name="connsiteY197" fmla="*/ 4963 h 10000"/>
                  <a:gd name="connsiteX198" fmla="*/ 1099 w 10000"/>
                  <a:gd name="connsiteY198" fmla="*/ 4860 h 10000"/>
                  <a:gd name="connsiteX199" fmla="*/ 1075 w 10000"/>
                  <a:gd name="connsiteY199" fmla="*/ 4756 h 10000"/>
                  <a:gd name="connsiteX200" fmla="*/ 1050 w 10000"/>
                  <a:gd name="connsiteY200" fmla="*/ 4653 h 10000"/>
                  <a:gd name="connsiteX201" fmla="*/ 975 w 10000"/>
                  <a:gd name="connsiteY201" fmla="*/ 4549 h 10000"/>
                  <a:gd name="connsiteX202" fmla="*/ 1251 w 10000"/>
                  <a:gd name="connsiteY202" fmla="*/ 4520 h 10000"/>
                  <a:gd name="connsiteX203" fmla="*/ 1450 w 10000"/>
                  <a:gd name="connsiteY203" fmla="*/ 4505 h 10000"/>
                  <a:gd name="connsiteX204" fmla="*/ 1625 w 10000"/>
                  <a:gd name="connsiteY204" fmla="*/ 4505 h 10000"/>
                  <a:gd name="connsiteX205" fmla="*/ 1775 w 10000"/>
                  <a:gd name="connsiteY205" fmla="*/ 4520 h 10000"/>
                  <a:gd name="connsiteX206" fmla="*/ 1900 w 10000"/>
                  <a:gd name="connsiteY206" fmla="*/ 4520 h 10000"/>
                  <a:gd name="connsiteX207" fmla="*/ 2050 w 10000"/>
                  <a:gd name="connsiteY207" fmla="*/ 4520 h 10000"/>
                  <a:gd name="connsiteX208" fmla="*/ 2201 w 10000"/>
                  <a:gd name="connsiteY208" fmla="*/ 4490 h 10000"/>
                  <a:gd name="connsiteX209" fmla="*/ 2400 w 10000"/>
                  <a:gd name="connsiteY209" fmla="*/ 4446 h 10000"/>
                  <a:gd name="connsiteX210" fmla="*/ 2400 w 10000"/>
                  <a:gd name="connsiteY210" fmla="*/ 4579 h 10000"/>
                  <a:gd name="connsiteX211" fmla="*/ 2400 w 10000"/>
                  <a:gd name="connsiteY211" fmla="*/ 4742 h 10000"/>
                  <a:gd name="connsiteX212" fmla="*/ 2400 w 10000"/>
                  <a:gd name="connsiteY212" fmla="*/ 4874 h 10000"/>
                  <a:gd name="connsiteX213" fmla="*/ 2400 w 10000"/>
                  <a:gd name="connsiteY213" fmla="*/ 5037 h 10000"/>
                  <a:gd name="connsiteX214" fmla="*/ 2625 w 10000"/>
                  <a:gd name="connsiteY214" fmla="*/ 5022 h 10000"/>
                  <a:gd name="connsiteX215" fmla="*/ 2775 w 10000"/>
                  <a:gd name="connsiteY215" fmla="*/ 5037 h 10000"/>
                  <a:gd name="connsiteX216" fmla="*/ 2900 w 10000"/>
                  <a:gd name="connsiteY216" fmla="*/ 5066 h 10000"/>
                  <a:gd name="connsiteX217" fmla="*/ 3025 w 10000"/>
                  <a:gd name="connsiteY217" fmla="*/ 5096 h 10000"/>
                  <a:gd name="connsiteX218" fmla="*/ 3126 w 10000"/>
                  <a:gd name="connsiteY218" fmla="*/ 5126 h 10000"/>
                  <a:gd name="connsiteX219" fmla="*/ 3250 w 10000"/>
                  <a:gd name="connsiteY219" fmla="*/ 5155 h 10000"/>
                  <a:gd name="connsiteX220" fmla="*/ 3401 w 10000"/>
                  <a:gd name="connsiteY220" fmla="*/ 5170 h 10000"/>
                  <a:gd name="connsiteX221" fmla="*/ 3625 w 10000"/>
                  <a:gd name="connsiteY221" fmla="*/ 5155 h 10000"/>
                  <a:gd name="connsiteX222" fmla="*/ 3701 w 10000"/>
                  <a:gd name="connsiteY222" fmla="*/ 5096 h 10000"/>
                  <a:gd name="connsiteX223" fmla="*/ 3775 w 10000"/>
                  <a:gd name="connsiteY223" fmla="*/ 5022 h 10000"/>
                  <a:gd name="connsiteX224" fmla="*/ 3800 w 10000"/>
                  <a:gd name="connsiteY224" fmla="*/ 4934 h 10000"/>
                  <a:gd name="connsiteX225" fmla="*/ 3826 w 10000"/>
                  <a:gd name="connsiteY225" fmla="*/ 4860 h 10000"/>
                  <a:gd name="connsiteX226" fmla="*/ 3850 w 10000"/>
                  <a:gd name="connsiteY226" fmla="*/ 4697 h 10000"/>
                  <a:gd name="connsiteX227" fmla="*/ 3826 w 10000"/>
                  <a:gd name="connsiteY227" fmla="*/ 4520 h 10000"/>
                  <a:gd name="connsiteX228" fmla="*/ 3750 w 10000"/>
                  <a:gd name="connsiteY228" fmla="*/ 4343 h 10000"/>
                  <a:gd name="connsiteX229" fmla="*/ 3675 w 10000"/>
                  <a:gd name="connsiteY229" fmla="*/ 4195 h 10000"/>
                  <a:gd name="connsiteX230" fmla="*/ 3550 w 10000"/>
                  <a:gd name="connsiteY230" fmla="*/ 4047 h 10000"/>
                  <a:gd name="connsiteX231" fmla="*/ 3425 w 10000"/>
                  <a:gd name="connsiteY231" fmla="*/ 3959 h 10000"/>
                  <a:gd name="connsiteX232" fmla="*/ 3575 w 10000"/>
                  <a:gd name="connsiteY232" fmla="*/ 3944 h 10000"/>
                  <a:gd name="connsiteX233" fmla="*/ 3701 w 10000"/>
                  <a:gd name="connsiteY233" fmla="*/ 3914 h 10000"/>
                  <a:gd name="connsiteX234" fmla="*/ 3800 w 10000"/>
                  <a:gd name="connsiteY234" fmla="*/ 3855 h 10000"/>
                  <a:gd name="connsiteX235" fmla="*/ 3924 w 10000"/>
                  <a:gd name="connsiteY235" fmla="*/ 3752 h 10000"/>
                  <a:gd name="connsiteX236" fmla="*/ 4050 w 10000"/>
                  <a:gd name="connsiteY236" fmla="*/ 3663 h 10000"/>
                  <a:gd name="connsiteX237" fmla="*/ 4150 w 10000"/>
                  <a:gd name="connsiteY237" fmla="*/ 3560 h 10000"/>
                  <a:gd name="connsiteX238" fmla="*/ 4225 w 10000"/>
                  <a:gd name="connsiteY238" fmla="*/ 3442 h 10000"/>
                  <a:gd name="connsiteX239" fmla="*/ 4301 w 10000"/>
                  <a:gd name="connsiteY239" fmla="*/ 3323 h 10000"/>
                  <a:gd name="connsiteX240" fmla="*/ 4350 w 10000"/>
                  <a:gd name="connsiteY240" fmla="*/ 3220 h 10000"/>
                  <a:gd name="connsiteX241" fmla="*/ 4375 w 10000"/>
                  <a:gd name="connsiteY241" fmla="*/ 3102 h 10000"/>
                  <a:gd name="connsiteX242" fmla="*/ 4401 w 10000"/>
                  <a:gd name="connsiteY242" fmla="*/ 3013 h 10000"/>
                  <a:gd name="connsiteX243" fmla="*/ 4375 w 10000"/>
                  <a:gd name="connsiteY243" fmla="*/ 2939 h 10000"/>
                  <a:gd name="connsiteX244" fmla="*/ 4350 w 10000"/>
                  <a:gd name="connsiteY244" fmla="*/ 2866 h 10000"/>
                  <a:gd name="connsiteX245" fmla="*/ 4275 w 10000"/>
                  <a:gd name="connsiteY245" fmla="*/ 2836 h 10000"/>
                  <a:gd name="connsiteX246" fmla="*/ 4176 w 10000"/>
                  <a:gd name="connsiteY246" fmla="*/ 2836 h 10000"/>
                  <a:gd name="connsiteX247" fmla="*/ 4050 w 10000"/>
                  <a:gd name="connsiteY247" fmla="*/ 2866 h 10000"/>
                  <a:gd name="connsiteX248" fmla="*/ 4150 w 10000"/>
                  <a:gd name="connsiteY248" fmla="*/ 2777 h 10000"/>
                  <a:gd name="connsiteX249" fmla="*/ 4201 w 10000"/>
                  <a:gd name="connsiteY249" fmla="*/ 2674 h 10000"/>
                  <a:gd name="connsiteX250" fmla="*/ 4225 w 10000"/>
                  <a:gd name="connsiteY250" fmla="*/ 2541 h 10000"/>
                  <a:gd name="connsiteX251" fmla="*/ 4225 w 10000"/>
                  <a:gd name="connsiteY251" fmla="*/ 2393 h 10000"/>
                  <a:gd name="connsiteX252" fmla="*/ 4250 w 10000"/>
                  <a:gd name="connsiteY252" fmla="*/ 2349 h 10000"/>
                  <a:gd name="connsiteX253" fmla="*/ 4301 w 10000"/>
                  <a:gd name="connsiteY253" fmla="*/ 2304 h 10000"/>
                  <a:gd name="connsiteX254" fmla="*/ 4350 w 10000"/>
                  <a:gd name="connsiteY254" fmla="*/ 2290 h 10000"/>
                  <a:gd name="connsiteX255" fmla="*/ 4426 w 10000"/>
                  <a:gd name="connsiteY255" fmla="*/ 2275 h 10000"/>
                  <a:gd name="connsiteX256" fmla="*/ 4650 w 10000"/>
                  <a:gd name="connsiteY256" fmla="*/ 2260 h 10000"/>
                  <a:gd name="connsiteX257" fmla="*/ 4850 w 10000"/>
                  <a:gd name="connsiteY257" fmla="*/ 2275 h 10000"/>
                  <a:gd name="connsiteX258" fmla="*/ 4825 w 10000"/>
                  <a:gd name="connsiteY258" fmla="*/ 2112 h 10000"/>
                  <a:gd name="connsiteX259" fmla="*/ 4776 w 10000"/>
                  <a:gd name="connsiteY259" fmla="*/ 1950 h 10000"/>
                  <a:gd name="connsiteX260" fmla="*/ 4700 w 10000"/>
                  <a:gd name="connsiteY260" fmla="*/ 1802 h 10000"/>
                  <a:gd name="connsiteX261" fmla="*/ 4601 w 10000"/>
                  <a:gd name="connsiteY261" fmla="*/ 1640 h 10000"/>
                  <a:gd name="connsiteX262" fmla="*/ 4350 w 10000"/>
                  <a:gd name="connsiteY262" fmla="*/ 1329 h 10000"/>
                  <a:gd name="connsiteX263" fmla="*/ 4100 w 10000"/>
                  <a:gd name="connsiteY263" fmla="*/ 1034 h 10000"/>
                  <a:gd name="connsiteX264" fmla="*/ 3975 w 10000"/>
                  <a:gd name="connsiteY264" fmla="*/ 901 h 10000"/>
                  <a:gd name="connsiteX265" fmla="*/ 3876 w 10000"/>
                  <a:gd name="connsiteY265" fmla="*/ 753 h 10000"/>
                  <a:gd name="connsiteX266" fmla="*/ 3800 w 10000"/>
                  <a:gd name="connsiteY266" fmla="*/ 620 h 10000"/>
                  <a:gd name="connsiteX267" fmla="*/ 3775 w 10000"/>
                  <a:gd name="connsiteY267" fmla="*/ 487 h 10000"/>
                  <a:gd name="connsiteX268" fmla="*/ 3750 w 10000"/>
                  <a:gd name="connsiteY268" fmla="*/ 355 h 10000"/>
                  <a:gd name="connsiteX269" fmla="*/ 3800 w 10000"/>
                  <a:gd name="connsiteY269" fmla="*/ 222 h 10000"/>
                  <a:gd name="connsiteX270" fmla="*/ 3826 w 10000"/>
                  <a:gd name="connsiteY270" fmla="*/ 162 h 10000"/>
                  <a:gd name="connsiteX271" fmla="*/ 3876 w 10000"/>
                  <a:gd name="connsiteY271" fmla="*/ 103 h 10000"/>
                  <a:gd name="connsiteX272" fmla="*/ 3951 w 10000"/>
                  <a:gd name="connsiteY272" fmla="*/ 59 h 10000"/>
                  <a:gd name="connsiteX273" fmla="*/ 4050 w 10000"/>
                  <a:gd name="connsiteY273" fmla="*/ 0 h 10000"/>
                  <a:gd name="connsiteX0" fmla="*/ 7026 w 14341"/>
                  <a:gd name="connsiteY0" fmla="*/ 4564 h 10000"/>
                  <a:gd name="connsiteX1" fmla="*/ 6901 w 14341"/>
                  <a:gd name="connsiteY1" fmla="*/ 4638 h 10000"/>
                  <a:gd name="connsiteX2" fmla="*/ 6901 w 14341"/>
                  <a:gd name="connsiteY2" fmla="*/ 4697 h 10000"/>
                  <a:gd name="connsiteX3" fmla="*/ 6875 w 14341"/>
                  <a:gd name="connsiteY3" fmla="*/ 4801 h 10000"/>
                  <a:gd name="connsiteX4" fmla="*/ 6875 w 14341"/>
                  <a:gd name="connsiteY4" fmla="*/ 4904 h 10000"/>
                  <a:gd name="connsiteX5" fmla="*/ 6751 w 14341"/>
                  <a:gd name="connsiteY5" fmla="*/ 4860 h 10000"/>
                  <a:gd name="connsiteX6" fmla="*/ 6675 w 14341"/>
                  <a:gd name="connsiteY6" fmla="*/ 4801 h 10000"/>
                  <a:gd name="connsiteX7" fmla="*/ 6600 w 14341"/>
                  <a:gd name="connsiteY7" fmla="*/ 4727 h 10000"/>
                  <a:gd name="connsiteX8" fmla="*/ 6526 w 14341"/>
                  <a:gd name="connsiteY8" fmla="*/ 4638 h 10000"/>
                  <a:gd name="connsiteX9" fmla="*/ 6401 w 14341"/>
                  <a:gd name="connsiteY9" fmla="*/ 4476 h 10000"/>
                  <a:gd name="connsiteX10" fmla="*/ 6274 w 14341"/>
                  <a:gd name="connsiteY10" fmla="*/ 4313 h 10000"/>
                  <a:gd name="connsiteX11" fmla="*/ 6426 w 14341"/>
                  <a:gd name="connsiteY11" fmla="*/ 4210 h 10000"/>
                  <a:gd name="connsiteX12" fmla="*/ 8150 w 14341"/>
                  <a:gd name="connsiteY12" fmla="*/ 3663 h 10000"/>
                  <a:gd name="connsiteX13" fmla="*/ 8401 w 14341"/>
                  <a:gd name="connsiteY13" fmla="*/ 3589 h 10000"/>
                  <a:gd name="connsiteX14" fmla="*/ 8651 w 14341"/>
                  <a:gd name="connsiteY14" fmla="*/ 3516 h 10000"/>
                  <a:gd name="connsiteX15" fmla="*/ 8850 w 14341"/>
                  <a:gd name="connsiteY15" fmla="*/ 3412 h 10000"/>
                  <a:gd name="connsiteX16" fmla="*/ 9051 w 14341"/>
                  <a:gd name="connsiteY16" fmla="*/ 3338 h 10000"/>
                  <a:gd name="connsiteX17" fmla="*/ 9176 w 14341"/>
                  <a:gd name="connsiteY17" fmla="*/ 3235 h 10000"/>
                  <a:gd name="connsiteX18" fmla="*/ 9275 w 14341"/>
                  <a:gd name="connsiteY18" fmla="*/ 3117 h 10000"/>
                  <a:gd name="connsiteX19" fmla="*/ 9301 w 14341"/>
                  <a:gd name="connsiteY19" fmla="*/ 3072 h 10000"/>
                  <a:gd name="connsiteX20" fmla="*/ 9325 w 14341"/>
                  <a:gd name="connsiteY20" fmla="*/ 3013 h 10000"/>
                  <a:gd name="connsiteX21" fmla="*/ 9325 w 14341"/>
                  <a:gd name="connsiteY21" fmla="*/ 2954 h 10000"/>
                  <a:gd name="connsiteX22" fmla="*/ 9301 w 14341"/>
                  <a:gd name="connsiteY22" fmla="*/ 2866 h 10000"/>
                  <a:gd name="connsiteX23" fmla="*/ 9126 w 14341"/>
                  <a:gd name="connsiteY23" fmla="*/ 2984 h 10000"/>
                  <a:gd name="connsiteX24" fmla="*/ 8926 w 14341"/>
                  <a:gd name="connsiteY24" fmla="*/ 3072 h 10000"/>
                  <a:gd name="connsiteX25" fmla="*/ 8725 w 14341"/>
                  <a:gd name="connsiteY25" fmla="*/ 3161 h 10000"/>
                  <a:gd name="connsiteX26" fmla="*/ 8526 w 14341"/>
                  <a:gd name="connsiteY26" fmla="*/ 3250 h 10000"/>
                  <a:gd name="connsiteX27" fmla="*/ 8075 w 14341"/>
                  <a:gd name="connsiteY27" fmla="*/ 3397 h 10000"/>
                  <a:gd name="connsiteX28" fmla="*/ 7601 w 14341"/>
                  <a:gd name="connsiteY28" fmla="*/ 3545 h 10000"/>
                  <a:gd name="connsiteX29" fmla="*/ 7126 w 14341"/>
                  <a:gd name="connsiteY29" fmla="*/ 3678 h 10000"/>
                  <a:gd name="connsiteX30" fmla="*/ 6675 w 14341"/>
                  <a:gd name="connsiteY30" fmla="*/ 3840 h 10000"/>
                  <a:gd name="connsiteX31" fmla="*/ 6450 w 14341"/>
                  <a:gd name="connsiteY31" fmla="*/ 3914 h 10000"/>
                  <a:gd name="connsiteX32" fmla="*/ 6250 w 14341"/>
                  <a:gd name="connsiteY32" fmla="*/ 4003 h 10000"/>
                  <a:gd name="connsiteX33" fmla="*/ 6051 w 14341"/>
                  <a:gd name="connsiteY33" fmla="*/ 4106 h 10000"/>
                  <a:gd name="connsiteX34" fmla="*/ 5850 w 14341"/>
                  <a:gd name="connsiteY34" fmla="*/ 4195 h 10000"/>
                  <a:gd name="connsiteX35" fmla="*/ 6000 w 14341"/>
                  <a:gd name="connsiteY35" fmla="*/ 4417 h 10000"/>
                  <a:gd name="connsiteX36" fmla="*/ 6101 w 14341"/>
                  <a:gd name="connsiteY36" fmla="*/ 4623 h 10000"/>
                  <a:gd name="connsiteX37" fmla="*/ 6200 w 14341"/>
                  <a:gd name="connsiteY37" fmla="*/ 4845 h 10000"/>
                  <a:gd name="connsiteX38" fmla="*/ 6274 w 14341"/>
                  <a:gd name="connsiteY38" fmla="*/ 5081 h 10000"/>
                  <a:gd name="connsiteX39" fmla="*/ 6325 w 14341"/>
                  <a:gd name="connsiteY39" fmla="*/ 5318 h 10000"/>
                  <a:gd name="connsiteX40" fmla="*/ 6351 w 14341"/>
                  <a:gd name="connsiteY40" fmla="*/ 5539 h 10000"/>
                  <a:gd name="connsiteX41" fmla="*/ 6375 w 14341"/>
                  <a:gd name="connsiteY41" fmla="*/ 5775 h 10000"/>
                  <a:gd name="connsiteX42" fmla="*/ 6375 w 14341"/>
                  <a:gd name="connsiteY42" fmla="*/ 5997 h 10000"/>
                  <a:gd name="connsiteX43" fmla="*/ 6351 w 14341"/>
                  <a:gd name="connsiteY43" fmla="*/ 6233 h 10000"/>
                  <a:gd name="connsiteX44" fmla="*/ 6301 w 14341"/>
                  <a:gd name="connsiteY44" fmla="*/ 6470 h 10000"/>
                  <a:gd name="connsiteX45" fmla="*/ 6250 w 14341"/>
                  <a:gd name="connsiteY45" fmla="*/ 6677 h 10000"/>
                  <a:gd name="connsiteX46" fmla="*/ 6176 w 14341"/>
                  <a:gd name="connsiteY46" fmla="*/ 6898 h 10000"/>
                  <a:gd name="connsiteX47" fmla="*/ 6076 w 14341"/>
                  <a:gd name="connsiteY47" fmla="*/ 7105 h 10000"/>
                  <a:gd name="connsiteX48" fmla="*/ 5951 w 14341"/>
                  <a:gd name="connsiteY48" fmla="*/ 7297 h 10000"/>
                  <a:gd name="connsiteX49" fmla="*/ 5800 w 14341"/>
                  <a:gd name="connsiteY49" fmla="*/ 7489 h 10000"/>
                  <a:gd name="connsiteX50" fmla="*/ 5650 w 14341"/>
                  <a:gd name="connsiteY50" fmla="*/ 7681 h 10000"/>
                  <a:gd name="connsiteX51" fmla="*/ 6375 w 14341"/>
                  <a:gd name="connsiteY51" fmla="*/ 7799 h 10000"/>
                  <a:gd name="connsiteX52" fmla="*/ 7126 w 14341"/>
                  <a:gd name="connsiteY52" fmla="*/ 7962 h 10000"/>
                  <a:gd name="connsiteX53" fmla="*/ 7275 w 14341"/>
                  <a:gd name="connsiteY53" fmla="*/ 8021 h 10000"/>
                  <a:gd name="connsiteX54" fmla="*/ 7400 w 14341"/>
                  <a:gd name="connsiteY54" fmla="*/ 8080 h 10000"/>
                  <a:gd name="connsiteX55" fmla="*/ 7525 w 14341"/>
                  <a:gd name="connsiteY55" fmla="*/ 8139 h 10000"/>
                  <a:gd name="connsiteX56" fmla="*/ 7601 w 14341"/>
                  <a:gd name="connsiteY56" fmla="*/ 8227 h 10000"/>
                  <a:gd name="connsiteX57" fmla="*/ 7626 w 14341"/>
                  <a:gd name="connsiteY57" fmla="*/ 8301 h 10000"/>
                  <a:gd name="connsiteX58" fmla="*/ 7626 w 14341"/>
                  <a:gd name="connsiteY58" fmla="*/ 8405 h 10000"/>
                  <a:gd name="connsiteX59" fmla="*/ 7576 w 14341"/>
                  <a:gd name="connsiteY59" fmla="*/ 8523 h 10000"/>
                  <a:gd name="connsiteX60" fmla="*/ 7501 w 14341"/>
                  <a:gd name="connsiteY60" fmla="*/ 8641 h 10000"/>
                  <a:gd name="connsiteX61" fmla="*/ 7175 w 14341"/>
                  <a:gd name="connsiteY61" fmla="*/ 8552 h 10000"/>
                  <a:gd name="connsiteX62" fmla="*/ 6875 w 14341"/>
                  <a:gd name="connsiteY62" fmla="*/ 8449 h 10000"/>
                  <a:gd name="connsiteX63" fmla="*/ 6575 w 14341"/>
                  <a:gd name="connsiteY63" fmla="*/ 8360 h 10000"/>
                  <a:gd name="connsiteX64" fmla="*/ 6274 w 14341"/>
                  <a:gd name="connsiteY64" fmla="*/ 8287 h 10000"/>
                  <a:gd name="connsiteX65" fmla="*/ 6150 w 14341"/>
                  <a:gd name="connsiteY65" fmla="*/ 8449 h 10000"/>
                  <a:gd name="connsiteX66" fmla="*/ 6051 w 14341"/>
                  <a:gd name="connsiteY66" fmla="*/ 8597 h 10000"/>
                  <a:gd name="connsiteX67" fmla="*/ 6000 w 14341"/>
                  <a:gd name="connsiteY67" fmla="*/ 8656 h 10000"/>
                  <a:gd name="connsiteX68" fmla="*/ 5900 w 14341"/>
                  <a:gd name="connsiteY68" fmla="*/ 8700 h 10000"/>
                  <a:gd name="connsiteX69" fmla="*/ 5826 w 14341"/>
                  <a:gd name="connsiteY69" fmla="*/ 8744 h 10000"/>
                  <a:gd name="connsiteX70" fmla="*/ 5751 w 14341"/>
                  <a:gd name="connsiteY70" fmla="*/ 8774 h 10000"/>
                  <a:gd name="connsiteX71" fmla="*/ 5675 w 14341"/>
                  <a:gd name="connsiteY71" fmla="*/ 8804 h 10000"/>
                  <a:gd name="connsiteX72" fmla="*/ 5576 w 14341"/>
                  <a:gd name="connsiteY72" fmla="*/ 8818 h 10000"/>
                  <a:gd name="connsiteX73" fmla="*/ 5450 w 14341"/>
                  <a:gd name="connsiteY73" fmla="*/ 8833 h 10000"/>
                  <a:gd name="connsiteX74" fmla="*/ 5325 w 14341"/>
                  <a:gd name="connsiteY74" fmla="*/ 8833 h 10000"/>
                  <a:gd name="connsiteX75" fmla="*/ 5026 w 14341"/>
                  <a:gd name="connsiteY75" fmla="*/ 8818 h 10000"/>
                  <a:gd name="connsiteX76" fmla="*/ 4650 w 14341"/>
                  <a:gd name="connsiteY76" fmla="*/ 8744 h 10000"/>
                  <a:gd name="connsiteX77" fmla="*/ 4650 w 14341"/>
                  <a:gd name="connsiteY77" fmla="*/ 8922 h 10000"/>
                  <a:gd name="connsiteX78" fmla="*/ 4625 w 14341"/>
                  <a:gd name="connsiteY78" fmla="*/ 9069 h 10000"/>
                  <a:gd name="connsiteX79" fmla="*/ 4601 w 14341"/>
                  <a:gd name="connsiteY79" fmla="*/ 9232 h 10000"/>
                  <a:gd name="connsiteX80" fmla="*/ 4575 w 14341"/>
                  <a:gd name="connsiteY80" fmla="*/ 9365 h 10000"/>
                  <a:gd name="connsiteX81" fmla="*/ 4525 w 14341"/>
                  <a:gd name="connsiteY81" fmla="*/ 9498 h 10000"/>
                  <a:gd name="connsiteX82" fmla="*/ 4426 w 14341"/>
                  <a:gd name="connsiteY82" fmla="*/ 9616 h 10000"/>
                  <a:gd name="connsiteX83" fmla="*/ 4350 w 14341"/>
                  <a:gd name="connsiteY83" fmla="*/ 9734 h 10000"/>
                  <a:gd name="connsiteX84" fmla="*/ 4225 w 14341"/>
                  <a:gd name="connsiteY84" fmla="*/ 9838 h 10000"/>
                  <a:gd name="connsiteX85" fmla="*/ 3924 w 14341"/>
                  <a:gd name="connsiteY85" fmla="*/ 9897 h 10000"/>
                  <a:gd name="connsiteX86" fmla="*/ 3675 w 14341"/>
                  <a:gd name="connsiteY86" fmla="*/ 9941 h 10000"/>
                  <a:gd name="connsiteX87" fmla="*/ 3375 w 14341"/>
                  <a:gd name="connsiteY87" fmla="*/ 9985 h 10000"/>
                  <a:gd name="connsiteX88" fmla="*/ 3150 w 14341"/>
                  <a:gd name="connsiteY88" fmla="*/ 10000 h 10000"/>
                  <a:gd name="connsiteX89" fmla="*/ 2650 w 14341"/>
                  <a:gd name="connsiteY89" fmla="*/ 10000 h 10000"/>
                  <a:gd name="connsiteX90" fmla="*/ 2175 w 14341"/>
                  <a:gd name="connsiteY90" fmla="*/ 9985 h 10000"/>
                  <a:gd name="connsiteX91" fmla="*/ 1726 w 14341"/>
                  <a:gd name="connsiteY91" fmla="*/ 9941 h 10000"/>
                  <a:gd name="connsiteX92" fmla="*/ 1251 w 14341"/>
                  <a:gd name="connsiteY92" fmla="*/ 9911 h 10000"/>
                  <a:gd name="connsiteX93" fmla="*/ 975 w 14341"/>
                  <a:gd name="connsiteY93" fmla="*/ 9911 h 10000"/>
                  <a:gd name="connsiteX94" fmla="*/ 725 w 14341"/>
                  <a:gd name="connsiteY94" fmla="*/ 9911 h 10000"/>
                  <a:gd name="connsiteX95" fmla="*/ 450 w 14341"/>
                  <a:gd name="connsiteY95" fmla="*/ 9926 h 10000"/>
                  <a:gd name="connsiteX96" fmla="*/ 175 w 14341"/>
                  <a:gd name="connsiteY96" fmla="*/ 9970 h 10000"/>
                  <a:gd name="connsiteX97" fmla="*/ 100 w 14341"/>
                  <a:gd name="connsiteY97" fmla="*/ 9867 h 10000"/>
                  <a:gd name="connsiteX98" fmla="*/ 50 w 14341"/>
                  <a:gd name="connsiteY98" fmla="*/ 9793 h 10000"/>
                  <a:gd name="connsiteX99" fmla="*/ 0 w 14341"/>
                  <a:gd name="connsiteY99" fmla="*/ 9705 h 10000"/>
                  <a:gd name="connsiteX100" fmla="*/ 0 w 14341"/>
                  <a:gd name="connsiteY100" fmla="*/ 9601 h 10000"/>
                  <a:gd name="connsiteX101" fmla="*/ 50 w 14341"/>
                  <a:gd name="connsiteY101" fmla="*/ 9424 h 10000"/>
                  <a:gd name="connsiteX102" fmla="*/ 100 w 14341"/>
                  <a:gd name="connsiteY102" fmla="*/ 9202 h 10000"/>
                  <a:gd name="connsiteX103" fmla="*/ 149 w 14341"/>
                  <a:gd name="connsiteY103" fmla="*/ 8996 h 10000"/>
                  <a:gd name="connsiteX104" fmla="*/ 200 w 14341"/>
                  <a:gd name="connsiteY104" fmla="*/ 8759 h 10000"/>
                  <a:gd name="connsiteX105" fmla="*/ 225 w 14341"/>
                  <a:gd name="connsiteY105" fmla="*/ 8641 h 10000"/>
                  <a:gd name="connsiteX106" fmla="*/ 225 w 14341"/>
                  <a:gd name="connsiteY106" fmla="*/ 8538 h 10000"/>
                  <a:gd name="connsiteX107" fmla="*/ 200 w 14341"/>
                  <a:gd name="connsiteY107" fmla="*/ 8405 h 10000"/>
                  <a:gd name="connsiteX108" fmla="*/ 175 w 14341"/>
                  <a:gd name="connsiteY108" fmla="*/ 8287 h 10000"/>
                  <a:gd name="connsiteX109" fmla="*/ 425 w 14341"/>
                  <a:gd name="connsiteY109" fmla="*/ 8213 h 10000"/>
                  <a:gd name="connsiteX110" fmla="*/ 675 w 14341"/>
                  <a:gd name="connsiteY110" fmla="*/ 8139 h 10000"/>
                  <a:gd name="connsiteX111" fmla="*/ 925 w 14341"/>
                  <a:gd name="connsiteY111" fmla="*/ 8095 h 10000"/>
                  <a:gd name="connsiteX112" fmla="*/ 1200 w 14341"/>
                  <a:gd name="connsiteY112" fmla="*/ 8065 h 10000"/>
                  <a:gd name="connsiteX113" fmla="*/ 1699 w 14341"/>
                  <a:gd name="connsiteY113" fmla="*/ 8021 h 10000"/>
                  <a:gd name="connsiteX114" fmla="*/ 2201 w 14341"/>
                  <a:gd name="connsiteY114" fmla="*/ 7976 h 10000"/>
                  <a:gd name="connsiteX115" fmla="*/ 2425 w 14341"/>
                  <a:gd name="connsiteY115" fmla="*/ 7947 h 10000"/>
                  <a:gd name="connsiteX116" fmla="*/ 2650 w 14341"/>
                  <a:gd name="connsiteY116" fmla="*/ 7917 h 10000"/>
                  <a:gd name="connsiteX117" fmla="*/ 2849 w 14341"/>
                  <a:gd name="connsiteY117" fmla="*/ 7843 h 10000"/>
                  <a:gd name="connsiteX118" fmla="*/ 3050 w 14341"/>
                  <a:gd name="connsiteY118" fmla="*/ 7784 h 10000"/>
                  <a:gd name="connsiteX119" fmla="*/ 3225 w 14341"/>
                  <a:gd name="connsiteY119" fmla="*/ 7710 h 10000"/>
                  <a:gd name="connsiteX120" fmla="*/ 3375 w 14341"/>
                  <a:gd name="connsiteY120" fmla="*/ 7592 h 10000"/>
                  <a:gd name="connsiteX121" fmla="*/ 3526 w 14341"/>
                  <a:gd name="connsiteY121" fmla="*/ 7474 h 10000"/>
                  <a:gd name="connsiteX122" fmla="*/ 3625 w 14341"/>
                  <a:gd name="connsiteY122" fmla="*/ 7312 h 10000"/>
                  <a:gd name="connsiteX123" fmla="*/ 3425 w 14341"/>
                  <a:gd name="connsiteY123" fmla="*/ 7238 h 10000"/>
                  <a:gd name="connsiteX124" fmla="*/ 3250 w 14341"/>
                  <a:gd name="connsiteY124" fmla="*/ 7179 h 10000"/>
                  <a:gd name="connsiteX125" fmla="*/ 3100 w 14341"/>
                  <a:gd name="connsiteY125" fmla="*/ 7090 h 10000"/>
                  <a:gd name="connsiteX126" fmla="*/ 2950 w 14341"/>
                  <a:gd name="connsiteY126" fmla="*/ 6987 h 10000"/>
                  <a:gd name="connsiteX127" fmla="*/ 2849 w 14341"/>
                  <a:gd name="connsiteY127" fmla="*/ 6869 h 10000"/>
                  <a:gd name="connsiteX128" fmla="*/ 2801 w 14341"/>
                  <a:gd name="connsiteY128" fmla="*/ 6721 h 10000"/>
                  <a:gd name="connsiteX129" fmla="*/ 2775 w 14341"/>
                  <a:gd name="connsiteY129" fmla="*/ 6558 h 10000"/>
                  <a:gd name="connsiteX130" fmla="*/ 2801 w 14341"/>
                  <a:gd name="connsiteY130" fmla="*/ 6352 h 10000"/>
                  <a:gd name="connsiteX131" fmla="*/ 2676 w 14341"/>
                  <a:gd name="connsiteY131" fmla="*/ 6322 h 10000"/>
                  <a:gd name="connsiteX132" fmla="*/ 2526 w 14341"/>
                  <a:gd name="connsiteY132" fmla="*/ 6292 h 10000"/>
                  <a:gd name="connsiteX133" fmla="*/ 2350 w 14341"/>
                  <a:gd name="connsiteY133" fmla="*/ 6278 h 10000"/>
                  <a:gd name="connsiteX134" fmla="*/ 2175 w 14341"/>
                  <a:gd name="connsiteY134" fmla="*/ 6263 h 10000"/>
                  <a:gd name="connsiteX135" fmla="*/ 1825 w 14341"/>
                  <a:gd name="connsiteY135" fmla="*/ 6248 h 10000"/>
                  <a:gd name="connsiteX136" fmla="*/ 1450 w 14341"/>
                  <a:gd name="connsiteY136" fmla="*/ 6263 h 10000"/>
                  <a:gd name="connsiteX137" fmla="*/ 1126 w 14341"/>
                  <a:gd name="connsiteY137" fmla="*/ 6278 h 10000"/>
                  <a:gd name="connsiteX138" fmla="*/ 825 w 14341"/>
                  <a:gd name="connsiteY138" fmla="*/ 6278 h 10000"/>
                  <a:gd name="connsiteX139" fmla="*/ 576 w 14341"/>
                  <a:gd name="connsiteY139" fmla="*/ 6263 h 10000"/>
                  <a:gd name="connsiteX140" fmla="*/ 375 w 14341"/>
                  <a:gd name="connsiteY140" fmla="*/ 6233 h 10000"/>
                  <a:gd name="connsiteX141" fmla="*/ 624 w 14341"/>
                  <a:gd name="connsiteY141" fmla="*/ 5805 h 10000"/>
                  <a:gd name="connsiteX142" fmla="*/ 900 w 14341"/>
                  <a:gd name="connsiteY142" fmla="*/ 5391 h 10000"/>
                  <a:gd name="connsiteX143" fmla="*/ 1001 w 14341"/>
                  <a:gd name="connsiteY143" fmla="*/ 5170 h 10000"/>
                  <a:gd name="connsiteX144" fmla="*/ 1075 w 14341"/>
                  <a:gd name="connsiteY144" fmla="*/ 4963 h 10000"/>
                  <a:gd name="connsiteX145" fmla="*/ 1099 w 14341"/>
                  <a:gd name="connsiteY145" fmla="*/ 4860 h 10000"/>
                  <a:gd name="connsiteX146" fmla="*/ 1075 w 14341"/>
                  <a:gd name="connsiteY146" fmla="*/ 4756 h 10000"/>
                  <a:gd name="connsiteX147" fmla="*/ 1050 w 14341"/>
                  <a:gd name="connsiteY147" fmla="*/ 4653 h 10000"/>
                  <a:gd name="connsiteX148" fmla="*/ 975 w 14341"/>
                  <a:gd name="connsiteY148" fmla="*/ 4549 h 10000"/>
                  <a:gd name="connsiteX149" fmla="*/ 1251 w 14341"/>
                  <a:gd name="connsiteY149" fmla="*/ 4520 h 10000"/>
                  <a:gd name="connsiteX150" fmla="*/ 1450 w 14341"/>
                  <a:gd name="connsiteY150" fmla="*/ 4505 h 10000"/>
                  <a:gd name="connsiteX151" fmla="*/ 1625 w 14341"/>
                  <a:gd name="connsiteY151" fmla="*/ 4505 h 10000"/>
                  <a:gd name="connsiteX152" fmla="*/ 1775 w 14341"/>
                  <a:gd name="connsiteY152" fmla="*/ 4520 h 10000"/>
                  <a:gd name="connsiteX153" fmla="*/ 1900 w 14341"/>
                  <a:gd name="connsiteY153" fmla="*/ 4520 h 10000"/>
                  <a:gd name="connsiteX154" fmla="*/ 2050 w 14341"/>
                  <a:gd name="connsiteY154" fmla="*/ 4520 h 10000"/>
                  <a:gd name="connsiteX155" fmla="*/ 2201 w 14341"/>
                  <a:gd name="connsiteY155" fmla="*/ 4490 h 10000"/>
                  <a:gd name="connsiteX156" fmla="*/ 2400 w 14341"/>
                  <a:gd name="connsiteY156" fmla="*/ 4446 h 10000"/>
                  <a:gd name="connsiteX157" fmla="*/ 2400 w 14341"/>
                  <a:gd name="connsiteY157" fmla="*/ 4579 h 10000"/>
                  <a:gd name="connsiteX158" fmla="*/ 2400 w 14341"/>
                  <a:gd name="connsiteY158" fmla="*/ 4742 h 10000"/>
                  <a:gd name="connsiteX159" fmla="*/ 2400 w 14341"/>
                  <a:gd name="connsiteY159" fmla="*/ 4874 h 10000"/>
                  <a:gd name="connsiteX160" fmla="*/ 2400 w 14341"/>
                  <a:gd name="connsiteY160" fmla="*/ 5037 h 10000"/>
                  <a:gd name="connsiteX161" fmla="*/ 2625 w 14341"/>
                  <a:gd name="connsiteY161" fmla="*/ 5022 h 10000"/>
                  <a:gd name="connsiteX162" fmla="*/ 2775 w 14341"/>
                  <a:gd name="connsiteY162" fmla="*/ 5037 h 10000"/>
                  <a:gd name="connsiteX163" fmla="*/ 2900 w 14341"/>
                  <a:gd name="connsiteY163" fmla="*/ 5066 h 10000"/>
                  <a:gd name="connsiteX164" fmla="*/ 3025 w 14341"/>
                  <a:gd name="connsiteY164" fmla="*/ 5096 h 10000"/>
                  <a:gd name="connsiteX165" fmla="*/ 3126 w 14341"/>
                  <a:gd name="connsiteY165" fmla="*/ 5126 h 10000"/>
                  <a:gd name="connsiteX166" fmla="*/ 3250 w 14341"/>
                  <a:gd name="connsiteY166" fmla="*/ 5155 h 10000"/>
                  <a:gd name="connsiteX167" fmla="*/ 3401 w 14341"/>
                  <a:gd name="connsiteY167" fmla="*/ 5170 h 10000"/>
                  <a:gd name="connsiteX168" fmla="*/ 3625 w 14341"/>
                  <a:gd name="connsiteY168" fmla="*/ 5155 h 10000"/>
                  <a:gd name="connsiteX169" fmla="*/ 3701 w 14341"/>
                  <a:gd name="connsiteY169" fmla="*/ 5096 h 10000"/>
                  <a:gd name="connsiteX170" fmla="*/ 3775 w 14341"/>
                  <a:gd name="connsiteY170" fmla="*/ 5022 h 10000"/>
                  <a:gd name="connsiteX171" fmla="*/ 3800 w 14341"/>
                  <a:gd name="connsiteY171" fmla="*/ 4934 h 10000"/>
                  <a:gd name="connsiteX172" fmla="*/ 3826 w 14341"/>
                  <a:gd name="connsiteY172" fmla="*/ 4860 h 10000"/>
                  <a:gd name="connsiteX173" fmla="*/ 3850 w 14341"/>
                  <a:gd name="connsiteY173" fmla="*/ 4697 h 10000"/>
                  <a:gd name="connsiteX174" fmla="*/ 3826 w 14341"/>
                  <a:gd name="connsiteY174" fmla="*/ 4520 h 10000"/>
                  <a:gd name="connsiteX175" fmla="*/ 3750 w 14341"/>
                  <a:gd name="connsiteY175" fmla="*/ 4343 h 10000"/>
                  <a:gd name="connsiteX176" fmla="*/ 3675 w 14341"/>
                  <a:gd name="connsiteY176" fmla="*/ 4195 h 10000"/>
                  <a:gd name="connsiteX177" fmla="*/ 3550 w 14341"/>
                  <a:gd name="connsiteY177" fmla="*/ 4047 h 10000"/>
                  <a:gd name="connsiteX178" fmla="*/ 3425 w 14341"/>
                  <a:gd name="connsiteY178" fmla="*/ 3959 h 10000"/>
                  <a:gd name="connsiteX179" fmla="*/ 3575 w 14341"/>
                  <a:gd name="connsiteY179" fmla="*/ 3944 h 10000"/>
                  <a:gd name="connsiteX180" fmla="*/ 3701 w 14341"/>
                  <a:gd name="connsiteY180" fmla="*/ 3914 h 10000"/>
                  <a:gd name="connsiteX181" fmla="*/ 3800 w 14341"/>
                  <a:gd name="connsiteY181" fmla="*/ 3855 h 10000"/>
                  <a:gd name="connsiteX182" fmla="*/ 3924 w 14341"/>
                  <a:gd name="connsiteY182" fmla="*/ 3752 h 10000"/>
                  <a:gd name="connsiteX183" fmla="*/ 4050 w 14341"/>
                  <a:gd name="connsiteY183" fmla="*/ 3663 h 10000"/>
                  <a:gd name="connsiteX184" fmla="*/ 4150 w 14341"/>
                  <a:gd name="connsiteY184" fmla="*/ 3560 h 10000"/>
                  <a:gd name="connsiteX185" fmla="*/ 4225 w 14341"/>
                  <a:gd name="connsiteY185" fmla="*/ 3442 h 10000"/>
                  <a:gd name="connsiteX186" fmla="*/ 4301 w 14341"/>
                  <a:gd name="connsiteY186" fmla="*/ 3323 h 10000"/>
                  <a:gd name="connsiteX187" fmla="*/ 4350 w 14341"/>
                  <a:gd name="connsiteY187" fmla="*/ 3220 h 10000"/>
                  <a:gd name="connsiteX188" fmla="*/ 4375 w 14341"/>
                  <a:gd name="connsiteY188" fmla="*/ 3102 h 10000"/>
                  <a:gd name="connsiteX189" fmla="*/ 4401 w 14341"/>
                  <a:gd name="connsiteY189" fmla="*/ 3013 h 10000"/>
                  <a:gd name="connsiteX190" fmla="*/ 4375 w 14341"/>
                  <a:gd name="connsiteY190" fmla="*/ 2939 h 10000"/>
                  <a:gd name="connsiteX191" fmla="*/ 4350 w 14341"/>
                  <a:gd name="connsiteY191" fmla="*/ 2866 h 10000"/>
                  <a:gd name="connsiteX192" fmla="*/ 4275 w 14341"/>
                  <a:gd name="connsiteY192" fmla="*/ 2836 h 10000"/>
                  <a:gd name="connsiteX193" fmla="*/ 4176 w 14341"/>
                  <a:gd name="connsiteY193" fmla="*/ 2836 h 10000"/>
                  <a:gd name="connsiteX194" fmla="*/ 4050 w 14341"/>
                  <a:gd name="connsiteY194" fmla="*/ 2866 h 10000"/>
                  <a:gd name="connsiteX195" fmla="*/ 4150 w 14341"/>
                  <a:gd name="connsiteY195" fmla="*/ 2777 h 10000"/>
                  <a:gd name="connsiteX196" fmla="*/ 4201 w 14341"/>
                  <a:gd name="connsiteY196" fmla="*/ 2674 h 10000"/>
                  <a:gd name="connsiteX197" fmla="*/ 4225 w 14341"/>
                  <a:gd name="connsiteY197" fmla="*/ 2541 h 10000"/>
                  <a:gd name="connsiteX198" fmla="*/ 4225 w 14341"/>
                  <a:gd name="connsiteY198" fmla="*/ 2393 h 10000"/>
                  <a:gd name="connsiteX199" fmla="*/ 4250 w 14341"/>
                  <a:gd name="connsiteY199" fmla="*/ 2349 h 10000"/>
                  <a:gd name="connsiteX200" fmla="*/ 4301 w 14341"/>
                  <a:gd name="connsiteY200" fmla="*/ 2304 h 10000"/>
                  <a:gd name="connsiteX201" fmla="*/ 4350 w 14341"/>
                  <a:gd name="connsiteY201" fmla="*/ 2290 h 10000"/>
                  <a:gd name="connsiteX202" fmla="*/ 4426 w 14341"/>
                  <a:gd name="connsiteY202" fmla="*/ 2275 h 10000"/>
                  <a:gd name="connsiteX203" fmla="*/ 4650 w 14341"/>
                  <a:gd name="connsiteY203" fmla="*/ 2260 h 10000"/>
                  <a:gd name="connsiteX204" fmla="*/ 4850 w 14341"/>
                  <a:gd name="connsiteY204" fmla="*/ 2275 h 10000"/>
                  <a:gd name="connsiteX205" fmla="*/ 4825 w 14341"/>
                  <a:gd name="connsiteY205" fmla="*/ 2112 h 10000"/>
                  <a:gd name="connsiteX206" fmla="*/ 4776 w 14341"/>
                  <a:gd name="connsiteY206" fmla="*/ 1950 h 10000"/>
                  <a:gd name="connsiteX207" fmla="*/ 4700 w 14341"/>
                  <a:gd name="connsiteY207" fmla="*/ 1802 h 10000"/>
                  <a:gd name="connsiteX208" fmla="*/ 4601 w 14341"/>
                  <a:gd name="connsiteY208" fmla="*/ 1640 h 10000"/>
                  <a:gd name="connsiteX209" fmla="*/ 4350 w 14341"/>
                  <a:gd name="connsiteY209" fmla="*/ 1329 h 10000"/>
                  <a:gd name="connsiteX210" fmla="*/ 4100 w 14341"/>
                  <a:gd name="connsiteY210" fmla="*/ 1034 h 10000"/>
                  <a:gd name="connsiteX211" fmla="*/ 3975 w 14341"/>
                  <a:gd name="connsiteY211" fmla="*/ 901 h 10000"/>
                  <a:gd name="connsiteX212" fmla="*/ 3876 w 14341"/>
                  <a:gd name="connsiteY212" fmla="*/ 753 h 10000"/>
                  <a:gd name="connsiteX213" fmla="*/ 3800 w 14341"/>
                  <a:gd name="connsiteY213" fmla="*/ 620 h 10000"/>
                  <a:gd name="connsiteX214" fmla="*/ 3775 w 14341"/>
                  <a:gd name="connsiteY214" fmla="*/ 487 h 10000"/>
                  <a:gd name="connsiteX215" fmla="*/ 3750 w 14341"/>
                  <a:gd name="connsiteY215" fmla="*/ 355 h 10000"/>
                  <a:gd name="connsiteX216" fmla="*/ 3800 w 14341"/>
                  <a:gd name="connsiteY216" fmla="*/ 222 h 10000"/>
                  <a:gd name="connsiteX217" fmla="*/ 3826 w 14341"/>
                  <a:gd name="connsiteY217" fmla="*/ 162 h 10000"/>
                  <a:gd name="connsiteX218" fmla="*/ 3876 w 14341"/>
                  <a:gd name="connsiteY218" fmla="*/ 103 h 10000"/>
                  <a:gd name="connsiteX219" fmla="*/ 3951 w 14341"/>
                  <a:gd name="connsiteY219" fmla="*/ 59 h 10000"/>
                  <a:gd name="connsiteX220" fmla="*/ 4050 w 14341"/>
                  <a:gd name="connsiteY220" fmla="*/ 0 h 10000"/>
                  <a:gd name="connsiteX221" fmla="*/ 4225 w 14341"/>
                  <a:gd name="connsiteY221" fmla="*/ 0 h 10000"/>
                  <a:gd name="connsiteX222" fmla="*/ 4401 w 14341"/>
                  <a:gd name="connsiteY222" fmla="*/ 15 h 10000"/>
                  <a:gd name="connsiteX223" fmla="*/ 4575 w 14341"/>
                  <a:gd name="connsiteY223" fmla="*/ 44 h 10000"/>
                  <a:gd name="connsiteX224" fmla="*/ 4700 w 14341"/>
                  <a:gd name="connsiteY224" fmla="*/ 89 h 10000"/>
                  <a:gd name="connsiteX225" fmla="*/ 4901 w 14341"/>
                  <a:gd name="connsiteY225" fmla="*/ 192 h 10000"/>
                  <a:gd name="connsiteX226" fmla="*/ 5100 w 14341"/>
                  <a:gd name="connsiteY226" fmla="*/ 340 h 10000"/>
                  <a:gd name="connsiteX227" fmla="*/ 5250 w 14341"/>
                  <a:gd name="connsiteY227" fmla="*/ 473 h 10000"/>
                  <a:gd name="connsiteX228" fmla="*/ 5450 w 14341"/>
                  <a:gd name="connsiteY228" fmla="*/ 591 h 10000"/>
                  <a:gd name="connsiteX229" fmla="*/ 5576 w 14341"/>
                  <a:gd name="connsiteY229" fmla="*/ 650 h 10000"/>
                  <a:gd name="connsiteX230" fmla="*/ 5725 w 14341"/>
                  <a:gd name="connsiteY230" fmla="*/ 679 h 10000"/>
                  <a:gd name="connsiteX231" fmla="*/ 5876 w 14341"/>
                  <a:gd name="connsiteY231" fmla="*/ 709 h 10000"/>
                  <a:gd name="connsiteX232" fmla="*/ 6076 w 14341"/>
                  <a:gd name="connsiteY232" fmla="*/ 709 h 10000"/>
                  <a:gd name="connsiteX233" fmla="*/ 6076 w 14341"/>
                  <a:gd name="connsiteY233" fmla="*/ 768 h 10000"/>
                  <a:gd name="connsiteX234" fmla="*/ 6101 w 14341"/>
                  <a:gd name="connsiteY234" fmla="*/ 842 h 10000"/>
                  <a:gd name="connsiteX235" fmla="*/ 6150 w 14341"/>
                  <a:gd name="connsiteY235" fmla="*/ 916 h 10000"/>
                  <a:gd name="connsiteX236" fmla="*/ 6200 w 14341"/>
                  <a:gd name="connsiteY236" fmla="*/ 990 h 10000"/>
                  <a:gd name="connsiteX237" fmla="*/ 6274 w 14341"/>
                  <a:gd name="connsiteY237" fmla="*/ 1049 h 10000"/>
                  <a:gd name="connsiteX238" fmla="*/ 6375 w 14341"/>
                  <a:gd name="connsiteY238" fmla="*/ 1108 h 10000"/>
                  <a:gd name="connsiteX239" fmla="*/ 6500 w 14341"/>
                  <a:gd name="connsiteY239" fmla="*/ 1182 h 10000"/>
                  <a:gd name="connsiteX240" fmla="*/ 6600 w 14341"/>
                  <a:gd name="connsiteY240" fmla="*/ 1226 h 10000"/>
                  <a:gd name="connsiteX241" fmla="*/ 6701 w 14341"/>
                  <a:gd name="connsiteY241" fmla="*/ 1270 h 10000"/>
                  <a:gd name="connsiteX242" fmla="*/ 6800 w 14341"/>
                  <a:gd name="connsiteY242" fmla="*/ 1300 h 10000"/>
                  <a:gd name="connsiteX243" fmla="*/ 6901 w 14341"/>
                  <a:gd name="connsiteY243" fmla="*/ 1315 h 10000"/>
                  <a:gd name="connsiteX244" fmla="*/ 7026 w 14341"/>
                  <a:gd name="connsiteY244" fmla="*/ 1300 h 10000"/>
                  <a:gd name="connsiteX245" fmla="*/ 7126 w 14341"/>
                  <a:gd name="connsiteY245" fmla="*/ 1285 h 10000"/>
                  <a:gd name="connsiteX246" fmla="*/ 7200 w 14341"/>
                  <a:gd name="connsiteY246" fmla="*/ 1241 h 10000"/>
                  <a:gd name="connsiteX247" fmla="*/ 7251 w 14341"/>
                  <a:gd name="connsiteY247" fmla="*/ 1167 h 10000"/>
                  <a:gd name="connsiteX248" fmla="*/ 7275 w 14341"/>
                  <a:gd name="connsiteY248" fmla="*/ 1064 h 10000"/>
                  <a:gd name="connsiteX249" fmla="*/ 7650 w 14341"/>
                  <a:gd name="connsiteY249" fmla="*/ 1034 h 10000"/>
                  <a:gd name="connsiteX250" fmla="*/ 8000 w 14341"/>
                  <a:gd name="connsiteY250" fmla="*/ 1004 h 10000"/>
                  <a:gd name="connsiteX251" fmla="*/ 8301 w 14341"/>
                  <a:gd name="connsiteY251" fmla="*/ 990 h 10000"/>
                  <a:gd name="connsiteX252" fmla="*/ 8576 w 14341"/>
                  <a:gd name="connsiteY252" fmla="*/ 1004 h 10000"/>
                  <a:gd name="connsiteX253" fmla="*/ 8701 w 14341"/>
                  <a:gd name="connsiteY253" fmla="*/ 1019 h 10000"/>
                  <a:gd name="connsiteX254" fmla="*/ 8825 w 14341"/>
                  <a:gd name="connsiteY254" fmla="*/ 1034 h 10000"/>
                  <a:gd name="connsiteX255" fmla="*/ 8926 w 14341"/>
                  <a:gd name="connsiteY255" fmla="*/ 1064 h 10000"/>
                  <a:gd name="connsiteX256" fmla="*/ 9051 w 14341"/>
                  <a:gd name="connsiteY256" fmla="*/ 1108 h 10000"/>
                  <a:gd name="connsiteX257" fmla="*/ 9126 w 14341"/>
                  <a:gd name="connsiteY257" fmla="*/ 1182 h 10000"/>
                  <a:gd name="connsiteX258" fmla="*/ 9200 w 14341"/>
                  <a:gd name="connsiteY258" fmla="*/ 1241 h 10000"/>
                  <a:gd name="connsiteX259" fmla="*/ 9251 w 14341"/>
                  <a:gd name="connsiteY259" fmla="*/ 1329 h 10000"/>
                  <a:gd name="connsiteX260" fmla="*/ 9301 w 14341"/>
                  <a:gd name="connsiteY260" fmla="*/ 1433 h 10000"/>
                  <a:gd name="connsiteX261" fmla="*/ 9351 w 14341"/>
                  <a:gd name="connsiteY261" fmla="*/ 1551 h 10000"/>
                  <a:gd name="connsiteX262" fmla="*/ 9325 w 14341"/>
                  <a:gd name="connsiteY262" fmla="*/ 1625 h 10000"/>
                  <a:gd name="connsiteX263" fmla="*/ 9301 w 14341"/>
                  <a:gd name="connsiteY263" fmla="*/ 1684 h 10000"/>
                  <a:gd name="connsiteX264" fmla="*/ 9251 w 14341"/>
                  <a:gd name="connsiteY264" fmla="*/ 1758 h 10000"/>
                  <a:gd name="connsiteX265" fmla="*/ 9176 w 14341"/>
                  <a:gd name="connsiteY265" fmla="*/ 1802 h 10000"/>
                  <a:gd name="connsiteX266" fmla="*/ 9126 w 14341"/>
                  <a:gd name="connsiteY266" fmla="*/ 1861 h 10000"/>
                  <a:gd name="connsiteX267" fmla="*/ 9102 w 14341"/>
                  <a:gd name="connsiteY267" fmla="*/ 1935 h 10000"/>
                  <a:gd name="connsiteX268" fmla="*/ 9126 w 14341"/>
                  <a:gd name="connsiteY268" fmla="*/ 2024 h 10000"/>
                  <a:gd name="connsiteX269" fmla="*/ 9401 w 14341"/>
                  <a:gd name="connsiteY269" fmla="*/ 2157 h 10000"/>
                  <a:gd name="connsiteX270" fmla="*/ 9726 w 14341"/>
                  <a:gd name="connsiteY270" fmla="*/ 2275 h 10000"/>
                  <a:gd name="connsiteX271" fmla="*/ 9851 w 14341"/>
                  <a:gd name="connsiteY271" fmla="*/ 2349 h 10000"/>
                  <a:gd name="connsiteX272" fmla="*/ 14341 w 14341"/>
                  <a:gd name="connsiteY272" fmla="*/ 4971 h 10000"/>
                  <a:gd name="connsiteX0" fmla="*/ 7026 w 9851"/>
                  <a:gd name="connsiteY0" fmla="*/ 4564 h 10000"/>
                  <a:gd name="connsiteX1" fmla="*/ 6901 w 9851"/>
                  <a:gd name="connsiteY1" fmla="*/ 4638 h 10000"/>
                  <a:gd name="connsiteX2" fmla="*/ 6901 w 9851"/>
                  <a:gd name="connsiteY2" fmla="*/ 4697 h 10000"/>
                  <a:gd name="connsiteX3" fmla="*/ 6875 w 9851"/>
                  <a:gd name="connsiteY3" fmla="*/ 4801 h 10000"/>
                  <a:gd name="connsiteX4" fmla="*/ 6875 w 9851"/>
                  <a:gd name="connsiteY4" fmla="*/ 4904 h 10000"/>
                  <a:gd name="connsiteX5" fmla="*/ 6751 w 9851"/>
                  <a:gd name="connsiteY5" fmla="*/ 4860 h 10000"/>
                  <a:gd name="connsiteX6" fmla="*/ 6675 w 9851"/>
                  <a:gd name="connsiteY6" fmla="*/ 4801 h 10000"/>
                  <a:gd name="connsiteX7" fmla="*/ 6600 w 9851"/>
                  <a:gd name="connsiteY7" fmla="*/ 4727 h 10000"/>
                  <a:gd name="connsiteX8" fmla="*/ 6526 w 9851"/>
                  <a:gd name="connsiteY8" fmla="*/ 4638 h 10000"/>
                  <a:gd name="connsiteX9" fmla="*/ 6401 w 9851"/>
                  <a:gd name="connsiteY9" fmla="*/ 4476 h 10000"/>
                  <a:gd name="connsiteX10" fmla="*/ 6274 w 9851"/>
                  <a:gd name="connsiteY10" fmla="*/ 4313 h 10000"/>
                  <a:gd name="connsiteX11" fmla="*/ 6426 w 9851"/>
                  <a:gd name="connsiteY11" fmla="*/ 4210 h 10000"/>
                  <a:gd name="connsiteX12" fmla="*/ 8150 w 9851"/>
                  <a:gd name="connsiteY12" fmla="*/ 3663 h 10000"/>
                  <a:gd name="connsiteX13" fmla="*/ 8401 w 9851"/>
                  <a:gd name="connsiteY13" fmla="*/ 3589 h 10000"/>
                  <a:gd name="connsiteX14" fmla="*/ 8651 w 9851"/>
                  <a:gd name="connsiteY14" fmla="*/ 3516 h 10000"/>
                  <a:gd name="connsiteX15" fmla="*/ 8850 w 9851"/>
                  <a:gd name="connsiteY15" fmla="*/ 3412 h 10000"/>
                  <a:gd name="connsiteX16" fmla="*/ 9051 w 9851"/>
                  <a:gd name="connsiteY16" fmla="*/ 3338 h 10000"/>
                  <a:gd name="connsiteX17" fmla="*/ 9176 w 9851"/>
                  <a:gd name="connsiteY17" fmla="*/ 3235 h 10000"/>
                  <a:gd name="connsiteX18" fmla="*/ 9275 w 9851"/>
                  <a:gd name="connsiteY18" fmla="*/ 3117 h 10000"/>
                  <a:gd name="connsiteX19" fmla="*/ 9301 w 9851"/>
                  <a:gd name="connsiteY19" fmla="*/ 3072 h 10000"/>
                  <a:gd name="connsiteX20" fmla="*/ 9325 w 9851"/>
                  <a:gd name="connsiteY20" fmla="*/ 3013 h 10000"/>
                  <a:gd name="connsiteX21" fmla="*/ 9325 w 9851"/>
                  <a:gd name="connsiteY21" fmla="*/ 2954 h 10000"/>
                  <a:gd name="connsiteX22" fmla="*/ 9301 w 9851"/>
                  <a:gd name="connsiteY22" fmla="*/ 2866 h 10000"/>
                  <a:gd name="connsiteX23" fmla="*/ 9126 w 9851"/>
                  <a:gd name="connsiteY23" fmla="*/ 2984 h 10000"/>
                  <a:gd name="connsiteX24" fmla="*/ 8926 w 9851"/>
                  <a:gd name="connsiteY24" fmla="*/ 3072 h 10000"/>
                  <a:gd name="connsiteX25" fmla="*/ 8725 w 9851"/>
                  <a:gd name="connsiteY25" fmla="*/ 3161 h 10000"/>
                  <a:gd name="connsiteX26" fmla="*/ 8526 w 9851"/>
                  <a:gd name="connsiteY26" fmla="*/ 3250 h 10000"/>
                  <a:gd name="connsiteX27" fmla="*/ 8075 w 9851"/>
                  <a:gd name="connsiteY27" fmla="*/ 3397 h 10000"/>
                  <a:gd name="connsiteX28" fmla="*/ 7601 w 9851"/>
                  <a:gd name="connsiteY28" fmla="*/ 3545 h 10000"/>
                  <a:gd name="connsiteX29" fmla="*/ 7126 w 9851"/>
                  <a:gd name="connsiteY29" fmla="*/ 3678 h 10000"/>
                  <a:gd name="connsiteX30" fmla="*/ 6675 w 9851"/>
                  <a:gd name="connsiteY30" fmla="*/ 3840 h 10000"/>
                  <a:gd name="connsiteX31" fmla="*/ 6450 w 9851"/>
                  <a:gd name="connsiteY31" fmla="*/ 3914 h 10000"/>
                  <a:gd name="connsiteX32" fmla="*/ 6250 w 9851"/>
                  <a:gd name="connsiteY32" fmla="*/ 4003 h 10000"/>
                  <a:gd name="connsiteX33" fmla="*/ 6051 w 9851"/>
                  <a:gd name="connsiteY33" fmla="*/ 4106 h 10000"/>
                  <a:gd name="connsiteX34" fmla="*/ 5850 w 9851"/>
                  <a:gd name="connsiteY34" fmla="*/ 4195 h 10000"/>
                  <a:gd name="connsiteX35" fmla="*/ 6000 w 9851"/>
                  <a:gd name="connsiteY35" fmla="*/ 4417 h 10000"/>
                  <a:gd name="connsiteX36" fmla="*/ 6101 w 9851"/>
                  <a:gd name="connsiteY36" fmla="*/ 4623 h 10000"/>
                  <a:gd name="connsiteX37" fmla="*/ 6200 w 9851"/>
                  <a:gd name="connsiteY37" fmla="*/ 4845 h 10000"/>
                  <a:gd name="connsiteX38" fmla="*/ 6274 w 9851"/>
                  <a:gd name="connsiteY38" fmla="*/ 5081 h 10000"/>
                  <a:gd name="connsiteX39" fmla="*/ 6325 w 9851"/>
                  <a:gd name="connsiteY39" fmla="*/ 5318 h 10000"/>
                  <a:gd name="connsiteX40" fmla="*/ 6351 w 9851"/>
                  <a:gd name="connsiteY40" fmla="*/ 5539 h 10000"/>
                  <a:gd name="connsiteX41" fmla="*/ 6375 w 9851"/>
                  <a:gd name="connsiteY41" fmla="*/ 5775 h 10000"/>
                  <a:gd name="connsiteX42" fmla="*/ 6375 w 9851"/>
                  <a:gd name="connsiteY42" fmla="*/ 5997 h 10000"/>
                  <a:gd name="connsiteX43" fmla="*/ 6351 w 9851"/>
                  <a:gd name="connsiteY43" fmla="*/ 6233 h 10000"/>
                  <a:gd name="connsiteX44" fmla="*/ 6301 w 9851"/>
                  <a:gd name="connsiteY44" fmla="*/ 6470 h 10000"/>
                  <a:gd name="connsiteX45" fmla="*/ 6250 w 9851"/>
                  <a:gd name="connsiteY45" fmla="*/ 6677 h 10000"/>
                  <a:gd name="connsiteX46" fmla="*/ 6176 w 9851"/>
                  <a:gd name="connsiteY46" fmla="*/ 6898 h 10000"/>
                  <a:gd name="connsiteX47" fmla="*/ 6076 w 9851"/>
                  <a:gd name="connsiteY47" fmla="*/ 7105 h 10000"/>
                  <a:gd name="connsiteX48" fmla="*/ 5951 w 9851"/>
                  <a:gd name="connsiteY48" fmla="*/ 7297 h 10000"/>
                  <a:gd name="connsiteX49" fmla="*/ 5800 w 9851"/>
                  <a:gd name="connsiteY49" fmla="*/ 7489 h 10000"/>
                  <a:gd name="connsiteX50" fmla="*/ 5650 w 9851"/>
                  <a:gd name="connsiteY50" fmla="*/ 7681 h 10000"/>
                  <a:gd name="connsiteX51" fmla="*/ 6375 w 9851"/>
                  <a:gd name="connsiteY51" fmla="*/ 7799 h 10000"/>
                  <a:gd name="connsiteX52" fmla="*/ 7126 w 9851"/>
                  <a:gd name="connsiteY52" fmla="*/ 7962 h 10000"/>
                  <a:gd name="connsiteX53" fmla="*/ 7275 w 9851"/>
                  <a:gd name="connsiteY53" fmla="*/ 8021 h 10000"/>
                  <a:gd name="connsiteX54" fmla="*/ 7400 w 9851"/>
                  <a:gd name="connsiteY54" fmla="*/ 8080 h 10000"/>
                  <a:gd name="connsiteX55" fmla="*/ 7525 w 9851"/>
                  <a:gd name="connsiteY55" fmla="*/ 8139 h 10000"/>
                  <a:gd name="connsiteX56" fmla="*/ 7601 w 9851"/>
                  <a:gd name="connsiteY56" fmla="*/ 8227 h 10000"/>
                  <a:gd name="connsiteX57" fmla="*/ 7626 w 9851"/>
                  <a:gd name="connsiteY57" fmla="*/ 8301 h 10000"/>
                  <a:gd name="connsiteX58" fmla="*/ 7626 w 9851"/>
                  <a:gd name="connsiteY58" fmla="*/ 8405 h 10000"/>
                  <a:gd name="connsiteX59" fmla="*/ 7576 w 9851"/>
                  <a:gd name="connsiteY59" fmla="*/ 8523 h 10000"/>
                  <a:gd name="connsiteX60" fmla="*/ 7501 w 9851"/>
                  <a:gd name="connsiteY60" fmla="*/ 8641 h 10000"/>
                  <a:gd name="connsiteX61" fmla="*/ 7175 w 9851"/>
                  <a:gd name="connsiteY61" fmla="*/ 8552 h 10000"/>
                  <a:gd name="connsiteX62" fmla="*/ 6875 w 9851"/>
                  <a:gd name="connsiteY62" fmla="*/ 8449 h 10000"/>
                  <a:gd name="connsiteX63" fmla="*/ 6575 w 9851"/>
                  <a:gd name="connsiteY63" fmla="*/ 8360 h 10000"/>
                  <a:gd name="connsiteX64" fmla="*/ 6274 w 9851"/>
                  <a:gd name="connsiteY64" fmla="*/ 8287 h 10000"/>
                  <a:gd name="connsiteX65" fmla="*/ 6150 w 9851"/>
                  <a:gd name="connsiteY65" fmla="*/ 8449 h 10000"/>
                  <a:gd name="connsiteX66" fmla="*/ 6051 w 9851"/>
                  <a:gd name="connsiteY66" fmla="*/ 8597 h 10000"/>
                  <a:gd name="connsiteX67" fmla="*/ 6000 w 9851"/>
                  <a:gd name="connsiteY67" fmla="*/ 8656 h 10000"/>
                  <a:gd name="connsiteX68" fmla="*/ 5900 w 9851"/>
                  <a:gd name="connsiteY68" fmla="*/ 8700 h 10000"/>
                  <a:gd name="connsiteX69" fmla="*/ 5826 w 9851"/>
                  <a:gd name="connsiteY69" fmla="*/ 8744 h 10000"/>
                  <a:gd name="connsiteX70" fmla="*/ 5751 w 9851"/>
                  <a:gd name="connsiteY70" fmla="*/ 8774 h 10000"/>
                  <a:gd name="connsiteX71" fmla="*/ 5675 w 9851"/>
                  <a:gd name="connsiteY71" fmla="*/ 8804 h 10000"/>
                  <a:gd name="connsiteX72" fmla="*/ 5576 w 9851"/>
                  <a:gd name="connsiteY72" fmla="*/ 8818 h 10000"/>
                  <a:gd name="connsiteX73" fmla="*/ 5450 w 9851"/>
                  <a:gd name="connsiteY73" fmla="*/ 8833 h 10000"/>
                  <a:gd name="connsiteX74" fmla="*/ 5325 w 9851"/>
                  <a:gd name="connsiteY74" fmla="*/ 8833 h 10000"/>
                  <a:gd name="connsiteX75" fmla="*/ 5026 w 9851"/>
                  <a:gd name="connsiteY75" fmla="*/ 8818 h 10000"/>
                  <a:gd name="connsiteX76" fmla="*/ 4650 w 9851"/>
                  <a:gd name="connsiteY76" fmla="*/ 8744 h 10000"/>
                  <a:gd name="connsiteX77" fmla="*/ 4650 w 9851"/>
                  <a:gd name="connsiteY77" fmla="*/ 8922 h 10000"/>
                  <a:gd name="connsiteX78" fmla="*/ 4625 w 9851"/>
                  <a:gd name="connsiteY78" fmla="*/ 9069 h 10000"/>
                  <a:gd name="connsiteX79" fmla="*/ 4601 w 9851"/>
                  <a:gd name="connsiteY79" fmla="*/ 9232 h 10000"/>
                  <a:gd name="connsiteX80" fmla="*/ 4575 w 9851"/>
                  <a:gd name="connsiteY80" fmla="*/ 9365 h 10000"/>
                  <a:gd name="connsiteX81" fmla="*/ 4525 w 9851"/>
                  <a:gd name="connsiteY81" fmla="*/ 9498 h 10000"/>
                  <a:gd name="connsiteX82" fmla="*/ 4426 w 9851"/>
                  <a:gd name="connsiteY82" fmla="*/ 9616 h 10000"/>
                  <a:gd name="connsiteX83" fmla="*/ 4350 w 9851"/>
                  <a:gd name="connsiteY83" fmla="*/ 9734 h 10000"/>
                  <a:gd name="connsiteX84" fmla="*/ 4225 w 9851"/>
                  <a:gd name="connsiteY84" fmla="*/ 9838 h 10000"/>
                  <a:gd name="connsiteX85" fmla="*/ 3924 w 9851"/>
                  <a:gd name="connsiteY85" fmla="*/ 9897 h 10000"/>
                  <a:gd name="connsiteX86" fmla="*/ 3675 w 9851"/>
                  <a:gd name="connsiteY86" fmla="*/ 9941 h 10000"/>
                  <a:gd name="connsiteX87" fmla="*/ 3375 w 9851"/>
                  <a:gd name="connsiteY87" fmla="*/ 9985 h 10000"/>
                  <a:gd name="connsiteX88" fmla="*/ 3150 w 9851"/>
                  <a:gd name="connsiteY88" fmla="*/ 10000 h 10000"/>
                  <a:gd name="connsiteX89" fmla="*/ 2650 w 9851"/>
                  <a:gd name="connsiteY89" fmla="*/ 10000 h 10000"/>
                  <a:gd name="connsiteX90" fmla="*/ 2175 w 9851"/>
                  <a:gd name="connsiteY90" fmla="*/ 9985 h 10000"/>
                  <a:gd name="connsiteX91" fmla="*/ 1726 w 9851"/>
                  <a:gd name="connsiteY91" fmla="*/ 9941 h 10000"/>
                  <a:gd name="connsiteX92" fmla="*/ 1251 w 9851"/>
                  <a:gd name="connsiteY92" fmla="*/ 9911 h 10000"/>
                  <a:gd name="connsiteX93" fmla="*/ 975 w 9851"/>
                  <a:gd name="connsiteY93" fmla="*/ 9911 h 10000"/>
                  <a:gd name="connsiteX94" fmla="*/ 725 w 9851"/>
                  <a:gd name="connsiteY94" fmla="*/ 9911 h 10000"/>
                  <a:gd name="connsiteX95" fmla="*/ 450 w 9851"/>
                  <a:gd name="connsiteY95" fmla="*/ 9926 h 10000"/>
                  <a:gd name="connsiteX96" fmla="*/ 175 w 9851"/>
                  <a:gd name="connsiteY96" fmla="*/ 9970 h 10000"/>
                  <a:gd name="connsiteX97" fmla="*/ 100 w 9851"/>
                  <a:gd name="connsiteY97" fmla="*/ 9867 h 10000"/>
                  <a:gd name="connsiteX98" fmla="*/ 50 w 9851"/>
                  <a:gd name="connsiteY98" fmla="*/ 9793 h 10000"/>
                  <a:gd name="connsiteX99" fmla="*/ 0 w 9851"/>
                  <a:gd name="connsiteY99" fmla="*/ 9705 h 10000"/>
                  <a:gd name="connsiteX100" fmla="*/ 0 w 9851"/>
                  <a:gd name="connsiteY100" fmla="*/ 9601 h 10000"/>
                  <a:gd name="connsiteX101" fmla="*/ 50 w 9851"/>
                  <a:gd name="connsiteY101" fmla="*/ 9424 h 10000"/>
                  <a:gd name="connsiteX102" fmla="*/ 100 w 9851"/>
                  <a:gd name="connsiteY102" fmla="*/ 9202 h 10000"/>
                  <a:gd name="connsiteX103" fmla="*/ 149 w 9851"/>
                  <a:gd name="connsiteY103" fmla="*/ 8996 h 10000"/>
                  <a:gd name="connsiteX104" fmla="*/ 200 w 9851"/>
                  <a:gd name="connsiteY104" fmla="*/ 8759 h 10000"/>
                  <a:gd name="connsiteX105" fmla="*/ 225 w 9851"/>
                  <a:gd name="connsiteY105" fmla="*/ 8641 h 10000"/>
                  <a:gd name="connsiteX106" fmla="*/ 225 w 9851"/>
                  <a:gd name="connsiteY106" fmla="*/ 8538 h 10000"/>
                  <a:gd name="connsiteX107" fmla="*/ 200 w 9851"/>
                  <a:gd name="connsiteY107" fmla="*/ 8405 h 10000"/>
                  <a:gd name="connsiteX108" fmla="*/ 175 w 9851"/>
                  <a:gd name="connsiteY108" fmla="*/ 8287 h 10000"/>
                  <a:gd name="connsiteX109" fmla="*/ 425 w 9851"/>
                  <a:gd name="connsiteY109" fmla="*/ 8213 h 10000"/>
                  <a:gd name="connsiteX110" fmla="*/ 675 w 9851"/>
                  <a:gd name="connsiteY110" fmla="*/ 8139 h 10000"/>
                  <a:gd name="connsiteX111" fmla="*/ 925 w 9851"/>
                  <a:gd name="connsiteY111" fmla="*/ 8095 h 10000"/>
                  <a:gd name="connsiteX112" fmla="*/ 1200 w 9851"/>
                  <a:gd name="connsiteY112" fmla="*/ 8065 h 10000"/>
                  <a:gd name="connsiteX113" fmla="*/ 1699 w 9851"/>
                  <a:gd name="connsiteY113" fmla="*/ 8021 h 10000"/>
                  <a:gd name="connsiteX114" fmla="*/ 2201 w 9851"/>
                  <a:gd name="connsiteY114" fmla="*/ 7976 h 10000"/>
                  <a:gd name="connsiteX115" fmla="*/ 2425 w 9851"/>
                  <a:gd name="connsiteY115" fmla="*/ 7947 h 10000"/>
                  <a:gd name="connsiteX116" fmla="*/ 2650 w 9851"/>
                  <a:gd name="connsiteY116" fmla="*/ 7917 h 10000"/>
                  <a:gd name="connsiteX117" fmla="*/ 2849 w 9851"/>
                  <a:gd name="connsiteY117" fmla="*/ 7843 h 10000"/>
                  <a:gd name="connsiteX118" fmla="*/ 3050 w 9851"/>
                  <a:gd name="connsiteY118" fmla="*/ 7784 h 10000"/>
                  <a:gd name="connsiteX119" fmla="*/ 3225 w 9851"/>
                  <a:gd name="connsiteY119" fmla="*/ 7710 h 10000"/>
                  <a:gd name="connsiteX120" fmla="*/ 3375 w 9851"/>
                  <a:gd name="connsiteY120" fmla="*/ 7592 h 10000"/>
                  <a:gd name="connsiteX121" fmla="*/ 3526 w 9851"/>
                  <a:gd name="connsiteY121" fmla="*/ 7474 h 10000"/>
                  <a:gd name="connsiteX122" fmla="*/ 3625 w 9851"/>
                  <a:gd name="connsiteY122" fmla="*/ 7312 h 10000"/>
                  <a:gd name="connsiteX123" fmla="*/ 3425 w 9851"/>
                  <a:gd name="connsiteY123" fmla="*/ 7238 h 10000"/>
                  <a:gd name="connsiteX124" fmla="*/ 3250 w 9851"/>
                  <a:gd name="connsiteY124" fmla="*/ 7179 h 10000"/>
                  <a:gd name="connsiteX125" fmla="*/ 3100 w 9851"/>
                  <a:gd name="connsiteY125" fmla="*/ 7090 h 10000"/>
                  <a:gd name="connsiteX126" fmla="*/ 2950 w 9851"/>
                  <a:gd name="connsiteY126" fmla="*/ 6987 h 10000"/>
                  <a:gd name="connsiteX127" fmla="*/ 2849 w 9851"/>
                  <a:gd name="connsiteY127" fmla="*/ 6869 h 10000"/>
                  <a:gd name="connsiteX128" fmla="*/ 2801 w 9851"/>
                  <a:gd name="connsiteY128" fmla="*/ 6721 h 10000"/>
                  <a:gd name="connsiteX129" fmla="*/ 2775 w 9851"/>
                  <a:gd name="connsiteY129" fmla="*/ 6558 h 10000"/>
                  <a:gd name="connsiteX130" fmla="*/ 2801 w 9851"/>
                  <a:gd name="connsiteY130" fmla="*/ 6352 h 10000"/>
                  <a:gd name="connsiteX131" fmla="*/ 2676 w 9851"/>
                  <a:gd name="connsiteY131" fmla="*/ 6322 h 10000"/>
                  <a:gd name="connsiteX132" fmla="*/ 2526 w 9851"/>
                  <a:gd name="connsiteY132" fmla="*/ 6292 h 10000"/>
                  <a:gd name="connsiteX133" fmla="*/ 2350 w 9851"/>
                  <a:gd name="connsiteY133" fmla="*/ 6278 h 10000"/>
                  <a:gd name="connsiteX134" fmla="*/ 2175 w 9851"/>
                  <a:gd name="connsiteY134" fmla="*/ 6263 h 10000"/>
                  <a:gd name="connsiteX135" fmla="*/ 1825 w 9851"/>
                  <a:gd name="connsiteY135" fmla="*/ 6248 h 10000"/>
                  <a:gd name="connsiteX136" fmla="*/ 1450 w 9851"/>
                  <a:gd name="connsiteY136" fmla="*/ 6263 h 10000"/>
                  <a:gd name="connsiteX137" fmla="*/ 1126 w 9851"/>
                  <a:gd name="connsiteY137" fmla="*/ 6278 h 10000"/>
                  <a:gd name="connsiteX138" fmla="*/ 825 w 9851"/>
                  <a:gd name="connsiteY138" fmla="*/ 6278 h 10000"/>
                  <a:gd name="connsiteX139" fmla="*/ 576 w 9851"/>
                  <a:gd name="connsiteY139" fmla="*/ 6263 h 10000"/>
                  <a:gd name="connsiteX140" fmla="*/ 375 w 9851"/>
                  <a:gd name="connsiteY140" fmla="*/ 6233 h 10000"/>
                  <a:gd name="connsiteX141" fmla="*/ 624 w 9851"/>
                  <a:gd name="connsiteY141" fmla="*/ 5805 h 10000"/>
                  <a:gd name="connsiteX142" fmla="*/ 900 w 9851"/>
                  <a:gd name="connsiteY142" fmla="*/ 5391 h 10000"/>
                  <a:gd name="connsiteX143" fmla="*/ 1001 w 9851"/>
                  <a:gd name="connsiteY143" fmla="*/ 5170 h 10000"/>
                  <a:gd name="connsiteX144" fmla="*/ 1075 w 9851"/>
                  <a:gd name="connsiteY144" fmla="*/ 4963 h 10000"/>
                  <a:gd name="connsiteX145" fmla="*/ 1099 w 9851"/>
                  <a:gd name="connsiteY145" fmla="*/ 4860 h 10000"/>
                  <a:gd name="connsiteX146" fmla="*/ 1075 w 9851"/>
                  <a:gd name="connsiteY146" fmla="*/ 4756 h 10000"/>
                  <a:gd name="connsiteX147" fmla="*/ 1050 w 9851"/>
                  <a:gd name="connsiteY147" fmla="*/ 4653 h 10000"/>
                  <a:gd name="connsiteX148" fmla="*/ 975 w 9851"/>
                  <a:gd name="connsiteY148" fmla="*/ 4549 h 10000"/>
                  <a:gd name="connsiteX149" fmla="*/ 1251 w 9851"/>
                  <a:gd name="connsiteY149" fmla="*/ 4520 h 10000"/>
                  <a:gd name="connsiteX150" fmla="*/ 1450 w 9851"/>
                  <a:gd name="connsiteY150" fmla="*/ 4505 h 10000"/>
                  <a:gd name="connsiteX151" fmla="*/ 1625 w 9851"/>
                  <a:gd name="connsiteY151" fmla="*/ 4505 h 10000"/>
                  <a:gd name="connsiteX152" fmla="*/ 1775 w 9851"/>
                  <a:gd name="connsiteY152" fmla="*/ 4520 h 10000"/>
                  <a:gd name="connsiteX153" fmla="*/ 1900 w 9851"/>
                  <a:gd name="connsiteY153" fmla="*/ 4520 h 10000"/>
                  <a:gd name="connsiteX154" fmla="*/ 2050 w 9851"/>
                  <a:gd name="connsiteY154" fmla="*/ 4520 h 10000"/>
                  <a:gd name="connsiteX155" fmla="*/ 2201 w 9851"/>
                  <a:gd name="connsiteY155" fmla="*/ 4490 h 10000"/>
                  <a:gd name="connsiteX156" fmla="*/ 2400 w 9851"/>
                  <a:gd name="connsiteY156" fmla="*/ 4446 h 10000"/>
                  <a:gd name="connsiteX157" fmla="*/ 2400 w 9851"/>
                  <a:gd name="connsiteY157" fmla="*/ 4579 h 10000"/>
                  <a:gd name="connsiteX158" fmla="*/ 2400 w 9851"/>
                  <a:gd name="connsiteY158" fmla="*/ 4742 h 10000"/>
                  <a:gd name="connsiteX159" fmla="*/ 2400 w 9851"/>
                  <a:gd name="connsiteY159" fmla="*/ 4874 h 10000"/>
                  <a:gd name="connsiteX160" fmla="*/ 2400 w 9851"/>
                  <a:gd name="connsiteY160" fmla="*/ 5037 h 10000"/>
                  <a:gd name="connsiteX161" fmla="*/ 2625 w 9851"/>
                  <a:gd name="connsiteY161" fmla="*/ 5022 h 10000"/>
                  <a:gd name="connsiteX162" fmla="*/ 2775 w 9851"/>
                  <a:gd name="connsiteY162" fmla="*/ 5037 h 10000"/>
                  <a:gd name="connsiteX163" fmla="*/ 2900 w 9851"/>
                  <a:gd name="connsiteY163" fmla="*/ 5066 h 10000"/>
                  <a:gd name="connsiteX164" fmla="*/ 3025 w 9851"/>
                  <a:gd name="connsiteY164" fmla="*/ 5096 h 10000"/>
                  <a:gd name="connsiteX165" fmla="*/ 3126 w 9851"/>
                  <a:gd name="connsiteY165" fmla="*/ 5126 h 10000"/>
                  <a:gd name="connsiteX166" fmla="*/ 3250 w 9851"/>
                  <a:gd name="connsiteY166" fmla="*/ 5155 h 10000"/>
                  <a:gd name="connsiteX167" fmla="*/ 3401 w 9851"/>
                  <a:gd name="connsiteY167" fmla="*/ 5170 h 10000"/>
                  <a:gd name="connsiteX168" fmla="*/ 3625 w 9851"/>
                  <a:gd name="connsiteY168" fmla="*/ 5155 h 10000"/>
                  <a:gd name="connsiteX169" fmla="*/ 3701 w 9851"/>
                  <a:gd name="connsiteY169" fmla="*/ 5096 h 10000"/>
                  <a:gd name="connsiteX170" fmla="*/ 3775 w 9851"/>
                  <a:gd name="connsiteY170" fmla="*/ 5022 h 10000"/>
                  <a:gd name="connsiteX171" fmla="*/ 3800 w 9851"/>
                  <a:gd name="connsiteY171" fmla="*/ 4934 h 10000"/>
                  <a:gd name="connsiteX172" fmla="*/ 3826 w 9851"/>
                  <a:gd name="connsiteY172" fmla="*/ 4860 h 10000"/>
                  <a:gd name="connsiteX173" fmla="*/ 3850 w 9851"/>
                  <a:gd name="connsiteY173" fmla="*/ 4697 h 10000"/>
                  <a:gd name="connsiteX174" fmla="*/ 3826 w 9851"/>
                  <a:gd name="connsiteY174" fmla="*/ 4520 h 10000"/>
                  <a:gd name="connsiteX175" fmla="*/ 3750 w 9851"/>
                  <a:gd name="connsiteY175" fmla="*/ 4343 h 10000"/>
                  <a:gd name="connsiteX176" fmla="*/ 3675 w 9851"/>
                  <a:gd name="connsiteY176" fmla="*/ 4195 h 10000"/>
                  <a:gd name="connsiteX177" fmla="*/ 3550 w 9851"/>
                  <a:gd name="connsiteY177" fmla="*/ 4047 h 10000"/>
                  <a:gd name="connsiteX178" fmla="*/ 3425 w 9851"/>
                  <a:gd name="connsiteY178" fmla="*/ 3959 h 10000"/>
                  <a:gd name="connsiteX179" fmla="*/ 3575 w 9851"/>
                  <a:gd name="connsiteY179" fmla="*/ 3944 h 10000"/>
                  <a:gd name="connsiteX180" fmla="*/ 3701 w 9851"/>
                  <a:gd name="connsiteY180" fmla="*/ 3914 h 10000"/>
                  <a:gd name="connsiteX181" fmla="*/ 3800 w 9851"/>
                  <a:gd name="connsiteY181" fmla="*/ 3855 h 10000"/>
                  <a:gd name="connsiteX182" fmla="*/ 3924 w 9851"/>
                  <a:gd name="connsiteY182" fmla="*/ 3752 h 10000"/>
                  <a:gd name="connsiteX183" fmla="*/ 4050 w 9851"/>
                  <a:gd name="connsiteY183" fmla="*/ 3663 h 10000"/>
                  <a:gd name="connsiteX184" fmla="*/ 4150 w 9851"/>
                  <a:gd name="connsiteY184" fmla="*/ 3560 h 10000"/>
                  <a:gd name="connsiteX185" fmla="*/ 4225 w 9851"/>
                  <a:gd name="connsiteY185" fmla="*/ 3442 h 10000"/>
                  <a:gd name="connsiteX186" fmla="*/ 4301 w 9851"/>
                  <a:gd name="connsiteY186" fmla="*/ 3323 h 10000"/>
                  <a:gd name="connsiteX187" fmla="*/ 4350 w 9851"/>
                  <a:gd name="connsiteY187" fmla="*/ 3220 h 10000"/>
                  <a:gd name="connsiteX188" fmla="*/ 4375 w 9851"/>
                  <a:gd name="connsiteY188" fmla="*/ 3102 h 10000"/>
                  <a:gd name="connsiteX189" fmla="*/ 4401 w 9851"/>
                  <a:gd name="connsiteY189" fmla="*/ 3013 h 10000"/>
                  <a:gd name="connsiteX190" fmla="*/ 4375 w 9851"/>
                  <a:gd name="connsiteY190" fmla="*/ 2939 h 10000"/>
                  <a:gd name="connsiteX191" fmla="*/ 4350 w 9851"/>
                  <a:gd name="connsiteY191" fmla="*/ 2866 h 10000"/>
                  <a:gd name="connsiteX192" fmla="*/ 4275 w 9851"/>
                  <a:gd name="connsiteY192" fmla="*/ 2836 h 10000"/>
                  <a:gd name="connsiteX193" fmla="*/ 4176 w 9851"/>
                  <a:gd name="connsiteY193" fmla="*/ 2836 h 10000"/>
                  <a:gd name="connsiteX194" fmla="*/ 4050 w 9851"/>
                  <a:gd name="connsiteY194" fmla="*/ 2866 h 10000"/>
                  <a:gd name="connsiteX195" fmla="*/ 4150 w 9851"/>
                  <a:gd name="connsiteY195" fmla="*/ 2777 h 10000"/>
                  <a:gd name="connsiteX196" fmla="*/ 4201 w 9851"/>
                  <a:gd name="connsiteY196" fmla="*/ 2674 h 10000"/>
                  <a:gd name="connsiteX197" fmla="*/ 4225 w 9851"/>
                  <a:gd name="connsiteY197" fmla="*/ 2541 h 10000"/>
                  <a:gd name="connsiteX198" fmla="*/ 4225 w 9851"/>
                  <a:gd name="connsiteY198" fmla="*/ 2393 h 10000"/>
                  <a:gd name="connsiteX199" fmla="*/ 4250 w 9851"/>
                  <a:gd name="connsiteY199" fmla="*/ 2349 h 10000"/>
                  <a:gd name="connsiteX200" fmla="*/ 4301 w 9851"/>
                  <a:gd name="connsiteY200" fmla="*/ 2304 h 10000"/>
                  <a:gd name="connsiteX201" fmla="*/ 4350 w 9851"/>
                  <a:gd name="connsiteY201" fmla="*/ 2290 h 10000"/>
                  <a:gd name="connsiteX202" fmla="*/ 4426 w 9851"/>
                  <a:gd name="connsiteY202" fmla="*/ 2275 h 10000"/>
                  <a:gd name="connsiteX203" fmla="*/ 4650 w 9851"/>
                  <a:gd name="connsiteY203" fmla="*/ 2260 h 10000"/>
                  <a:gd name="connsiteX204" fmla="*/ 4850 w 9851"/>
                  <a:gd name="connsiteY204" fmla="*/ 2275 h 10000"/>
                  <a:gd name="connsiteX205" fmla="*/ 4825 w 9851"/>
                  <a:gd name="connsiteY205" fmla="*/ 2112 h 10000"/>
                  <a:gd name="connsiteX206" fmla="*/ 4776 w 9851"/>
                  <a:gd name="connsiteY206" fmla="*/ 1950 h 10000"/>
                  <a:gd name="connsiteX207" fmla="*/ 4700 w 9851"/>
                  <a:gd name="connsiteY207" fmla="*/ 1802 h 10000"/>
                  <a:gd name="connsiteX208" fmla="*/ 4601 w 9851"/>
                  <a:gd name="connsiteY208" fmla="*/ 1640 h 10000"/>
                  <a:gd name="connsiteX209" fmla="*/ 4350 w 9851"/>
                  <a:gd name="connsiteY209" fmla="*/ 1329 h 10000"/>
                  <a:gd name="connsiteX210" fmla="*/ 4100 w 9851"/>
                  <a:gd name="connsiteY210" fmla="*/ 1034 h 10000"/>
                  <a:gd name="connsiteX211" fmla="*/ 3975 w 9851"/>
                  <a:gd name="connsiteY211" fmla="*/ 901 h 10000"/>
                  <a:gd name="connsiteX212" fmla="*/ 3876 w 9851"/>
                  <a:gd name="connsiteY212" fmla="*/ 753 h 10000"/>
                  <a:gd name="connsiteX213" fmla="*/ 3800 w 9851"/>
                  <a:gd name="connsiteY213" fmla="*/ 620 h 10000"/>
                  <a:gd name="connsiteX214" fmla="*/ 3775 w 9851"/>
                  <a:gd name="connsiteY214" fmla="*/ 487 h 10000"/>
                  <a:gd name="connsiteX215" fmla="*/ 3750 w 9851"/>
                  <a:gd name="connsiteY215" fmla="*/ 355 h 10000"/>
                  <a:gd name="connsiteX216" fmla="*/ 3800 w 9851"/>
                  <a:gd name="connsiteY216" fmla="*/ 222 h 10000"/>
                  <a:gd name="connsiteX217" fmla="*/ 3826 w 9851"/>
                  <a:gd name="connsiteY217" fmla="*/ 162 h 10000"/>
                  <a:gd name="connsiteX218" fmla="*/ 3876 w 9851"/>
                  <a:gd name="connsiteY218" fmla="*/ 103 h 10000"/>
                  <a:gd name="connsiteX219" fmla="*/ 3951 w 9851"/>
                  <a:gd name="connsiteY219" fmla="*/ 59 h 10000"/>
                  <a:gd name="connsiteX220" fmla="*/ 4050 w 9851"/>
                  <a:gd name="connsiteY220" fmla="*/ 0 h 10000"/>
                  <a:gd name="connsiteX221" fmla="*/ 4225 w 9851"/>
                  <a:gd name="connsiteY221" fmla="*/ 0 h 10000"/>
                  <a:gd name="connsiteX222" fmla="*/ 4401 w 9851"/>
                  <a:gd name="connsiteY222" fmla="*/ 15 h 10000"/>
                  <a:gd name="connsiteX223" fmla="*/ 4575 w 9851"/>
                  <a:gd name="connsiteY223" fmla="*/ 44 h 10000"/>
                  <a:gd name="connsiteX224" fmla="*/ 4700 w 9851"/>
                  <a:gd name="connsiteY224" fmla="*/ 89 h 10000"/>
                  <a:gd name="connsiteX225" fmla="*/ 4901 w 9851"/>
                  <a:gd name="connsiteY225" fmla="*/ 192 h 10000"/>
                  <a:gd name="connsiteX226" fmla="*/ 5100 w 9851"/>
                  <a:gd name="connsiteY226" fmla="*/ 340 h 10000"/>
                  <a:gd name="connsiteX227" fmla="*/ 5250 w 9851"/>
                  <a:gd name="connsiteY227" fmla="*/ 473 h 10000"/>
                  <a:gd name="connsiteX228" fmla="*/ 5450 w 9851"/>
                  <a:gd name="connsiteY228" fmla="*/ 591 h 10000"/>
                  <a:gd name="connsiteX229" fmla="*/ 5576 w 9851"/>
                  <a:gd name="connsiteY229" fmla="*/ 650 h 10000"/>
                  <a:gd name="connsiteX230" fmla="*/ 5725 w 9851"/>
                  <a:gd name="connsiteY230" fmla="*/ 679 h 10000"/>
                  <a:gd name="connsiteX231" fmla="*/ 5876 w 9851"/>
                  <a:gd name="connsiteY231" fmla="*/ 709 h 10000"/>
                  <a:gd name="connsiteX232" fmla="*/ 6076 w 9851"/>
                  <a:gd name="connsiteY232" fmla="*/ 709 h 10000"/>
                  <a:gd name="connsiteX233" fmla="*/ 6076 w 9851"/>
                  <a:gd name="connsiteY233" fmla="*/ 768 h 10000"/>
                  <a:gd name="connsiteX234" fmla="*/ 6101 w 9851"/>
                  <a:gd name="connsiteY234" fmla="*/ 842 h 10000"/>
                  <a:gd name="connsiteX235" fmla="*/ 6150 w 9851"/>
                  <a:gd name="connsiteY235" fmla="*/ 916 h 10000"/>
                  <a:gd name="connsiteX236" fmla="*/ 6200 w 9851"/>
                  <a:gd name="connsiteY236" fmla="*/ 990 h 10000"/>
                  <a:gd name="connsiteX237" fmla="*/ 6274 w 9851"/>
                  <a:gd name="connsiteY237" fmla="*/ 1049 h 10000"/>
                  <a:gd name="connsiteX238" fmla="*/ 6375 w 9851"/>
                  <a:gd name="connsiteY238" fmla="*/ 1108 h 10000"/>
                  <a:gd name="connsiteX239" fmla="*/ 6500 w 9851"/>
                  <a:gd name="connsiteY239" fmla="*/ 1182 h 10000"/>
                  <a:gd name="connsiteX240" fmla="*/ 6600 w 9851"/>
                  <a:gd name="connsiteY240" fmla="*/ 1226 h 10000"/>
                  <a:gd name="connsiteX241" fmla="*/ 6701 w 9851"/>
                  <a:gd name="connsiteY241" fmla="*/ 1270 h 10000"/>
                  <a:gd name="connsiteX242" fmla="*/ 6800 w 9851"/>
                  <a:gd name="connsiteY242" fmla="*/ 1300 h 10000"/>
                  <a:gd name="connsiteX243" fmla="*/ 6901 w 9851"/>
                  <a:gd name="connsiteY243" fmla="*/ 1315 h 10000"/>
                  <a:gd name="connsiteX244" fmla="*/ 7026 w 9851"/>
                  <a:gd name="connsiteY244" fmla="*/ 1300 h 10000"/>
                  <a:gd name="connsiteX245" fmla="*/ 7126 w 9851"/>
                  <a:gd name="connsiteY245" fmla="*/ 1285 h 10000"/>
                  <a:gd name="connsiteX246" fmla="*/ 7200 w 9851"/>
                  <a:gd name="connsiteY246" fmla="*/ 1241 h 10000"/>
                  <a:gd name="connsiteX247" fmla="*/ 7251 w 9851"/>
                  <a:gd name="connsiteY247" fmla="*/ 1167 h 10000"/>
                  <a:gd name="connsiteX248" fmla="*/ 7275 w 9851"/>
                  <a:gd name="connsiteY248" fmla="*/ 1064 h 10000"/>
                  <a:gd name="connsiteX249" fmla="*/ 7650 w 9851"/>
                  <a:gd name="connsiteY249" fmla="*/ 1034 h 10000"/>
                  <a:gd name="connsiteX250" fmla="*/ 8000 w 9851"/>
                  <a:gd name="connsiteY250" fmla="*/ 1004 h 10000"/>
                  <a:gd name="connsiteX251" fmla="*/ 8301 w 9851"/>
                  <a:gd name="connsiteY251" fmla="*/ 990 h 10000"/>
                  <a:gd name="connsiteX252" fmla="*/ 8576 w 9851"/>
                  <a:gd name="connsiteY252" fmla="*/ 1004 h 10000"/>
                  <a:gd name="connsiteX253" fmla="*/ 8701 w 9851"/>
                  <a:gd name="connsiteY253" fmla="*/ 1019 h 10000"/>
                  <a:gd name="connsiteX254" fmla="*/ 8825 w 9851"/>
                  <a:gd name="connsiteY254" fmla="*/ 1034 h 10000"/>
                  <a:gd name="connsiteX255" fmla="*/ 8926 w 9851"/>
                  <a:gd name="connsiteY255" fmla="*/ 1064 h 10000"/>
                  <a:gd name="connsiteX256" fmla="*/ 9051 w 9851"/>
                  <a:gd name="connsiteY256" fmla="*/ 1108 h 10000"/>
                  <a:gd name="connsiteX257" fmla="*/ 9126 w 9851"/>
                  <a:gd name="connsiteY257" fmla="*/ 1182 h 10000"/>
                  <a:gd name="connsiteX258" fmla="*/ 9200 w 9851"/>
                  <a:gd name="connsiteY258" fmla="*/ 1241 h 10000"/>
                  <a:gd name="connsiteX259" fmla="*/ 9251 w 9851"/>
                  <a:gd name="connsiteY259" fmla="*/ 1329 h 10000"/>
                  <a:gd name="connsiteX260" fmla="*/ 9301 w 9851"/>
                  <a:gd name="connsiteY260" fmla="*/ 1433 h 10000"/>
                  <a:gd name="connsiteX261" fmla="*/ 9351 w 9851"/>
                  <a:gd name="connsiteY261" fmla="*/ 1551 h 10000"/>
                  <a:gd name="connsiteX262" fmla="*/ 9325 w 9851"/>
                  <a:gd name="connsiteY262" fmla="*/ 1625 h 10000"/>
                  <a:gd name="connsiteX263" fmla="*/ 9301 w 9851"/>
                  <a:gd name="connsiteY263" fmla="*/ 1684 h 10000"/>
                  <a:gd name="connsiteX264" fmla="*/ 9251 w 9851"/>
                  <a:gd name="connsiteY264" fmla="*/ 1758 h 10000"/>
                  <a:gd name="connsiteX265" fmla="*/ 9176 w 9851"/>
                  <a:gd name="connsiteY265" fmla="*/ 1802 h 10000"/>
                  <a:gd name="connsiteX266" fmla="*/ 9126 w 9851"/>
                  <a:gd name="connsiteY266" fmla="*/ 1861 h 10000"/>
                  <a:gd name="connsiteX267" fmla="*/ 9102 w 9851"/>
                  <a:gd name="connsiteY267" fmla="*/ 1935 h 10000"/>
                  <a:gd name="connsiteX268" fmla="*/ 9126 w 9851"/>
                  <a:gd name="connsiteY268" fmla="*/ 2024 h 10000"/>
                  <a:gd name="connsiteX269" fmla="*/ 9401 w 9851"/>
                  <a:gd name="connsiteY269" fmla="*/ 2157 h 10000"/>
                  <a:gd name="connsiteX270" fmla="*/ 9726 w 9851"/>
                  <a:gd name="connsiteY270" fmla="*/ 2275 h 10000"/>
                  <a:gd name="connsiteX271" fmla="*/ 9851 w 9851"/>
                  <a:gd name="connsiteY271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273 w 10000"/>
                  <a:gd name="connsiteY12" fmla="*/ 3663 h 10000"/>
                  <a:gd name="connsiteX13" fmla="*/ 8782 w 10000"/>
                  <a:gd name="connsiteY13" fmla="*/ 3516 h 10000"/>
                  <a:gd name="connsiteX14" fmla="*/ 8984 w 10000"/>
                  <a:gd name="connsiteY14" fmla="*/ 3412 h 10000"/>
                  <a:gd name="connsiteX15" fmla="*/ 9188 w 10000"/>
                  <a:gd name="connsiteY15" fmla="*/ 3338 h 10000"/>
                  <a:gd name="connsiteX16" fmla="*/ 9315 w 10000"/>
                  <a:gd name="connsiteY16" fmla="*/ 3235 h 10000"/>
                  <a:gd name="connsiteX17" fmla="*/ 9415 w 10000"/>
                  <a:gd name="connsiteY17" fmla="*/ 3117 h 10000"/>
                  <a:gd name="connsiteX18" fmla="*/ 9442 w 10000"/>
                  <a:gd name="connsiteY18" fmla="*/ 3072 h 10000"/>
                  <a:gd name="connsiteX19" fmla="*/ 9466 w 10000"/>
                  <a:gd name="connsiteY19" fmla="*/ 3013 h 10000"/>
                  <a:gd name="connsiteX20" fmla="*/ 9466 w 10000"/>
                  <a:gd name="connsiteY20" fmla="*/ 2954 h 10000"/>
                  <a:gd name="connsiteX21" fmla="*/ 9442 w 10000"/>
                  <a:gd name="connsiteY21" fmla="*/ 2866 h 10000"/>
                  <a:gd name="connsiteX22" fmla="*/ 9264 w 10000"/>
                  <a:gd name="connsiteY22" fmla="*/ 2984 h 10000"/>
                  <a:gd name="connsiteX23" fmla="*/ 9061 w 10000"/>
                  <a:gd name="connsiteY23" fmla="*/ 3072 h 10000"/>
                  <a:gd name="connsiteX24" fmla="*/ 8857 w 10000"/>
                  <a:gd name="connsiteY24" fmla="*/ 3161 h 10000"/>
                  <a:gd name="connsiteX25" fmla="*/ 8655 w 10000"/>
                  <a:gd name="connsiteY25" fmla="*/ 3250 h 10000"/>
                  <a:gd name="connsiteX26" fmla="*/ 8197 w 10000"/>
                  <a:gd name="connsiteY26" fmla="*/ 3397 h 10000"/>
                  <a:gd name="connsiteX27" fmla="*/ 7716 w 10000"/>
                  <a:gd name="connsiteY27" fmla="*/ 3545 h 10000"/>
                  <a:gd name="connsiteX28" fmla="*/ 7234 w 10000"/>
                  <a:gd name="connsiteY28" fmla="*/ 3678 h 10000"/>
                  <a:gd name="connsiteX29" fmla="*/ 6776 w 10000"/>
                  <a:gd name="connsiteY29" fmla="*/ 3840 h 10000"/>
                  <a:gd name="connsiteX30" fmla="*/ 6548 w 10000"/>
                  <a:gd name="connsiteY30" fmla="*/ 3914 h 10000"/>
                  <a:gd name="connsiteX31" fmla="*/ 6345 w 10000"/>
                  <a:gd name="connsiteY31" fmla="*/ 4003 h 10000"/>
                  <a:gd name="connsiteX32" fmla="*/ 6143 w 10000"/>
                  <a:gd name="connsiteY32" fmla="*/ 4106 h 10000"/>
                  <a:gd name="connsiteX33" fmla="*/ 5938 w 10000"/>
                  <a:gd name="connsiteY33" fmla="*/ 4195 h 10000"/>
                  <a:gd name="connsiteX34" fmla="*/ 6091 w 10000"/>
                  <a:gd name="connsiteY34" fmla="*/ 4417 h 10000"/>
                  <a:gd name="connsiteX35" fmla="*/ 6193 w 10000"/>
                  <a:gd name="connsiteY35" fmla="*/ 4623 h 10000"/>
                  <a:gd name="connsiteX36" fmla="*/ 6294 w 10000"/>
                  <a:gd name="connsiteY36" fmla="*/ 4845 h 10000"/>
                  <a:gd name="connsiteX37" fmla="*/ 6369 w 10000"/>
                  <a:gd name="connsiteY37" fmla="*/ 5081 h 10000"/>
                  <a:gd name="connsiteX38" fmla="*/ 6421 w 10000"/>
                  <a:gd name="connsiteY38" fmla="*/ 5318 h 10000"/>
                  <a:gd name="connsiteX39" fmla="*/ 6447 w 10000"/>
                  <a:gd name="connsiteY39" fmla="*/ 5539 h 10000"/>
                  <a:gd name="connsiteX40" fmla="*/ 6471 w 10000"/>
                  <a:gd name="connsiteY40" fmla="*/ 5775 h 10000"/>
                  <a:gd name="connsiteX41" fmla="*/ 6471 w 10000"/>
                  <a:gd name="connsiteY41" fmla="*/ 5997 h 10000"/>
                  <a:gd name="connsiteX42" fmla="*/ 6447 w 10000"/>
                  <a:gd name="connsiteY42" fmla="*/ 6233 h 10000"/>
                  <a:gd name="connsiteX43" fmla="*/ 6396 w 10000"/>
                  <a:gd name="connsiteY43" fmla="*/ 6470 h 10000"/>
                  <a:gd name="connsiteX44" fmla="*/ 6345 w 10000"/>
                  <a:gd name="connsiteY44" fmla="*/ 6677 h 10000"/>
                  <a:gd name="connsiteX45" fmla="*/ 6269 w 10000"/>
                  <a:gd name="connsiteY45" fmla="*/ 6898 h 10000"/>
                  <a:gd name="connsiteX46" fmla="*/ 6168 w 10000"/>
                  <a:gd name="connsiteY46" fmla="*/ 7105 h 10000"/>
                  <a:gd name="connsiteX47" fmla="*/ 6041 w 10000"/>
                  <a:gd name="connsiteY47" fmla="*/ 7297 h 10000"/>
                  <a:gd name="connsiteX48" fmla="*/ 5888 w 10000"/>
                  <a:gd name="connsiteY48" fmla="*/ 7489 h 10000"/>
                  <a:gd name="connsiteX49" fmla="*/ 5735 w 10000"/>
                  <a:gd name="connsiteY49" fmla="*/ 7681 h 10000"/>
                  <a:gd name="connsiteX50" fmla="*/ 6471 w 10000"/>
                  <a:gd name="connsiteY50" fmla="*/ 7799 h 10000"/>
                  <a:gd name="connsiteX51" fmla="*/ 7234 w 10000"/>
                  <a:gd name="connsiteY51" fmla="*/ 7962 h 10000"/>
                  <a:gd name="connsiteX52" fmla="*/ 7385 w 10000"/>
                  <a:gd name="connsiteY52" fmla="*/ 8021 h 10000"/>
                  <a:gd name="connsiteX53" fmla="*/ 7512 w 10000"/>
                  <a:gd name="connsiteY53" fmla="*/ 8080 h 10000"/>
                  <a:gd name="connsiteX54" fmla="*/ 7639 w 10000"/>
                  <a:gd name="connsiteY54" fmla="*/ 8139 h 10000"/>
                  <a:gd name="connsiteX55" fmla="*/ 7716 w 10000"/>
                  <a:gd name="connsiteY55" fmla="*/ 8227 h 10000"/>
                  <a:gd name="connsiteX56" fmla="*/ 7741 w 10000"/>
                  <a:gd name="connsiteY56" fmla="*/ 8301 h 10000"/>
                  <a:gd name="connsiteX57" fmla="*/ 7741 w 10000"/>
                  <a:gd name="connsiteY57" fmla="*/ 8405 h 10000"/>
                  <a:gd name="connsiteX58" fmla="*/ 7691 w 10000"/>
                  <a:gd name="connsiteY58" fmla="*/ 8523 h 10000"/>
                  <a:gd name="connsiteX59" fmla="*/ 7614 w 10000"/>
                  <a:gd name="connsiteY59" fmla="*/ 8641 h 10000"/>
                  <a:gd name="connsiteX60" fmla="*/ 7284 w 10000"/>
                  <a:gd name="connsiteY60" fmla="*/ 8552 h 10000"/>
                  <a:gd name="connsiteX61" fmla="*/ 6979 w 10000"/>
                  <a:gd name="connsiteY61" fmla="*/ 8449 h 10000"/>
                  <a:gd name="connsiteX62" fmla="*/ 6674 w 10000"/>
                  <a:gd name="connsiteY62" fmla="*/ 8360 h 10000"/>
                  <a:gd name="connsiteX63" fmla="*/ 6369 w 10000"/>
                  <a:gd name="connsiteY63" fmla="*/ 8287 h 10000"/>
                  <a:gd name="connsiteX64" fmla="*/ 6243 w 10000"/>
                  <a:gd name="connsiteY64" fmla="*/ 8449 h 10000"/>
                  <a:gd name="connsiteX65" fmla="*/ 6143 w 10000"/>
                  <a:gd name="connsiteY65" fmla="*/ 8597 h 10000"/>
                  <a:gd name="connsiteX66" fmla="*/ 6091 w 10000"/>
                  <a:gd name="connsiteY66" fmla="*/ 8656 h 10000"/>
                  <a:gd name="connsiteX67" fmla="*/ 5989 w 10000"/>
                  <a:gd name="connsiteY67" fmla="*/ 8700 h 10000"/>
                  <a:gd name="connsiteX68" fmla="*/ 5914 w 10000"/>
                  <a:gd name="connsiteY68" fmla="*/ 8744 h 10000"/>
                  <a:gd name="connsiteX69" fmla="*/ 5838 w 10000"/>
                  <a:gd name="connsiteY69" fmla="*/ 8774 h 10000"/>
                  <a:gd name="connsiteX70" fmla="*/ 5761 w 10000"/>
                  <a:gd name="connsiteY70" fmla="*/ 8804 h 10000"/>
                  <a:gd name="connsiteX71" fmla="*/ 5660 w 10000"/>
                  <a:gd name="connsiteY71" fmla="*/ 8818 h 10000"/>
                  <a:gd name="connsiteX72" fmla="*/ 5532 w 10000"/>
                  <a:gd name="connsiteY72" fmla="*/ 8833 h 10000"/>
                  <a:gd name="connsiteX73" fmla="*/ 5406 w 10000"/>
                  <a:gd name="connsiteY73" fmla="*/ 8833 h 10000"/>
                  <a:gd name="connsiteX74" fmla="*/ 5102 w 10000"/>
                  <a:gd name="connsiteY74" fmla="*/ 8818 h 10000"/>
                  <a:gd name="connsiteX75" fmla="*/ 4720 w 10000"/>
                  <a:gd name="connsiteY75" fmla="*/ 8744 h 10000"/>
                  <a:gd name="connsiteX76" fmla="*/ 4720 w 10000"/>
                  <a:gd name="connsiteY76" fmla="*/ 8922 h 10000"/>
                  <a:gd name="connsiteX77" fmla="*/ 4695 w 10000"/>
                  <a:gd name="connsiteY77" fmla="*/ 9069 h 10000"/>
                  <a:gd name="connsiteX78" fmla="*/ 4671 w 10000"/>
                  <a:gd name="connsiteY78" fmla="*/ 9232 h 10000"/>
                  <a:gd name="connsiteX79" fmla="*/ 4644 w 10000"/>
                  <a:gd name="connsiteY79" fmla="*/ 9365 h 10000"/>
                  <a:gd name="connsiteX80" fmla="*/ 4593 w 10000"/>
                  <a:gd name="connsiteY80" fmla="*/ 9498 h 10000"/>
                  <a:gd name="connsiteX81" fmla="*/ 4493 w 10000"/>
                  <a:gd name="connsiteY81" fmla="*/ 9616 h 10000"/>
                  <a:gd name="connsiteX82" fmla="*/ 4416 w 10000"/>
                  <a:gd name="connsiteY82" fmla="*/ 9734 h 10000"/>
                  <a:gd name="connsiteX83" fmla="*/ 4289 w 10000"/>
                  <a:gd name="connsiteY83" fmla="*/ 9838 h 10000"/>
                  <a:gd name="connsiteX84" fmla="*/ 3983 w 10000"/>
                  <a:gd name="connsiteY84" fmla="*/ 9897 h 10000"/>
                  <a:gd name="connsiteX85" fmla="*/ 3731 w 10000"/>
                  <a:gd name="connsiteY85" fmla="*/ 9941 h 10000"/>
                  <a:gd name="connsiteX86" fmla="*/ 3426 w 10000"/>
                  <a:gd name="connsiteY86" fmla="*/ 9985 h 10000"/>
                  <a:gd name="connsiteX87" fmla="*/ 3198 w 10000"/>
                  <a:gd name="connsiteY87" fmla="*/ 10000 h 10000"/>
                  <a:gd name="connsiteX88" fmla="*/ 2690 w 10000"/>
                  <a:gd name="connsiteY88" fmla="*/ 10000 h 10000"/>
                  <a:gd name="connsiteX89" fmla="*/ 2208 w 10000"/>
                  <a:gd name="connsiteY89" fmla="*/ 9985 h 10000"/>
                  <a:gd name="connsiteX90" fmla="*/ 1752 w 10000"/>
                  <a:gd name="connsiteY90" fmla="*/ 9941 h 10000"/>
                  <a:gd name="connsiteX91" fmla="*/ 1270 w 10000"/>
                  <a:gd name="connsiteY91" fmla="*/ 9911 h 10000"/>
                  <a:gd name="connsiteX92" fmla="*/ 990 w 10000"/>
                  <a:gd name="connsiteY92" fmla="*/ 9911 h 10000"/>
                  <a:gd name="connsiteX93" fmla="*/ 736 w 10000"/>
                  <a:gd name="connsiteY93" fmla="*/ 9911 h 10000"/>
                  <a:gd name="connsiteX94" fmla="*/ 457 w 10000"/>
                  <a:gd name="connsiteY94" fmla="*/ 9926 h 10000"/>
                  <a:gd name="connsiteX95" fmla="*/ 178 w 10000"/>
                  <a:gd name="connsiteY95" fmla="*/ 9970 h 10000"/>
                  <a:gd name="connsiteX96" fmla="*/ 102 w 10000"/>
                  <a:gd name="connsiteY96" fmla="*/ 9867 h 10000"/>
                  <a:gd name="connsiteX97" fmla="*/ 51 w 10000"/>
                  <a:gd name="connsiteY97" fmla="*/ 9793 h 10000"/>
                  <a:gd name="connsiteX98" fmla="*/ 0 w 10000"/>
                  <a:gd name="connsiteY98" fmla="*/ 9705 h 10000"/>
                  <a:gd name="connsiteX99" fmla="*/ 0 w 10000"/>
                  <a:gd name="connsiteY99" fmla="*/ 9601 h 10000"/>
                  <a:gd name="connsiteX100" fmla="*/ 51 w 10000"/>
                  <a:gd name="connsiteY100" fmla="*/ 9424 h 10000"/>
                  <a:gd name="connsiteX101" fmla="*/ 102 w 10000"/>
                  <a:gd name="connsiteY101" fmla="*/ 9202 h 10000"/>
                  <a:gd name="connsiteX102" fmla="*/ 151 w 10000"/>
                  <a:gd name="connsiteY102" fmla="*/ 8996 h 10000"/>
                  <a:gd name="connsiteX103" fmla="*/ 203 w 10000"/>
                  <a:gd name="connsiteY103" fmla="*/ 8759 h 10000"/>
                  <a:gd name="connsiteX104" fmla="*/ 228 w 10000"/>
                  <a:gd name="connsiteY104" fmla="*/ 8641 h 10000"/>
                  <a:gd name="connsiteX105" fmla="*/ 228 w 10000"/>
                  <a:gd name="connsiteY105" fmla="*/ 8538 h 10000"/>
                  <a:gd name="connsiteX106" fmla="*/ 203 w 10000"/>
                  <a:gd name="connsiteY106" fmla="*/ 8405 h 10000"/>
                  <a:gd name="connsiteX107" fmla="*/ 178 w 10000"/>
                  <a:gd name="connsiteY107" fmla="*/ 8287 h 10000"/>
                  <a:gd name="connsiteX108" fmla="*/ 431 w 10000"/>
                  <a:gd name="connsiteY108" fmla="*/ 8213 h 10000"/>
                  <a:gd name="connsiteX109" fmla="*/ 685 w 10000"/>
                  <a:gd name="connsiteY109" fmla="*/ 8139 h 10000"/>
                  <a:gd name="connsiteX110" fmla="*/ 939 w 10000"/>
                  <a:gd name="connsiteY110" fmla="*/ 8095 h 10000"/>
                  <a:gd name="connsiteX111" fmla="*/ 1218 w 10000"/>
                  <a:gd name="connsiteY111" fmla="*/ 8065 h 10000"/>
                  <a:gd name="connsiteX112" fmla="*/ 1725 w 10000"/>
                  <a:gd name="connsiteY112" fmla="*/ 8021 h 10000"/>
                  <a:gd name="connsiteX113" fmla="*/ 2234 w 10000"/>
                  <a:gd name="connsiteY113" fmla="*/ 7976 h 10000"/>
                  <a:gd name="connsiteX114" fmla="*/ 2462 w 10000"/>
                  <a:gd name="connsiteY114" fmla="*/ 7947 h 10000"/>
                  <a:gd name="connsiteX115" fmla="*/ 2690 w 10000"/>
                  <a:gd name="connsiteY115" fmla="*/ 7917 h 10000"/>
                  <a:gd name="connsiteX116" fmla="*/ 2892 w 10000"/>
                  <a:gd name="connsiteY116" fmla="*/ 7843 h 10000"/>
                  <a:gd name="connsiteX117" fmla="*/ 3096 w 10000"/>
                  <a:gd name="connsiteY117" fmla="*/ 7784 h 10000"/>
                  <a:gd name="connsiteX118" fmla="*/ 3274 w 10000"/>
                  <a:gd name="connsiteY118" fmla="*/ 7710 h 10000"/>
                  <a:gd name="connsiteX119" fmla="*/ 3426 w 10000"/>
                  <a:gd name="connsiteY119" fmla="*/ 7592 h 10000"/>
                  <a:gd name="connsiteX120" fmla="*/ 3579 w 10000"/>
                  <a:gd name="connsiteY120" fmla="*/ 7474 h 10000"/>
                  <a:gd name="connsiteX121" fmla="*/ 3680 w 10000"/>
                  <a:gd name="connsiteY121" fmla="*/ 7312 h 10000"/>
                  <a:gd name="connsiteX122" fmla="*/ 3477 w 10000"/>
                  <a:gd name="connsiteY122" fmla="*/ 7238 h 10000"/>
                  <a:gd name="connsiteX123" fmla="*/ 3299 w 10000"/>
                  <a:gd name="connsiteY123" fmla="*/ 7179 h 10000"/>
                  <a:gd name="connsiteX124" fmla="*/ 3147 w 10000"/>
                  <a:gd name="connsiteY124" fmla="*/ 7090 h 10000"/>
                  <a:gd name="connsiteX125" fmla="*/ 2995 w 10000"/>
                  <a:gd name="connsiteY125" fmla="*/ 6987 h 10000"/>
                  <a:gd name="connsiteX126" fmla="*/ 2892 w 10000"/>
                  <a:gd name="connsiteY126" fmla="*/ 6869 h 10000"/>
                  <a:gd name="connsiteX127" fmla="*/ 2843 w 10000"/>
                  <a:gd name="connsiteY127" fmla="*/ 6721 h 10000"/>
                  <a:gd name="connsiteX128" fmla="*/ 2817 w 10000"/>
                  <a:gd name="connsiteY128" fmla="*/ 6558 h 10000"/>
                  <a:gd name="connsiteX129" fmla="*/ 2843 w 10000"/>
                  <a:gd name="connsiteY129" fmla="*/ 6352 h 10000"/>
                  <a:gd name="connsiteX130" fmla="*/ 2716 w 10000"/>
                  <a:gd name="connsiteY130" fmla="*/ 6322 h 10000"/>
                  <a:gd name="connsiteX131" fmla="*/ 2564 w 10000"/>
                  <a:gd name="connsiteY131" fmla="*/ 6292 h 10000"/>
                  <a:gd name="connsiteX132" fmla="*/ 2386 w 10000"/>
                  <a:gd name="connsiteY132" fmla="*/ 6278 h 10000"/>
                  <a:gd name="connsiteX133" fmla="*/ 2208 w 10000"/>
                  <a:gd name="connsiteY133" fmla="*/ 6263 h 10000"/>
                  <a:gd name="connsiteX134" fmla="*/ 1853 w 10000"/>
                  <a:gd name="connsiteY134" fmla="*/ 6248 h 10000"/>
                  <a:gd name="connsiteX135" fmla="*/ 1472 w 10000"/>
                  <a:gd name="connsiteY135" fmla="*/ 6263 h 10000"/>
                  <a:gd name="connsiteX136" fmla="*/ 1143 w 10000"/>
                  <a:gd name="connsiteY136" fmla="*/ 6278 h 10000"/>
                  <a:gd name="connsiteX137" fmla="*/ 837 w 10000"/>
                  <a:gd name="connsiteY137" fmla="*/ 6278 h 10000"/>
                  <a:gd name="connsiteX138" fmla="*/ 585 w 10000"/>
                  <a:gd name="connsiteY138" fmla="*/ 6263 h 10000"/>
                  <a:gd name="connsiteX139" fmla="*/ 381 w 10000"/>
                  <a:gd name="connsiteY139" fmla="*/ 6233 h 10000"/>
                  <a:gd name="connsiteX140" fmla="*/ 633 w 10000"/>
                  <a:gd name="connsiteY140" fmla="*/ 5805 h 10000"/>
                  <a:gd name="connsiteX141" fmla="*/ 914 w 10000"/>
                  <a:gd name="connsiteY141" fmla="*/ 5391 h 10000"/>
                  <a:gd name="connsiteX142" fmla="*/ 1016 w 10000"/>
                  <a:gd name="connsiteY142" fmla="*/ 5170 h 10000"/>
                  <a:gd name="connsiteX143" fmla="*/ 1091 w 10000"/>
                  <a:gd name="connsiteY143" fmla="*/ 4963 h 10000"/>
                  <a:gd name="connsiteX144" fmla="*/ 1116 w 10000"/>
                  <a:gd name="connsiteY144" fmla="*/ 4860 h 10000"/>
                  <a:gd name="connsiteX145" fmla="*/ 1091 w 10000"/>
                  <a:gd name="connsiteY145" fmla="*/ 4756 h 10000"/>
                  <a:gd name="connsiteX146" fmla="*/ 1066 w 10000"/>
                  <a:gd name="connsiteY146" fmla="*/ 4653 h 10000"/>
                  <a:gd name="connsiteX147" fmla="*/ 990 w 10000"/>
                  <a:gd name="connsiteY147" fmla="*/ 4549 h 10000"/>
                  <a:gd name="connsiteX148" fmla="*/ 1270 w 10000"/>
                  <a:gd name="connsiteY148" fmla="*/ 4520 h 10000"/>
                  <a:gd name="connsiteX149" fmla="*/ 1472 w 10000"/>
                  <a:gd name="connsiteY149" fmla="*/ 4505 h 10000"/>
                  <a:gd name="connsiteX150" fmla="*/ 1650 w 10000"/>
                  <a:gd name="connsiteY150" fmla="*/ 4505 h 10000"/>
                  <a:gd name="connsiteX151" fmla="*/ 1802 w 10000"/>
                  <a:gd name="connsiteY151" fmla="*/ 4520 h 10000"/>
                  <a:gd name="connsiteX152" fmla="*/ 1929 w 10000"/>
                  <a:gd name="connsiteY152" fmla="*/ 4520 h 10000"/>
                  <a:gd name="connsiteX153" fmla="*/ 2081 w 10000"/>
                  <a:gd name="connsiteY153" fmla="*/ 4520 h 10000"/>
                  <a:gd name="connsiteX154" fmla="*/ 2234 w 10000"/>
                  <a:gd name="connsiteY154" fmla="*/ 4490 h 10000"/>
                  <a:gd name="connsiteX155" fmla="*/ 2436 w 10000"/>
                  <a:gd name="connsiteY155" fmla="*/ 4446 h 10000"/>
                  <a:gd name="connsiteX156" fmla="*/ 2436 w 10000"/>
                  <a:gd name="connsiteY156" fmla="*/ 4579 h 10000"/>
                  <a:gd name="connsiteX157" fmla="*/ 2436 w 10000"/>
                  <a:gd name="connsiteY157" fmla="*/ 4742 h 10000"/>
                  <a:gd name="connsiteX158" fmla="*/ 2436 w 10000"/>
                  <a:gd name="connsiteY158" fmla="*/ 4874 h 10000"/>
                  <a:gd name="connsiteX159" fmla="*/ 2436 w 10000"/>
                  <a:gd name="connsiteY159" fmla="*/ 5037 h 10000"/>
                  <a:gd name="connsiteX160" fmla="*/ 2665 w 10000"/>
                  <a:gd name="connsiteY160" fmla="*/ 5022 h 10000"/>
                  <a:gd name="connsiteX161" fmla="*/ 2817 w 10000"/>
                  <a:gd name="connsiteY161" fmla="*/ 5037 h 10000"/>
                  <a:gd name="connsiteX162" fmla="*/ 2944 w 10000"/>
                  <a:gd name="connsiteY162" fmla="*/ 5066 h 10000"/>
                  <a:gd name="connsiteX163" fmla="*/ 3071 w 10000"/>
                  <a:gd name="connsiteY163" fmla="*/ 5096 h 10000"/>
                  <a:gd name="connsiteX164" fmla="*/ 3173 w 10000"/>
                  <a:gd name="connsiteY164" fmla="*/ 5126 h 10000"/>
                  <a:gd name="connsiteX165" fmla="*/ 3299 w 10000"/>
                  <a:gd name="connsiteY165" fmla="*/ 5155 h 10000"/>
                  <a:gd name="connsiteX166" fmla="*/ 3452 w 10000"/>
                  <a:gd name="connsiteY166" fmla="*/ 5170 h 10000"/>
                  <a:gd name="connsiteX167" fmla="*/ 3680 w 10000"/>
                  <a:gd name="connsiteY167" fmla="*/ 5155 h 10000"/>
                  <a:gd name="connsiteX168" fmla="*/ 3757 w 10000"/>
                  <a:gd name="connsiteY168" fmla="*/ 5096 h 10000"/>
                  <a:gd name="connsiteX169" fmla="*/ 3832 w 10000"/>
                  <a:gd name="connsiteY169" fmla="*/ 5022 h 10000"/>
                  <a:gd name="connsiteX170" fmla="*/ 3857 w 10000"/>
                  <a:gd name="connsiteY170" fmla="*/ 4934 h 10000"/>
                  <a:gd name="connsiteX171" fmla="*/ 3884 w 10000"/>
                  <a:gd name="connsiteY171" fmla="*/ 4860 h 10000"/>
                  <a:gd name="connsiteX172" fmla="*/ 3908 w 10000"/>
                  <a:gd name="connsiteY172" fmla="*/ 4697 h 10000"/>
                  <a:gd name="connsiteX173" fmla="*/ 3884 w 10000"/>
                  <a:gd name="connsiteY173" fmla="*/ 4520 h 10000"/>
                  <a:gd name="connsiteX174" fmla="*/ 3807 w 10000"/>
                  <a:gd name="connsiteY174" fmla="*/ 4343 h 10000"/>
                  <a:gd name="connsiteX175" fmla="*/ 3731 w 10000"/>
                  <a:gd name="connsiteY175" fmla="*/ 4195 h 10000"/>
                  <a:gd name="connsiteX176" fmla="*/ 3604 w 10000"/>
                  <a:gd name="connsiteY176" fmla="*/ 4047 h 10000"/>
                  <a:gd name="connsiteX177" fmla="*/ 3477 w 10000"/>
                  <a:gd name="connsiteY177" fmla="*/ 3959 h 10000"/>
                  <a:gd name="connsiteX178" fmla="*/ 3629 w 10000"/>
                  <a:gd name="connsiteY178" fmla="*/ 3944 h 10000"/>
                  <a:gd name="connsiteX179" fmla="*/ 3757 w 10000"/>
                  <a:gd name="connsiteY179" fmla="*/ 3914 h 10000"/>
                  <a:gd name="connsiteX180" fmla="*/ 3857 w 10000"/>
                  <a:gd name="connsiteY180" fmla="*/ 3855 h 10000"/>
                  <a:gd name="connsiteX181" fmla="*/ 3983 w 10000"/>
                  <a:gd name="connsiteY181" fmla="*/ 3752 h 10000"/>
                  <a:gd name="connsiteX182" fmla="*/ 4111 w 10000"/>
                  <a:gd name="connsiteY182" fmla="*/ 3663 h 10000"/>
                  <a:gd name="connsiteX183" fmla="*/ 4213 w 10000"/>
                  <a:gd name="connsiteY183" fmla="*/ 3560 h 10000"/>
                  <a:gd name="connsiteX184" fmla="*/ 4289 w 10000"/>
                  <a:gd name="connsiteY184" fmla="*/ 3442 h 10000"/>
                  <a:gd name="connsiteX185" fmla="*/ 4366 w 10000"/>
                  <a:gd name="connsiteY185" fmla="*/ 3323 h 10000"/>
                  <a:gd name="connsiteX186" fmla="*/ 4416 w 10000"/>
                  <a:gd name="connsiteY186" fmla="*/ 3220 h 10000"/>
                  <a:gd name="connsiteX187" fmla="*/ 4441 w 10000"/>
                  <a:gd name="connsiteY187" fmla="*/ 3102 h 10000"/>
                  <a:gd name="connsiteX188" fmla="*/ 4468 w 10000"/>
                  <a:gd name="connsiteY188" fmla="*/ 3013 h 10000"/>
                  <a:gd name="connsiteX189" fmla="*/ 4441 w 10000"/>
                  <a:gd name="connsiteY189" fmla="*/ 2939 h 10000"/>
                  <a:gd name="connsiteX190" fmla="*/ 4416 w 10000"/>
                  <a:gd name="connsiteY190" fmla="*/ 2866 h 10000"/>
                  <a:gd name="connsiteX191" fmla="*/ 4340 w 10000"/>
                  <a:gd name="connsiteY191" fmla="*/ 2836 h 10000"/>
                  <a:gd name="connsiteX192" fmla="*/ 4239 w 10000"/>
                  <a:gd name="connsiteY192" fmla="*/ 2836 h 10000"/>
                  <a:gd name="connsiteX193" fmla="*/ 4111 w 10000"/>
                  <a:gd name="connsiteY193" fmla="*/ 2866 h 10000"/>
                  <a:gd name="connsiteX194" fmla="*/ 4213 w 10000"/>
                  <a:gd name="connsiteY194" fmla="*/ 2777 h 10000"/>
                  <a:gd name="connsiteX195" fmla="*/ 4265 w 10000"/>
                  <a:gd name="connsiteY195" fmla="*/ 2674 h 10000"/>
                  <a:gd name="connsiteX196" fmla="*/ 4289 w 10000"/>
                  <a:gd name="connsiteY196" fmla="*/ 2541 h 10000"/>
                  <a:gd name="connsiteX197" fmla="*/ 4289 w 10000"/>
                  <a:gd name="connsiteY197" fmla="*/ 2393 h 10000"/>
                  <a:gd name="connsiteX198" fmla="*/ 4314 w 10000"/>
                  <a:gd name="connsiteY198" fmla="*/ 2349 h 10000"/>
                  <a:gd name="connsiteX199" fmla="*/ 4366 w 10000"/>
                  <a:gd name="connsiteY199" fmla="*/ 2304 h 10000"/>
                  <a:gd name="connsiteX200" fmla="*/ 4416 w 10000"/>
                  <a:gd name="connsiteY200" fmla="*/ 2290 h 10000"/>
                  <a:gd name="connsiteX201" fmla="*/ 4493 w 10000"/>
                  <a:gd name="connsiteY201" fmla="*/ 2275 h 10000"/>
                  <a:gd name="connsiteX202" fmla="*/ 4720 w 10000"/>
                  <a:gd name="connsiteY202" fmla="*/ 2260 h 10000"/>
                  <a:gd name="connsiteX203" fmla="*/ 4923 w 10000"/>
                  <a:gd name="connsiteY203" fmla="*/ 2275 h 10000"/>
                  <a:gd name="connsiteX204" fmla="*/ 4898 w 10000"/>
                  <a:gd name="connsiteY204" fmla="*/ 2112 h 10000"/>
                  <a:gd name="connsiteX205" fmla="*/ 4848 w 10000"/>
                  <a:gd name="connsiteY205" fmla="*/ 1950 h 10000"/>
                  <a:gd name="connsiteX206" fmla="*/ 4771 w 10000"/>
                  <a:gd name="connsiteY206" fmla="*/ 1802 h 10000"/>
                  <a:gd name="connsiteX207" fmla="*/ 4671 w 10000"/>
                  <a:gd name="connsiteY207" fmla="*/ 1640 h 10000"/>
                  <a:gd name="connsiteX208" fmla="*/ 4416 w 10000"/>
                  <a:gd name="connsiteY208" fmla="*/ 1329 h 10000"/>
                  <a:gd name="connsiteX209" fmla="*/ 4162 w 10000"/>
                  <a:gd name="connsiteY209" fmla="*/ 1034 h 10000"/>
                  <a:gd name="connsiteX210" fmla="*/ 4035 w 10000"/>
                  <a:gd name="connsiteY210" fmla="*/ 901 h 10000"/>
                  <a:gd name="connsiteX211" fmla="*/ 3935 w 10000"/>
                  <a:gd name="connsiteY211" fmla="*/ 753 h 10000"/>
                  <a:gd name="connsiteX212" fmla="*/ 3857 w 10000"/>
                  <a:gd name="connsiteY212" fmla="*/ 620 h 10000"/>
                  <a:gd name="connsiteX213" fmla="*/ 3832 w 10000"/>
                  <a:gd name="connsiteY213" fmla="*/ 487 h 10000"/>
                  <a:gd name="connsiteX214" fmla="*/ 3807 w 10000"/>
                  <a:gd name="connsiteY214" fmla="*/ 355 h 10000"/>
                  <a:gd name="connsiteX215" fmla="*/ 3857 w 10000"/>
                  <a:gd name="connsiteY215" fmla="*/ 222 h 10000"/>
                  <a:gd name="connsiteX216" fmla="*/ 3884 w 10000"/>
                  <a:gd name="connsiteY216" fmla="*/ 162 h 10000"/>
                  <a:gd name="connsiteX217" fmla="*/ 3935 w 10000"/>
                  <a:gd name="connsiteY217" fmla="*/ 103 h 10000"/>
                  <a:gd name="connsiteX218" fmla="*/ 4011 w 10000"/>
                  <a:gd name="connsiteY218" fmla="*/ 59 h 10000"/>
                  <a:gd name="connsiteX219" fmla="*/ 4111 w 10000"/>
                  <a:gd name="connsiteY219" fmla="*/ 0 h 10000"/>
                  <a:gd name="connsiteX220" fmla="*/ 4289 w 10000"/>
                  <a:gd name="connsiteY220" fmla="*/ 0 h 10000"/>
                  <a:gd name="connsiteX221" fmla="*/ 4468 w 10000"/>
                  <a:gd name="connsiteY221" fmla="*/ 15 h 10000"/>
                  <a:gd name="connsiteX222" fmla="*/ 4644 w 10000"/>
                  <a:gd name="connsiteY222" fmla="*/ 44 h 10000"/>
                  <a:gd name="connsiteX223" fmla="*/ 4771 w 10000"/>
                  <a:gd name="connsiteY223" fmla="*/ 89 h 10000"/>
                  <a:gd name="connsiteX224" fmla="*/ 4975 w 10000"/>
                  <a:gd name="connsiteY224" fmla="*/ 192 h 10000"/>
                  <a:gd name="connsiteX225" fmla="*/ 5177 w 10000"/>
                  <a:gd name="connsiteY225" fmla="*/ 340 h 10000"/>
                  <a:gd name="connsiteX226" fmla="*/ 5329 w 10000"/>
                  <a:gd name="connsiteY226" fmla="*/ 473 h 10000"/>
                  <a:gd name="connsiteX227" fmla="*/ 5532 w 10000"/>
                  <a:gd name="connsiteY227" fmla="*/ 591 h 10000"/>
                  <a:gd name="connsiteX228" fmla="*/ 5660 w 10000"/>
                  <a:gd name="connsiteY228" fmla="*/ 650 h 10000"/>
                  <a:gd name="connsiteX229" fmla="*/ 5812 w 10000"/>
                  <a:gd name="connsiteY229" fmla="*/ 679 h 10000"/>
                  <a:gd name="connsiteX230" fmla="*/ 5965 w 10000"/>
                  <a:gd name="connsiteY230" fmla="*/ 709 h 10000"/>
                  <a:gd name="connsiteX231" fmla="*/ 6168 w 10000"/>
                  <a:gd name="connsiteY231" fmla="*/ 709 h 10000"/>
                  <a:gd name="connsiteX232" fmla="*/ 6168 w 10000"/>
                  <a:gd name="connsiteY232" fmla="*/ 768 h 10000"/>
                  <a:gd name="connsiteX233" fmla="*/ 6193 w 10000"/>
                  <a:gd name="connsiteY233" fmla="*/ 842 h 10000"/>
                  <a:gd name="connsiteX234" fmla="*/ 6243 w 10000"/>
                  <a:gd name="connsiteY234" fmla="*/ 916 h 10000"/>
                  <a:gd name="connsiteX235" fmla="*/ 6294 w 10000"/>
                  <a:gd name="connsiteY235" fmla="*/ 990 h 10000"/>
                  <a:gd name="connsiteX236" fmla="*/ 6369 w 10000"/>
                  <a:gd name="connsiteY236" fmla="*/ 1049 h 10000"/>
                  <a:gd name="connsiteX237" fmla="*/ 6471 w 10000"/>
                  <a:gd name="connsiteY237" fmla="*/ 1108 h 10000"/>
                  <a:gd name="connsiteX238" fmla="*/ 6598 w 10000"/>
                  <a:gd name="connsiteY238" fmla="*/ 1182 h 10000"/>
                  <a:gd name="connsiteX239" fmla="*/ 6700 w 10000"/>
                  <a:gd name="connsiteY239" fmla="*/ 1226 h 10000"/>
                  <a:gd name="connsiteX240" fmla="*/ 6802 w 10000"/>
                  <a:gd name="connsiteY240" fmla="*/ 1270 h 10000"/>
                  <a:gd name="connsiteX241" fmla="*/ 6903 w 10000"/>
                  <a:gd name="connsiteY241" fmla="*/ 1300 h 10000"/>
                  <a:gd name="connsiteX242" fmla="*/ 7005 w 10000"/>
                  <a:gd name="connsiteY242" fmla="*/ 1315 h 10000"/>
                  <a:gd name="connsiteX243" fmla="*/ 7132 w 10000"/>
                  <a:gd name="connsiteY243" fmla="*/ 1300 h 10000"/>
                  <a:gd name="connsiteX244" fmla="*/ 7234 w 10000"/>
                  <a:gd name="connsiteY244" fmla="*/ 1285 h 10000"/>
                  <a:gd name="connsiteX245" fmla="*/ 7309 w 10000"/>
                  <a:gd name="connsiteY245" fmla="*/ 1241 h 10000"/>
                  <a:gd name="connsiteX246" fmla="*/ 7361 w 10000"/>
                  <a:gd name="connsiteY246" fmla="*/ 1167 h 10000"/>
                  <a:gd name="connsiteX247" fmla="*/ 7385 w 10000"/>
                  <a:gd name="connsiteY247" fmla="*/ 1064 h 10000"/>
                  <a:gd name="connsiteX248" fmla="*/ 7766 w 10000"/>
                  <a:gd name="connsiteY248" fmla="*/ 1034 h 10000"/>
                  <a:gd name="connsiteX249" fmla="*/ 8121 w 10000"/>
                  <a:gd name="connsiteY249" fmla="*/ 1004 h 10000"/>
                  <a:gd name="connsiteX250" fmla="*/ 8427 w 10000"/>
                  <a:gd name="connsiteY250" fmla="*/ 990 h 10000"/>
                  <a:gd name="connsiteX251" fmla="*/ 8706 w 10000"/>
                  <a:gd name="connsiteY251" fmla="*/ 1004 h 10000"/>
                  <a:gd name="connsiteX252" fmla="*/ 8833 w 10000"/>
                  <a:gd name="connsiteY252" fmla="*/ 1019 h 10000"/>
                  <a:gd name="connsiteX253" fmla="*/ 8958 w 10000"/>
                  <a:gd name="connsiteY253" fmla="*/ 1034 h 10000"/>
                  <a:gd name="connsiteX254" fmla="*/ 9061 w 10000"/>
                  <a:gd name="connsiteY254" fmla="*/ 1064 h 10000"/>
                  <a:gd name="connsiteX255" fmla="*/ 9188 w 10000"/>
                  <a:gd name="connsiteY255" fmla="*/ 1108 h 10000"/>
                  <a:gd name="connsiteX256" fmla="*/ 9264 w 10000"/>
                  <a:gd name="connsiteY256" fmla="*/ 1182 h 10000"/>
                  <a:gd name="connsiteX257" fmla="*/ 9339 w 10000"/>
                  <a:gd name="connsiteY257" fmla="*/ 1241 h 10000"/>
                  <a:gd name="connsiteX258" fmla="*/ 9391 w 10000"/>
                  <a:gd name="connsiteY258" fmla="*/ 1329 h 10000"/>
                  <a:gd name="connsiteX259" fmla="*/ 9442 w 10000"/>
                  <a:gd name="connsiteY259" fmla="*/ 1433 h 10000"/>
                  <a:gd name="connsiteX260" fmla="*/ 9492 w 10000"/>
                  <a:gd name="connsiteY260" fmla="*/ 1551 h 10000"/>
                  <a:gd name="connsiteX261" fmla="*/ 9466 w 10000"/>
                  <a:gd name="connsiteY261" fmla="*/ 1625 h 10000"/>
                  <a:gd name="connsiteX262" fmla="*/ 9442 w 10000"/>
                  <a:gd name="connsiteY262" fmla="*/ 1684 h 10000"/>
                  <a:gd name="connsiteX263" fmla="*/ 9391 w 10000"/>
                  <a:gd name="connsiteY263" fmla="*/ 1758 h 10000"/>
                  <a:gd name="connsiteX264" fmla="*/ 9315 w 10000"/>
                  <a:gd name="connsiteY264" fmla="*/ 1802 h 10000"/>
                  <a:gd name="connsiteX265" fmla="*/ 9264 w 10000"/>
                  <a:gd name="connsiteY265" fmla="*/ 1861 h 10000"/>
                  <a:gd name="connsiteX266" fmla="*/ 9240 w 10000"/>
                  <a:gd name="connsiteY266" fmla="*/ 1935 h 10000"/>
                  <a:gd name="connsiteX267" fmla="*/ 9264 w 10000"/>
                  <a:gd name="connsiteY267" fmla="*/ 2024 h 10000"/>
                  <a:gd name="connsiteX268" fmla="*/ 9543 w 10000"/>
                  <a:gd name="connsiteY268" fmla="*/ 2157 h 10000"/>
                  <a:gd name="connsiteX269" fmla="*/ 9873 w 10000"/>
                  <a:gd name="connsiteY269" fmla="*/ 2275 h 10000"/>
                  <a:gd name="connsiteX270" fmla="*/ 10000 w 10000"/>
                  <a:gd name="connsiteY270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273 w 10000"/>
                  <a:gd name="connsiteY12" fmla="*/ 3663 h 10000"/>
                  <a:gd name="connsiteX13" fmla="*/ 8984 w 10000"/>
                  <a:gd name="connsiteY13" fmla="*/ 3412 h 10000"/>
                  <a:gd name="connsiteX14" fmla="*/ 9188 w 10000"/>
                  <a:gd name="connsiteY14" fmla="*/ 3338 h 10000"/>
                  <a:gd name="connsiteX15" fmla="*/ 9315 w 10000"/>
                  <a:gd name="connsiteY15" fmla="*/ 3235 h 10000"/>
                  <a:gd name="connsiteX16" fmla="*/ 9415 w 10000"/>
                  <a:gd name="connsiteY16" fmla="*/ 3117 h 10000"/>
                  <a:gd name="connsiteX17" fmla="*/ 9442 w 10000"/>
                  <a:gd name="connsiteY17" fmla="*/ 3072 h 10000"/>
                  <a:gd name="connsiteX18" fmla="*/ 9466 w 10000"/>
                  <a:gd name="connsiteY18" fmla="*/ 3013 h 10000"/>
                  <a:gd name="connsiteX19" fmla="*/ 9466 w 10000"/>
                  <a:gd name="connsiteY19" fmla="*/ 2954 h 10000"/>
                  <a:gd name="connsiteX20" fmla="*/ 9442 w 10000"/>
                  <a:gd name="connsiteY20" fmla="*/ 2866 h 10000"/>
                  <a:gd name="connsiteX21" fmla="*/ 9264 w 10000"/>
                  <a:gd name="connsiteY21" fmla="*/ 2984 h 10000"/>
                  <a:gd name="connsiteX22" fmla="*/ 9061 w 10000"/>
                  <a:gd name="connsiteY22" fmla="*/ 3072 h 10000"/>
                  <a:gd name="connsiteX23" fmla="*/ 8857 w 10000"/>
                  <a:gd name="connsiteY23" fmla="*/ 3161 h 10000"/>
                  <a:gd name="connsiteX24" fmla="*/ 8655 w 10000"/>
                  <a:gd name="connsiteY24" fmla="*/ 3250 h 10000"/>
                  <a:gd name="connsiteX25" fmla="*/ 8197 w 10000"/>
                  <a:gd name="connsiteY25" fmla="*/ 3397 h 10000"/>
                  <a:gd name="connsiteX26" fmla="*/ 7716 w 10000"/>
                  <a:gd name="connsiteY26" fmla="*/ 3545 h 10000"/>
                  <a:gd name="connsiteX27" fmla="*/ 7234 w 10000"/>
                  <a:gd name="connsiteY27" fmla="*/ 3678 h 10000"/>
                  <a:gd name="connsiteX28" fmla="*/ 6776 w 10000"/>
                  <a:gd name="connsiteY28" fmla="*/ 3840 h 10000"/>
                  <a:gd name="connsiteX29" fmla="*/ 6548 w 10000"/>
                  <a:gd name="connsiteY29" fmla="*/ 3914 h 10000"/>
                  <a:gd name="connsiteX30" fmla="*/ 6345 w 10000"/>
                  <a:gd name="connsiteY30" fmla="*/ 4003 h 10000"/>
                  <a:gd name="connsiteX31" fmla="*/ 6143 w 10000"/>
                  <a:gd name="connsiteY31" fmla="*/ 4106 h 10000"/>
                  <a:gd name="connsiteX32" fmla="*/ 5938 w 10000"/>
                  <a:gd name="connsiteY32" fmla="*/ 4195 h 10000"/>
                  <a:gd name="connsiteX33" fmla="*/ 6091 w 10000"/>
                  <a:gd name="connsiteY33" fmla="*/ 4417 h 10000"/>
                  <a:gd name="connsiteX34" fmla="*/ 6193 w 10000"/>
                  <a:gd name="connsiteY34" fmla="*/ 4623 h 10000"/>
                  <a:gd name="connsiteX35" fmla="*/ 6294 w 10000"/>
                  <a:gd name="connsiteY35" fmla="*/ 4845 h 10000"/>
                  <a:gd name="connsiteX36" fmla="*/ 6369 w 10000"/>
                  <a:gd name="connsiteY36" fmla="*/ 5081 h 10000"/>
                  <a:gd name="connsiteX37" fmla="*/ 6421 w 10000"/>
                  <a:gd name="connsiteY37" fmla="*/ 5318 h 10000"/>
                  <a:gd name="connsiteX38" fmla="*/ 6447 w 10000"/>
                  <a:gd name="connsiteY38" fmla="*/ 5539 h 10000"/>
                  <a:gd name="connsiteX39" fmla="*/ 6471 w 10000"/>
                  <a:gd name="connsiteY39" fmla="*/ 5775 h 10000"/>
                  <a:gd name="connsiteX40" fmla="*/ 6471 w 10000"/>
                  <a:gd name="connsiteY40" fmla="*/ 5997 h 10000"/>
                  <a:gd name="connsiteX41" fmla="*/ 6447 w 10000"/>
                  <a:gd name="connsiteY41" fmla="*/ 6233 h 10000"/>
                  <a:gd name="connsiteX42" fmla="*/ 6396 w 10000"/>
                  <a:gd name="connsiteY42" fmla="*/ 6470 h 10000"/>
                  <a:gd name="connsiteX43" fmla="*/ 6345 w 10000"/>
                  <a:gd name="connsiteY43" fmla="*/ 6677 h 10000"/>
                  <a:gd name="connsiteX44" fmla="*/ 6269 w 10000"/>
                  <a:gd name="connsiteY44" fmla="*/ 6898 h 10000"/>
                  <a:gd name="connsiteX45" fmla="*/ 6168 w 10000"/>
                  <a:gd name="connsiteY45" fmla="*/ 7105 h 10000"/>
                  <a:gd name="connsiteX46" fmla="*/ 6041 w 10000"/>
                  <a:gd name="connsiteY46" fmla="*/ 7297 h 10000"/>
                  <a:gd name="connsiteX47" fmla="*/ 5888 w 10000"/>
                  <a:gd name="connsiteY47" fmla="*/ 7489 h 10000"/>
                  <a:gd name="connsiteX48" fmla="*/ 5735 w 10000"/>
                  <a:gd name="connsiteY48" fmla="*/ 7681 h 10000"/>
                  <a:gd name="connsiteX49" fmla="*/ 6471 w 10000"/>
                  <a:gd name="connsiteY49" fmla="*/ 7799 h 10000"/>
                  <a:gd name="connsiteX50" fmla="*/ 7234 w 10000"/>
                  <a:gd name="connsiteY50" fmla="*/ 7962 h 10000"/>
                  <a:gd name="connsiteX51" fmla="*/ 7385 w 10000"/>
                  <a:gd name="connsiteY51" fmla="*/ 8021 h 10000"/>
                  <a:gd name="connsiteX52" fmla="*/ 7512 w 10000"/>
                  <a:gd name="connsiteY52" fmla="*/ 8080 h 10000"/>
                  <a:gd name="connsiteX53" fmla="*/ 7639 w 10000"/>
                  <a:gd name="connsiteY53" fmla="*/ 8139 h 10000"/>
                  <a:gd name="connsiteX54" fmla="*/ 7716 w 10000"/>
                  <a:gd name="connsiteY54" fmla="*/ 8227 h 10000"/>
                  <a:gd name="connsiteX55" fmla="*/ 7741 w 10000"/>
                  <a:gd name="connsiteY55" fmla="*/ 8301 h 10000"/>
                  <a:gd name="connsiteX56" fmla="*/ 7741 w 10000"/>
                  <a:gd name="connsiteY56" fmla="*/ 8405 h 10000"/>
                  <a:gd name="connsiteX57" fmla="*/ 7691 w 10000"/>
                  <a:gd name="connsiteY57" fmla="*/ 8523 h 10000"/>
                  <a:gd name="connsiteX58" fmla="*/ 7614 w 10000"/>
                  <a:gd name="connsiteY58" fmla="*/ 8641 h 10000"/>
                  <a:gd name="connsiteX59" fmla="*/ 7284 w 10000"/>
                  <a:gd name="connsiteY59" fmla="*/ 8552 h 10000"/>
                  <a:gd name="connsiteX60" fmla="*/ 6979 w 10000"/>
                  <a:gd name="connsiteY60" fmla="*/ 8449 h 10000"/>
                  <a:gd name="connsiteX61" fmla="*/ 6674 w 10000"/>
                  <a:gd name="connsiteY61" fmla="*/ 8360 h 10000"/>
                  <a:gd name="connsiteX62" fmla="*/ 6369 w 10000"/>
                  <a:gd name="connsiteY62" fmla="*/ 8287 h 10000"/>
                  <a:gd name="connsiteX63" fmla="*/ 6243 w 10000"/>
                  <a:gd name="connsiteY63" fmla="*/ 8449 h 10000"/>
                  <a:gd name="connsiteX64" fmla="*/ 6143 w 10000"/>
                  <a:gd name="connsiteY64" fmla="*/ 8597 h 10000"/>
                  <a:gd name="connsiteX65" fmla="*/ 6091 w 10000"/>
                  <a:gd name="connsiteY65" fmla="*/ 8656 h 10000"/>
                  <a:gd name="connsiteX66" fmla="*/ 5989 w 10000"/>
                  <a:gd name="connsiteY66" fmla="*/ 8700 h 10000"/>
                  <a:gd name="connsiteX67" fmla="*/ 5914 w 10000"/>
                  <a:gd name="connsiteY67" fmla="*/ 8744 h 10000"/>
                  <a:gd name="connsiteX68" fmla="*/ 5838 w 10000"/>
                  <a:gd name="connsiteY68" fmla="*/ 8774 h 10000"/>
                  <a:gd name="connsiteX69" fmla="*/ 5761 w 10000"/>
                  <a:gd name="connsiteY69" fmla="*/ 8804 h 10000"/>
                  <a:gd name="connsiteX70" fmla="*/ 5660 w 10000"/>
                  <a:gd name="connsiteY70" fmla="*/ 8818 h 10000"/>
                  <a:gd name="connsiteX71" fmla="*/ 5532 w 10000"/>
                  <a:gd name="connsiteY71" fmla="*/ 8833 h 10000"/>
                  <a:gd name="connsiteX72" fmla="*/ 5406 w 10000"/>
                  <a:gd name="connsiteY72" fmla="*/ 8833 h 10000"/>
                  <a:gd name="connsiteX73" fmla="*/ 5102 w 10000"/>
                  <a:gd name="connsiteY73" fmla="*/ 8818 h 10000"/>
                  <a:gd name="connsiteX74" fmla="*/ 4720 w 10000"/>
                  <a:gd name="connsiteY74" fmla="*/ 8744 h 10000"/>
                  <a:gd name="connsiteX75" fmla="*/ 4720 w 10000"/>
                  <a:gd name="connsiteY75" fmla="*/ 8922 h 10000"/>
                  <a:gd name="connsiteX76" fmla="*/ 4695 w 10000"/>
                  <a:gd name="connsiteY76" fmla="*/ 9069 h 10000"/>
                  <a:gd name="connsiteX77" fmla="*/ 4671 w 10000"/>
                  <a:gd name="connsiteY77" fmla="*/ 9232 h 10000"/>
                  <a:gd name="connsiteX78" fmla="*/ 4644 w 10000"/>
                  <a:gd name="connsiteY78" fmla="*/ 9365 h 10000"/>
                  <a:gd name="connsiteX79" fmla="*/ 4593 w 10000"/>
                  <a:gd name="connsiteY79" fmla="*/ 9498 h 10000"/>
                  <a:gd name="connsiteX80" fmla="*/ 4493 w 10000"/>
                  <a:gd name="connsiteY80" fmla="*/ 9616 h 10000"/>
                  <a:gd name="connsiteX81" fmla="*/ 4416 w 10000"/>
                  <a:gd name="connsiteY81" fmla="*/ 9734 h 10000"/>
                  <a:gd name="connsiteX82" fmla="*/ 4289 w 10000"/>
                  <a:gd name="connsiteY82" fmla="*/ 9838 h 10000"/>
                  <a:gd name="connsiteX83" fmla="*/ 3983 w 10000"/>
                  <a:gd name="connsiteY83" fmla="*/ 9897 h 10000"/>
                  <a:gd name="connsiteX84" fmla="*/ 3731 w 10000"/>
                  <a:gd name="connsiteY84" fmla="*/ 9941 h 10000"/>
                  <a:gd name="connsiteX85" fmla="*/ 3426 w 10000"/>
                  <a:gd name="connsiteY85" fmla="*/ 9985 h 10000"/>
                  <a:gd name="connsiteX86" fmla="*/ 3198 w 10000"/>
                  <a:gd name="connsiteY86" fmla="*/ 10000 h 10000"/>
                  <a:gd name="connsiteX87" fmla="*/ 2690 w 10000"/>
                  <a:gd name="connsiteY87" fmla="*/ 10000 h 10000"/>
                  <a:gd name="connsiteX88" fmla="*/ 2208 w 10000"/>
                  <a:gd name="connsiteY88" fmla="*/ 9985 h 10000"/>
                  <a:gd name="connsiteX89" fmla="*/ 1752 w 10000"/>
                  <a:gd name="connsiteY89" fmla="*/ 9941 h 10000"/>
                  <a:gd name="connsiteX90" fmla="*/ 1270 w 10000"/>
                  <a:gd name="connsiteY90" fmla="*/ 9911 h 10000"/>
                  <a:gd name="connsiteX91" fmla="*/ 990 w 10000"/>
                  <a:gd name="connsiteY91" fmla="*/ 9911 h 10000"/>
                  <a:gd name="connsiteX92" fmla="*/ 736 w 10000"/>
                  <a:gd name="connsiteY92" fmla="*/ 9911 h 10000"/>
                  <a:gd name="connsiteX93" fmla="*/ 457 w 10000"/>
                  <a:gd name="connsiteY93" fmla="*/ 9926 h 10000"/>
                  <a:gd name="connsiteX94" fmla="*/ 178 w 10000"/>
                  <a:gd name="connsiteY94" fmla="*/ 9970 h 10000"/>
                  <a:gd name="connsiteX95" fmla="*/ 102 w 10000"/>
                  <a:gd name="connsiteY95" fmla="*/ 9867 h 10000"/>
                  <a:gd name="connsiteX96" fmla="*/ 51 w 10000"/>
                  <a:gd name="connsiteY96" fmla="*/ 9793 h 10000"/>
                  <a:gd name="connsiteX97" fmla="*/ 0 w 10000"/>
                  <a:gd name="connsiteY97" fmla="*/ 9705 h 10000"/>
                  <a:gd name="connsiteX98" fmla="*/ 0 w 10000"/>
                  <a:gd name="connsiteY98" fmla="*/ 9601 h 10000"/>
                  <a:gd name="connsiteX99" fmla="*/ 51 w 10000"/>
                  <a:gd name="connsiteY99" fmla="*/ 9424 h 10000"/>
                  <a:gd name="connsiteX100" fmla="*/ 102 w 10000"/>
                  <a:gd name="connsiteY100" fmla="*/ 9202 h 10000"/>
                  <a:gd name="connsiteX101" fmla="*/ 151 w 10000"/>
                  <a:gd name="connsiteY101" fmla="*/ 8996 h 10000"/>
                  <a:gd name="connsiteX102" fmla="*/ 203 w 10000"/>
                  <a:gd name="connsiteY102" fmla="*/ 8759 h 10000"/>
                  <a:gd name="connsiteX103" fmla="*/ 228 w 10000"/>
                  <a:gd name="connsiteY103" fmla="*/ 8641 h 10000"/>
                  <a:gd name="connsiteX104" fmla="*/ 228 w 10000"/>
                  <a:gd name="connsiteY104" fmla="*/ 8538 h 10000"/>
                  <a:gd name="connsiteX105" fmla="*/ 203 w 10000"/>
                  <a:gd name="connsiteY105" fmla="*/ 8405 h 10000"/>
                  <a:gd name="connsiteX106" fmla="*/ 178 w 10000"/>
                  <a:gd name="connsiteY106" fmla="*/ 8287 h 10000"/>
                  <a:gd name="connsiteX107" fmla="*/ 431 w 10000"/>
                  <a:gd name="connsiteY107" fmla="*/ 8213 h 10000"/>
                  <a:gd name="connsiteX108" fmla="*/ 685 w 10000"/>
                  <a:gd name="connsiteY108" fmla="*/ 8139 h 10000"/>
                  <a:gd name="connsiteX109" fmla="*/ 939 w 10000"/>
                  <a:gd name="connsiteY109" fmla="*/ 8095 h 10000"/>
                  <a:gd name="connsiteX110" fmla="*/ 1218 w 10000"/>
                  <a:gd name="connsiteY110" fmla="*/ 8065 h 10000"/>
                  <a:gd name="connsiteX111" fmla="*/ 1725 w 10000"/>
                  <a:gd name="connsiteY111" fmla="*/ 8021 h 10000"/>
                  <a:gd name="connsiteX112" fmla="*/ 2234 w 10000"/>
                  <a:gd name="connsiteY112" fmla="*/ 7976 h 10000"/>
                  <a:gd name="connsiteX113" fmla="*/ 2462 w 10000"/>
                  <a:gd name="connsiteY113" fmla="*/ 7947 h 10000"/>
                  <a:gd name="connsiteX114" fmla="*/ 2690 w 10000"/>
                  <a:gd name="connsiteY114" fmla="*/ 7917 h 10000"/>
                  <a:gd name="connsiteX115" fmla="*/ 2892 w 10000"/>
                  <a:gd name="connsiteY115" fmla="*/ 7843 h 10000"/>
                  <a:gd name="connsiteX116" fmla="*/ 3096 w 10000"/>
                  <a:gd name="connsiteY116" fmla="*/ 7784 h 10000"/>
                  <a:gd name="connsiteX117" fmla="*/ 3274 w 10000"/>
                  <a:gd name="connsiteY117" fmla="*/ 7710 h 10000"/>
                  <a:gd name="connsiteX118" fmla="*/ 3426 w 10000"/>
                  <a:gd name="connsiteY118" fmla="*/ 7592 h 10000"/>
                  <a:gd name="connsiteX119" fmla="*/ 3579 w 10000"/>
                  <a:gd name="connsiteY119" fmla="*/ 7474 h 10000"/>
                  <a:gd name="connsiteX120" fmla="*/ 3680 w 10000"/>
                  <a:gd name="connsiteY120" fmla="*/ 7312 h 10000"/>
                  <a:gd name="connsiteX121" fmla="*/ 3477 w 10000"/>
                  <a:gd name="connsiteY121" fmla="*/ 7238 h 10000"/>
                  <a:gd name="connsiteX122" fmla="*/ 3299 w 10000"/>
                  <a:gd name="connsiteY122" fmla="*/ 7179 h 10000"/>
                  <a:gd name="connsiteX123" fmla="*/ 3147 w 10000"/>
                  <a:gd name="connsiteY123" fmla="*/ 7090 h 10000"/>
                  <a:gd name="connsiteX124" fmla="*/ 2995 w 10000"/>
                  <a:gd name="connsiteY124" fmla="*/ 6987 h 10000"/>
                  <a:gd name="connsiteX125" fmla="*/ 2892 w 10000"/>
                  <a:gd name="connsiteY125" fmla="*/ 6869 h 10000"/>
                  <a:gd name="connsiteX126" fmla="*/ 2843 w 10000"/>
                  <a:gd name="connsiteY126" fmla="*/ 6721 h 10000"/>
                  <a:gd name="connsiteX127" fmla="*/ 2817 w 10000"/>
                  <a:gd name="connsiteY127" fmla="*/ 6558 h 10000"/>
                  <a:gd name="connsiteX128" fmla="*/ 2843 w 10000"/>
                  <a:gd name="connsiteY128" fmla="*/ 6352 h 10000"/>
                  <a:gd name="connsiteX129" fmla="*/ 2716 w 10000"/>
                  <a:gd name="connsiteY129" fmla="*/ 6322 h 10000"/>
                  <a:gd name="connsiteX130" fmla="*/ 2564 w 10000"/>
                  <a:gd name="connsiteY130" fmla="*/ 6292 h 10000"/>
                  <a:gd name="connsiteX131" fmla="*/ 2386 w 10000"/>
                  <a:gd name="connsiteY131" fmla="*/ 6278 h 10000"/>
                  <a:gd name="connsiteX132" fmla="*/ 2208 w 10000"/>
                  <a:gd name="connsiteY132" fmla="*/ 6263 h 10000"/>
                  <a:gd name="connsiteX133" fmla="*/ 1853 w 10000"/>
                  <a:gd name="connsiteY133" fmla="*/ 6248 h 10000"/>
                  <a:gd name="connsiteX134" fmla="*/ 1472 w 10000"/>
                  <a:gd name="connsiteY134" fmla="*/ 6263 h 10000"/>
                  <a:gd name="connsiteX135" fmla="*/ 1143 w 10000"/>
                  <a:gd name="connsiteY135" fmla="*/ 6278 h 10000"/>
                  <a:gd name="connsiteX136" fmla="*/ 837 w 10000"/>
                  <a:gd name="connsiteY136" fmla="*/ 6278 h 10000"/>
                  <a:gd name="connsiteX137" fmla="*/ 585 w 10000"/>
                  <a:gd name="connsiteY137" fmla="*/ 6263 h 10000"/>
                  <a:gd name="connsiteX138" fmla="*/ 381 w 10000"/>
                  <a:gd name="connsiteY138" fmla="*/ 6233 h 10000"/>
                  <a:gd name="connsiteX139" fmla="*/ 633 w 10000"/>
                  <a:gd name="connsiteY139" fmla="*/ 5805 h 10000"/>
                  <a:gd name="connsiteX140" fmla="*/ 914 w 10000"/>
                  <a:gd name="connsiteY140" fmla="*/ 5391 h 10000"/>
                  <a:gd name="connsiteX141" fmla="*/ 1016 w 10000"/>
                  <a:gd name="connsiteY141" fmla="*/ 5170 h 10000"/>
                  <a:gd name="connsiteX142" fmla="*/ 1091 w 10000"/>
                  <a:gd name="connsiteY142" fmla="*/ 4963 h 10000"/>
                  <a:gd name="connsiteX143" fmla="*/ 1116 w 10000"/>
                  <a:gd name="connsiteY143" fmla="*/ 4860 h 10000"/>
                  <a:gd name="connsiteX144" fmla="*/ 1091 w 10000"/>
                  <a:gd name="connsiteY144" fmla="*/ 4756 h 10000"/>
                  <a:gd name="connsiteX145" fmla="*/ 1066 w 10000"/>
                  <a:gd name="connsiteY145" fmla="*/ 4653 h 10000"/>
                  <a:gd name="connsiteX146" fmla="*/ 990 w 10000"/>
                  <a:gd name="connsiteY146" fmla="*/ 4549 h 10000"/>
                  <a:gd name="connsiteX147" fmla="*/ 1270 w 10000"/>
                  <a:gd name="connsiteY147" fmla="*/ 4520 h 10000"/>
                  <a:gd name="connsiteX148" fmla="*/ 1472 w 10000"/>
                  <a:gd name="connsiteY148" fmla="*/ 4505 h 10000"/>
                  <a:gd name="connsiteX149" fmla="*/ 1650 w 10000"/>
                  <a:gd name="connsiteY149" fmla="*/ 4505 h 10000"/>
                  <a:gd name="connsiteX150" fmla="*/ 1802 w 10000"/>
                  <a:gd name="connsiteY150" fmla="*/ 4520 h 10000"/>
                  <a:gd name="connsiteX151" fmla="*/ 1929 w 10000"/>
                  <a:gd name="connsiteY151" fmla="*/ 4520 h 10000"/>
                  <a:gd name="connsiteX152" fmla="*/ 2081 w 10000"/>
                  <a:gd name="connsiteY152" fmla="*/ 4520 h 10000"/>
                  <a:gd name="connsiteX153" fmla="*/ 2234 w 10000"/>
                  <a:gd name="connsiteY153" fmla="*/ 4490 h 10000"/>
                  <a:gd name="connsiteX154" fmla="*/ 2436 w 10000"/>
                  <a:gd name="connsiteY154" fmla="*/ 4446 h 10000"/>
                  <a:gd name="connsiteX155" fmla="*/ 2436 w 10000"/>
                  <a:gd name="connsiteY155" fmla="*/ 4579 h 10000"/>
                  <a:gd name="connsiteX156" fmla="*/ 2436 w 10000"/>
                  <a:gd name="connsiteY156" fmla="*/ 4742 h 10000"/>
                  <a:gd name="connsiteX157" fmla="*/ 2436 w 10000"/>
                  <a:gd name="connsiteY157" fmla="*/ 4874 h 10000"/>
                  <a:gd name="connsiteX158" fmla="*/ 2436 w 10000"/>
                  <a:gd name="connsiteY158" fmla="*/ 5037 h 10000"/>
                  <a:gd name="connsiteX159" fmla="*/ 2665 w 10000"/>
                  <a:gd name="connsiteY159" fmla="*/ 5022 h 10000"/>
                  <a:gd name="connsiteX160" fmla="*/ 2817 w 10000"/>
                  <a:gd name="connsiteY160" fmla="*/ 5037 h 10000"/>
                  <a:gd name="connsiteX161" fmla="*/ 2944 w 10000"/>
                  <a:gd name="connsiteY161" fmla="*/ 5066 h 10000"/>
                  <a:gd name="connsiteX162" fmla="*/ 3071 w 10000"/>
                  <a:gd name="connsiteY162" fmla="*/ 5096 h 10000"/>
                  <a:gd name="connsiteX163" fmla="*/ 3173 w 10000"/>
                  <a:gd name="connsiteY163" fmla="*/ 5126 h 10000"/>
                  <a:gd name="connsiteX164" fmla="*/ 3299 w 10000"/>
                  <a:gd name="connsiteY164" fmla="*/ 5155 h 10000"/>
                  <a:gd name="connsiteX165" fmla="*/ 3452 w 10000"/>
                  <a:gd name="connsiteY165" fmla="*/ 5170 h 10000"/>
                  <a:gd name="connsiteX166" fmla="*/ 3680 w 10000"/>
                  <a:gd name="connsiteY166" fmla="*/ 5155 h 10000"/>
                  <a:gd name="connsiteX167" fmla="*/ 3757 w 10000"/>
                  <a:gd name="connsiteY167" fmla="*/ 5096 h 10000"/>
                  <a:gd name="connsiteX168" fmla="*/ 3832 w 10000"/>
                  <a:gd name="connsiteY168" fmla="*/ 5022 h 10000"/>
                  <a:gd name="connsiteX169" fmla="*/ 3857 w 10000"/>
                  <a:gd name="connsiteY169" fmla="*/ 4934 h 10000"/>
                  <a:gd name="connsiteX170" fmla="*/ 3884 w 10000"/>
                  <a:gd name="connsiteY170" fmla="*/ 4860 h 10000"/>
                  <a:gd name="connsiteX171" fmla="*/ 3908 w 10000"/>
                  <a:gd name="connsiteY171" fmla="*/ 4697 h 10000"/>
                  <a:gd name="connsiteX172" fmla="*/ 3884 w 10000"/>
                  <a:gd name="connsiteY172" fmla="*/ 4520 h 10000"/>
                  <a:gd name="connsiteX173" fmla="*/ 3807 w 10000"/>
                  <a:gd name="connsiteY173" fmla="*/ 4343 h 10000"/>
                  <a:gd name="connsiteX174" fmla="*/ 3731 w 10000"/>
                  <a:gd name="connsiteY174" fmla="*/ 4195 h 10000"/>
                  <a:gd name="connsiteX175" fmla="*/ 3604 w 10000"/>
                  <a:gd name="connsiteY175" fmla="*/ 4047 h 10000"/>
                  <a:gd name="connsiteX176" fmla="*/ 3477 w 10000"/>
                  <a:gd name="connsiteY176" fmla="*/ 3959 h 10000"/>
                  <a:gd name="connsiteX177" fmla="*/ 3629 w 10000"/>
                  <a:gd name="connsiteY177" fmla="*/ 3944 h 10000"/>
                  <a:gd name="connsiteX178" fmla="*/ 3757 w 10000"/>
                  <a:gd name="connsiteY178" fmla="*/ 3914 h 10000"/>
                  <a:gd name="connsiteX179" fmla="*/ 3857 w 10000"/>
                  <a:gd name="connsiteY179" fmla="*/ 3855 h 10000"/>
                  <a:gd name="connsiteX180" fmla="*/ 3983 w 10000"/>
                  <a:gd name="connsiteY180" fmla="*/ 3752 h 10000"/>
                  <a:gd name="connsiteX181" fmla="*/ 4111 w 10000"/>
                  <a:gd name="connsiteY181" fmla="*/ 3663 h 10000"/>
                  <a:gd name="connsiteX182" fmla="*/ 4213 w 10000"/>
                  <a:gd name="connsiteY182" fmla="*/ 3560 h 10000"/>
                  <a:gd name="connsiteX183" fmla="*/ 4289 w 10000"/>
                  <a:gd name="connsiteY183" fmla="*/ 3442 h 10000"/>
                  <a:gd name="connsiteX184" fmla="*/ 4366 w 10000"/>
                  <a:gd name="connsiteY184" fmla="*/ 3323 h 10000"/>
                  <a:gd name="connsiteX185" fmla="*/ 4416 w 10000"/>
                  <a:gd name="connsiteY185" fmla="*/ 3220 h 10000"/>
                  <a:gd name="connsiteX186" fmla="*/ 4441 w 10000"/>
                  <a:gd name="connsiteY186" fmla="*/ 3102 h 10000"/>
                  <a:gd name="connsiteX187" fmla="*/ 4468 w 10000"/>
                  <a:gd name="connsiteY187" fmla="*/ 3013 h 10000"/>
                  <a:gd name="connsiteX188" fmla="*/ 4441 w 10000"/>
                  <a:gd name="connsiteY188" fmla="*/ 2939 h 10000"/>
                  <a:gd name="connsiteX189" fmla="*/ 4416 w 10000"/>
                  <a:gd name="connsiteY189" fmla="*/ 2866 h 10000"/>
                  <a:gd name="connsiteX190" fmla="*/ 4340 w 10000"/>
                  <a:gd name="connsiteY190" fmla="*/ 2836 h 10000"/>
                  <a:gd name="connsiteX191" fmla="*/ 4239 w 10000"/>
                  <a:gd name="connsiteY191" fmla="*/ 2836 h 10000"/>
                  <a:gd name="connsiteX192" fmla="*/ 4111 w 10000"/>
                  <a:gd name="connsiteY192" fmla="*/ 2866 h 10000"/>
                  <a:gd name="connsiteX193" fmla="*/ 4213 w 10000"/>
                  <a:gd name="connsiteY193" fmla="*/ 2777 h 10000"/>
                  <a:gd name="connsiteX194" fmla="*/ 4265 w 10000"/>
                  <a:gd name="connsiteY194" fmla="*/ 2674 h 10000"/>
                  <a:gd name="connsiteX195" fmla="*/ 4289 w 10000"/>
                  <a:gd name="connsiteY195" fmla="*/ 2541 h 10000"/>
                  <a:gd name="connsiteX196" fmla="*/ 4289 w 10000"/>
                  <a:gd name="connsiteY196" fmla="*/ 2393 h 10000"/>
                  <a:gd name="connsiteX197" fmla="*/ 4314 w 10000"/>
                  <a:gd name="connsiteY197" fmla="*/ 2349 h 10000"/>
                  <a:gd name="connsiteX198" fmla="*/ 4366 w 10000"/>
                  <a:gd name="connsiteY198" fmla="*/ 2304 h 10000"/>
                  <a:gd name="connsiteX199" fmla="*/ 4416 w 10000"/>
                  <a:gd name="connsiteY199" fmla="*/ 2290 h 10000"/>
                  <a:gd name="connsiteX200" fmla="*/ 4493 w 10000"/>
                  <a:gd name="connsiteY200" fmla="*/ 2275 h 10000"/>
                  <a:gd name="connsiteX201" fmla="*/ 4720 w 10000"/>
                  <a:gd name="connsiteY201" fmla="*/ 2260 h 10000"/>
                  <a:gd name="connsiteX202" fmla="*/ 4923 w 10000"/>
                  <a:gd name="connsiteY202" fmla="*/ 2275 h 10000"/>
                  <a:gd name="connsiteX203" fmla="*/ 4898 w 10000"/>
                  <a:gd name="connsiteY203" fmla="*/ 2112 h 10000"/>
                  <a:gd name="connsiteX204" fmla="*/ 4848 w 10000"/>
                  <a:gd name="connsiteY204" fmla="*/ 1950 h 10000"/>
                  <a:gd name="connsiteX205" fmla="*/ 4771 w 10000"/>
                  <a:gd name="connsiteY205" fmla="*/ 1802 h 10000"/>
                  <a:gd name="connsiteX206" fmla="*/ 4671 w 10000"/>
                  <a:gd name="connsiteY206" fmla="*/ 1640 h 10000"/>
                  <a:gd name="connsiteX207" fmla="*/ 4416 w 10000"/>
                  <a:gd name="connsiteY207" fmla="*/ 1329 h 10000"/>
                  <a:gd name="connsiteX208" fmla="*/ 4162 w 10000"/>
                  <a:gd name="connsiteY208" fmla="*/ 1034 h 10000"/>
                  <a:gd name="connsiteX209" fmla="*/ 4035 w 10000"/>
                  <a:gd name="connsiteY209" fmla="*/ 901 h 10000"/>
                  <a:gd name="connsiteX210" fmla="*/ 3935 w 10000"/>
                  <a:gd name="connsiteY210" fmla="*/ 753 h 10000"/>
                  <a:gd name="connsiteX211" fmla="*/ 3857 w 10000"/>
                  <a:gd name="connsiteY211" fmla="*/ 620 h 10000"/>
                  <a:gd name="connsiteX212" fmla="*/ 3832 w 10000"/>
                  <a:gd name="connsiteY212" fmla="*/ 487 h 10000"/>
                  <a:gd name="connsiteX213" fmla="*/ 3807 w 10000"/>
                  <a:gd name="connsiteY213" fmla="*/ 355 h 10000"/>
                  <a:gd name="connsiteX214" fmla="*/ 3857 w 10000"/>
                  <a:gd name="connsiteY214" fmla="*/ 222 h 10000"/>
                  <a:gd name="connsiteX215" fmla="*/ 3884 w 10000"/>
                  <a:gd name="connsiteY215" fmla="*/ 162 h 10000"/>
                  <a:gd name="connsiteX216" fmla="*/ 3935 w 10000"/>
                  <a:gd name="connsiteY216" fmla="*/ 103 h 10000"/>
                  <a:gd name="connsiteX217" fmla="*/ 4011 w 10000"/>
                  <a:gd name="connsiteY217" fmla="*/ 59 h 10000"/>
                  <a:gd name="connsiteX218" fmla="*/ 4111 w 10000"/>
                  <a:gd name="connsiteY218" fmla="*/ 0 h 10000"/>
                  <a:gd name="connsiteX219" fmla="*/ 4289 w 10000"/>
                  <a:gd name="connsiteY219" fmla="*/ 0 h 10000"/>
                  <a:gd name="connsiteX220" fmla="*/ 4468 w 10000"/>
                  <a:gd name="connsiteY220" fmla="*/ 15 h 10000"/>
                  <a:gd name="connsiteX221" fmla="*/ 4644 w 10000"/>
                  <a:gd name="connsiteY221" fmla="*/ 44 h 10000"/>
                  <a:gd name="connsiteX222" fmla="*/ 4771 w 10000"/>
                  <a:gd name="connsiteY222" fmla="*/ 89 h 10000"/>
                  <a:gd name="connsiteX223" fmla="*/ 4975 w 10000"/>
                  <a:gd name="connsiteY223" fmla="*/ 192 h 10000"/>
                  <a:gd name="connsiteX224" fmla="*/ 5177 w 10000"/>
                  <a:gd name="connsiteY224" fmla="*/ 340 h 10000"/>
                  <a:gd name="connsiteX225" fmla="*/ 5329 w 10000"/>
                  <a:gd name="connsiteY225" fmla="*/ 473 h 10000"/>
                  <a:gd name="connsiteX226" fmla="*/ 5532 w 10000"/>
                  <a:gd name="connsiteY226" fmla="*/ 591 h 10000"/>
                  <a:gd name="connsiteX227" fmla="*/ 5660 w 10000"/>
                  <a:gd name="connsiteY227" fmla="*/ 650 h 10000"/>
                  <a:gd name="connsiteX228" fmla="*/ 5812 w 10000"/>
                  <a:gd name="connsiteY228" fmla="*/ 679 h 10000"/>
                  <a:gd name="connsiteX229" fmla="*/ 5965 w 10000"/>
                  <a:gd name="connsiteY229" fmla="*/ 709 h 10000"/>
                  <a:gd name="connsiteX230" fmla="*/ 6168 w 10000"/>
                  <a:gd name="connsiteY230" fmla="*/ 709 h 10000"/>
                  <a:gd name="connsiteX231" fmla="*/ 6168 w 10000"/>
                  <a:gd name="connsiteY231" fmla="*/ 768 h 10000"/>
                  <a:gd name="connsiteX232" fmla="*/ 6193 w 10000"/>
                  <a:gd name="connsiteY232" fmla="*/ 842 h 10000"/>
                  <a:gd name="connsiteX233" fmla="*/ 6243 w 10000"/>
                  <a:gd name="connsiteY233" fmla="*/ 916 h 10000"/>
                  <a:gd name="connsiteX234" fmla="*/ 6294 w 10000"/>
                  <a:gd name="connsiteY234" fmla="*/ 990 h 10000"/>
                  <a:gd name="connsiteX235" fmla="*/ 6369 w 10000"/>
                  <a:gd name="connsiteY235" fmla="*/ 1049 h 10000"/>
                  <a:gd name="connsiteX236" fmla="*/ 6471 w 10000"/>
                  <a:gd name="connsiteY236" fmla="*/ 1108 h 10000"/>
                  <a:gd name="connsiteX237" fmla="*/ 6598 w 10000"/>
                  <a:gd name="connsiteY237" fmla="*/ 1182 h 10000"/>
                  <a:gd name="connsiteX238" fmla="*/ 6700 w 10000"/>
                  <a:gd name="connsiteY238" fmla="*/ 1226 h 10000"/>
                  <a:gd name="connsiteX239" fmla="*/ 6802 w 10000"/>
                  <a:gd name="connsiteY239" fmla="*/ 1270 h 10000"/>
                  <a:gd name="connsiteX240" fmla="*/ 6903 w 10000"/>
                  <a:gd name="connsiteY240" fmla="*/ 1300 h 10000"/>
                  <a:gd name="connsiteX241" fmla="*/ 7005 w 10000"/>
                  <a:gd name="connsiteY241" fmla="*/ 1315 h 10000"/>
                  <a:gd name="connsiteX242" fmla="*/ 7132 w 10000"/>
                  <a:gd name="connsiteY242" fmla="*/ 1300 h 10000"/>
                  <a:gd name="connsiteX243" fmla="*/ 7234 w 10000"/>
                  <a:gd name="connsiteY243" fmla="*/ 1285 h 10000"/>
                  <a:gd name="connsiteX244" fmla="*/ 7309 w 10000"/>
                  <a:gd name="connsiteY244" fmla="*/ 1241 h 10000"/>
                  <a:gd name="connsiteX245" fmla="*/ 7361 w 10000"/>
                  <a:gd name="connsiteY245" fmla="*/ 1167 h 10000"/>
                  <a:gd name="connsiteX246" fmla="*/ 7385 w 10000"/>
                  <a:gd name="connsiteY246" fmla="*/ 1064 h 10000"/>
                  <a:gd name="connsiteX247" fmla="*/ 7766 w 10000"/>
                  <a:gd name="connsiteY247" fmla="*/ 1034 h 10000"/>
                  <a:gd name="connsiteX248" fmla="*/ 8121 w 10000"/>
                  <a:gd name="connsiteY248" fmla="*/ 1004 h 10000"/>
                  <a:gd name="connsiteX249" fmla="*/ 8427 w 10000"/>
                  <a:gd name="connsiteY249" fmla="*/ 990 h 10000"/>
                  <a:gd name="connsiteX250" fmla="*/ 8706 w 10000"/>
                  <a:gd name="connsiteY250" fmla="*/ 1004 h 10000"/>
                  <a:gd name="connsiteX251" fmla="*/ 8833 w 10000"/>
                  <a:gd name="connsiteY251" fmla="*/ 1019 h 10000"/>
                  <a:gd name="connsiteX252" fmla="*/ 8958 w 10000"/>
                  <a:gd name="connsiteY252" fmla="*/ 1034 h 10000"/>
                  <a:gd name="connsiteX253" fmla="*/ 9061 w 10000"/>
                  <a:gd name="connsiteY253" fmla="*/ 1064 h 10000"/>
                  <a:gd name="connsiteX254" fmla="*/ 9188 w 10000"/>
                  <a:gd name="connsiteY254" fmla="*/ 1108 h 10000"/>
                  <a:gd name="connsiteX255" fmla="*/ 9264 w 10000"/>
                  <a:gd name="connsiteY255" fmla="*/ 1182 h 10000"/>
                  <a:gd name="connsiteX256" fmla="*/ 9339 w 10000"/>
                  <a:gd name="connsiteY256" fmla="*/ 1241 h 10000"/>
                  <a:gd name="connsiteX257" fmla="*/ 9391 w 10000"/>
                  <a:gd name="connsiteY257" fmla="*/ 1329 h 10000"/>
                  <a:gd name="connsiteX258" fmla="*/ 9442 w 10000"/>
                  <a:gd name="connsiteY258" fmla="*/ 1433 h 10000"/>
                  <a:gd name="connsiteX259" fmla="*/ 9492 w 10000"/>
                  <a:gd name="connsiteY259" fmla="*/ 1551 h 10000"/>
                  <a:gd name="connsiteX260" fmla="*/ 9466 w 10000"/>
                  <a:gd name="connsiteY260" fmla="*/ 1625 h 10000"/>
                  <a:gd name="connsiteX261" fmla="*/ 9442 w 10000"/>
                  <a:gd name="connsiteY261" fmla="*/ 1684 h 10000"/>
                  <a:gd name="connsiteX262" fmla="*/ 9391 w 10000"/>
                  <a:gd name="connsiteY262" fmla="*/ 1758 h 10000"/>
                  <a:gd name="connsiteX263" fmla="*/ 9315 w 10000"/>
                  <a:gd name="connsiteY263" fmla="*/ 1802 h 10000"/>
                  <a:gd name="connsiteX264" fmla="*/ 9264 w 10000"/>
                  <a:gd name="connsiteY264" fmla="*/ 1861 h 10000"/>
                  <a:gd name="connsiteX265" fmla="*/ 9240 w 10000"/>
                  <a:gd name="connsiteY265" fmla="*/ 1935 h 10000"/>
                  <a:gd name="connsiteX266" fmla="*/ 9264 w 10000"/>
                  <a:gd name="connsiteY266" fmla="*/ 2024 h 10000"/>
                  <a:gd name="connsiteX267" fmla="*/ 9543 w 10000"/>
                  <a:gd name="connsiteY267" fmla="*/ 2157 h 10000"/>
                  <a:gd name="connsiteX268" fmla="*/ 9873 w 10000"/>
                  <a:gd name="connsiteY268" fmla="*/ 2275 h 10000"/>
                  <a:gd name="connsiteX269" fmla="*/ 10000 w 10000"/>
                  <a:gd name="connsiteY26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273 w 10000"/>
                  <a:gd name="connsiteY12" fmla="*/ 3663 h 10000"/>
                  <a:gd name="connsiteX13" fmla="*/ 8984 w 10000"/>
                  <a:gd name="connsiteY13" fmla="*/ 3412 h 10000"/>
                  <a:gd name="connsiteX14" fmla="*/ 9188 w 10000"/>
                  <a:gd name="connsiteY14" fmla="*/ 3338 h 10000"/>
                  <a:gd name="connsiteX15" fmla="*/ 9315 w 10000"/>
                  <a:gd name="connsiteY15" fmla="*/ 3235 h 10000"/>
                  <a:gd name="connsiteX16" fmla="*/ 9415 w 10000"/>
                  <a:gd name="connsiteY16" fmla="*/ 3117 h 10000"/>
                  <a:gd name="connsiteX17" fmla="*/ 9442 w 10000"/>
                  <a:gd name="connsiteY17" fmla="*/ 3072 h 10000"/>
                  <a:gd name="connsiteX18" fmla="*/ 9466 w 10000"/>
                  <a:gd name="connsiteY18" fmla="*/ 3013 h 10000"/>
                  <a:gd name="connsiteX19" fmla="*/ 9466 w 10000"/>
                  <a:gd name="connsiteY19" fmla="*/ 2954 h 10000"/>
                  <a:gd name="connsiteX20" fmla="*/ 9442 w 10000"/>
                  <a:gd name="connsiteY20" fmla="*/ 2866 h 10000"/>
                  <a:gd name="connsiteX21" fmla="*/ 9264 w 10000"/>
                  <a:gd name="connsiteY21" fmla="*/ 2984 h 10000"/>
                  <a:gd name="connsiteX22" fmla="*/ 9061 w 10000"/>
                  <a:gd name="connsiteY22" fmla="*/ 3072 h 10000"/>
                  <a:gd name="connsiteX23" fmla="*/ 8857 w 10000"/>
                  <a:gd name="connsiteY23" fmla="*/ 3161 h 10000"/>
                  <a:gd name="connsiteX24" fmla="*/ 8655 w 10000"/>
                  <a:gd name="connsiteY24" fmla="*/ 3250 h 10000"/>
                  <a:gd name="connsiteX25" fmla="*/ 8197 w 10000"/>
                  <a:gd name="connsiteY25" fmla="*/ 3397 h 10000"/>
                  <a:gd name="connsiteX26" fmla="*/ 7716 w 10000"/>
                  <a:gd name="connsiteY26" fmla="*/ 3545 h 10000"/>
                  <a:gd name="connsiteX27" fmla="*/ 7234 w 10000"/>
                  <a:gd name="connsiteY27" fmla="*/ 3678 h 10000"/>
                  <a:gd name="connsiteX28" fmla="*/ 6776 w 10000"/>
                  <a:gd name="connsiteY28" fmla="*/ 3840 h 10000"/>
                  <a:gd name="connsiteX29" fmla="*/ 6548 w 10000"/>
                  <a:gd name="connsiteY29" fmla="*/ 3914 h 10000"/>
                  <a:gd name="connsiteX30" fmla="*/ 6345 w 10000"/>
                  <a:gd name="connsiteY30" fmla="*/ 4003 h 10000"/>
                  <a:gd name="connsiteX31" fmla="*/ 6143 w 10000"/>
                  <a:gd name="connsiteY31" fmla="*/ 4106 h 10000"/>
                  <a:gd name="connsiteX32" fmla="*/ 5938 w 10000"/>
                  <a:gd name="connsiteY32" fmla="*/ 4195 h 10000"/>
                  <a:gd name="connsiteX33" fmla="*/ 6091 w 10000"/>
                  <a:gd name="connsiteY33" fmla="*/ 4417 h 10000"/>
                  <a:gd name="connsiteX34" fmla="*/ 6193 w 10000"/>
                  <a:gd name="connsiteY34" fmla="*/ 4623 h 10000"/>
                  <a:gd name="connsiteX35" fmla="*/ 6294 w 10000"/>
                  <a:gd name="connsiteY35" fmla="*/ 4845 h 10000"/>
                  <a:gd name="connsiteX36" fmla="*/ 6369 w 10000"/>
                  <a:gd name="connsiteY36" fmla="*/ 5081 h 10000"/>
                  <a:gd name="connsiteX37" fmla="*/ 6421 w 10000"/>
                  <a:gd name="connsiteY37" fmla="*/ 5318 h 10000"/>
                  <a:gd name="connsiteX38" fmla="*/ 6447 w 10000"/>
                  <a:gd name="connsiteY38" fmla="*/ 5539 h 10000"/>
                  <a:gd name="connsiteX39" fmla="*/ 6471 w 10000"/>
                  <a:gd name="connsiteY39" fmla="*/ 5775 h 10000"/>
                  <a:gd name="connsiteX40" fmla="*/ 6471 w 10000"/>
                  <a:gd name="connsiteY40" fmla="*/ 5997 h 10000"/>
                  <a:gd name="connsiteX41" fmla="*/ 6447 w 10000"/>
                  <a:gd name="connsiteY41" fmla="*/ 6233 h 10000"/>
                  <a:gd name="connsiteX42" fmla="*/ 6396 w 10000"/>
                  <a:gd name="connsiteY42" fmla="*/ 6470 h 10000"/>
                  <a:gd name="connsiteX43" fmla="*/ 6345 w 10000"/>
                  <a:gd name="connsiteY43" fmla="*/ 6677 h 10000"/>
                  <a:gd name="connsiteX44" fmla="*/ 6269 w 10000"/>
                  <a:gd name="connsiteY44" fmla="*/ 6898 h 10000"/>
                  <a:gd name="connsiteX45" fmla="*/ 6168 w 10000"/>
                  <a:gd name="connsiteY45" fmla="*/ 7105 h 10000"/>
                  <a:gd name="connsiteX46" fmla="*/ 6041 w 10000"/>
                  <a:gd name="connsiteY46" fmla="*/ 7297 h 10000"/>
                  <a:gd name="connsiteX47" fmla="*/ 5888 w 10000"/>
                  <a:gd name="connsiteY47" fmla="*/ 7489 h 10000"/>
                  <a:gd name="connsiteX48" fmla="*/ 5735 w 10000"/>
                  <a:gd name="connsiteY48" fmla="*/ 7681 h 10000"/>
                  <a:gd name="connsiteX49" fmla="*/ 6471 w 10000"/>
                  <a:gd name="connsiteY49" fmla="*/ 7799 h 10000"/>
                  <a:gd name="connsiteX50" fmla="*/ 7234 w 10000"/>
                  <a:gd name="connsiteY50" fmla="*/ 7962 h 10000"/>
                  <a:gd name="connsiteX51" fmla="*/ 7385 w 10000"/>
                  <a:gd name="connsiteY51" fmla="*/ 8021 h 10000"/>
                  <a:gd name="connsiteX52" fmla="*/ 7512 w 10000"/>
                  <a:gd name="connsiteY52" fmla="*/ 8080 h 10000"/>
                  <a:gd name="connsiteX53" fmla="*/ 7639 w 10000"/>
                  <a:gd name="connsiteY53" fmla="*/ 8139 h 10000"/>
                  <a:gd name="connsiteX54" fmla="*/ 7716 w 10000"/>
                  <a:gd name="connsiteY54" fmla="*/ 8227 h 10000"/>
                  <a:gd name="connsiteX55" fmla="*/ 7741 w 10000"/>
                  <a:gd name="connsiteY55" fmla="*/ 8301 h 10000"/>
                  <a:gd name="connsiteX56" fmla="*/ 7741 w 10000"/>
                  <a:gd name="connsiteY56" fmla="*/ 8405 h 10000"/>
                  <a:gd name="connsiteX57" fmla="*/ 7691 w 10000"/>
                  <a:gd name="connsiteY57" fmla="*/ 8523 h 10000"/>
                  <a:gd name="connsiteX58" fmla="*/ 7614 w 10000"/>
                  <a:gd name="connsiteY58" fmla="*/ 8641 h 10000"/>
                  <a:gd name="connsiteX59" fmla="*/ 7284 w 10000"/>
                  <a:gd name="connsiteY59" fmla="*/ 8552 h 10000"/>
                  <a:gd name="connsiteX60" fmla="*/ 6979 w 10000"/>
                  <a:gd name="connsiteY60" fmla="*/ 8449 h 10000"/>
                  <a:gd name="connsiteX61" fmla="*/ 6674 w 10000"/>
                  <a:gd name="connsiteY61" fmla="*/ 8360 h 10000"/>
                  <a:gd name="connsiteX62" fmla="*/ 6369 w 10000"/>
                  <a:gd name="connsiteY62" fmla="*/ 8287 h 10000"/>
                  <a:gd name="connsiteX63" fmla="*/ 6243 w 10000"/>
                  <a:gd name="connsiteY63" fmla="*/ 8449 h 10000"/>
                  <a:gd name="connsiteX64" fmla="*/ 6143 w 10000"/>
                  <a:gd name="connsiteY64" fmla="*/ 8597 h 10000"/>
                  <a:gd name="connsiteX65" fmla="*/ 6091 w 10000"/>
                  <a:gd name="connsiteY65" fmla="*/ 8656 h 10000"/>
                  <a:gd name="connsiteX66" fmla="*/ 5989 w 10000"/>
                  <a:gd name="connsiteY66" fmla="*/ 8700 h 10000"/>
                  <a:gd name="connsiteX67" fmla="*/ 5914 w 10000"/>
                  <a:gd name="connsiteY67" fmla="*/ 8744 h 10000"/>
                  <a:gd name="connsiteX68" fmla="*/ 5838 w 10000"/>
                  <a:gd name="connsiteY68" fmla="*/ 8774 h 10000"/>
                  <a:gd name="connsiteX69" fmla="*/ 5761 w 10000"/>
                  <a:gd name="connsiteY69" fmla="*/ 8804 h 10000"/>
                  <a:gd name="connsiteX70" fmla="*/ 5660 w 10000"/>
                  <a:gd name="connsiteY70" fmla="*/ 8818 h 10000"/>
                  <a:gd name="connsiteX71" fmla="*/ 5532 w 10000"/>
                  <a:gd name="connsiteY71" fmla="*/ 8833 h 10000"/>
                  <a:gd name="connsiteX72" fmla="*/ 5406 w 10000"/>
                  <a:gd name="connsiteY72" fmla="*/ 8833 h 10000"/>
                  <a:gd name="connsiteX73" fmla="*/ 5102 w 10000"/>
                  <a:gd name="connsiteY73" fmla="*/ 8818 h 10000"/>
                  <a:gd name="connsiteX74" fmla="*/ 4720 w 10000"/>
                  <a:gd name="connsiteY74" fmla="*/ 8744 h 10000"/>
                  <a:gd name="connsiteX75" fmla="*/ 4720 w 10000"/>
                  <a:gd name="connsiteY75" fmla="*/ 8922 h 10000"/>
                  <a:gd name="connsiteX76" fmla="*/ 4695 w 10000"/>
                  <a:gd name="connsiteY76" fmla="*/ 9069 h 10000"/>
                  <a:gd name="connsiteX77" fmla="*/ 4671 w 10000"/>
                  <a:gd name="connsiteY77" fmla="*/ 9232 h 10000"/>
                  <a:gd name="connsiteX78" fmla="*/ 4644 w 10000"/>
                  <a:gd name="connsiteY78" fmla="*/ 9365 h 10000"/>
                  <a:gd name="connsiteX79" fmla="*/ 4593 w 10000"/>
                  <a:gd name="connsiteY79" fmla="*/ 9498 h 10000"/>
                  <a:gd name="connsiteX80" fmla="*/ 4493 w 10000"/>
                  <a:gd name="connsiteY80" fmla="*/ 9616 h 10000"/>
                  <a:gd name="connsiteX81" fmla="*/ 4416 w 10000"/>
                  <a:gd name="connsiteY81" fmla="*/ 9734 h 10000"/>
                  <a:gd name="connsiteX82" fmla="*/ 4289 w 10000"/>
                  <a:gd name="connsiteY82" fmla="*/ 9838 h 10000"/>
                  <a:gd name="connsiteX83" fmla="*/ 3983 w 10000"/>
                  <a:gd name="connsiteY83" fmla="*/ 9897 h 10000"/>
                  <a:gd name="connsiteX84" fmla="*/ 3731 w 10000"/>
                  <a:gd name="connsiteY84" fmla="*/ 9941 h 10000"/>
                  <a:gd name="connsiteX85" fmla="*/ 3426 w 10000"/>
                  <a:gd name="connsiteY85" fmla="*/ 9985 h 10000"/>
                  <a:gd name="connsiteX86" fmla="*/ 3198 w 10000"/>
                  <a:gd name="connsiteY86" fmla="*/ 10000 h 10000"/>
                  <a:gd name="connsiteX87" fmla="*/ 2690 w 10000"/>
                  <a:gd name="connsiteY87" fmla="*/ 10000 h 10000"/>
                  <a:gd name="connsiteX88" fmla="*/ 2208 w 10000"/>
                  <a:gd name="connsiteY88" fmla="*/ 9985 h 10000"/>
                  <a:gd name="connsiteX89" fmla="*/ 1752 w 10000"/>
                  <a:gd name="connsiteY89" fmla="*/ 9941 h 10000"/>
                  <a:gd name="connsiteX90" fmla="*/ 1270 w 10000"/>
                  <a:gd name="connsiteY90" fmla="*/ 9911 h 10000"/>
                  <a:gd name="connsiteX91" fmla="*/ 990 w 10000"/>
                  <a:gd name="connsiteY91" fmla="*/ 9911 h 10000"/>
                  <a:gd name="connsiteX92" fmla="*/ 736 w 10000"/>
                  <a:gd name="connsiteY92" fmla="*/ 9911 h 10000"/>
                  <a:gd name="connsiteX93" fmla="*/ 457 w 10000"/>
                  <a:gd name="connsiteY93" fmla="*/ 9926 h 10000"/>
                  <a:gd name="connsiteX94" fmla="*/ 178 w 10000"/>
                  <a:gd name="connsiteY94" fmla="*/ 9970 h 10000"/>
                  <a:gd name="connsiteX95" fmla="*/ 102 w 10000"/>
                  <a:gd name="connsiteY95" fmla="*/ 9867 h 10000"/>
                  <a:gd name="connsiteX96" fmla="*/ 51 w 10000"/>
                  <a:gd name="connsiteY96" fmla="*/ 9793 h 10000"/>
                  <a:gd name="connsiteX97" fmla="*/ 0 w 10000"/>
                  <a:gd name="connsiteY97" fmla="*/ 9705 h 10000"/>
                  <a:gd name="connsiteX98" fmla="*/ 0 w 10000"/>
                  <a:gd name="connsiteY98" fmla="*/ 9601 h 10000"/>
                  <a:gd name="connsiteX99" fmla="*/ 51 w 10000"/>
                  <a:gd name="connsiteY99" fmla="*/ 9424 h 10000"/>
                  <a:gd name="connsiteX100" fmla="*/ 102 w 10000"/>
                  <a:gd name="connsiteY100" fmla="*/ 9202 h 10000"/>
                  <a:gd name="connsiteX101" fmla="*/ 151 w 10000"/>
                  <a:gd name="connsiteY101" fmla="*/ 8996 h 10000"/>
                  <a:gd name="connsiteX102" fmla="*/ 203 w 10000"/>
                  <a:gd name="connsiteY102" fmla="*/ 8759 h 10000"/>
                  <a:gd name="connsiteX103" fmla="*/ 228 w 10000"/>
                  <a:gd name="connsiteY103" fmla="*/ 8641 h 10000"/>
                  <a:gd name="connsiteX104" fmla="*/ 228 w 10000"/>
                  <a:gd name="connsiteY104" fmla="*/ 8538 h 10000"/>
                  <a:gd name="connsiteX105" fmla="*/ 203 w 10000"/>
                  <a:gd name="connsiteY105" fmla="*/ 8405 h 10000"/>
                  <a:gd name="connsiteX106" fmla="*/ 178 w 10000"/>
                  <a:gd name="connsiteY106" fmla="*/ 8287 h 10000"/>
                  <a:gd name="connsiteX107" fmla="*/ 431 w 10000"/>
                  <a:gd name="connsiteY107" fmla="*/ 8213 h 10000"/>
                  <a:gd name="connsiteX108" fmla="*/ 685 w 10000"/>
                  <a:gd name="connsiteY108" fmla="*/ 8139 h 10000"/>
                  <a:gd name="connsiteX109" fmla="*/ 939 w 10000"/>
                  <a:gd name="connsiteY109" fmla="*/ 8095 h 10000"/>
                  <a:gd name="connsiteX110" fmla="*/ 1218 w 10000"/>
                  <a:gd name="connsiteY110" fmla="*/ 8065 h 10000"/>
                  <a:gd name="connsiteX111" fmla="*/ 1725 w 10000"/>
                  <a:gd name="connsiteY111" fmla="*/ 8021 h 10000"/>
                  <a:gd name="connsiteX112" fmla="*/ 2234 w 10000"/>
                  <a:gd name="connsiteY112" fmla="*/ 7976 h 10000"/>
                  <a:gd name="connsiteX113" fmla="*/ 2462 w 10000"/>
                  <a:gd name="connsiteY113" fmla="*/ 7947 h 10000"/>
                  <a:gd name="connsiteX114" fmla="*/ 2690 w 10000"/>
                  <a:gd name="connsiteY114" fmla="*/ 7917 h 10000"/>
                  <a:gd name="connsiteX115" fmla="*/ 2892 w 10000"/>
                  <a:gd name="connsiteY115" fmla="*/ 7843 h 10000"/>
                  <a:gd name="connsiteX116" fmla="*/ 3096 w 10000"/>
                  <a:gd name="connsiteY116" fmla="*/ 7784 h 10000"/>
                  <a:gd name="connsiteX117" fmla="*/ 3274 w 10000"/>
                  <a:gd name="connsiteY117" fmla="*/ 7710 h 10000"/>
                  <a:gd name="connsiteX118" fmla="*/ 3426 w 10000"/>
                  <a:gd name="connsiteY118" fmla="*/ 7592 h 10000"/>
                  <a:gd name="connsiteX119" fmla="*/ 3579 w 10000"/>
                  <a:gd name="connsiteY119" fmla="*/ 7474 h 10000"/>
                  <a:gd name="connsiteX120" fmla="*/ 3680 w 10000"/>
                  <a:gd name="connsiteY120" fmla="*/ 7312 h 10000"/>
                  <a:gd name="connsiteX121" fmla="*/ 3477 w 10000"/>
                  <a:gd name="connsiteY121" fmla="*/ 7238 h 10000"/>
                  <a:gd name="connsiteX122" fmla="*/ 3299 w 10000"/>
                  <a:gd name="connsiteY122" fmla="*/ 7179 h 10000"/>
                  <a:gd name="connsiteX123" fmla="*/ 3147 w 10000"/>
                  <a:gd name="connsiteY123" fmla="*/ 7090 h 10000"/>
                  <a:gd name="connsiteX124" fmla="*/ 2995 w 10000"/>
                  <a:gd name="connsiteY124" fmla="*/ 6987 h 10000"/>
                  <a:gd name="connsiteX125" fmla="*/ 2892 w 10000"/>
                  <a:gd name="connsiteY125" fmla="*/ 6869 h 10000"/>
                  <a:gd name="connsiteX126" fmla="*/ 2843 w 10000"/>
                  <a:gd name="connsiteY126" fmla="*/ 6721 h 10000"/>
                  <a:gd name="connsiteX127" fmla="*/ 2817 w 10000"/>
                  <a:gd name="connsiteY127" fmla="*/ 6558 h 10000"/>
                  <a:gd name="connsiteX128" fmla="*/ 2843 w 10000"/>
                  <a:gd name="connsiteY128" fmla="*/ 6352 h 10000"/>
                  <a:gd name="connsiteX129" fmla="*/ 2716 w 10000"/>
                  <a:gd name="connsiteY129" fmla="*/ 6322 h 10000"/>
                  <a:gd name="connsiteX130" fmla="*/ 2564 w 10000"/>
                  <a:gd name="connsiteY130" fmla="*/ 6292 h 10000"/>
                  <a:gd name="connsiteX131" fmla="*/ 2386 w 10000"/>
                  <a:gd name="connsiteY131" fmla="*/ 6278 h 10000"/>
                  <a:gd name="connsiteX132" fmla="*/ 2208 w 10000"/>
                  <a:gd name="connsiteY132" fmla="*/ 6263 h 10000"/>
                  <a:gd name="connsiteX133" fmla="*/ 1853 w 10000"/>
                  <a:gd name="connsiteY133" fmla="*/ 6248 h 10000"/>
                  <a:gd name="connsiteX134" fmla="*/ 1472 w 10000"/>
                  <a:gd name="connsiteY134" fmla="*/ 6263 h 10000"/>
                  <a:gd name="connsiteX135" fmla="*/ 1143 w 10000"/>
                  <a:gd name="connsiteY135" fmla="*/ 6278 h 10000"/>
                  <a:gd name="connsiteX136" fmla="*/ 837 w 10000"/>
                  <a:gd name="connsiteY136" fmla="*/ 6278 h 10000"/>
                  <a:gd name="connsiteX137" fmla="*/ 585 w 10000"/>
                  <a:gd name="connsiteY137" fmla="*/ 6263 h 10000"/>
                  <a:gd name="connsiteX138" fmla="*/ 381 w 10000"/>
                  <a:gd name="connsiteY138" fmla="*/ 6233 h 10000"/>
                  <a:gd name="connsiteX139" fmla="*/ 633 w 10000"/>
                  <a:gd name="connsiteY139" fmla="*/ 5805 h 10000"/>
                  <a:gd name="connsiteX140" fmla="*/ 914 w 10000"/>
                  <a:gd name="connsiteY140" fmla="*/ 5391 h 10000"/>
                  <a:gd name="connsiteX141" fmla="*/ 1016 w 10000"/>
                  <a:gd name="connsiteY141" fmla="*/ 5170 h 10000"/>
                  <a:gd name="connsiteX142" fmla="*/ 1091 w 10000"/>
                  <a:gd name="connsiteY142" fmla="*/ 4963 h 10000"/>
                  <a:gd name="connsiteX143" fmla="*/ 1116 w 10000"/>
                  <a:gd name="connsiteY143" fmla="*/ 4860 h 10000"/>
                  <a:gd name="connsiteX144" fmla="*/ 1091 w 10000"/>
                  <a:gd name="connsiteY144" fmla="*/ 4756 h 10000"/>
                  <a:gd name="connsiteX145" fmla="*/ 1066 w 10000"/>
                  <a:gd name="connsiteY145" fmla="*/ 4653 h 10000"/>
                  <a:gd name="connsiteX146" fmla="*/ 990 w 10000"/>
                  <a:gd name="connsiteY146" fmla="*/ 4549 h 10000"/>
                  <a:gd name="connsiteX147" fmla="*/ 1270 w 10000"/>
                  <a:gd name="connsiteY147" fmla="*/ 4520 h 10000"/>
                  <a:gd name="connsiteX148" fmla="*/ 1472 w 10000"/>
                  <a:gd name="connsiteY148" fmla="*/ 4505 h 10000"/>
                  <a:gd name="connsiteX149" fmla="*/ 1650 w 10000"/>
                  <a:gd name="connsiteY149" fmla="*/ 4505 h 10000"/>
                  <a:gd name="connsiteX150" fmla="*/ 1802 w 10000"/>
                  <a:gd name="connsiteY150" fmla="*/ 4520 h 10000"/>
                  <a:gd name="connsiteX151" fmla="*/ 1929 w 10000"/>
                  <a:gd name="connsiteY151" fmla="*/ 4520 h 10000"/>
                  <a:gd name="connsiteX152" fmla="*/ 2081 w 10000"/>
                  <a:gd name="connsiteY152" fmla="*/ 4520 h 10000"/>
                  <a:gd name="connsiteX153" fmla="*/ 2234 w 10000"/>
                  <a:gd name="connsiteY153" fmla="*/ 4490 h 10000"/>
                  <a:gd name="connsiteX154" fmla="*/ 2436 w 10000"/>
                  <a:gd name="connsiteY154" fmla="*/ 4446 h 10000"/>
                  <a:gd name="connsiteX155" fmla="*/ 2436 w 10000"/>
                  <a:gd name="connsiteY155" fmla="*/ 4579 h 10000"/>
                  <a:gd name="connsiteX156" fmla="*/ 2436 w 10000"/>
                  <a:gd name="connsiteY156" fmla="*/ 4742 h 10000"/>
                  <a:gd name="connsiteX157" fmla="*/ 2436 w 10000"/>
                  <a:gd name="connsiteY157" fmla="*/ 4874 h 10000"/>
                  <a:gd name="connsiteX158" fmla="*/ 2436 w 10000"/>
                  <a:gd name="connsiteY158" fmla="*/ 5037 h 10000"/>
                  <a:gd name="connsiteX159" fmla="*/ 2665 w 10000"/>
                  <a:gd name="connsiteY159" fmla="*/ 5022 h 10000"/>
                  <a:gd name="connsiteX160" fmla="*/ 2817 w 10000"/>
                  <a:gd name="connsiteY160" fmla="*/ 5037 h 10000"/>
                  <a:gd name="connsiteX161" fmla="*/ 2944 w 10000"/>
                  <a:gd name="connsiteY161" fmla="*/ 5066 h 10000"/>
                  <a:gd name="connsiteX162" fmla="*/ 3071 w 10000"/>
                  <a:gd name="connsiteY162" fmla="*/ 5096 h 10000"/>
                  <a:gd name="connsiteX163" fmla="*/ 3173 w 10000"/>
                  <a:gd name="connsiteY163" fmla="*/ 5126 h 10000"/>
                  <a:gd name="connsiteX164" fmla="*/ 3299 w 10000"/>
                  <a:gd name="connsiteY164" fmla="*/ 5155 h 10000"/>
                  <a:gd name="connsiteX165" fmla="*/ 3452 w 10000"/>
                  <a:gd name="connsiteY165" fmla="*/ 5170 h 10000"/>
                  <a:gd name="connsiteX166" fmla="*/ 3680 w 10000"/>
                  <a:gd name="connsiteY166" fmla="*/ 5155 h 10000"/>
                  <a:gd name="connsiteX167" fmla="*/ 3757 w 10000"/>
                  <a:gd name="connsiteY167" fmla="*/ 5096 h 10000"/>
                  <a:gd name="connsiteX168" fmla="*/ 3832 w 10000"/>
                  <a:gd name="connsiteY168" fmla="*/ 5022 h 10000"/>
                  <a:gd name="connsiteX169" fmla="*/ 3857 w 10000"/>
                  <a:gd name="connsiteY169" fmla="*/ 4934 h 10000"/>
                  <a:gd name="connsiteX170" fmla="*/ 3884 w 10000"/>
                  <a:gd name="connsiteY170" fmla="*/ 4860 h 10000"/>
                  <a:gd name="connsiteX171" fmla="*/ 3908 w 10000"/>
                  <a:gd name="connsiteY171" fmla="*/ 4697 h 10000"/>
                  <a:gd name="connsiteX172" fmla="*/ 3884 w 10000"/>
                  <a:gd name="connsiteY172" fmla="*/ 4520 h 10000"/>
                  <a:gd name="connsiteX173" fmla="*/ 3807 w 10000"/>
                  <a:gd name="connsiteY173" fmla="*/ 4343 h 10000"/>
                  <a:gd name="connsiteX174" fmla="*/ 3731 w 10000"/>
                  <a:gd name="connsiteY174" fmla="*/ 4195 h 10000"/>
                  <a:gd name="connsiteX175" fmla="*/ 3604 w 10000"/>
                  <a:gd name="connsiteY175" fmla="*/ 4047 h 10000"/>
                  <a:gd name="connsiteX176" fmla="*/ 3477 w 10000"/>
                  <a:gd name="connsiteY176" fmla="*/ 3959 h 10000"/>
                  <a:gd name="connsiteX177" fmla="*/ 3629 w 10000"/>
                  <a:gd name="connsiteY177" fmla="*/ 3944 h 10000"/>
                  <a:gd name="connsiteX178" fmla="*/ 3757 w 10000"/>
                  <a:gd name="connsiteY178" fmla="*/ 3914 h 10000"/>
                  <a:gd name="connsiteX179" fmla="*/ 3857 w 10000"/>
                  <a:gd name="connsiteY179" fmla="*/ 3855 h 10000"/>
                  <a:gd name="connsiteX180" fmla="*/ 3983 w 10000"/>
                  <a:gd name="connsiteY180" fmla="*/ 3752 h 10000"/>
                  <a:gd name="connsiteX181" fmla="*/ 4111 w 10000"/>
                  <a:gd name="connsiteY181" fmla="*/ 3663 h 10000"/>
                  <a:gd name="connsiteX182" fmla="*/ 4213 w 10000"/>
                  <a:gd name="connsiteY182" fmla="*/ 3560 h 10000"/>
                  <a:gd name="connsiteX183" fmla="*/ 4289 w 10000"/>
                  <a:gd name="connsiteY183" fmla="*/ 3442 h 10000"/>
                  <a:gd name="connsiteX184" fmla="*/ 4366 w 10000"/>
                  <a:gd name="connsiteY184" fmla="*/ 3323 h 10000"/>
                  <a:gd name="connsiteX185" fmla="*/ 4416 w 10000"/>
                  <a:gd name="connsiteY185" fmla="*/ 3220 h 10000"/>
                  <a:gd name="connsiteX186" fmla="*/ 4441 w 10000"/>
                  <a:gd name="connsiteY186" fmla="*/ 3102 h 10000"/>
                  <a:gd name="connsiteX187" fmla="*/ 4468 w 10000"/>
                  <a:gd name="connsiteY187" fmla="*/ 3013 h 10000"/>
                  <a:gd name="connsiteX188" fmla="*/ 4441 w 10000"/>
                  <a:gd name="connsiteY188" fmla="*/ 2939 h 10000"/>
                  <a:gd name="connsiteX189" fmla="*/ 4416 w 10000"/>
                  <a:gd name="connsiteY189" fmla="*/ 2866 h 10000"/>
                  <a:gd name="connsiteX190" fmla="*/ 4340 w 10000"/>
                  <a:gd name="connsiteY190" fmla="*/ 2836 h 10000"/>
                  <a:gd name="connsiteX191" fmla="*/ 4239 w 10000"/>
                  <a:gd name="connsiteY191" fmla="*/ 2836 h 10000"/>
                  <a:gd name="connsiteX192" fmla="*/ 4111 w 10000"/>
                  <a:gd name="connsiteY192" fmla="*/ 2866 h 10000"/>
                  <a:gd name="connsiteX193" fmla="*/ 4213 w 10000"/>
                  <a:gd name="connsiteY193" fmla="*/ 2777 h 10000"/>
                  <a:gd name="connsiteX194" fmla="*/ 4265 w 10000"/>
                  <a:gd name="connsiteY194" fmla="*/ 2674 h 10000"/>
                  <a:gd name="connsiteX195" fmla="*/ 4289 w 10000"/>
                  <a:gd name="connsiteY195" fmla="*/ 2541 h 10000"/>
                  <a:gd name="connsiteX196" fmla="*/ 4289 w 10000"/>
                  <a:gd name="connsiteY196" fmla="*/ 2393 h 10000"/>
                  <a:gd name="connsiteX197" fmla="*/ 4314 w 10000"/>
                  <a:gd name="connsiteY197" fmla="*/ 2349 h 10000"/>
                  <a:gd name="connsiteX198" fmla="*/ 4366 w 10000"/>
                  <a:gd name="connsiteY198" fmla="*/ 2304 h 10000"/>
                  <a:gd name="connsiteX199" fmla="*/ 4416 w 10000"/>
                  <a:gd name="connsiteY199" fmla="*/ 2290 h 10000"/>
                  <a:gd name="connsiteX200" fmla="*/ 4493 w 10000"/>
                  <a:gd name="connsiteY200" fmla="*/ 2275 h 10000"/>
                  <a:gd name="connsiteX201" fmla="*/ 4720 w 10000"/>
                  <a:gd name="connsiteY201" fmla="*/ 2260 h 10000"/>
                  <a:gd name="connsiteX202" fmla="*/ 4923 w 10000"/>
                  <a:gd name="connsiteY202" fmla="*/ 2275 h 10000"/>
                  <a:gd name="connsiteX203" fmla="*/ 4898 w 10000"/>
                  <a:gd name="connsiteY203" fmla="*/ 2112 h 10000"/>
                  <a:gd name="connsiteX204" fmla="*/ 4848 w 10000"/>
                  <a:gd name="connsiteY204" fmla="*/ 1950 h 10000"/>
                  <a:gd name="connsiteX205" fmla="*/ 4771 w 10000"/>
                  <a:gd name="connsiteY205" fmla="*/ 1802 h 10000"/>
                  <a:gd name="connsiteX206" fmla="*/ 4671 w 10000"/>
                  <a:gd name="connsiteY206" fmla="*/ 1640 h 10000"/>
                  <a:gd name="connsiteX207" fmla="*/ 4416 w 10000"/>
                  <a:gd name="connsiteY207" fmla="*/ 1329 h 10000"/>
                  <a:gd name="connsiteX208" fmla="*/ 4162 w 10000"/>
                  <a:gd name="connsiteY208" fmla="*/ 1034 h 10000"/>
                  <a:gd name="connsiteX209" fmla="*/ 4035 w 10000"/>
                  <a:gd name="connsiteY209" fmla="*/ 901 h 10000"/>
                  <a:gd name="connsiteX210" fmla="*/ 3935 w 10000"/>
                  <a:gd name="connsiteY210" fmla="*/ 753 h 10000"/>
                  <a:gd name="connsiteX211" fmla="*/ 3857 w 10000"/>
                  <a:gd name="connsiteY211" fmla="*/ 620 h 10000"/>
                  <a:gd name="connsiteX212" fmla="*/ 3832 w 10000"/>
                  <a:gd name="connsiteY212" fmla="*/ 487 h 10000"/>
                  <a:gd name="connsiteX213" fmla="*/ 3807 w 10000"/>
                  <a:gd name="connsiteY213" fmla="*/ 355 h 10000"/>
                  <a:gd name="connsiteX214" fmla="*/ 3857 w 10000"/>
                  <a:gd name="connsiteY214" fmla="*/ 222 h 10000"/>
                  <a:gd name="connsiteX215" fmla="*/ 3884 w 10000"/>
                  <a:gd name="connsiteY215" fmla="*/ 162 h 10000"/>
                  <a:gd name="connsiteX216" fmla="*/ 3935 w 10000"/>
                  <a:gd name="connsiteY216" fmla="*/ 103 h 10000"/>
                  <a:gd name="connsiteX217" fmla="*/ 4011 w 10000"/>
                  <a:gd name="connsiteY217" fmla="*/ 59 h 10000"/>
                  <a:gd name="connsiteX218" fmla="*/ 4111 w 10000"/>
                  <a:gd name="connsiteY218" fmla="*/ 0 h 10000"/>
                  <a:gd name="connsiteX219" fmla="*/ 4289 w 10000"/>
                  <a:gd name="connsiteY219" fmla="*/ 0 h 10000"/>
                  <a:gd name="connsiteX220" fmla="*/ 4468 w 10000"/>
                  <a:gd name="connsiteY220" fmla="*/ 15 h 10000"/>
                  <a:gd name="connsiteX221" fmla="*/ 4644 w 10000"/>
                  <a:gd name="connsiteY221" fmla="*/ 44 h 10000"/>
                  <a:gd name="connsiteX222" fmla="*/ 4771 w 10000"/>
                  <a:gd name="connsiteY222" fmla="*/ 89 h 10000"/>
                  <a:gd name="connsiteX223" fmla="*/ 4975 w 10000"/>
                  <a:gd name="connsiteY223" fmla="*/ 192 h 10000"/>
                  <a:gd name="connsiteX224" fmla="*/ 5177 w 10000"/>
                  <a:gd name="connsiteY224" fmla="*/ 340 h 10000"/>
                  <a:gd name="connsiteX225" fmla="*/ 5329 w 10000"/>
                  <a:gd name="connsiteY225" fmla="*/ 473 h 10000"/>
                  <a:gd name="connsiteX226" fmla="*/ 5532 w 10000"/>
                  <a:gd name="connsiteY226" fmla="*/ 591 h 10000"/>
                  <a:gd name="connsiteX227" fmla="*/ 5660 w 10000"/>
                  <a:gd name="connsiteY227" fmla="*/ 650 h 10000"/>
                  <a:gd name="connsiteX228" fmla="*/ 5812 w 10000"/>
                  <a:gd name="connsiteY228" fmla="*/ 679 h 10000"/>
                  <a:gd name="connsiteX229" fmla="*/ 5965 w 10000"/>
                  <a:gd name="connsiteY229" fmla="*/ 709 h 10000"/>
                  <a:gd name="connsiteX230" fmla="*/ 6168 w 10000"/>
                  <a:gd name="connsiteY230" fmla="*/ 709 h 10000"/>
                  <a:gd name="connsiteX231" fmla="*/ 6168 w 10000"/>
                  <a:gd name="connsiteY231" fmla="*/ 768 h 10000"/>
                  <a:gd name="connsiteX232" fmla="*/ 6193 w 10000"/>
                  <a:gd name="connsiteY232" fmla="*/ 842 h 10000"/>
                  <a:gd name="connsiteX233" fmla="*/ 6243 w 10000"/>
                  <a:gd name="connsiteY233" fmla="*/ 916 h 10000"/>
                  <a:gd name="connsiteX234" fmla="*/ 6294 w 10000"/>
                  <a:gd name="connsiteY234" fmla="*/ 990 h 10000"/>
                  <a:gd name="connsiteX235" fmla="*/ 6369 w 10000"/>
                  <a:gd name="connsiteY235" fmla="*/ 1049 h 10000"/>
                  <a:gd name="connsiteX236" fmla="*/ 6471 w 10000"/>
                  <a:gd name="connsiteY236" fmla="*/ 1108 h 10000"/>
                  <a:gd name="connsiteX237" fmla="*/ 6598 w 10000"/>
                  <a:gd name="connsiteY237" fmla="*/ 1182 h 10000"/>
                  <a:gd name="connsiteX238" fmla="*/ 6700 w 10000"/>
                  <a:gd name="connsiteY238" fmla="*/ 1226 h 10000"/>
                  <a:gd name="connsiteX239" fmla="*/ 6802 w 10000"/>
                  <a:gd name="connsiteY239" fmla="*/ 1270 h 10000"/>
                  <a:gd name="connsiteX240" fmla="*/ 6903 w 10000"/>
                  <a:gd name="connsiteY240" fmla="*/ 1300 h 10000"/>
                  <a:gd name="connsiteX241" fmla="*/ 7005 w 10000"/>
                  <a:gd name="connsiteY241" fmla="*/ 1315 h 10000"/>
                  <a:gd name="connsiteX242" fmla="*/ 7132 w 10000"/>
                  <a:gd name="connsiteY242" fmla="*/ 1300 h 10000"/>
                  <a:gd name="connsiteX243" fmla="*/ 7234 w 10000"/>
                  <a:gd name="connsiteY243" fmla="*/ 1285 h 10000"/>
                  <a:gd name="connsiteX244" fmla="*/ 7309 w 10000"/>
                  <a:gd name="connsiteY244" fmla="*/ 1241 h 10000"/>
                  <a:gd name="connsiteX245" fmla="*/ 7361 w 10000"/>
                  <a:gd name="connsiteY245" fmla="*/ 1167 h 10000"/>
                  <a:gd name="connsiteX246" fmla="*/ 7385 w 10000"/>
                  <a:gd name="connsiteY246" fmla="*/ 1064 h 10000"/>
                  <a:gd name="connsiteX247" fmla="*/ 7766 w 10000"/>
                  <a:gd name="connsiteY247" fmla="*/ 1034 h 10000"/>
                  <a:gd name="connsiteX248" fmla="*/ 8121 w 10000"/>
                  <a:gd name="connsiteY248" fmla="*/ 1004 h 10000"/>
                  <a:gd name="connsiteX249" fmla="*/ 8427 w 10000"/>
                  <a:gd name="connsiteY249" fmla="*/ 990 h 10000"/>
                  <a:gd name="connsiteX250" fmla="*/ 8706 w 10000"/>
                  <a:gd name="connsiteY250" fmla="*/ 1004 h 10000"/>
                  <a:gd name="connsiteX251" fmla="*/ 8833 w 10000"/>
                  <a:gd name="connsiteY251" fmla="*/ 1019 h 10000"/>
                  <a:gd name="connsiteX252" fmla="*/ 8958 w 10000"/>
                  <a:gd name="connsiteY252" fmla="*/ 1034 h 10000"/>
                  <a:gd name="connsiteX253" fmla="*/ 9061 w 10000"/>
                  <a:gd name="connsiteY253" fmla="*/ 1064 h 10000"/>
                  <a:gd name="connsiteX254" fmla="*/ 9188 w 10000"/>
                  <a:gd name="connsiteY254" fmla="*/ 1108 h 10000"/>
                  <a:gd name="connsiteX255" fmla="*/ 9264 w 10000"/>
                  <a:gd name="connsiteY255" fmla="*/ 1182 h 10000"/>
                  <a:gd name="connsiteX256" fmla="*/ 9339 w 10000"/>
                  <a:gd name="connsiteY256" fmla="*/ 1241 h 10000"/>
                  <a:gd name="connsiteX257" fmla="*/ 9391 w 10000"/>
                  <a:gd name="connsiteY257" fmla="*/ 1329 h 10000"/>
                  <a:gd name="connsiteX258" fmla="*/ 9442 w 10000"/>
                  <a:gd name="connsiteY258" fmla="*/ 1433 h 10000"/>
                  <a:gd name="connsiteX259" fmla="*/ 9492 w 10000"/>
                  <a:gd name="connsiteY259" fmla="*/ 1551 h 10000"/>
                  <a:gd name="connsiteX260" fmla="*/ 9466 w 10000"/>
                  <a:gd name="connsiteY260" fmla="*/ 1625 h 10000"/>
                  <a:gd name="connsiteX261" fmla="*/ 9442 w 10000"/>
                  <a:gd name="connsiteY261" fmla="*/ 1684 h 10000"/>
                  <a:gd name="connsiteX262" fmla="*/ 9391 w 10000"/>
                  <a:gd name="connsiteY262" fmla="*/ 1758 h 10000"/>
                  <a:gd name="connsiteX263" fmla="*/ 9315 w 10000"/>
                  <a:gd name="connsiteY263" fmla="*/ 1802 h 10000"/>
                  <a:gd name="connsiteX264" fmla="*/ 9264 w 10000"/>
                  <a:gd name="connsiteY264" fmla="*/ 1861 h 10000"/>
                  <a:gd name="connsiteX265" fmla="*/ 9240 w 10000"/>
                  <a:gd name="connsiteY265" fmla="*/ 1935 h 10000"/>
                  <a:gd name="connsiteX266" fmla="*/ 9264 w 10000"/>
                  <a:gd name="connsiteY266" fmla="*/ 2024 h 10000"/>
                  <a:gd name="connsiteX267" fmla="*/ 9543 w 10000"/>
                  <a:gd name="connsiteY267" fmla="*/ 2157 h 10000"/>
                  <a:gd name="connsiteX268" fmla="*/ 9873 w 10000"/>
                  <a:gd name="connsiteY268" fmla="*/ 2275 h 10000"/>
                  <a:gd name="connsiteX269" fmla="*/ 10000 w 10000"/>
                  <a:gd name="connsiteY26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315 w 10000"/>
                  <a:gd name="connsiteY14" fmla="*/ 3235 h 10000"/>
                  <a:gd name="connsiteX15" fmla="*/ 9415 w 10000"/>
                  <a:gd name="connsiteY15" fmla="*/ 3117 h 10000"/>
                  <a:gd name="connsiteX16" fmla="*/ 9442 w 10000"/>
                  <a:gd name="connsiteY16" fmla="*/ 3072 h 10000"/>
                  <a:gd name="connsiteX17" fmla="*/ 9466 w 10000"/>
                  <a:gd name="connsiteY17" fmla="*/ 3013 h 10000"/>
                  <a:gd name="connsiteX18" fmla="*/ 9466 w 10000"/>
                  <a:gd name="connsiteY18" fmla="*/ 2954 h 10000"/>
                  <a:gd name="connsiteX19" fmla="*/ 9442 w 10000"/>
                  <a:gd name="connsiteY19" fmla="*/ 2866 h 10000"/>
                  <a:gd name="connsiteX20" fmla="*/ 9264 w 10000"/>
                  <a:gd name="connsiteY20" fmla="*/ 2984 h 10000"/>
                  <a:gd name="connsiteX21" fmla="*/ 9061 w 10000"/>
                  <a:gd name="connsiteY21" fmla="*/ 3072 h 10000"/>
                  <a:gd name="connsiteX22" fmla="*/ 8857 w 10000"/>
                  <a:gd name="connsiteY22" fmla="*/ 3161 h 10000"/>
                  <a:gd name="connsiteX23" fmla="*/ 8655 w 10000"/>
                  <a:gd name="connsiteY23" fmla="*/ 3250 h 10000"/>
                  <a:gd name="connsiteX24" fmla="*/ 8197 w 10000"/>
                  <a:gd name="connsiteY24" fmla="*/ 3397 h 10000"/>
                  <a:gd name="connsiteX25" fmla="*/ 7716 w 10000"/>
                  <a:gd name="connsiteY25" fmla="*/ 3545 h 10000"/>
                  <a:gd name="connsiteX26" fmla="*/ 7234 w 10000"/>
                  <a:gd name="connsiteY26" fmla="*/ 3678 h 10000"/>
                  <a:gd name="connsiteX27" fmla="*/ 6776 w 10000"/>
                  <a:gd name="connsiteY27" fmla="*/ 3840 h 10000"/>
                  <a:gd name="connsiteX28" fmla="*/ 6548 w 10000"/>
                  <a:gd name="connsiteY28" fmla="*/ 3914 h 10000"/>
                  <a:gd name="connsiteX29" fmla="*/ 6345 w 10000"/>
                  <a:gd name="connsiteY29" fmla="*/ 4003 h 10000"/>
                  <a:gd name="connsiteX30" fmla="*/ 6143 w 10000"/>
                  <a:gd name="connsiteY30" fmla="*/ 4106 h 10000"/>
                  <a:gd name="connsiteX31" fmla="*/ 5938 w 10000"/>
                  <a:gd name="connsiteY31" fmla="*/ 4195 h 10000"/>
                  <a:gd name="connsiteX32" fmla="*/ 6091 w 10000"/>
                  <a:gd name="connsiteY32" fmla="*/ 4417 h 10000"/>
                  <a:gd name="connsiteX33" fmla="*/ 6193 w 10000"/>
                  <a:gd name="connsiteY33" fmla="*/ 4623 h 10000"/>
                  <a:gd name="connsiteX34" fmla="*/ 6294 w 10000"/>
                  <a:gd name="connsiteY34" fmla="*/ 4845 h 10000"/>
                  <a:gd name="connsiteX35" fmla="*/ 6369 w 10000"/>
                  <a:gd name="connsiteY35" fmla="*/ 5081 h 10000"/>
                  <a:gd name="connsiteX36" fmla="*/ 6421 w 10000"/>
                  <a:gd name="connsiteY36" fmla="*/ 5318 h 10000"/>
                  <a:gd name="connsiteX37" fmla="*/ 6447 w 10000"/>
                  <a:gd name="connsiteY37" fmla="*/ 5539 h 10000"/>
                  <a:gd name="connsiteX38" fmla="*/ 6471 w 10000"/>
                  <a:gd name="connsiteY38" fmla="*/ 5775 h 10000"/>
                  <a:gd name="connsiteX39" fmla="*/ 6471 w 10000"/>
                  <a:gd name="connsiteY39" fmla="*/ 5997 h 10000"/>
                  <a:gd name="connsiteX40" fmla="*/ 6447 w 10000"/>
                  <a:gd name="connsiteY40" fmla="*/ 6233 h 10000"/>
                  <a:gd name="connsiteX41" fmla="*/ 6396 w 10000"/>
                  <a:gd name="connsiteY41" fmla="*/ 6470 h 10000"/>
                  <a:gd name="connsiteX42" fmla="*/ 6345 w 10000"/>
                  <a:gd name="connsiteY42" fmla="*/ 6677 h 10000"/>
                  <a:gd name="connsiteX43" fmla="*/ 6269 w 10000"/>
                  <a:gd name="connsiteY43" fmla="*/ 6898 h 10000"/>
                  <a:gd name="connsiteX44" fmla="*/ 6168 w 10000"/>
                  <a:gd name="connsiteY44" fmla="*/ 7105 h 10000"/>
                  <a:gd name="connsiteX45" fmla="*/ 6041 w 10000"/>
                  <a:gd name="connsiteY45" fmla="*/ 7297 h 10000"/>
                  <a:gd name="connsiteX46" fmla="*/ 5888 w 10000"/>
                  <a:gd name="connsiteY46" fmla="*/ 7489 h 10000"/>
                  <a:gd name="connsiteX47" fmla="*/ 5735 w 10000"/>
                  <a:gd name="connsiteY47" fmla="*/ 7681 h 10000"/>
                  <a:gd name="connsiteX48" fmla="*/ 6471 w 10000"/>
                  <a:gd name="connsiteY48" fmla="*/ 7799 h 10000"/>
                  <a:gd name="connsiteX49" fmla="*/ 7234 w 10000"/>
                  <a:gd name="connsiteY49" fmla="*/ 7962 h 10000"/>
                  <a:gd name="connsiteX50" fmla="*/ 7385 w 10000"/>
                  <a:gd name="connsiteY50" fmla="*/ 8021 h 10000"/>
                  <a:gd name="connsiteX51" fmla="*/ 7512 w 10000"/>
                  <a:gd name="connsiteY51" fmla="*/ 8080 h 10000"/>
                  <a:gd name="connsiteX52" fmla="*/ 7639 w 10000"/>
                  <a:gd name="connsiteY52" fmla="*/ 8139 h 10000"/>
                  <a:gd name="connsiteX53" fmla="*/ 7716 w 10000"/>
                  <a:gd name="connsiteY53" fmla="*/ 8227 h 10000"/>
                  <a:gd name="connsiteX54" fmla="*/ 7741 w 10000"/>
                  <a:gd name="connsiteY54" fmla="*/ 8301 h 10000"/>
                  <a:gd name="connsiteX55" fmla="*/ 7741 w 10000"/>
                  <a:gd name="connsiteY55" fmla="*/ 8405 h 10000"/>
                  <a:gd name="connsiteX56" fmla="*/ 7691 w 10000"/>
                  <a:gd name="connsiteY56" fmla="*/ 8523 h 10000"/>
                  <a:gd name="connsiteX57" fmla="*/ 7614 w 10000"/>
                  <a:gd name="connsiteY57" fmla="*/ 8641 h 10000"/>
                  <a:gd name="connsiteX58" fmla="*/ 7284 w 10000"/>
                  <a:gd name="connsiteY58" fmla="*/ 8552 h 10000"/>
                  <a:gd name="connsiteX59" fmla="*/ 6979 w 10000"/>
                  <a:gd name="connsiteY59" fmla="*/ 8449 h 10000"/>
                  <a:gd name="connsiteX60" fmla="*/ 6674 w 10000"/>
                  <a:gd name="connsiteY60" fmla="*/ 8360 h 10000"/>
                  <a:gd name="connsiteX61" fmla="*/ 6369 w 10000"/>
                  <a:gd name="connsiteY61" fmla="*/ 8287 h 10000"/>
                  <a:gd name="connsiteX62" fmla="*/ 6243 w 10000"/>
                  <a:gd name="connsiteY62" fmla="*/ 8449 h 10000"/>
                  <a:gd name="connsiteX63" fmla="*/ 6143 w 10000"/>
                  <a:gd name="connsiteY63" fmla="*/ 8597 h 10000"/>
                  <a:gd name="connsiteX64" fmla="*/ 6091 w 10000"/>
                  <a:gd name="connsiteY64" fmla="*/ 8656 h 10000"/>
                  <a:gd name="connsiteX65" fmla="*/ 5989 w 10000"/>
                  <a:gd name="connsiteY65" fmla="*/ 8700 h 10000"/>
                  <a:gd name="connsiteX66" fmla="*/ 5914 w 10000"/>
                  <a:gd name="connsiteY66" fmla="*/ 8744 h 10000"/>
                  <a:gd name="connsiteX67" fmla="*/ 5838 w 10000"/>
                  <a:gd name="connsiteY67" fmla="*/ 8774 h 10000"/>
                  <a:gd name="connsiteX68" fmla="*/ 5761 w 10000"/>
                  <a:gd name="connsiteY68" fmla="*/ 8804 h 10000"/>
                  <a:gd name="connsiteX69" fmla="*/ 5660 w 10000"/>
                  <a:gd name="connsiteY69" fmla="*/ 8818 h 10000"/>
                  <a:gd name="connsiteX70" fmla="*/ 5532 w 10000"/>
                  <a:gd name="connsiteY70" fmla="*/ 8833 h 10000"/>
                  <a:gd name="connsiteX71" fmla="*/ 5406 w 10000"/>
                  <a:gd name="connsiteY71" fmla="*/ 8833 h 10000"/>
                  <a:gd name="connsiteX72" fmla="*/ 5102 w 10000"/>
                  <a:gd name="connsiteY72" fmla="*/ 8818 h 10000"/>
                  <a:gd name="connsiteX73" fmla="*/ 4720 w 10000"/>
                  <a:gd name="connsiteY73" fmla="*/ 8744 h 10000"/>
                  <a:gd name="connsiteX74" fmla="*/ 4720 w 10000"/>
                  <a:gd name="connsiteY74" fmla="*/ 8922 h 10000"/>
                  <a:gd name="connsiteX75" fmla="*/ 4695 w 10000"/>
                  <a:gd name="connsiteY75" fmla="*/ 9069 h 10000"/>
                  <a:gd name="connsiteX76" fmla="*/ 4671 w 10000"/>
                  <a:gd name="connsiteY76" fmla="*/ 9232 h 10000"/>
                  <a:gd name="connsiteX77" fmla="*/ 4644 w 10000"/>
                  <a:gd name="connsiteY77" fmla="*/ 9365 h 10000"/>
                  <a:gd name="connsiteX78" fmla="*/ 4593 w 10000"/>
                  <a:gd name="connsiteY78" fmla="*/ 9498 h 10000"/>
                  <a:gd name="connsiteX79" fmla="*/ 4493 w 10000"/>
                  <a:gd name="connsiteY79" fmla="*/ 9616 h 10000"/>
                  <a:gd name="connsiteX80" fmla="*/ 4416 w 10000"/>
                  <a:gd name="connsiteY80" fmla="*/ 9734 h 10000"/>
                  <a:gd name="connsiteX81" fmla="*/ 4289 w 10000"/>
                  <a:gd name="connsiteY81" fmla="*/ 9838 h 10000"/>
                  <a:gd name="connsiteX82" fmla="*/ 3983 w 10000"/>
                  <a:gd name="connsiteY82" fmla="*/ 9897 h 10000"/>
                  <a:gd name="connsiteX83" fmla="*/ 3731 w 10000"/>
                  <a:gd name="connsiteY83" fmla="*/ 9941 h 10000"/>
                  <a:gd name="connsiteX84" fmla="*/ 3426 w 10000"/>
                  <a:gd name="connsiteY84" fmla="*/ 9985 h 10000"/>
                  <a:gd name="connsiteX85" fmla="*/ 3198 w 10000"/>
                  <a:gd name="connsiteY85" fmla="*/ 10000 h 10000"/>
                  <a:gd name="connsiteX86" fmla="*/ 2690 w 10000"/>
                  <a:gd name="connsiteY86" fmla="*/ 10000 h 10000"/>
                  <a:gd name="connsiteX87" fmla="*/ 2208 w 10000"/>
                  <a:gd name="connsiteY87" fmla="*/ 9985 h 10000"/>
                  <a:gd name="connsiteX88" fmla="*/ 1752 w 10000"/>
                  <a:gd name="connsiteY88" fmla="*/ 9941 h 10000"/>
                  <a:gd name="connsiteX89" fmla="*/ 1270 w 10000"/>
                  <a:gd name="connsiteY89" fmla="*/ 9911 h 10000"/>
                  <a:gd name="connsiteX90" fmla="*/ 990 w 10000"/>
                  <a:gd name="connsiteY90" fmla="*/ 9911 h 10000"/>
                  <a:gd name="connsiteX91" fmla="*/ 736 w 10000"/>
                  <a:gd name="connsiteY91" fmla="*/ 9911 h 10000"/>
                  <a:gd name="connsiteX92" fmla="*/ 457 w 10000"/>
                  <a:gd name="connsiteY92" fmla="*/ 9926 h 10000"/>
                  <a:gd name="connsiteX93" fmla="*/ 178 w 10000"/>
                  <a:gd name="connsiteY93" fmla="*/ 9970 h 10000"/>
                  <a:gd name="connsiteX94" fmla="*/ 102 w 10000"/>
                  <a:gd name="connsiteY94" fmla="*/ 9867 h 10000"/>
                  <a:gd name="connsiteX95" fmla="*/ 51 w 10000"/>
                  <a:gd name="connsiteY95" fmla="*/ 9793 h 10000"/>
                  <a:gd name="connsiteX96" fmla="*/ 0 w 10000"/>
                  <a:gd name="connsiteY96" fmla="*/ 9705 h 10000"/>
                  <a:gd name="connsiteX97" fmla="*/ 0 w 10000"/>
                  <a:gd name="connsiteY97" fmla="*/ 9601 h 10000"/>
                  <a:gd name="connsiteX98" fmla="*/ 51 w 10000"/>
                  <a:gd name="connsiteY98" fmla="*/ 9424 h 10000"/>
                  <a:gd name="connsiteX99" fmla="*/ 102 w 10000"/>
                  <a:gd name="connsiteY99" fmla="*/ 9202 h 10000"/>
                  <a:gd name="connsiteX100" fmla="*/ 151 w 10000"/>
                  <a:gd name="connsiteY100" fmla="*/ 8996 h 10000"/>
                  <a:gd name="connsiteX101" fmla="*/ 203 w 10000"/>
                  <a:gd name="connsiteY101" fmla="*/ 8759 h 10000"/>
                  <a:gd name="connsiteX102" fmla="*/ 228 w 10000"/>
                  <a:gd name="connsiteY102" fmla="*/ 8641 h 10000"/>
                  <a:gd name="connsiteX103" fmla="*/ 228 w 10000"/>
                  <a:gd name="connsiteY103" fmla="*/ 8538 h 10000"/>
                  <a:gd name="connsiteX104" fmla="*/ 203 w 10000"/>
                  <a:gd name="connsiteY104" fmla="*/ 8405 h 10000"/>
                  <a:gd name="connsiteX105" fmla="*/ 178 w 10000"/>
                  <a:gd name="connsiteY105" fmla="*/ 8287 h 10000"/>
                  <a:gd name="connsiteX106" fmla="*/ 431 w 10000"/>
                  <a:gd name="connsiteY106" fmla="*/ 8213 h 10000"/>
                  <a:gd name="connsiteX107" fmla="*/ 685 w 10000"/>
                  <a:gd name="connsiteY107" fmla="*/ 8139 h 10000"/>
                  <a:gd name="connsiteX108" fmla="*/ 939 w 10000"/>
                  <a:gd name="connsiteY108" fmla="*/ 8095 h 10000"/>
                  <a:gd name="connsiteX109" fmla="*/ 1218 w 10000"/>
                  <a:gd name="connsiteY109" fmla="*/ 8065 h 10000"/>
                  <a:gd name="connsiteX110" fmla="*/ 1725 w 10000"/>
                  <a:gd name="connsiteY110" fmla="*/ 8021 h 10000"/>
                  <a:gd name="connsiteX111" fmla="*/ 2234 w 10000"/>
                  <a:gd name="connsiteY111" fmla="*/ 7976 h 10000"/>
                  <a:gd name="connsiteX112" fmla="*/ 2462 w 10000"/>
                  <a:gd name="connsiteY112" fmla="*/ 7947 h 10000"/>
                  <a:gd name="connsiteX113" fmla="*/ 2690 w 10000"/>
                  <a:gd name="connsiteY113" fmla="*/ 7917 h 10000"/>
                  <a:gd name="connsiteX114" fmla="*/ 2892 w 10000"/>
                  <a:gd name="connsiteY114" fmla="*/ 7843 h 10000"/>
                  <a:gd name="connsiteX115" fmla="*/ 3096 w 10000"/>
                  <a:gd name="connsiteY115" fmla="*/ 7784 h 10000"/>
                  <a:gd name="connsiteX116" fmla="*/ 3274 w 10000"/>
                  <a:gd name="connsiteY116" fmla="*/ 7710 h 10000"/>
                  <a:gd name="connsiteX117" fmla="*/ 3426 w 10000"/>
                  <a:gd name="connsiteY117" fmla="*/ 7592 h 10000"/>
                  <a:gd name="connsiteX118" fmla="*/ 3579 w 10000"/>
                  <a:gd name="connsiteY118" fmla="*/ 7474 h 10000"/>
                  <a:gd name="connsiteX119" fmla="*/ 3680 w 10000"/>
                  <a:gd name="connsiteY119" fmla="*/ 7312 h 10000"/>
                  <a:gd name="connsiteX120" fmla="*/ 3477 w 10000"/>
                  <a:gd name="connsiteY120" fmla="*/ 7238 h 10000"/>
                  <a:gd name="connsiteX121" fmla="*/ 3299 w 10000"/>
                  <a:gd name="connsiteY121" fmla="*/ 7179 h 10000"/>
                  <a:gd name="connsiteX122" fmla="*/ 3147 w 10000"/>
                  <a:gd name="connsiteY122" fmla="*/ 7090 h 10000"/>
                  <a:gd name="connsiteX123" fmla="*/ 2995 w 10000"/>
                  <a:gd name="connsiteY123" fmla="*/ 6987 h 10000"/>
                  <a:gd name="connsiteX124" fmla="*/ 2892 w 10000"/>
                  <a:gd name="connsiteY124" fmla="*/ 6869 h 10000"/>
                  <a:gd name="connsiteX125" fmla="*/ 2843 w 10000"/>
                  <a:gd name="connsiteY125" fmla="*/ 6721 h 10000"/>
                  <a:gd name="connsiteX126" fmla="*/ 2817 w 10000"/>
                  <a:gd name="connsiteY126" fmla="*/ 6558 h 10000"/>
                  <a:gd name="connsiteX127" fmla="*/ 2843 w 10000"/>
                  <a:gd name="connsiteY127" fmla="*/ 6352 h 10000"/>
                  <a:gd name="connsiteX128" fmla="*/ 2716 w 10000"/>
                  <a:gd name="connsiteY128" fmla="*/ 6322 h 10000"/>
                  <a:gd name="connsiteX129" fmla="*/ 2564 w 10000"/>
                  <a:gd name="connsiteY129" fmla="*/ 6292 h 10000"/>
                  <a:gd name="connsiteX130" fmla="*/ 2386 w 10000"/>
                  <a:gd name="connsiteY130" fmla="*/ 6278 h 10000"/>
                  <a:gd name="connsiteX131" fmla="*/ 2208 w 10000"/>
                  <a:gd name="connsiteY131" fmla="*/ 6263 h 10000"/>
                  <a:gd name="connsiteX132" fmla="*/ 1853 w 10000"/>
                  <a:gd name="connsiteY132" fmla="*/ 6248 h 10000"/>
                  <a:gd name="connsiteX133" fmla="*/ 1472 w 10000"/>
                  <a:gd name="connsiteY133" fmla="*/ 6263 h 10000"/>
                  <a:gd name="connsiteX134" fmla="*/ 1143 w 10000"/>
                  <a:gd name="connsiteY134" fmla="*/ 6278 h 10000"/>
                  <a:gd name="connsiteX135" fmla="*/ 837 w 10000"/>
                  <a:gd name="connsiteY135" fmla="*/ 6278 h 10000"/>
                  <a:gd name="connsiteX136" fmla="*/ 585 w 10000"/>
                  <a:gd name="connsiteY136" fmla="*/ 6263 h 10000"/>
                  <a:gd name="connsiteX137" fmla="*/ 381 w 10000"/>
                  <a:gd name="connsiteY137" fmla="*/ 6233 h 10000"/>
                  <a:gd name="connsiteX138" fmla="*/ 633 w 10000"/>
                  <a:gd name="connsiteY138" fmla="*/ 5805 h 10000"/>
                  <a:gd name="connsiteX139" fmla="*/ 914 w 10000"/>
                  <a:gd name="connsiteY139" fmla="*/ 5391 h 10000"/>
                  <a:gd name="connsiteX140" fmla="*/ 1016 w 10000"/>
                  <a:gd name="connsiteY140" fmla="*/ 5170 h 10000"/>
                  <a:gd name="connsiteX141" fmla="*/ 1091 w 10000"/>
                  <a:gd name="connsiteY141" fmla="*/ 4963 h 10000"/>
                  <a:gd name="connsiteX142" fmla="*/ 1116 w 10000"/>
                  <a:gd name="connsiteY142" fmla="*/ 4860 h 10000"/>
                  <a:gd name="connsiteX143" fmla="*/ 1091 w 10000"/>
                  <a:gd name="connsiteY143" fmla="*/ 4756 h 10000"/>
                  <a:gd name="connsiteX144" fmla="*/ 1066 w 10000"/>
                  <a:gd name="connsiteY144" fmla="*/ 4653 h 10000"/>
                  <a:gd name="connsiteX145" fmla="*/ 990 w 10000"/>
                  <a:gd name="connsiteY145" fmla="*/ 4549 h 10000"/>
                  <a:gd name="connsiteX146" fmla="*/ 1270 w 10000"/>
                  <a:gd name="connsiteY146" fmla="*/ 4520 h 10000"/>
                  <a:gd name="connsiteX147" fmla="*/ 1472 w 10000"/>
                  <a:gd name="connsiteY147" fmla="*/ 4505 h 10000"/>
                  <a:gd name="connsiteX148" fmla="*/ 1650 w 10000"/>
                  <a:gd name="connsiteY148" fmla="*/ 4505 h 10000"/>
                  <a:gd name="connsiteX149" fmla="*/ 1802 w 10000"/>
                  <a:gd name="connsiteY149" fmla="*/ 4520 h 10000"/>
                  <a:gd name="connsiteX150" fmla="*/ 1929 w 10000"/>
                  <a:gd name="connsiteY150" fmla="*/ 4520 h 10000"/>
                  <a:gd name="connsiteX151" fmla="*/ 2081 w 10000"/>
                  <a:gd name="connsiteY151" fmla="*/ 4520 h 10000"/>
                  <a:gd name="connsiteX152" fmla="*/ 2234 w 10000"/>
                  <a:gd name="connsiteY152" fmla="*/ 4490 h 10000"/>
                  <a:gd name="connsiteX153" fmla="*/ 2436 w 10000"/>
                  <a:gd name="connsiteY153" fmla="*/ 4446 h 10000"/>
                  <a:gd name="connsiteX154" fmla="*/ 2436 w 10000"/>
                  <a:gd name="connsiteY154" fmla="*/ 4579 h 10000"/>
                  <a:gd name="connsiteX155" fmla="*/ 2436 w 10000"/>
                  <a:gd name="connsiteY155" fmla="*/ 4742 h 10000"/>
                  <a:gd name="connsiteX156" fmla="*/ 2436 w 10000"/>
                  <a:gd name="connsiteY156" fmla="*/ 4874 h 10000"/>
                  <a:gd name="connsiteX157" fmla="*/ 2436 w 10000"/>
                  <a:gd name="connsiteY157" fmla="*/ 5037 h 10000"/>
                  <a:gd name="connsiteX158" fmla="*/ 2665 w 10000"/>
                  <a:gd name="connsiteY158" fmla="*/ 5022 h 10000"/>
                  <a:gd name="connsiteX159" fmla="*/ 2817 w 10000"/>
                  <a:gd name="connsiteY159" fmla="*/ 5037 h 10000"/>
                  <a:gd name="connsiteX160" fmla="*/ 2944 w 10000"/>
                  <a:gd name="connsiteY160" fmla="*/ 5066 h 10000"/>
                  <a:gd name="connsiteX161" fmla="*/ 3071 w 10000"/>
                  <a:gd name="connsiteY161" fmla="*/ 5096 h 10000"/>
                  <a:gd name="connsiteX162" fmla="*/ 3173 w 10000"/>
                  <a:gd name="connsiteY162" fmla="*/ 5126 h 10000"/>
                  <a:gd name="connsiteX163" fmla="*/ 3299 w 10000"/>
                  <a:gd name="connsiteY163" fmla="*/ 5155 h 10000"/>
                  <a:gd name="connsiteX164" fmla="*/ 3452 w 10000"/>
                  <a:gd name="connsiteY164" fmla="*/ 5170 h 10000"/>
                  <a:gd name="connsiteX165" fmla="*/ 3680 w 10000"/>
                  <a:gd name="connsiteY165" fmla="*/ 5155 h 10000"/>
                  <a:gd name="connsiteX166" fmla="*/ 3757 w 10000"/>
                  <a:gd name="connsiteY166" fmla="*/ 5096 h 10000"/>
                  <a:gd name="connsiteX167" fmla="*/ 3832 w 10000"/>
                  <a:gd name="connsiteY167" fmla="*/ 5022 h 10000"/>
                  <a:gd name="connsiteX168" fmla="*/ 3857 w 10000"/>
                  <a:gd name="connsiteY168" fmla="*/ 4934 h 10000"/>
                  <a:gd name="connsiteX169" fmla="*/ 3884 w 10000"/>
                  <a:gd name="connsiteY169" fmla="*/ 4860 h 10000"/>
                  <a:gd name="connsiteX170" fmla="*/ 3908 w 10000"/>
                  <a:gd name="connsiteY170" fmla="*/ 4697 h 10000"/>
                  <a:gd name="connsiteX171" fmla="*/ 3884 w 10000"/>
                  <a:gd name="connsiteY171" fmla="*/ 4520 h 10000"/>
                  <a:gd name="connsiteX172" fmla="*/ 3807 w 10000"/>
                  <a:gd name="connsiteY172" fmla="*/ 4343 h 10000"/>
                  <a:gd name="connsiteX173" fmla="*/ 3731 w 10000"/>
                  <a:gd name="connsiteY173" fmla="*/ 4195 h 10000"/>
                  <a:gd name="connsiteX174" fmla="*/ 3604 w 10000"/>
                  <a:gd name="connsiteY174" fmla="*/ 4047 h 10000"/>
                  <a:gd name="connsiteX175" fmla="*/ 3477 w 10000"/>
                  <a:gd name="connsiteY175" fmla="*/ 3959 h 10000"/>
                  <a:gd name="connsiteX176" fmla="*/ 3629 w 10000"/>
                  <a:gd name="connsiteY176" fmla="*/ 3944 h 10000"/>
                  <a:gd name="connsiteX177" fmla="*/ 3757 w 10000"/>
                  <a:gd name="connsiteY177" fmla="*/ 3914 h 10000"/>
                  <a:gd name="connsiteX178" fmla="*/ 3857 w 10000"/>
                  <a:gd name="connsiteY178" fmla="*/ 3855 h 10000"/>
                  <a:gd name="connsiteX179" fmla="*/ 3983 w 10000"/>
                  <a:gd name="connsiteY179" fmla="*/ 3752 h 10000"/>
                  <a:gd name="connsiteX180" fmla="*/ 4111 w 10000"/>
                  <a:gd name="connsiteY180" fmla="*/ 3663 h 10000"/>
                  <a:gd name="connsiteX181" fmla="*/ 4213 w 10000"/>
                  <a:gd name="connsiteY181" fmla="*/ 3560 h 10000"/>
                  <a:gd name="connsiteX182" fmla="*/ 4289 w 10000"/>
                  <a:gd name="connsiteY182" fmla="*/ 3442 h 10000"/>
                  <a:gd name="connsiteX183" fmla="*/ 4366 w 10000"/>
                  <a:gd name="connsiteY183" fmla="*/ 3323 h 10000"/>
                  <a:gd name="connsiteX184" fmla="*/ 4416 w 10000"/>
                  <a:gd name="connsiteY184" fmla="*/ 3220 h 10000"/>
                  <a:gd name="connsiteX185" fmla="*/ 4441 w 10000"/>
                  <a:gd name="connsiteY185" fmla="*/ 3102 h 10000"/>
                  <a:gd name="connsiteX186" fmla="*/ 4468 w 10000"/>
                  <a:gd name="connsiteY186" fmla="*/ 3013 h 10000"/>
                  <a:gd name="connsiteX187" fmla="*/ 4441 w 10000"/>
                  <a:gd name="connsiteY187" fmla="*/ 2939 h 10000"/>
                  <a:gd name="connsiteX188" fmla="*/ 4416 w 10000"/>
                  <a:gd name="connsiteY188" fmla="*/ 2866 h 10000"/>
                  <a:gd name="connsiteX189" fmla="*/ 4340 w 10000"/>
                  <a:gd name="connsiteY189" fmla="*/ 2836 h 10000"/>
                  <a:gd name="connsiteX190" fmla="*/ 4239 w 10000"/>
                  <a:gd name="connsiteY190" fmla="*/ 2836 h 10000"/>
                  <a:gd name="connsiteX191" fmla="*/ 4111 w 10000"/>
                  <a:gd name="connsiteY191" fmla="*/ 2866 h 10000"/>
                  <a:gd name="connsiteX192" fmla="*/ 4213 w 10000"/>
                  <a:gd name="connsiteY192" fmla="*/ 2777 h 10000"/>
                  <a:gd name="connsiteX193" fmla="*/ 4265 w 10000"/>
                  <a:gd name="connsiteY193" fmla="*/ 2674 h 10000"/>
                  <a:gd name="connsiteX194" fmla="*/ 4289 w 10000"/>
                  <a:gd name="connsiteY194" fmla="*/ 2541 h 10000"/>
                  <a:gd name="connsiteX195" fmla="*/ 4289 w 10000"/>
                  <a:gd name="connsiteY195" fmla="*/ 2393 h 10000"/>
                  <a:gd name="connsiteX196" fmla="*/ 4314 w 10000"/>
                  <a:gd name="connsiteY196" fmla="*/ 2349 h 10000"/>
                  <a:gd name="connsiteX197" fmla="*/ 4366 w 10000"/>
                  <a:gd name="connsiteY197" fmla="*/ 2304 h 10000"/>
                  <a:gd name="connsiteX198" fmla="*/ 4416 w 10000"/>
                  <a:gd name="connsiteY198" fmla="*/ 2290 h 10000"/>
                  <a:gd name="connsiteX199" fmla="*/ 4493 w 10000"/>
                  <a:gd name="connsiteY199" fmla="*/ 2275 h 10000"/>
                  <a:gd name="connsiteX200" fmla="*/ 4720 w 10000"/>
                  <a:gd name="connsiteY200" fmla="*/ 2260 h 10000"/>
                  <a:gd name="connsiteX201" fmla="*/ 4923 w 10000"/>
                  <a:gd name="connsiteY201" fmla="*/ 2275 h 10000"/>
                  <a:gd name="connsiteX202" fmla="*/ 4898 w 10000"/>
                  <a:gd name="connsiteY202" fmla="*/ 2112 h 10000"/>
                  <a:gd name="connsiteX203" fmla="*/ 4848 w 10000"/>
                  <a:gd name="connsiteY203" fmla="*/ 1950 h 10000"/>
                  <a:gd name="connsiteX204" fmla="*/ 4771 w 10000"/>
                  <a:gd name="connsiteY204" fmla="*/ 1802 h 10000"/>
                  <a:gd name="connsiteX205" fmla="*/ 4671 w 10000"/>
                  <a:gd name="connsiteY205" fmla="*/ 1640 h 10000"/>
                  <a:gd name="connsiteX206" fmla="*/ 4416 w 10000"/>
                  <a:gd name="connsiteY206" fmla="*/ 1329 h 10000"/>
                  <a:gd name="connsiteX207" fmla="*/ 4162 w 10000"/>
                  <a:gd name="connsiteY207" fmla="*/ 1034 h 10000"/>
                  <a:gd name="connsiteX208" fmla="*/ 4035 w 10000"/>
                  <a:gd name="connsiteY208" fmla="*/ 901 h 10000"/>
                  <a:gd name="connsiteX209" fmla="*/ 3935 w 10000"/>
                  <a:gd name="connsiteY209" fmla="*/ 753 h 10000"/>
                  <a:gd name="connsiteX210" fmla="*/ 3857 w 10000"/>
                  <a:gd name="connsiteY210" fmla="*/ 620 h 10000"/>
                  <a:gd name="connsiteX211" fmla="*/ 3832 w 10000"/>
                  <a:gd name="connsiteY211" fmla="*/ 487 h 10000"/>
                  <a:gd name="connsiteX212" fmla="*/ 3807 w 10000"/>
                  <a:gd name="connsiteY212" fmla="*/ 355 h 10000"/>
                  <a:gd name="connsiteX213" fmla="*/ 3857 w 10000"/>
                  <a:gd name="connsiteY213" fmla="*/ 222 h 10000"/>
                  <a:gd name="connsiteX214" fmla="*/ 3884 w 10000"/>
                  <a:gd name="connsiteY214" fmla="*/ 162 h 10000"/>
                  <a:gd name="connsiteX215" fmla="*/ 3935 w 10000"/>
                  <a:gd name="connsiteY215" fmla="*/ 103 h 10000"/>
                  <a:gd name="connsiteX216" fmla="*/ 4011 w 10000"/>
                  <a:gd name="connsiteY216" fmla="*/ 59 h 10000"/>
                  <a:gd name="connsiteX217" fmla="*/ 4111 w 10000"/>
                  <a:gd name="connsiteY217" fmla="*/ 0 h 10000"/>
                  <a:gd name="connsiteX218" fmla="*/ 4289 w 10000"/>
                  <a:gd name="connsiteY218" fmla="*/ 0 h 10000"/>
                  <a:gd name="connsiteX219" fmla="*/ 4468 w 10000"/>
                  <a:gd name="connsiteY219" fmla="*/ 15 h 10000"/>
                  <a:gd name="connsiteX220" fmla="*/ 4644 w 10000"/>
                  <a:gd name="connsiteY220" fmla="*/ 44 h 10000"/>
                  <a:gd name="connsiteX221" fmla="*/ 4771 w 10000"/>
                  <a:gd name="connsiteY221" fmla="*/ 89 h 10000"/>
                  <a:gd name="connsiteX222" fmla="*/ 4975 w 10000"/>
                  <a:gd name="connsiteY222" fmla="*/ 192 h 10000"/>
                  <a:gd name="connsiteX223" fmla="*/ 5177 w 10000"/>
                  <a:gd name="connsiteY223" fmla="*/ 340 h 10000"/>
                  <a:gd name="connsiteX224" fmla="*/ 5329 w 10000"/>
                  <a:gd name="connsiteY224" fmla="*/ 473 h 10000"/>
                  <a:gd name="connsiteX225" fmla="*/ 5532 w 10000"/>
                  <a:gd name="connsiteY225" fmla="*/ 591 h 10000"/>
                  <a:gd name="connsiteX226" fmla="*/ 5660 w 10000"/>
                  <a:gd name="connsiteY226" fmla="*/ 650 h 10000"/>
                  <a:gd name="connsiteX227" fmla="*/ 5812 w 10000"/>
                  <a:gd name="connsiteY227" fmla="*/ 679 h 10000"/>
                  <a:gd name="connsiteX228" fmla="*/ 5965 w 10000"/>
                  <a:gd name="connsiteY228" fmla="*/ 709 h 10000"/>
                  <a:gd name="connsiteX229" fmla="*/ 6168 w 10000"/>
                  <a:gd name="connsiteY229" fmla="*/ 709 h 10000"/>
                  <a:gd name="connsiteX230" fmla="*/ 6168 w 10000"/>
                  <a:gd name="connsiteY230" fmla="*/ 768 h 10000"/>
                  <a:gd name="connsiteX231" fmla="*/ 6193 w 10000"/>
                  <a:gd name="connsiteY231" fmla="*/ 842 h 10000"/>
                  <a:gd name="connsiteX232" fmla="*/ 6243 w 10000"/>
                  <a:gd name="connsiteY232" fmla="*/ 916 h 10000"/>
                  <a:gd name="connsiteX233" fmla="*/ 6294 w 10000"/>
                  <a:gd name="connsiteY233" fmla="*/ 990 h 10000"/>
                  <a:gd name="connsiteX234" fmla="*/ 6369 w 10000"/>
                  <a:gd name="connsiteY234" fmla="*/ 1049 h 10000"/>
                  <a:gd name="connsiteX235" fmla="*/ 6471 w 10000"/>
                  <a:gd name="connsiteY235" fmla="*/ 1108 h 10000"/>
                  <a:gd name="connsiteX236" fmla="*/ 6598 w 10000"/>
                  <a:gd name="connsiteY236" fmla="*/ 1182 h 10000"/>
                  <a:gd name="connsiteX237" fmla="*/ 6700 w 10000"/>
                  <a:gd name="connsiteY237" fmla="*/ 1226 h 10000"/>
                  <a:gd name="connsiteX238" fmla="*/ 6802 w 10000"/>
                  <a:gd name="connsiteY238" fmla="*/ 1270 h 10000"/>
                  <a:gd name="connsiteX239" fmla="*/ 6903 w 10000"/>
                  <a:gd name="connsiteY239" fmla="*/ 1300 h 10000"/>
                  <a:gd name="connsiteX240" fmla="*/ 7005 w 10000"/>
                  <a:gd name="connsiteY240" fmla="*/ 1315 h 10000"/>
                  <a:gd name="connsiteX241" fmla="*/ 7132 w 10000"/>
                  <a:gd name="connsiteY241" fmla="*/ 1300 h 10000"/>
                  <a:gd name="connsiteX242" fmla="*/ 7234 w 10000"/>
                  <a:gd name="connsiteY242" fmla="*/ 1285 h 10000"/>
                  <a:gd name="connsiteX243" fmla="*/ 7309 w 10000"/>
                  <a:gd name="connsiteY243" fmla="*/ 1241 h 10000"/>
                  <a:gd name="connsiteX244" fmla="*/ 7361 w 10000"/>
                  <a:gd name="connsiteY244" fmla="*/ 1167 h 10000"/>
                  <a:gd name="connsiteX245" fmla="*/ 7385 w 10000"/>
                  <a:gd name="connsiteY245" fmla="*/ 1064 h 10000"/>
                  <a:gd name="connsiteX246" fmla="*/ 7766 w 10000"/>
                  <a:gd name="connsiteY246" fmla="*/ 1034 h 10000"/>
                  <a:gd name="connsiteX247" fmla="*/ 8121 w 10000"/>
                  <a:gd name="connsiteY247" fmla="*/ 1004 h 10000"/>
                  <a:gd name="connsiteX248" fmla="*/ 8427 w 10000"/>
                  <a:gd name="connsiteY248" fmla="*/ 990 h 10000"/>
                  <a:gd name="connsiteX249" fmla="*/ 8706 w 10000"/>
                  <a:gd name="connsiteY249" fmla="*/ 1004 h 10000"/>
                  <a:gd name="connsiteX250" fmla="*/ 8833 w 10000"/>
                  <a:gd name="connsiteY250" fmla="*/ 1019 h 10000"/>
                  <a:gd name="connsiteX251" fmla="*/ 8958 w 10000"/>
                  <a:gd name="connsiteY251" fmla="*/ 1034 h 10000"/>
                  <a:gd name="connsiteX252" fmla="*/ 9061 w 10000"/>
                  <a:gd name="connsiteY252" fmla="*/ 1064 h 10000"/>
                  <a:gd name="connsiteX253" fmla="*/ 9188 w 10000"/>
                  <a:gd name="connsiteY253" fmla="*/ 1108 h 10000"/>
                  <a:gd name="connsiteX254" fmla="*/ 9264 w 10000"/>
                  <a:gd name="connsiteY254" fmla="*/ 1182 h 10000"/>
                  <a:gd name="connsiteX255" fmla="*/ 9339 w 10000"/>
                  <a:gd name="connsiteY255" fmla="*/ 1241 h 10000"/>
                  <a:gd name="connsiteX256" fmla="*/ 9391 w 10000"/>
                  <a:gd name="connsiteY256" fmla="*/ 1329 h 10000"/>
                  <a:gd name="connsiteX257" fmla="*/ 9442 w 10000"/>
                  <a:gd name="connsiteY257" fmla="*/ 1433 h 10000"/>
                  <a:gd name="connsiteX258" fmla="*/ 9492 w 10000"/>
                  <a:gd name="connsiteY258" fmla="*/ 1551 h 10000"/>
                  <a:gd name="connsiteX259" fmla="*/ 9466 w 10000"/>
                  <a:gd name="connsiteY259" fmla="*/ 1625 h 10000"/>
                  <a:gd name="connsiteX260" fmla="*/ 9442 w 10000"/>
                  <a:gd name="connsiteY260" fmla="*/ 1684 h 10000"/>
                  <a:gd name="connsiteX261" fmla="*/ 9391 w 10000"/>
                  <a:gd name="connsiteY261" fmla="*/ 1758 h 10000"/>
                  <a:gd name="connsiteX262" fmla="*/ 9315 w 10000"/>
                  <a:gd name="connsiteY262" fmla="*/ 1802 h 10000"/>
                  <a:gd name="connsiteX263" fmla="*/ 9264 w 10000"/>
                  <a:gd name="connsiteY263" fmla="*/ 1861 h 10000"/>
                  <a:gd name="connsiteX264" fmla="*/ 9240 w 10000"/>
                  <a:gd name="connsiteY264" fmla="*/ 1935 h 10000"/>
                  <a:gd name="connsiteX265" fmla="*/ 9264 w 10000"/>
                  <a:gd name="connsiteY265" fmla="*/ 2024 h 10000"/>
                  <a:gd name="connsiteX266" fmla="*/ 9543 w 10000"/>
                  <a:gd name="connsiteY266" fmla="*/ 2157 h 10000"/>
                  <a:gd name="connsiteX267" fmla="*/ 9873 w 10000"/>
                  <a:gd name="connsiteY267" fmla="*/ 2275 h 10000"/>
                  <a:gd name="connsiteX268" fmla="*/ 10000 w 10000"/>
                  <a:gd name="connsiteY268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315 w 10000"/>
                  <a:gd name="connsiteY14" fmla="*/ 3235 h 10000"/>
                  <a:gd name="connsiteX15" fmla="*/ 9415 w 10000"/>
                  <a:gd name="connsiteY15" fmla="*/ 3117 h 10000"/>
                  <a:gd name="connsiteX16" fmla="*/ 9442 w 10000"/>
                  <a:gd name="connsiteY16" fmla="*/ 3072 h 10000"/>
                  <a:gd name="connsiteX17" fmla="*/ 9466 w 10000"/>
                  <a:gd name="connsiteY17" fmla="*/ 3013 h 10000"/>
                  <a:gd name="connsiteX18" fmla="*/ 9466 w 10000"/>
                  <a:gd name="connsiteY18" fmla="*/ 2954 h 10000"/>
                  <a:gd name="connsiteX19" fmla="*/ 9442 w 10000"/>
                  <a:gd name="connsiteY19" fmla="*/ 2866 h 10000"/>
                  <a:gd name="connsiteX20" fmla="*/ 9264 w 10000"/>
                  <a:gd name="connsiteY20" fmla="*/ 2984 h 10000"/>
                  <a:gd name="connsiteX21" fmla="*/ 9061 w 10000"/>
                  <a:gd name="connsiteY21" fmla="*/ 3072 h 10000"/>
                  <a:gd name="connsiteX22" fmla="*/ 8857 w 10000"/>
                  <a:gd name="connsiteY22" fmla="*/ 3161 h 10000"/>
                  <a:gd name="connsiteX23" fmla="*/ 8655 w 10000"/>
                  <a:gd name="connsiteY23" fmla="*/ 3250 h 10000"/>
                  <a:gd name="connsiteX24" fmla="*/ 8197 w 10000"/>
                  <a:gd name="connsiteY24" fmla="*/ 3397 h 10000"/>
                  <a:gd name="connsiteX25" fmla="*/ 7716 w 10000"/>
                  <a:gd name="connsiteY25" fmla="*/ 3545 h 10000"/>
                  <a:gd name="connsiteX26" fmla="*/ 7234 w 10000"/>
                  <a:gd name="connsiteY26" fmla="*/ 3678 h 10000"/>
                  <a:gd name="connsiteX27" fmla="*/ 6776 w 10000"/>
                  <a:gd name="connsiteY27" fmla="*/ 3840 h 10000"/>
                  <a:gd name="connsiteX28" fmla="*/ 6548 w 10000"/>
                  <a:gd name="connsiteY28" fmla="*/ 3914 h 10000"/>
                  <a:gd name="connsiteX29" fmla="*/ 6345 w 10000"/>
                  <a:gd name="connsiteY29" fmla="*/ 4003 h 10000"/>
                  <a:gd name="connsiteX30" fmla="*/ 6143 w 10000"/>
                  <a:gd name="connsiteY30" fmla="*/ 4106 h 10000"/>
                  <a:gd name="connsiteX31" fmla="*/ 5938 w 10000"/>
                  <a:gd name="connsiteY31" fmla="*/ 4195 h 10000"/>
                  <a:gd name="connsiteX32" fmla="*/ 6091 w 10000"/>
                  <a:gd name="connsiteY32" fmla="*/ 4417 h 10000"/>
                  <a:gd name="connsiteX33" fmla="*/ 6193 w 10000"/>
                  <a:gd name="connsiteY33" fmla="*/ 4623 h 10000"/>
                  <a:gd name="connsiteX34" fmla="*/ 6294 w 10000"/>
                  <a:gd name="connsiteY34" fmla="*/ 4845 h 10000"/>
                  <a:gd name="connsiteX35" fmla="*/ 6369 w 10000"/>
                  <a:gd name="connsiteY35" fmla="*/ 5081 h 10000"/>
                  <a:gd name="connsiteX36" fmla="*/ 6421 w 10000"/>
                  <a:gd name="connsiteY36" fmla="*/ 5318 h 10000"/>
                  <a:gd name="connsiteX37" fmla="*/ 6447 w 10000"/>
                  <a:gd name="connsiteY37" fmla="*/ 5539 h 10000"/>
                  <a:gd name="connsiteX38" fmla="*/ 6471 w 10000"/>
                  <a:gd name="connsiteY38" fmla="*/ 5775 h 10000"/>
                  <a:gd name="connsiteX39" fmla="*/ 6471 w 10000"/>
                  <a:gd name="connsiteY39" fmla="*/ 5997 h 10000"/>
                  <a:gd name="connsiteX40" fmla="*/ 6447 w 10000"/>
                  <a:gd name="connsiteY40" fmla="*/ 6233 h 10000"/>
                  <a:gd name="connsiteX41" fmla="*/ 6396 w 10000"/>
                  <a:gd name="connsiteY41" fmla="*/ 6470 h 10000"/>
                  <a:gd name="connsiteX42" fmla="*/ 6345 w 10000"/>
                  <a:gd name="connsiteY42" fmla="*/ 6677 h 10000"/>
                  <a:gd name="connsiteX43" fmla="*/ 6269 w 10000"/>
                  <a:gd name="connsiteY43" fmla="*/ 6898 h 10000"/>
                  <a:gd name="connsiteX44" fmla="*/ 6168 w 10000"/>
                  <a:gd name="connsiteY44" fmla="*/ 7105 h 10000"/>
                  <a:gd name="connsiteX45" fmla="*/ 6041 w 10000"/>
                  <a:gd name="connsiteY45" fmla="*/ 7297 h 10000"/>
                  <a:gd name="connsiteX46" fmla="*/ 5888 w 10000"/>
                  <a:gd name="connsiteY46" fmla="*/ 7489 h 10000"/>
                  <a:gd name="connsiteX47" fmla="*/ 5735 w 10000"/>
                  <a:gd name="connsiteY47" fmla="*/ 7681 h 10000"/>
                  <a:gd name="connsiteX48" fmla="*/ 6471 w 10000"/>
                  <a:gd name="connsiteY48" fmla="*/ 7799 h 10000"/>
                  <a:gd name="connsiteX49" fmla="*/ 7234 w 10000"/>
                  <a:gd name="connsiteY49" fmla="*/ 7962 h 10000"/>
                  <a:gd name="connsiteX50" fmla="*/ 7385 w 10000"/>
                  <a:gd name="connsiteY50" fmla="*/ 8021 h 10000"/>
                  <a:gd name="connsiteX51" fmla="*/ 7512 w 10000"/>
                  <a:gd name="connsiteY51" fmla="*/ 8080 h 10000"/>
                  <a:gd name="connsiteX52" fmla="*/ 7639 w 10000"/>
                  <a:gd name="connsiteY52" fmla="*/ 8139 h 10000"/>
                  <a:gd name="connsiteX53" fmla="*/ 7716 w 10000"/>
                  <a:gd name="connsiteY53" fmla="*/ 8227 h 10000"/>
                  <a:gd name="connsiteX54" fmla="*/ 7741 w 10000"/>
                  <a:gd name="connsiteY54" fmla="*/ 8301 h 10000"/>
                  <a:gd name="connsiteX55" fmla="*/ 7741 w 10000"/>
                  <a:gd name="connsiteY55" fmla="*/ 8405 h 10000"/>
                  <a:gd name="connsiteX56" fmla="*/ 7691 w 10000"/>
                  <a:gd name="connsiteY56" fmla="*/ 8523 h 10000"/>
                  <a:gd name="connsiteX57" fmla="*/ 7614 w 10000"/>
                  <a:gd name="connsiteY57" fmla="*/ 8641 h 10000"/>
                  <a:gd name="connsiteX58" fmla="*/ 7284 w 10000"/>
                  <a:gd name="connsiteY58" fmla="*/ 8552 h 10000"/>
                  <a:gd name="connsiteX59" fmla="*/ 6979 w 10000"/>
                  <a:gd name="connsiteY59" fmla="*/ 8449 h 10000"/>
                  <a:gd name="connsiteX60" fmla="*/ 6674 w 10000"/>
                  <a:gd name="connsiteY60" fmla="*/ 8360 h 10000"/>
                  <a:gd name="connsiteX61" fmla="*/ 6369 w 10000"/>
                  <a:gd name="connsiteY61" fmla="*/ 8287 h 10000"/>
                  <a:gd name="connsiteX62" fmla="*/ 6243 w 10000"/>
                  <a:gd name="connsiteY62" fmla="*/ 8449 h 10000"/>
                  <a:gd name="connsiteX63" fmla="*/ 6143 w 10000"/>
                  <a:gd name="connsiteY63" fmla="*/ 8597 h 10000"/>
                  <a:gd name="connsiteX64" fmla="*/ 6091 w 10000"/>
                  <a:gd name="connsiteY64" fmla="*/ 8656 h 10000"/>
                  <a:gd name="connsiteX65" fmla="*/ 5989 w 10000"/>
                  <a:gd name="connsiteY65" fmla="*/ 8700 h 10000"/>
                  <a:gd name="connsiteX66" fmla="*/ 5914 w 10000"/>
                  <a:gd name="connsiteY66" fmla="*/ 8744 h 10000"/>
                  <a:gd name="connsiteX67" fmla="*/ 5838 w 10000"/>
                  <a:gd name="connsiteY67" fmla="*/ 8774 h 10000"/>
                  <a:gd name="connsiteX68" fmla="*/ 5761 w 10000"/>
                  <a:gd name="connsiteY68" fmla="*/ 8804 h 10000"/>
                  <a:gd name="connsiteX69" fmla="*/ 5660 w 10000"/>
                  <a:gd name="connsiteY69" fmla="*/ 8818 h 10000"/>
                  <a:gd name="connsiteX70" fmla="*/ 5532 w 10000"/>
                  <a:gd name="connsiteY70" fmla="*/ 8833 h 10000"/>
                  <a:gd name="connsiteX71" fmla="*/ 5406 w 10000"/>
                  <a:gd name="connsiteY71" fmla="*/ 8833 h 10000"/>
                  <a:gd name="connsiteX72" fmla="*/ 5102 w 10000"/>
                  <a:gd name="connsiteY72" fmla="*/ 8818 h 10000"/>
                  <a:gd name="connsiteX73" fmla="*/ 4720 w 10000"/>
                  <a:gd name="connsiteY73" fmla="*/ 8744 h 10000"/>
                  <a:gd name="connsiteX74" fmla="*/ 4720 w 10000"/>
                  <a:gd name="connsiteY74" fmla="*/ 8922 h 10000"/>
                  <a:gd name="connsiteX75" fmla="*/ 4695 w 10000"/>
                  <a:gd name="connsiteY75" fmla="*/ 9069 h 10000"/>
                  <a:gd name="connsiteX76" fmla="*/ 4671 w 10000"/>
                  <a:gd name="connsiteY76" fmla="*/ 9232 h 10000"/>
                  <a:gd name="connsiteX77" fmla="*/ 4644 w 10000"/>
                  <a:gd name="connsiteY77" fmla="*/ 9365 h 10000"/>
                  <a:gd name="connsiteX78" fmla="*/ 4593 w 10000"/>
                  <a:gd name="connsiteY78" fmla="*/ 9498 h 10000"/>
                  <a:gd name="connsiteX79" fmla="*/ 4493 w 10000"/>
                  <a:gd name="connsiteY79" fmla="*/ 9616 h 10000"/>
                  <a:gd name="connsiteX80" fmla="*/ 4416 w 10000"/>
                  <a:gd name="connsiteY80" fmla="*/ 9734 h 10000"/>
                  <a:gd name="connsiteX81" fmla="*/ 4289 w 10000"/>
                  <a:gd name="connsiteY81" fmla="*/ 9838 h 10000"/>
                  <a:gd name="connsiteX82" fmla="*/ 3983 w 10000"/>
                  <a:gd name="connsiteY82" fmla="*/ 9897 h 10000"/>
                  <a:gd name="connsiteX83" fmla="*/ 3731 w 10000"/>
                  <a:gd name="connsiteY83" fmla="*/ 9941 h 10000"/>
                  <a:gd name="connsiteX84" fmla="*/ 3426 w 10000"/>
                  <a:gd name="connsiteY84" fmla="*/ 9985 h 10000"/>
                  <a:gd name="connsiteX85" fmla="*/ 3198 w 10000"/>
                  <a:gd name="connsiteY85" fmla="*/ 10000 h 10000"/>
                  <a:gd name="connsiteX86" fmla="*/ 2690 w 10000"/>
                  <a:gd name="connsiteY86" fmla="*/ 10000 h 10000"/>
                  <a:gd name="connsiteX87" fmla="*/ 2208 w 10000"/>
                  <a:gd name="connsiteY87" fmla="*/ 9985 h 10000"/>
                  <a:gd name="connsiteX88" fmla="*/ 1752 w 10000"/>
                  <a:gd name="connsiteY88" fmla="*/ 9941 h 10000"/>
                  <a:gd name="connsiteX89" fmla="*/ 1270 w 10000"/>
                  <a:gd name="connsiteY89" fmla="*/ 9911 h 10000"/>
                  <a:gd name="connsiteX90" fmla="*/ 990 w 10000"/>
                  <a:gd name="connsiteY90" fmla="*/ 9911 h 10000"/>
                  <a:gd name="connsiteX91" fmla="*/ 736 w 10000"/>
                  <a:gd name="connsiteY91" fmla="*/ 9911 h 10000"/>
                  <a:gd name="connsiteX92" fmla="*/ 457 w 10000"/>
                  <a:gd name="connsiteY92" fmla="*/ 9926 h 10000"/>
                  <a:gd name="connsiteX93" fmla="*/ 178 w 10000"/>
                  <a:gd name="connsiteY93" fmla="*/ 9970 h 10000"/>
                  <a:gd name="connsiteX94" fmla="*/ 102 w 10000"/>
                  <a:gd name="connsiteY94" fmla="*/ 9867 h 10000"/>
                  <a:gd name="connsiteX95" fmla="*/ 51 w 10000"/>
                  <a:gd name="connsiteY95" fmla="*/ 9793 h 10000"/>
                  <a:gd name="connsiteX96" fmla="*/ 0 w 10000"/>
                  <a:gd name="connsiteY96" fmla="*/ 9705 h 10000"/>
                  <a:gd name="connsiteX97" fmla="*/ 0 w 10000"/>
                  <a:gd name="connsiteY97" fmla="*/ 9601 h 10000"/>
                  <a:gd name="connsiteX98" fmla="*/ 51 w 10000"/>
                  <a:gd name="connsiteY98" fmla="*/ 9424 h 10000"/>
                  <a:gd name="connsiteX99" fmla="*/ 102 w 10000"/>
                  <a:gd name="connsiteY99" fmla="*/ 9202 h 10000"/>
                  <a:gd name="connsiteX100" fmla="*/ 151 w 10000"/>
                  <a:gd name="connsiteY100" fmla="*/ 8996 h 10000"/>
                  <a:gd name="connsiteX101" fmla="*/ 203 w 10000"/>
                  <a:gd name="connsiteY101" fmla="*/ 8759 h 10000"/>
                  <a:gd name="connsiteX102" fmla="*/ 228 w 10000"/>
                  <a:gd name="connsiteY102" fmla="*/ 8641 h 10000"/>
                  <a:gd name="connsiteX103" fmla="*/ 228 w 10000"/>
                  <a:gd name="connsiteY103" fmla="*/ 8538 h 10000"/>
                  <a:gd name="connsiteX104" fmla="*/ 203 w 10000"/>
                  <a:gd name="connsiteY104" fmla="*/ 8405 h 10000"/>
                  <a:gd name="connsiteX105" fmla="*/ 178 w 10000"/>
                  <a:gd name="connsiteY105" fmla="*/ 8287 h 10000"/>
                  <a:gd name="connsiteX106" fmla="*/ 431 w 10000"/>
                  <a:gd name="connsiteY106" fmla="*/ 8213 h 10000"/>
                  <a:gd name="connsiteX107" fmla="*/ 685 w 10000"/>
                  <a:gd name="connsiteY107" fmla="*/ 8139 h 10000"/>
                  <a:gd name="connsiteX108" fmla="*/ 939 w 10000"/>
                  <a:gd name="connsiteY108" fmla="*/ 8095 h 10000"/>
                  <a:gd name="connsiteX109" fmla="*/ 1218 w 10000"/>
                  <a:gd name="connsiteY109" fmla="*/ 8065 h 10000"/>
                  <a:gd name="connsiteX110" fmla="*/ 1725 w 10000"/>
                  <a:gd name="connsiteY110" fmla="*/ 8021 h 10000"/>
                  <a:gd name="connsiteX111" fmla="*/ 2234 w 10000"/>
                  <a:gd name="connsiteY111" fmla="*/ 7976 h 10000"/>
                  <a:gd name="connsiteX112" fmla="*/ 2462 w 10000"/>
                  <a:gd name="connsiteY112" fmla="*/ 7947 h 10000"/>
                  <a:gd name="connsiteX113" fmla="*/ 2690 w 10000"/>
                  <a:gd name="connsiteY113" fmla="*/ 7917 h 10000"/>
                  <a:gd name="connsiteX114" fmla="*/ 2892 w 10000"/>
                  <a:gd name="connsiteY114" fmla="*/ 7843 h 10000"/>
                  <a:gd name="connsiteX115" fmla="*/ 3096 w 10000"/>
                  <a:gd name="connsiteY115" fmla="*/ 7784 h 10000"/>
                  <a:gd name="connsiteX116" fmla="*/ 3274 w 10000"/>
                  <a:gd name="connsiteY116" fmla="*/ 7710 h 10000"/>
                  <a:gd name="connsiteX117" fmla="*/ 3426 w 10000"/>
                  <a:gd name="connsiteY117" fmla="*/ 7592 h 10000"/>
                  <a:gd name="connsiteX118" fmla="*/ 3579 w 10000"/>
                  <a:gd name="connsiteY118" fmla="*/ 7474 h 10000"/>
                  <a:gd name="connsiteX119" fmla="*/ 3680 w 10000"/>
                  <a:gd name="connsiteY119" fmla="*/ 7312 h 10000"/>
                  <a:gd name="connsiteX120" fmla="*/ 3477 w 10000"/>
                  <a:gd name="connsiteY120" fmla="*/ 7238 h 10000"/>
                  <a:gd name="connsiteX121" fmla="*/ 3299 w 10000"/>
                  <a:gd name="connsiteY121" fmla="*/ 7179 h 10000"/>
                  <a:gd name="connsiteX122" fmla="*/ 3147 w 10000"/>
                  <a:gd name="connsiteY122" fmla="*/ 7090 h 10000"/>
                  <a:gd name="connsiteX123" fmla="*/ 2995 w 10000"/>
                  <a:gd name="connsiteY123" fmla="*/ 6987 h 10000"/>
                  <a:gd name="connsiteX124" fmla="*/ 2892 w 10000"/>
                  <a:gd name="connsiteY124" fmla="*/ 6869 h 10000"/>
                  <a:gd name="connsiteX125" fmla="*/ 2843 w 10000"/>
                  <a:gd name="connsiteY125" fmla="*/ 6721 h 10000"/>
                  <a:gd name="connsiteX126" fmla="*/ 2817 w 10000"/>
                  <a:gd name="connsiteY126" fmla="*/ 6558 h 10000"/>
                  <a:gd name="connsiteX127" fmla="*/ 2843 w 10000"/>
                  <a:gd name="connsiteY127" fmla="*/ 6352 h 10000"/>
                  <a:gd name="connsiteX128" fmla="*/ 2716 w 10000"/>
                  <a:gd name="connsiteY128" fmla="*/ 6322 h 10000"/>
                  <a:gd name="connsiteX129" fmla="*/ 2564 w 10000"/>
                  <a:gd name="connsiteY129" fmla="*/ 6292 h 10000"/>
                  <a:gd name="connsiteX130" fmla="*/ 2386 w 10000"/>
                  <a:gd name="connsiteY130" fmla="*/ 6278 h 10000"/>
                  <a:gd name="connsiteX131" fmla="*/ 2208 w 10000"/>
                  <a:gd name="connsiteY131" fmla="*/ 6263 h 10000"/>
                  <a:gd name="connsiteX132" fmla="*/ 1853 w 10000"/>
                  <a:gd name="connsiteY132" fmla="*/ 6248 h 10000"/>
                  <a:gd name="connsiteX133" fmla="*/ 1472 w 10000"/>
                  <a:gd name="connsiteY133" fmla="*/ 6263 h 10000"/>
                  <a:gd name="connsiteX134" fmla="*/ 1143 w 10000"/>
                  <a:gd name="connsiteY134" fmla="*/ 6278 h 10000"/>
                  <a:gd name="connsiteX135" fmla="*/ 837 w 10000"/>
                  <a:gd name="connsiteY135" fmla="*/ 6278 h 10000"/>
                  <a:gd name="connsiteX136" fmla="*/ 585 w 10000"/>
                  <a:gd name="connsiteY136" fmla="*/ 6263 h 10000"/>
                  <a:gd name="connsiteX137" fmla="*/ 381 w 10000"/>
                  <a:gd name="connsiteY137" fmla="*/ 6233 h 10000"/>
                  <a:gd name="connsiteX138" fmla="*/ 633 w 10000"/>
                  <a:gd name="connsiteY138" fmla="*/ 5805 h 10000"/>
                  <a:gd name="connsiteX139" fmla="*/ 914 w 10000"/>
                  <a:gd name="connsiteY139" fmla="*/ 5391 h 10000"/>
                  <a:gd name="connsiteX140" fmla="*/ 1016 w 10000"/>
                  <a:gd name="connsiteY140" fmla="*/ 5170 h 10000"/>
                  <a:gd name="connsiteX141" fmla="*/ 1091 w 10000"/>
                  <a:gd name="connsiteY141" fmla="*/ 4963 h 10000"/>
                  <a:gd name="connsiteX142" fmla="*/ 1116 w 10000"/>
                  <a:gd name="connsiteY142" fmla="*/ 4860 h 10000"/>
                  <a:gd name="connsiteX143" fmla="*/ 1091 w 10000"/>
                  <a:gd name="connsiteY143" fmla="*/ 4756 h 10000"/>
                  <a:gd name="connsiteX144" fmla="*/ 1066 w 10000"/>
                  <a:gd name="connsiteY144" fmla="*/ 4653 h 10000"/>
                  <a:gd name="connsiteX145" fmla="*/ 990 w 10000"/>
                  <a:gd name="connsiteY145" fmla="*/ 4549 h 10000"/>
                  <a:gd name="connsiteX146" fmla="*/ 1270 w 10000"/>
                  <a:gd name="connsiteY146" fmla="*/ 4520 h 10000"/>
                  <a:gd name="connsiteX147" fmla="*/ 1472 w 10000"/>
                  <a:gd name="connsiteY147" fmla="*/ 4505 h 10000"/>
                  <a:gd name="connsiteX148" fmla="*/ 1650 w 10000"/>
                  <a:gd name="connsiteY148" fmla="*/ 4505 h 10000"/>
                  <a:gd name="connsiteX149" fmla="*/ 1802 w 10000"/>
                  <a:gd name="connsiteY149" fmla="*/ 4520 h 10000"/>
                  <a:gd name="connsiteX150" fmla="*/ 1929 w 10000"/>
                  <a:gd name="connsiteY150" fmla="*/ 4520 h 10000"/>
                  <a:gd name="connsiteX151" fmla="*/ 2081 w 10000"/>
                  <a:gd name="connsiteY151" fmla="*/ 4520 h 10000"/>
                  <a:gd name="connsiteX152" fmla="*/ 2234 w 10000"/>
                  <a:gd name="connsiteY152" fmla="*/ 4490 h 10000"/>
                  <a:gd name="connsiteX153" fmla="*/ 2436 w 10000"/>
                  <a:gd name="connsiteY153" fmla="*/ 4446 h 10000"/>
                  <a:gd name="connsiteX154" fmla="*/ 2436 w 10000"/>
                  <a:gd name="connsiteY154" fmla="*/ 4579 h 10000"/>
                  <a:gd name="connsiteX155" fmla="*/ 2436 w 10000"/>
                  <a:gd name="connsiteY155" fmla="*/ 4742 h 10000"/>
                  <a:gd name="connsiteX156" fmla="*/ 2436 w 10000"/>
                  <a:gd name="connsiteY156" fmla="*/ 4874 h 10000"/>
                  <a:gd name="connsiteX157" fmla="*/ 2436 w 10000"/>
                  <a:gd name="connsiteY157" fmla="*/ 5037 h 10000"/>
                  <a:gd name="connsiteX158" fmla="*/ 2665 w 10000"/>
                  <a:gd name="connsiteY158" fmla="*/ 5022 h 10000"/>
                  <a:gd name="connsiteX159" fmla="*/ 2817 w 10000"/>
                  <a:gd name="connsiteY159" fmla="*/ 5037 h 10000"/>
                  <a:gd name="connsiteX160" fmla="*/ 2944 w 10000"/>
                  <a:gd name="connsiteY160" fmla="*/ 5066 h 10000"/>
                  <a:gd name="connsiteX161" fmla="*/ 3071 w 10000"/>
                  <a:gd name="connsiteY161" fmla="*/ 5096 h 10000"/>
                  <a:gd name="connsiteX162" fmla="*/ 3173 w 10000"/>
                  <a:gd name="connsiteY162" fmla="*/ 5126 h 10000"/>
                  <a:gd name="connsiteX163" fmla="*/ 3299 w 10000"/>
                  <a:gd name="connsiteY163" fmla="*/ 5155 h 10000"/>
                  <a:gd name="connsiteX164" fmla="*/ 3452 w 10000"/>
                  <a:gd name="connsiteY164" fmla="*/ 5170 h 10000"/>
                  <a:gd name="connsiteX165" fmla="*/ 3680 w 10000"/>
                  <a:gd name="connsiteY165" fmla="*/ 5155 h 10000"/>
                  <a:gd name="connsiteX166" fmla="*/ 3757 w 10000"/>
                  <a:gd name="connsiteY166" fmla="*/ 5096 h 10000"/>
                  <a:gd name="connsiteX167" fmla="*/ 3832 w 10000"/>
                  <a:gd name="connsiteY167" fmla="*/ 5022 h 10000"/>
                  <a:gd name="connsiteX168" fmla="*/ 3857 w 10000"/>
                  <a:gd name="connsiteY168" fmla="*/ 4934 h 10000"/>
                  <a:gd name="connsiteX169" fmla="*/ 3884 w 10000"/>
                  <a:gd name="connsiteY169" fmla="*/ 4860 h 10000"/>
                  <a:gd name="connsiteX170" fmla="*/ 3908 w 10000"/>
                  <a:gd name="connsiteY170" fmla="*/ 4697 h 10000"/>
                  <a:gd name="connsiteX171" fmla="*/ 3884 w 10000"/>
                  <a:gd name="connsiteY171" fmla="*/ 4520 h 10000"/>
                  <a:gd name="connsiteX172" fmla="*/ 3807 w 10000"/>
                  <a:gd name="connsiteY172" fmla="*/ 4343 h 10000"/>
                  <a:gd name="connsiteX173" fmla="*/ 3731 w 10000"/>
                  <a:gd name="connsiteY173" fmla="*/ 4195 h 10000"/>
                  <a:gd name="connsiteX174" fmla="*/ 3604 w 10000"/>
                  <a:gd name="connsiteY174" fmla="*/ 4047 h 10000"/>
                  <a:gd name="connsiteX175" fmla="*/ 3477 w 10000"/>
                  <a:gd name="connsiteY175" fmla="*/ 3959 h 10000"/>
                  <a:gd name="connsiteX176" fmla="*/ 3629 w 10000"/>
                  <a:gd name="connsiteY176" fmla="*/ 3944 h 10000"/>
                  <a:gd name="connsiteX177" fmla="*/ 3757 w 10000"/>
                  <a:gd name="connsiteY177" fmla="*/ 3914 h 10000"/>
                  <a:gd name="connsiteX178" fmla="*/ 3857 w 10000"/>
                  <a:gd name="connsiteY178" fmla="*/ 3855 h 10000"/>
                  <a:gd name="connsiteX179" fmla="*/ 3983 w 10000"/>
                  <a:gd name="connsiteY179" fmla="*/ 3752 h 10000"/>
                  <a:gd name="connsiteX180" fmla="*/ 4111 w 10000"/>
                  <a:gd name="connsiteY180" fmla="*/ 3663 h 10000"/>
                  <a:gd name="connsiteX181" fmla="*/ 4213 w 10000"/>
                  <a:gd name="connsiteY181" fmla="*/ 3560 h 10000"/>
                  <a:gd name="connsiteX182" fmla="*/ 4289 w 10000"/>
                  <a:gd name="connsiteY182" fmla="*/ 3442 h 10000"/>
                  <a:gd name="connsiteX183" fmla="*/ 4366 w 10000"/>
                  <a:gd name="connsiteY183" fmla="*/ 3323 h 10000"/>
                  <a:gd name="connsiteX184" fmla="*/ 4416 w 10000"/>
                  <a:gd name="connsiteY184" fmla="*/ 3220 h 10000"/>
                  <a:gd name="connsiteX185" fmla="*/ 4441 w 10000"/>
                  <a:gd name="connsiteY185" fmla="*/ 3102 h 10000"/>
                  <a:gd name="connsiteX186" fmla="*/ 4468 w 10000"/>
                  <a:gd name="connsiteY186" fmla="*/ 3013 h 10000"/>
                  <a:gd name="connsiteX187" fmla="*/ 4441 w 10000"/>
                  <a:gd name="connsiteY187" fmla="*/ 2939 h 10000"/>
                  <a:gd name="connsiteX188" fmla="*/ 4416 w 10000"/>
                  <a:gd name="connsiteY188" fmla="*/ 2866 h 10000"/>
                  <a:gd name="connsiteX189" fmla="*/ 4340 w 10000"/>
                  <a:gd name="connsiteY189" fmla="*/ 2836 h 10000"/>
                  <a:gd name="connsiteX190" fmla="*/ 4239 w 10000"/>
                  <a:gd name="connsiteY190" fmla="*/ 2836 h 10000"/>
                  <a:gd name="connsiteX191" fmla="*/ 4111 w 10000"/>
                  <a:gd name="connsiteY191" fmla="*/ 2866 h 10000"/>
                  <a:gd name="connsiteX192" fmla="*/ 4213 w 10000"/>
                  <a:gd name="connsiteY192" fmla="*/ 2777 h 10000"/>
                  <a:gd name="connsiteX193" fmla="*/ 4265 w 10000"/>
                  <a:gd name="connsiteY193" fmla="*/ 2674 h 10000"/>
                  <a:gd name="connsiteX194" fmla="*/ 4289 w 10000"/>
                  <a:gd name="connsiteY194" fmla="*/ 2541 h 10000"/>
                  <a:gd name="connsiteX195" fmla="*/ 4289 w 10000"/>
                  <a:gd name="connsiteY195" fmla="*/ 2393 h 10000"/>
                  <a:gd name="connsiteX196" fmla="*/ 4314 w 10000"/>
                  <a:gd name="connsiteY196" fmla="*/ 2349 h 10000"/>
                  <a:gd name="connsiteX197" fmla="*/ 4366 w 10000"/>
                  <a:gd name="connsiteY197" fmla="*/ 2304 h 10000"/>
                  <a:gd name="connsiteX198" fmla="*/ 4416 w 10000"/>
                  <a:gd name="connsiteY198" fmla="*/ 2290 h 10000"/>
                  <a:gd name="connsiteX199" fmla="*/ 4493 w 10000"/>
                  <a:gd name="connsiteY199" fmla="*/ 2275 h 10000"/>
                  <a:gd name="connsiteX200" fmla="*/ 4720 w 10000"/>
                  <a:gd name="connsiteY200" fmla="*/ 2260 h 10000"/>
                  <a:gd name="connsiteX201" fmla="*/ 4923 w 10000"/>
                  <a:gd name="connsiteY201" fmla="*/ 2275 h 10000"/>
                  <a:gd name="connsiteX202" fmla="*/ 4898 w 10000"/>
                  <a:gd name="connsiteY202" fmla="*/ 2112 h 10000"/>
                  <a:gd name="connsiteX203" fmla="*/ 4848 w 10000"/>
                  <a:gd name="connsiteY203" fmla="*/ 1950 h 10000"/>
                  <a:gd name="connsiteX204" fmla="*/ 4771 w 10000"/>
                  <a:gd name="connsiteY204" fmla="*/ 1802 h 10000"/>
                  <a:gd name="connsiteX205" fmla="*/ 4671 w 10000"/>
                  <a:gd name="connsiteY205" fmla="*/ 1640 h 10000"/>
                  <a:gd name="connsiteX206" fmla="*/ 4416 w 10000"/>
                  <a:gd name="connsiteY206" fmla="*/ 1329 h 10000"/>
                  <a:gd name="connsiteX207" fmla="*/ 4162 w 10000"/>
                  <a:gd name="connsiteY207" fmla="*/ 1034 h 10000"/>
                  <a:gd name="connsiteX208" fmla="*/ 4035 w 10000"/>
                  <a:gd name="connsiteY208" fmla="*/ 901 h 10000"/>
                  <a:gd name="connsiteX209" fmla="*/ 3935 w 10000"/>
                  <a:gd name="connsiteY209" fmla="*/ 753 h 10000"/>
                  <a:gd name="connsiteX210" fmla="*/ 3857 w 10000"/>
                  <a:gd name="connsiteY210" fmla="*/ 620 h 10000"/>
                  <a:gd name="connsiteX211" fmla="*/ 3832 w 10000"/>
                  <a:gd name="connsiteY211" fmla="*/ 487 h 10000"/>
                  <a:gd name="connsiteX212" fmla="*/ 3807 w 10000"/>
                  <a:gd name="connsiteY212" fmla="*/ 355 h 10000"/>
                  <a:gd name="connsiteX213" fmla="*/ 3857 w 10000"/>
                  <a:gd name="connsiteY213" fmla="*/ 222 h 10000"/>
                  <a:gd name="connsiteX214" fmla="*/ 3884 w 10000"/>
                  <a:gd name="connsiteY214" fmla="*/ 162 h 10000"/>
                  <a:gd name="connsiteX215" fmla="*/ 3935 w 10000"/>
                  <a:gd name="connsiteY215" fmla="*/ 103 h 10000"/>
                  <a:gd name="connsiteX216" fmla="*/ 4011 w 10000"/>
                  <a:gd name="connsiteY216" fmla="*/ 59 h 10000"/>
                  <a:gd name="connsiteX217" fmla="*/ 4111 w 10000"/>
                  <a:gd name="connsiteY217" fmla="*/ 0 h 10000"/>
                  <a:gd name="connsiteX218" fmla="*/ 4289 w 10000"/>
                  <a:gd name="connsiteY218" fmla="*/ 0 h 10000"/>
                  <a:gd name="connsiteX219" fmla="*/ 4468 w 10000"/>
                  <a:gd name="connsiteY219" fmla="*/ 15 h 10000"/>
                  <a:gd name="connsiteX220" fmla="*/ 4644 w 10000"/>
                  <a:gd name="connsiteY220" fmla="*/ 44 h 10000"/>
                  <a:gd name="connsiteX221" fmla="*/ 4771 w 10000"/>
                  <a:gd name="connsiteY221" fmla="*/ 89 h 10000"/>
                  <a:gd name="connsiteX222" fmla="*/ 4975 w 10000"/>
                  <a:gd name="connsiteY222" fmla="*/ 192 h 10000"/>
                  <a:gd name="connsiteX223" fmla="*/ 5177 w 10000"/>
                  <a:gd name="connsiteY223" fmla="*/ 340 h 10000"/>
                  <a:gd name="connsiteX224" fmla="*/ 5329 w 10000"/>
                  <a:gd name="connsiteY224" fmla="*/ 473 h 10000"/>
                  <a:gd name="connsiteX225" fmla="*/ 5532 w 10000"/>
                  <a:gd name="connsiteY225" fmla="*/ 591 h 10000"/>
                  <a:gd name="connsiteX226" fmla="*/ 5660 w 10000"/>
                  <a:gd name="connsiteY226" fmla="*/ 650 h 10000"/>
                  <a:gd name="connsiteX227" fmla="*/ 5812 w 10000"/>
                  <a:gd name="connsiteY227" fmla="*/ 679 h 10000"/>
                  <a:gd name="connsiteX228" fmla="*/ 5965 w 10000"/>
                  <a:gd name="connsiteY228" fmla="*/ 709 h 10000"/>
                  <a:gd name="connsiteX229" fmla="*/ 6168 w 10000"/>
                  <a:gd name="connsiteY229" fmla="*/ 709 h 10000"/>
                  <a:gd name="connsiteX230" fmla="*/ 6168 w 10000"/>
                  <a:gd name="connsiteY230" fmla="*/ 768 h 10000"/>
                  <a:gd name="connsiteX231" fmla="*/ 6193 w 10000"/>
                  <a:gd name="connsiteY231" fmla="*/ 842 h 10000"/>
                  <a:gd name="connsiteX232" fmla="*/ 6243 w 10000"/>
                  <a:gd name="connsiteY232" fmla="*/ 916 h 10000"/>
                  <a:gd name="connsiteX233" fmla="*/ 6294 w 10000"/>
                  <a:gd name="connsiteY233" fmla="*/ 990 h 10000"/>
                  <a:gd name="connsiteX234" fmla="*/ 6369 w 10000"/>
                  <a:gd name="connsiteY234" fmla="*/ 1049 h 10000"/>
                  <a:gd name="connsiteX235" fmla="*/ 6471 w 10000"/>
                  <a:gd name="connsiteY235" fmla="*/ 1108 h 10000"/>
                  <a:gd name="connsiteX236" fmla="*/ 6598 w 10000"/>
                  <a:gd name="connsiteY236" fmla="*/ 1182 h 10000"/>
                  <a:gd name="connsiteX237" fmla="*/ 6700 w 10000"/>
                  <a:gd name="connsiteY237" fmla="*/ 1226 h 10000"/>
                  <a:gd name="connsiteX238" fmla="*/ 6802 w 10000"/>
                  <a:gd name="connsiteY238" fmla="*/ 1270 h 10000"/>
                  <a:gd name="connsiteX239" fmla="*/ 6903 w 10000"/>
                  <a:gd name="connsiteY239" fmla="*/ 1300 h 10000"/>
                  <a:gd name="connsiteX240" fmla="*/ 7005 w 10000"/>
                  <a:gd name="connsiteY240" fmla="*/ 1315 h 10000"/>
                  <a:gd name="connsiteX241" fmla="*/ 7132 w 10000"/>
                  <a:gd name="connsiteY241" fmla="*/ 1300 h 10000"/>
                  <a:gd name="connsiteX242" fmla="*/ 7234 w 10000"/>
                  <a:gd name="connsiteY242" fmla="*/ 1285 h 10000"/>
                  <a:gd name="connsiteX243" fmla="*/ 7309 w 10000"/>
                  <a:gd name="connsiteY243" fmla="*/ 1241 h 10000"/>
                  <a:gd name="connsiteX244" fmla="*/ 7361 w 10000"/>
                  <a:gd name="connsiteY244" fmla="*/ 1167 h 10000"/>
                  <a:gd name="connsiteX245" fmla="*/ 7385 w 10000"/>
                  <a:gd name="connsiteY245" fmla="*/ 1064 h 10000"/>
                  <a:gd name="connsiteX246" fmla="*/ 7766 w 10000"/>
                  <a:gd name="connsiteY246" fmla="*/ 1034 h 10000"/>
                  <a:gd name="connsiteX247" fmla="*/ 8121 w 10000"/>
                  <a:gd name="connsiteY247" fmla="*/ 1004 h 10000"/>
                  <a:gd name="connsiteX248" fmla="*/ 8427 w 10000"/>
                  <a:gd name="connsiteY248" fmla="*/ 990 h 10000"/>
                  <a:gd name="connsiteX249" fmla="*/ 8706 w 10000"/>
                  <a:gd name="connsiteY249" fmla="*/ 1004 h 10000"/>
                  <a:gd name="connsiteX250" fmla="*/ 8833 w 10000"/>
                  <a:gd name="connsiteY250" fmla="*/ 1019 h 10000"/>
                  <a:gd name="connsiteX251" fmla="*/ 8958 w 10000"/>
                  <a:gd name="connsiteY251" fmla="*/ 1034 h 10000"/>
                  <a:gd name="connsiteX252" fmla="*/ 9061 w 10000"/>
                  <a:gd name="connsiteY252" fmla="*/ 1064 h 10000"/>
                  <a:gd name="connsiteX253" fmla="*/ 9188 w 10000"/>
                  <a:gd name="connsiteY253" fmla="*/ 1108 h 10000"/>
                  <a:gd name="connsiteX254" fmla="*/ 9264 w 10000"/>
                  <a:gd name="connsiteY254" fmla="*/ 1182 h 10000"/>
                  <a:gd name="connsiteX255" fmla="*/ 9339 w 10000"/>
                  <a:gd name="connsiteY255" fmla="*/ 1241 h 10000"/>
                  <a:gd name="connsiteX256" fmla="*/ 9391 w 10000"/>
                  <a:gd name="connsiteY256" fmla="*/ 1329 h 10000"/>
                  <a:gd name="connsiteX257" fmla="*/ 9442 w 10000"/>
                  <a:gd name="connsiteY257" fmla="*/ 1433 h 10000"/>
                  <a:gd name="connsiteX258" fmla="*/ 9492 w 10000"/>
                  <a:gd name="connsiteY258" fmla="*/ 1551 h 10000"/>
                  <a:gd name="connsiteX259" fmla="*/ 9466 w 10000"/>
                  <a:gd name="connsiteY259" fmla="*/ 1625 h 10000"/>
                  <a:gd name="connsiteX260" fmla="*/ 9442 w 10000"/>
                  <a:gd name="connsiteY260" fmla="*/ 1684 h 10000"/>
                  <a:gd name="connsiteX261" fmla="*/ 9391 w 10000"/>
                  <a:gd name="connsiteY261" fmla="*/ 1758 h 10000"/>
                  <a:gd name="connsiteX262" fmla="*/ 9315 w 10000"/>
                  <a:gd name="connsiteY262" fmla="*/ 1802 h 10000"/>
                  <a:gd name="connsiteX263" fmla="*/ 9264 w 10000"/>
                  <a:gd name="connsiteY263" fmla="*/ 1861 h 10000"/>
                  <a:gd name="connsiteX264" fmla="*/ 9240 w 10000"/>
                  <a:gd name="connsiteY264" fmla="*/ 1935 h 10000"/>
                  <a:gd name="connsiteX265" fmla="*/ 9264 w 10000"/>
                  <a:gd name="connsiteY265" fmla="*/ 2024 h 10000"/>
                  <a:gd name="connsiteX266" fmla="*/ 9543 w 10000"/>
                  <a:gd name="connsiteY266" fmla="*/ 2157 h 10000"/>
                  <a:gd name="connsiteX267" fmla="*/ 9873 w 10000"/>
                  <a:gd name="connsiteY267" fmla="*/ 2275 h 10000"/>
                  <a:gd name="connsiteX268" fmla="*/ 10000 w 10000"/>
                  <a:gd name="connsiteY268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315 w 10000"/>
                  <a:gd name="connsiteY14" fmla="*/ 3235 h 10000"/>
                  <a:gd name="connsiteX15" fmla="*/ 9415 w 10000"/>
                  <a:gd name="connsiteY15" fmla="*/ 3117 h 10000"/>
                  <a:gd name="connsiteX16" fmla="*/ 9442 w 10000"/>
                  <a:gd name="connsiteY16" fmla="*/ 3072 h 10000"/>
                  <a:gd name="connsiteX17" fmla="*/ 9466 w 10000"/>
                  <a:gd name="connsiteY17" fmla="*/ 3013 h 10000"/>
                  <a:gd name="connsiteX18" fmla="*/ 9466 w 10000"/>
                  <a:gd name="connsiteY18" fmla="*/ 2954 h 10000"/>
                  <a:gd name="connsiteX19" fmla="*/ 9442 w 10000"/>
                  <a:gd name="connsiteY19" fmla="*/ 2866 h 10000"/>
                  <a:gd name="connsiteX20" fmla="*/ 9264 w 10000"/>
                  <a:gd name="connsiteY20" fmla="*/ 2984 h 10000"/>
                  <a:gd name="connsiteX21" fmla="*/ 9061 w 10000"/>
                  <a:gd name="connsiteY21" fmla="*/ 3072 h 10000"/>
                  <a:gd name="connsiteX22" fmla="*/ 8857 w 10000"/>
                  <a:gd name="connsiteY22" fmla="*/ 3161 h 10000"/>
                  <a:gd name="connsiteX23" fmla="*/ 8655 w 10000"/>
                  <a:gd name="connsiteY23" fmla="*/ 3250 h 10000"/>
                  <a:gd name="connsiteX24" fmla="*/ 8197 w 10000"/>
                  <a:gd name="connsiteY24" fmla="*/ 3397 h 10000"/>
                  <a:gd name="connsiteX25" fmla="*/ 7716 w 10000"/>
                  <a:gd name="connsiteY25" fmla="*/ 3545 h 10000"/>
                  <a:gd name="connsiteX26" fmla="*/ 7234 w 10000"/>
                  <a:gd name="connsiteY26" fmla="*/ 3678 h 10000"/>
                  <a:gd name="connsiteX27" fmla="*/ 6776 w 10000"/>
                  <a:gd name="connsiteY27" fmla="*/ 3840 h 10000"/>
                  <a:gd name="connsiteX28" fmla="*/ 6548 w 10000"/>
                  <a:gd name="connsiteY28" fmla="*/ 3914 h 10000"/>
                  <a:gd name="connsiteX29" fmla="*/ 6345 w 10000"/>
                  <a:gd name="connsiteY29" fmla="*/ 4003 h 10000"/>
                  <a:gd name="connsiteX30" fmla="*/ 6143 w 10000"/>
                  <a:gd name="connsiteY30" fmla="*/ 4106 h 10000"/>
                  <a:gd name="connsiteX31" fmla="*/ 5938 w 10000"/>
                  <a:gd name="connsiteY31" fmla="*/ 4195 h 10000"/>
                  <a:gd name="connsiteX32" fmla="*/ 6091 w 10000"/>
                  <a:gd name="connsiteY32" fmla="*/ 4417 h 10000"/>
                  <a:gd name="connsiteX33" fmla="*/ 6193 w 10000"/>
                  <a:gd name="connsiteY33" fmla="*/ 4623 h 10000"/>
                  <a:gd name="connsiteX34" fmla="*/ 6294 w 10000"/>
                  <a:gd name="connsiteY34" fmla="*/ 4845 h 10000"/>
                  <a:gd name="connsiteX35" fmla="*/ 6369 w 10000"/>
                  <a:gd name="connsiteY35" fmla="*/ 5081 h 10000"/>
                  <a:gd name="connsiteX36" fmla="*/ 6421 w 10000"/>
                  <a:gd name="connsiteY36" fmla="*/ 5318 h 10000"/>
                  <a:gd name="connsiteX37" fmla="*/ 6447 w 10000"/>
                  <a:gd name="connsiteY37" fmla="*/ 5539 h 10000"/>
                  <a:gd name="connsiteX38" fmla="*/ 6471 w 10000"/>
                  <a:gd name="connsiteY38" fmla="*/ 5775 h 10000"/>
                  <a:gd name="connsiteX39" fmla="*/ 6471 w 10000"/>
                  <a:gd name="connsiteY39" fmla="*/ 5997 h 10000"/>
                  <a:gd name="connsiteX40" fmla="*/ 6447 w 10000"/>
                  <a:gd name="connsiteY40" fmla="*/ 6233 h 10000"/>
                  <a:gd name="connsiteX41" fmla="*/ 6396 w 10000"/>
                  <a:gd name="connsiteY41" fmla="*/ 6470 h 10000"/>
                  <a:gd name="connsiteX42" fmla="*/ 6345 w 10000"/>
                  <a:gd name="connsiteY42" fmla="*/ 6677 h 10000"/>
                  <a:gd name="connsiteX43" fmla="*/ 6269 w 10000"/>
                  <a:gd name="connsiteY43" fmla="*/ 6898 h 10000"/>
                  <a:gd name="connsiteX44" fmla="*/ 6168 w 10000"/>
                  <a:gd name="connsiteY44" fmla="*/ 7105 h 10000"/>
                  <a:gd name="connsiteX45" fmla="*/ 6041 w 10000"/>
                  <a:gd name="connsiteY45" fmla="*/ 7297 h 10000"/>
                  <a:gd name="connsiteX46" fmla="*/ 5888 w 10000"/>
                  <a:gd name="connsiteY46" fmla="*/ 7489 h 10000"/>
                  <a:gd name="connsiteX47" fmla="*/ 5735 w 10000"/>
                  <a:gd name="connsiteY47" fmla="*/ 7681 h 10000"/>
                  <a:gd name="connsiteX48" fmla="*/ 6471 w 10000"/>
                  <a:gd name="connsiteY48" fmla="*/ 7799 h 10000"/>
                  <a:gd name="connsiteX49" fmla="*/ 7234 w 10000"/>
                  <a:gd name="connsiteY49" fmla="*/ 7962 h 10000"/>
                  <a:gd name="connsiteX50" fmla="*/ 7385 w 10000"/>
                  <a:gd name="connsiteY50" fmla="*/ 8021 h 10000"/>
                  <a:gd name="connsiteX51" fmla="*/ 7512 w 10000"/>
                  <a:gd name="connsiteY51" fmla="*/ 8080 h 10000"/>
                  <a:gd name="connsiteX52" fmla="*/ 7639 w 10000"/>
                  <a:gd name="connsiteY52" fmla="*/ 8139 h 10000"/>
                  <a:gd name="connsiteX53" fmla="*/ 7716 w 10000"/>
                  <a:gd name="connsiteY53" fmla="*/ 8227 h 10000"/>
                  <a:gd name="connsiteX54" fmla="*/ 7741 w 10000"/>
                  <a:gd name="connsiteY54" fmla="*/ 8301 h 10000"/>
                  <a:gd name="connsiteX55" fmla="*/ 7741 w 10000"/>
                  <a:gd name="connsiteY55" fmla="*/ 8405 h 10000"/>
                  <a:gd name="connsiteX56" fmla="*/ 7691 w 10000"/>
                  <a:gd name="connsiteY56" fmla="*/ 8523 h 10000"/>
                  <a:gd name="connsiteX57" fmla="*/ 7614 w 10000"/>
                  <a:gd name="connsiteY57" fmla="*/ 8641 h 10000"/>
                  <a:gd name="connsiteX58" fmla="*/ 7284 w 10000"/>
                  <a:gd name="connsiteY58" fmla="*/ 8552 h 10000"/>
                  <a:gd name="connsiteX59" fmla="*/ 6979 w 10000"/>
                  <a:gd name="connsiteY59" fmla="*/ 8449 h 10000"/>
                  <a:gd name="connsiteX60" fmla="*/ 6674 w 10000"/>
                  <a:gd name="connsiteY60" fmla="*/ 8360 h 10000"/>
                  <a:gd name="connsiteX61" fmla="*/ 6369 w 10000"/>
                  <a:gd name="connsiteY61" fmla="*/ 8287 h 10000"/>
                  <a:gd name="connsiteX62" fmla="*/ 6243 w 10000"/>
                  <a:gd name="connsiteY62" fmla="*/ 8449 h 10000"/>
                  <a:gd name="connsiteX63" fmla="*/ 6143 w 10000"/>
                  <a:gd name="connsiteY63" fmla="*/ 8597 h 10000"/>
                  <a:gd name="connsiteX64" fmla="*/ 6091 w 10000"/>
                  <a:gd name="connsiteY64" fmla="*/ 8656 h 10000"/>
                  <a:gd name="connsiteX65" fmla="*/ 5989 w 10000"/>
                  <a:gd name="connsiteY65" fmla="*/ 8700 h 10000"/>
                  <a:gd name="connsiteX66" fmla="*/ 5914 w 10000"/>
                  <a:gd name="connsiteY66" fmla="*/ 8744 h 10000"/>
                  <a:gd name="connsiteX67" fmla="*/ 5838 w 10000"/>
                  <a:gd name="connsiteY67" fmla="*/ 8774 h 10000"/>
                  <a:gd name="connsiteX68" fmla="*/ 5761 w 10000"/>
                  <a:gd name="connsiteY68" fmla="*/ 8804 h 10000"/>
                  <a:gd name="connsiteX69" fmla="*/ 5660 w 10000"/>
                  <a:gd name="connsiteY69" fmla="*/ 8818 h 10000"/>
                  <a:gd name="connsiteX70" fmla="*/ 5532 w 10000"/>
                  <a:gd name="connsiteY70" fmla="*/ 8833 h 10000"/>
                  <a:gd name="connsiteX71" fmla="*/ 5406 w 10000"/>
                  <a:gd name="connsiteY71" fmla="*/ 8833 h 10000"/>
                  <a:gd name="connsiteX72" fmla="*/ 5102 w 10000"/>
                  <a:gd name="connsiteY72" fmla="*/ 8818 h 10000"/>
                  <a:gd name="connsiteX73" fmla="*/ 4720 w 10000"/>
                  <a:gd name="connsiteY73" fmla="*/ 8744 h 10000"/>
                  <a:gd name="connsiteX74" fmla="*/ 4720 w 10000"/>
                  <a:gd name="connsiteY74" fmla="*/ 8922 h 10000"/>
                  <a:gd name="connsiteX75" fmla="*/ 4695 w 10000"/>
                  <a:gd name="connsiteY75" fmla="*/ 9069 h 10000"/>
                  <a:gd name="connsiteX76" fmla="*/ 4671 w 10000"/>
                  <a:gd name="connsiteY76" fmla="*/ 9232 h 10000"/>
                  <a:gd name="connsiteX77" fmla="*/ 4644 w 10000"/>
                  <a:gd name="connsiteY77" fmla="*/ 9365 h 10000"/>
                  <a:gd name="connsiteX78" fmla="*/ 4593 w 10000"/>
                  <a:gd name="connsiteY78" fmla="*/ 9498 h 10000"/>
                  <a:gd name="connsiteX79" fmla="*/ 4493 w 10000"/>
                  <a:gd name="connsiteY79" fmla="*/ 9616 h 10000"/>
                  <a:gd name="connsiteX80" fmla="*/ 4416 w 10000"/>
                  <a:gd name="connsiteY80" fmla="*/ 9734 h 10000"/>
                  <a:gd name="connsiteX81" fmla="*/ 4289 w 10000"/>
                  <a:gd name="connsiteY81" fmla="*/ 9838 h 10000"/>
                  <a:gd name="connsiteX82" fmla="*/ 3983 w 10000"/>
                  <a:gd name="connsiteY82" fmla="*/ 9897 h 10000"/>
                  <a:gd name="connsiteX83" fmla="*/ 3731 w 10000"/>
                  <a:gd name="connsiteY83" fmla="*/ 9941 h 10000"/>
                  <a:gd name="connsiteX84" fmla="*/ 3426 w 10000"/>
                  <a:gd name="connsiteY84" fmla="*/ 9985 h 10000"/>
                  <a:gd name="connsiteX85" fmla="*/ 3198 w 10000"/>
                  <a:gd name="connsiteY85" fmla="*/ 10000 h 10000"/>
                  <a:gd name="connsiteX86" fmla="*/ 2690 w 10000"/>
                  <a:gd name="connsiteY86" fmla="*/ 10000 h 10000"/>
                  <a:gd name="connsiteX87" fmla="*/ 2208 w 10000"/>
                  <a:gd name="connsiteY87" fmla="*/ 9985 h 10000"/>
                  <a:gd name="connsiteX88" fmla="*/ 1752 w 10000"/>
                  <a:gd name="connsiteY88" fmla="*/ 9941 h 10000"/>
                  <a:gd name="connsiteX89" fmla="*/ 1270 w 10000"/>
                  <a:gd name="connsiteY89" fmla="*/ 9911 h 10000"/>
                  <a:gd name="connsiteX90" fmla="*/ 990 w 10000"/>
                  <a:gd name="connsiteY90" fmla="*/ 9911 h 10000"/>
                  <a:gd name="connsiteX91" fmla="*/ 736 w 10000"/>
                  <a:gd name="connsiteY91" fmla="*/ 9911 h 10000"/>
                  <a:gd name="connsiteX92" fmla="*/ 457 w 10000"/>
                  <a:gd name="connsiteY92" fmla="*/ 9926 h 10000"/>
                  <a:gd name="connsiteX93" fmla="*/ 178 w 10000"/>
                  <a:gd name="connsiteY93" fmla="*/ 9970 h 10000"/>
                  <a:gd name="connsiteX94" fmla="*/ 102 w 10000"/>
                  <a:gd name="connsiteY94" fmla="*/ 9867 h 10000"/>
                  <a:gd name="connsiteX95" fmla="*/ 51 w 10000"/>
                  <a:gd name="connsiteY95" fmla="*/ 9793 h 10000"/>
                  <a:gd name="connsiteX96" fmla="*/ 0 w 10000"/>
                  <a:gd name="connsiteY96" fmla="*/ 9705 h 10000"/>
                  <a:gd name="connsiteX97" fmla="*/ 0 w 10000"/>
                  <a:gd name="connsiteY97" fmla="*/ 9601 h 10000"/>
                  <a:gd name="connsiteX98" fmla="*/ 51 w 10000"/>
                  <a:gd name="connsiteY98" fmla="*/ 9424 h 10000"/>
                  <a:gd name="connsiteX99" fmla="*/ 102 w 10000"/>
                  <a:gd name="connsiteY99" fmla="*/ 9202 h 10000"/>
                  <a:gd name="connsiteX100" fmla="*/ 151 w 10000"/>
                  <a:gd name="connsiteY100" fmla="*/ 8996 h 10000"/>
                  <a:gd name="connsiteX101" fmla="*/ 203 w 10000"/>
                  <a:gd name="connsiteY101" fmla="*/ 8759 h 10000"/>
                  <a:gd name="connsiteX102" fmla="*/ 228 w 10000"/>
                  <a:gd name="connsiteY102" fmla="*/ 8641 h 10000"/>
                  <a:gd name="connsiteX103" fmla="*/ 228 w 10000"/>
                  <a:gd name="connsiteY103" fmla="*/ 8538 h 10000"/>
                  <a:gd name="connsiteX104" fmla="*/ 203 w 10000"/>
                  <a:gd name="connsiteY104" fmla="*/ 8405 h 10000"/>
                  <a:gd name="connsiteX105" fmla="*/ 178 w 10000"/>
                  <a:gd name="connsiteY105" fmla="*/ 8287 h 10000"/>
                  <a:gd name="connsiteX106" fmla="*/ 431 w 10000"/>
                  <a:gd name="connsiteY106" fmla="*/ 8213 h 10000"/>
                  <a:gd name="connsiteX107" fmla="*/ 685 w 10000"/>
                  <a:gd name="connsiteY107" fmla="*/ 8139 h 10000"/>
                  <a:gd name="connsiteX108" fmla="*/ 939 w 10000"/>
                  <a:gd name="connsiteY108" fmla="*/ 8095 h 10000"/>
                  <a:gd name="connsiteX109" fmla="*/ 1218 w 10000"/>
                  <a:gd name="connsiteY109" fmla="*/ 8065 h 10000"/>
                  <a:gd name="connsiteX110" fmla="*/ 1725 w 10000"/>
                  <a:gd name="connsiteY110" fmla="*/ 8021 h 10000"/>
                  <a:gd name="connsiteX111" fmla="*/ 2234 w 10000"/>
                  <a:gd name="connsiteY111" fmla="*/ 7976 h 10000"/>
                  <a:gd name="connsiteX112" fmla="*/ 2462 w 10000"/>
                  <a:gd name="connsiteY112" fmla="*/ 7947 h 10000"/>
                  <a:gd name="connsiteX113" fmla="*/ 2690 w 10000"/>
                  <a:gd name="connsiteY113" fmla="*/ 7917 h 10000"/>
                  <a:gd name="connsiteX114" fmla="*/ 2892 w 10000"/>
                  <a:gd name="connsiteY114" fmla="*/ 7843 h 10000"/>
                  <a:gd name="connsiteX115" fmla="*/ 3096 w 10000"/>
                  <a:gd name="connsiteY115" fmla="*/ 7784 h 10000"/>
                  <a:gd name="connsiteX116" fmla="*/ 3274 w 10000"/>
                  <a:gd name="connsiteY116" fmla="*/ 7710 h 10000"/>
                  <a:gd name="connsiteX117" fmla="*/ 3426 w 10000"/>
                  <a:gd name="connsiteY117" fmla="*/ 7592 h 10000"/>
                  <a:gd name="connsiteX118" fmla="*/ 3579 w 10000"/>
                  <a:gd name="connsiteY118" fmla="*/ 7474 h 10000"/>
                  <a:gd name="connsiteX119" fmla="*/ 3680 w 10000"/>
                  <a:gd name="connsiteY119" fmla="*/ 7312 h 10000"/>
                  <a:gd name="connsiteX120" fmla="*/ 3477 w 10000"/>
                  <a:gd name="connsiteY120" fmla="*/ 7238 h 10000"/>
                  <a:gd name="connsiteX121" fmla="*/ 3299 w 10000"/>
                  <a:gd name="connsiteY121" fmla="*/ 7179 h 10000"/>
                  <a:gd name="connsiteX122" fmla="*/ 3147 w 10000"/>
                  <a:gd name="connsiteY122" fmla="*/ 7090 h 10000"/>
                  <a:gd name="connsiteX123" fmla="*/ 2995 w 10000"/>
                  <a:gd name="connsiteY123" fmla="*/ 6987 h 10000"/>
                  <a:gd name="connsiteX124" fmla="*/ 2892 w 10000"/>
                  <a:gd name="connsiteY124" fmla="*/ 6869 h 10000"/>
                  <a:gd name="connsiteX125" fmla="*/ 2843 w 10000"/>
                  <a:gd name="connsiteY125" fmla="*/ 6721 h 10000"/>
                  <a:gd name="connsiteX126" fmla="*/ 2817 w 10000"/>
                  <a:gd name="connsiteY126" fmla="*/ 6558 h 10000"/>
                  <a:gd name="connsiteX127" fmla="*/ 2843 w 10000"/>
                  <a:gd name="connsiteY127" fmla="*/ 6352 h 10000"/>
                  <a:gd name="connsiteX128" fmla="*/ 2716 w 10000"/>
                  <a:gd name="connsiteY128" fmla="*/ 6322 h 10000"/>
                  <a:gd name="connsiteX129" fmla="*/ 2564 w 10000"/>
                  <a:gd name="connsiteY129" fmla="*/ 6292 h 10000"/>
                  <a:gd name="connsiteX130" fmla="*/ 2386 w 10000"/>
                  <a:gd name="connsiteY130" fmla="*/ 6278 h 10000"/>
                  <a:gd name="connsiteX131" fmla="*/ 2208 w 10000"/>
                  <a:gd name="connsiteY131" fmla="*/ 6263 h 10000"/>
                  <a:gd name="connsiteX132" fmla="*/ 1853 w 10000"/>
                  <a:gd name="connsiteY132" fmla="*/ 6248 h 10000"/>
                  <a:gd name="connsiteX133" fmla="*/ 1472 w 10000"/>
                  <a:gd name="connsiteY133" fmla="*/ 6263 h 10000"/>
                  <a:gd name="connsiteX134" fmla="*/ 1143 w 10000"/>
                  <a:gd name="connsiteY134" fmla="*/ 6278 h 10000"/>
                  <a:gd name="connsiteX135" fmla="*/ 837 w 10000"/>
                  <a:gd name="connsiteY135" fmla="*/ 6278 h 10000"/>
                  <a:gd name="connsiteX136" fmla="*/ 585 w 10000"/>
                  <a:gd name="connsiteY136" fmla="*/ 6263 h 10000"/>
                  <a:gd name="connsiteX137" fmla="*/ 381 w 10000"/>
                  <a:gd name="connsiteY137" fmla="*/ 6233 h 10000"/>
                  <a:gd name="connsiteX138" fmla="*/ 633 w 10000"/>
                  <a:gd name="connsiteY138" fmla="*/ 5805 h 10000"/>
                  <a:gd name="connsiteX139" fmla="*/ 914 w 10000"/>
                  <a:gd name="connsiteY139" fmla="*/ 5391 h 10000"/>
                  <a:gd name="connsiteX140" fmla="*/ 1016 w 10000"/>
                  <a:gd name="connsiteY140" fmla="*/ 5170 h 10000"/>
                  <a:gd name="connsiteX141" fmla="*/ 1091 w 10000"/>
                  <a:gd name="connsiteY141" fmla="*/ 4963 h 10000"/>
                  <a:gd name="connsiteX142" fmla="*/ 1116 w 10000"/>
                  <a:gd name="connsiteY142" fmla="*/ 4860 h 10000"/>
                  <a:gd name="connsiteX143" fmla="*/ 1091 w 10000"/>
                  <a:gd name="connsiteY143" fmla="*/ 4756 h 10000"/>
                  <a:gd name="connsiteX144" fmla="*/ 1066 w 10000"/>
                  <a:gd name="connsiteY144" fmla="*/ 4653 h 10000"/>
                  <a:gd name="connsiteX145" fmla="*/ 990 w 10000"/>
                  <a:gd name="connsiteY145" fmla="*/ 4549 h 10000"/>
                  <a:gd name="connsiteX146" fmla="*/ 1270 w 10000"/>
                  <a:gd name="connsiteY146" fmla="*/ 4520 h 10000"/>
                  <a:gd name="connsiteX147" fmla="*/ 1472 w 10000"/>
                  <a:gd name="connsiteY147" fmla="*/ 4505 h 10000"/>
                  <a:gd name="connsiteX148" fmla="*/ 1650 w 10000"/>
                  <a:gd name="connsiteY148" fmla="*/ 4505 h 10000"/>
                  <a:gd name="connsiteX149" fmla="*/ 1802 w 10000"/>
                  <a:gd name="connsiteY149" fmla="*/ 4520 h 10000"/>
                  <a:gd name="connsiteX150" fmla="*/ 1929 w 10000"/>
                  <a:gd name="connsiteY150" fmla="*/ 4520 h 10000"/>
                  <a:gd name="connsiteX151" fmla="*/ 2081 w 10000"/>
                  <a:gd name="connsiteY151" fmla="*/ 4520 h 10000"/>
                  <a:gd name="connsiteX152" fmla="*/ 2234 w 10000"/>
                  <a:gd name="connsiteY152" fmla="*/ 4490 h 10000"/>
                  <a:gd name="connsiteX153" fmla="*/ 2436 w 10000"/>
                  <a:gd name="connsiteY153" fmla="*/ 4446 h 10000"/>
                  <a:gd name="connsiteX154" fmla="*/ 2436 w 10000"/>
                  <a:gd name="connsiteY154" fmla="*/ 4579 h 10000"/>
                  <a:gd name="connsiteX155" fmla="*/ 2436 w 10000"/>
                  <a:gd name="connsiteY155" fmla="*/ 4742 h 10000"/>
                  <a:gd name="connsiteX156" fmla="*/ 2436 w 10000"/>
                  <a:gd name="connsiteY156" fmla="*/ 4874 h 10000"/>
                  <a:gd name="connsiteX157" fmla="*/ 2436 w 10000"/>
                  <a:gd name="connsiteY157" fmla="*/ 5037 h 10000"/>
                  <a:gd name="connsiteX158" fmla="*/ 2665 w 10000"/>
                  <a:gd name="connsiteY158" fmla="*/ 5022 h 10000"/>
                  <a:gd name="connsiteX159" fmla="*/ 2817 w 10000"/>
                  <a:gd name="connsiteY159" fmla="*/ 5037 h 10000"/>
                  <a:gd name="connsiteX160" fmla="*/ 2944 w 10000"/>
                  <a:gd name="connsiteY160" fmla="*/ 5066 h 10000"/>
                  <a:gd name="connsiteX161" fmla="*/ 3071 w 10000"/>
                  <a:gd name="connsiteY161" fmla="*/ 5096 h 10000"/>
                  <a:gd name="connsiteX162" fmla="*/ 3173 w 10000"/>
                  <a:gd name="connsiteY162" fmla="*/ 5126 h 10000"/>
                  <a:gd name="connsiteX163" fmla="*/ 3299 w 10000"/>
                  <a:gd name="connsiteY163" fmla="*/ 5155 h 10000"/>
                  <a:gd name="connsiteX164" fmla="*/ 3452 w 10000"/>
                  <a:gd name="connsiteY164" fmla="*/ 5170 h 10000"/>
                  <a:gd name="connsiteX165" fmla="*/ 3680 w 10000"/>
                  <a:gd name="connsiteY165" fmla="*/ 5155 h 10000"/>
                  <a:gd name="connsiteX166" fmla="*/ 3757 w 10000"/>
                  <a:gd name="connsiteY166" fmla="*/ 5096 h 10000"/>
                  <a:gd name="connsiteX167" fmla="*/ 3832 w 10000"/>
                  <a:gd name="connsiteY167" fmla="*/ 5022 h 10000"/>
                  <a:gd name="connsiteX168" fmla="*/ 3857 w 10000"/>
                  <a:gd name="connsiteY168" fmla="*/ 4934 h 10000"/>
                  <a:gd name="connsiteX169" fmla="*/ 3884 w 10000"/>
                  <a:gd name="connsiteY169" fmla="*/ 4860 h 10000"/>
                  <a:gd name="connsiteX170" fmla="*/ 3908 w 10000"/>
                  <a:gd name="connsiteY170" fmla="*/ 4697 h 10000"/>
                  <a:gd name="connsiteX171" fmla="*/ 3884 w 10000"/>
                  <a:gd name="connsiteY171" fmla="*/ 4520 h 10000"/>
                  <a:gd name="connsiteX172" fmla="*/ 3807 w 10000"/>
                  <a:gd name="connsiteY172" fmla="*/ 4343 h 10000"/>
                  <a:gd name="connsiteX173" fmla="*/ 3731 w 10000"/>
                  <a:gd name="connsiteY173" fmla="*/ 4195 h 10000"/>
                  <a:gd name="connsiteX174" fmla="*/ 3604 w 10000"/>
                  <a:gd name="connsiteY174" fmla="*/ 4047 h 10000"/>
                  <a:gd name="connsiteX175" fmla="*/ 3477 w 10000"/>
                  <a:gd name="connsiteY175" fmla="*/ 3959 h 10000"/>
                  <a:gd name="connsiteX176" fmla="*/ 3629 w 10000"/>
                  <a:gd name="connsiteY176" fmla="*/ 3944 h 10000"/>
                  <a:gd name="connsiteX177" fmla="*/ 3757 w 10000"/>
                  <a:gd name="connsiteY177" fmla="*/ 3914 h 10000"/>
                  <a:gd name="connsiteX178" fmla="*/ 3857 w 10000"/>
                  <a:gd name="connsiteY178" fmla="*/ 3855 h 10000"/>
                  <a:gd name="connsiteX179" fmla="*/ 3983 w 10000"/>
                  <a:gd name="connsiteY179" fmla="*/ 3752 h 10000"/>
                  <a:gd name="connsiteX180" fmla="*/ 4111 w 10000"/>
                  <a:gd name="connsiteY180" fmla="*/ 3663 h 10000"/>
                  <a:gd name="connsiteX181" fmla="*/ 4213 w 10000"/>
                  <a:gd name="connsiteY181" fmla="*/ 3560 h 10000"/>
                  <a:gd name="connsiteX182" fmla="*/ 4289 w 10000"/>
                  <a:gd name="connsiteY182" fmla="*/ 3442 h 10000"/>
                  <a:gd name="connsiteX183" fmla="*/ 4366 w 10000"/>
                  <a:gd name="connsiteY183" fmla="*/ 3323 h 10000"/>
                  <a:gd name="connsiteX184" fmla="*/ 4416 w 10000"/>
                  <a:gd name="connsiteY184" fmla="*/ 3220 h 10000"/>
                  <a:gd name="connsiteX185" fmla="*/ 4441 w 10000"/>
                  <a:gd name="connsiteY185" fmla="*/ 3102 h 10000"/>
                  <a:gd name="connsiteX186" fmla="*/ 4468 w 10000"/>
                  <a:gd name="connsiteY186" fmla="*/ 3013 h 10000"/>
                  <a:gd name="connsiteX187" fmla="*/ 4441 w 10000"/>
                  <a:gd name="connsiteY187" fmla="*/ 2939 h 10000"/>
                  <a:gd name="connsiteX188" fmla="*/ 4416 w 10000"/>
                  <a:gd name="connsiteY188" fmla="*/ 2866 h 10000"/>
                  <a:gd name="connsiteX189" fmla="*/ 4340 w 10000"/>
                  <a:gd name="connsiteY189" fmla="*/ 2836 h 10000"/>
                  <a:gd name="connsiteX190" fmla="*/ 4239 w 10000"/>
                  <a:gd name="connsiteY190" fmla="*/ 2836 h 10000"/>
                  <a:gd name="connsiteX191" fmla="*/ 4111 w 10000"/>
                  <a:gd name="connsiteY191" fmla="*/ 2866 h 10000"/>
                  <a:gd name="connsiteX192" fmla="*/ 4213 w 10000"/>
                  <a:gd name="connsiteY192" fmla="*/ 2777 h 10000"/>
                  <a:gd name="connsiteX193" fmla="*/ 4265 w 10000"/>
                  <a:gd name="connsiteY193" fmla="*/ 2674 h 10000"/>
                  <a:gd name="connsiteX194" fmla="*/ 4289 w 10000"/>
                  <a:gd name="connsiteY194" fmla="*/ 2541 h 10000"/>
                  <a:gd name="connsiteX195" fmla="*/ 4289 w 10000"/>
                  <a:gd name="connsiteY195" fmla="*/ 2393 h 10000"/>
                  <a:gd name="connsiteX196" fmla="*/ 4314 w 10000"/>
                  <a:gd name="connsiteY196" fmla="*/ 2349 h 10000"/>
                  <a:gd name="connsiteX197" fmla="*/ 4366 w 10000"/>
                  <a:gd name="connsiteY197" fmla="*/ 2304 h 10000"/>
                  <a:gd name="connsiteX198" fmla="*/ 4416 w 10000"/>
                  <a:gd name="connsiteY198" fmla="*/ 2290 h 10000"/>
                  <a:gd name="connsiteX199" fmla="*/ 4493 w 10000"/>
                  <a:gd name="connsiteY199" fmla="*/ 2275 h 10000"/>
                  <a:gd name="connsiteX200" fmla="*/ 4720 w 10000"/>
                  <a:gd name="connsiteY200" fmla="*/ 2260 h 10000"/>
                  <a:gd name="connsiteX201" fmla="*/ 4923 w 10000"/>
                  <a:gd name="connsiteY201" fmla="*/ 2275 h 10000"/>
                  <a:gd name="connsiteX202" fmla="*/ 4898 w 10000"/>
                  <a:gd name="connsiteY202" fmla="*/ 2112 h 10000"/>
                  <a:gd name="connsiteX203" fmla="*/ 4848 w 10000"/>
                  <a:gd name="connsiteY203" fmla="*/ 1950 h 10000"/>
                  <a:gd name="connsiteX204" fmla="*/ 4771 w 10000"/>
                  <a:gd name="connsiteY204" fmla="*/ 1802 h 10000"/>
                  <a:gd name="connsiteX205" fmla="*/ 4671 w 10000"/>
                  <a:gd name="connsiteY205" fmla="*/ 1640 h 10000"/>
                  <a:gd name="connsiteX206" fmla="*/ 4416 w 10000"/>
                  <a:gd name="connsiteY206" fmla="*/ 1329 h 10000"/>
                  <a:gd name="connsiteX207" fmla="*/ 4162 w 10000"/>
                  <a:gd name="connsiteY207" fmla="*/ 1034 h 10000"/>
                  <a:gd name="connsiteX208" fmla="*/ 4035 w 10000"/>
                  <a:gd name="connsiteY208" fmla="*/ 901 h 10000"/>
                  <a:gd name="connsiteX209" fmla="*/ 3935 w 10000"/>
                  <a:gd name="connsiteY209" fmla="*/ 753 h 10000"/>
                  <a:gd name="connsiteX210" fmla="*/ 3857 w 10000"/>
                  <a:gd name="connsiteY210" fmla="*/ 620 h 10000"/>
                  <a:gd name="connsiteX211" fmla="*/ 3832 w 10000"/>
                  <a:gd name="connsiteY211" fmla="*/ 487 h 10000"/>
                  <a:gd name="connsiteX212" fmla="*/ 3807 w 10000"/>
                  <a:gd name="connsiteY212" fmla="*/ 355 h 10000"/>
                  <a:gd name="connsiteX213" fmla="*/ 3857 w 10000"/>
                  <a:gd name="connsiteY213" fmla="*/ 222 h 10000"/>
                  <a:gd name="connsiteX214" fmla="*/ 3884 w 10000"/>
                  <a:gd name="connsiteY214" fmla="*/ 162 h 10000"/>
                  <a:gd name="connsiteX215" fmla="*/ 3935 w 10000"/>
                  <a:gd name="connsiteY215" fmla="*/ 103 h 10000"/>
                  <a:gd name="connsiteX216" fmla="*/ 4011 w 10000"/>
                  <a:gd name="connsiteY216" fmla="*/ 59 h 10000"/>
                  <a:gd name="connsiteX217" fmla="*/ 4111 w 10000"/>
                  <a:gd name="connsiteY217" fmla="*/ 0 h 10000"/>
                  <a:gd name="connsiteX218" fmla="*/ 4289 w 10000"/>
                  <a:gd name="connsiteY218" fmla="*/ 0 h 10000"/>
                  <a:gd name="connsiteX219" fmla="*/ 4468 w 10000"/>
                  <a:gd name="connsiteY219" fmla="*/ 15 h 10000"/>
                  <a:gd name="connsiteX220" fmla="*/ 4644 w 10000"/>
                  <a:gd name="connsiteY220" fmla="*/ 44 h 10000"/>
                  <a:gd name="connsiteX221" fmla="*/ 4771 w 10000"/>
                  <a:gd name="connsiteY221" fmla="*/ 89 h 10000"/>
                  <a:gd name="connsiteX222" fmla="*/ 4975 w 10000"/>
                  <a:gd name="connsiteY222" fmla="*/ 192 h 10000"/>
                  <a:gd name="connsiteX223" fmla="*/ 5177 w 10000"/>
                  <a:gd name="connsiteY223" fmla="*/ 340 h 10000"/>
                  <a:gd name="connsiteX224" fmla="*/ 5329 w 10000"/>
                  <a:gd name="connsiteY224" fmla="*/ 473 h 10000"/>
                  <a:gd name="connsiteX225" fmla="*/ 5532 w 10000"/>
                  <a:gd name="connsiteY225" fmla="*/ 591 h 10000"/>
                  <a:gd name="connsiteX226" fmla="*/ 5660 w 10000"/>
                  <a:gd name="connsiteY226" fmla="*/ 650 h 10000"/>
                  <a:gd name="connsiteX227" fmla="*/ 5812 w 10000"/>
                  <a:gd name="connsiteY227" fmla="*/ 679 h 10000"/>
                  <a:gd name="connsiteX228" fmla="*/ 5965 w 10000"/>
                  <a:gd name="connsiteY228" fmla="*/ 709 h 10000"/>
                  <a:gd name="connsiteX229" fmla="*/ 6168 w 10000"/>
                  <a:gd name="connsiteY229" fmla="*/ 709 h 10000"/>
                  <a:gd name="connsiteX230" fmla="*/ 6168 w 10000"/>
                  <a:gd name="connsiteY230" fmla="*/ 768 h 10000"/>
                  <a:gd name="connsiteX231" fmla="*/ 6193 w 10000"/>
                  <a:gd name="connsiteY231" fmla="*/ 842 h 10000"/>
                  <a:gd name="connsiteX232" fmla="*/ 6243 w 10000"/>
                  <a:gd name="connsiteY232" fmla="*/ 916 h 10000"/>
                  <a:gd name="connsiteX233" fmla="*/ 6294 w 10000"/>
                  <a:gd name="connsiteY233" fmla="*/ 990 h 10000"/>
                  <a:gd name="connsiteX234" fmla="*/ 6369 w 10000"/>
                  <a:gd name="connsiteY234" fmla="*/ 1049 h 10000"/>
                  <a:gd name="connsiteX235" fmla="*/ 6471 w 10000"/>
                  <a:gd name="connsiteY235" fmla="*/ 1108 h 10000"/>
                  <a:gd name="connsiteX236" fmla="*/ 6598 w 10000"/>
                  <a:gd name="connsiteY236" fmla="*/ 1182 h 10000"/>
                  <a:gd name="connsiteX237" fmla="*/ 6700 w 10000"/>
                  <a:gd name="connsiteY237" fmla="*/ 1226 h 10000"/>
                  <a:gd name="connsiteX238" fmla="*/ 6802 w 10000"/>
                  <a:gd name="connsiteY238" fmla="*/ 1270 h 10000"/>
                  <a:gd name="connsiteX239" fmla="*/ 6903 w 10000"/>
                  <a:gd name="connsiteY239" fmla="*/ 1300 h 10000"/>
                  <a:gd name="connsiteX240" fmla="*/ 7005 w 10000"/>
                  <a:gd name="connsiteY240" fmla="*/ 1315 h 10000"/>
                  <a:gd name="connsiteX241" fmla="*/ 7132 w 10000"/>
                  <a:gd name="connsiteY241" fmla="*/ 1300 h 10000"/>
                  <a:gd name="connsiteX242" fmla="*/ 7234 w 10000"/>
                  <a:gd name="connsiteY242" fmla="*/ 1285 h 10000"/>
                  <a:gd name="connsiteX243" fmla="*/ 7309 w 10000"/>
                  <a:gd name="connsiteY243" fmla="*/ 1241 h 10000"/>
                  <a:gd name="connsiteX244" fmla="*/ 7361 w 10000"/>
                  <a:gd name="connsiteY244" fmla="*/ 1167 h 10000"/>
                  <a:gd name="connsiteX245" fmla="*/ 7385 w 10000"/>
                  <a:gd name="connsiteY245" fmla="*/ 1064 h 10000"/>
                  <a:gd name="connsiteX246" fmla="*/ 7766 w 10000"/>
                  <a:gd name="connsiteY246" fmla="*/ 1034 h 10000"/>
                  <a:gd name="connsiteX247" fmla="*/ 8121 w 10000"/>
                  <a:gd name="connsiteY247" fmla="*/ 1004 h 10000"/>
                  <a:gd name="connsiteX248" fmla="*/ 8427 w 10000"/>
                  <a:gd name="connsiteY248" fmla="*/ 990 h 10000"/>
                  <a:gd name="connsiteX249" fmla="*/ 8706 w 10000"/>
                  <a:gd name="connsiteY249" fmla="*/ 1004 h 10000"/>
                  <a:gd name="connsiteX250" fmla="*/ 8833 w 10000"/>
                  <a:gd name="connsiteY250" fmla="*/ 1019 h 10000"/>
                  <a:gd name="connsiteX251" fmla="*/ 8958 w 10000"/>
                  <a:gd name="connsiteY251" fmla="*/ 1034 h 10000"/>
                  <a:gd name="connsiteX252" fmla="*/ 9061 w 10000"/>
                  <a:gd name="connsiteY252" fmla="*/ 1064 h 10000"/>
                  <a:gd name="connsiteX253" fmla="*/ 9188 w 10000"/>
                  <a:gd name="connsiteY253" fmla="*/ 1108 h 10000"/>
                  <a:gd name="connsiteX254" fmla="*/ 9264 w 10000"/>
                  <a:gd name="connsiteY254" fmla="*/ 1182 h 10000"/>
                  <a:gd name="connsiteX255" fmla="*/ 9339 w 10000"/>
                  <a:gd name="connsiteY255" fmla="*/ 1241 h 10000"/>
                  <a:gd name="connsiteX256" fmla="*/ 9391 w 10000"/>
                  <a:gd name="connsiteY256" fmla="*/ 1329 h 10000"/>
                  <a:gd name="connsiteX257" fmla="*/ 9442 w 10000"/>
                  <a:gd name="connsiteY257" fmla="*/ 1433 h 10000"/>
                  <a:gd name="connsiteX258" fmla="*/ 9492 w 10000"/>
                  <a:gd name="connsiteY258" fmla="*/ 1551 h 10000"/>
                  <a:gd name="connsiteX259" fmla="*/ 9466 w 10000"/>
                  <a:gd name="connsiteY259" fmla="*/ 1625 h 10000"/>
                  <a:gd name="connsiteX260" fmla="*/ 9442 w 10000"/>
                  <a:gd name="connsiteY260" fmla="*/ 1684 h 10000"/>
                  <a:gd name="connsiteX261" fmla="*/ 9391 w 10000"/>
                  <a:gd name="connsiteY261" fmla="*/ 1758 h 10000"/>
                  <a:gd name="connsiteX262" fmla="*/ 9315 w 10000"/>
                  <a:gd name="connsiteY262" fmla="*/ 1802 h 10000"/>
                  <a:gd name="connsiteX263" fmla="*/ 9264 w 10000"/>
                  <a:gd name="connsiteY263" fmla="*/ 1861 h 10000"/>
                  <a:gd name="connsiteX264" fmla="*/ 9240 w 10000"/>
                  <a:gd name="connsiteY264" fmla="*/ 1935 h 10000"/>
                  <a:gd name="connsiteX265" fmla="*/ 9264 w 10000"/>
                  <a:gd name="connsiteY265" fmla="*/ 2024 h 10000"/>
                  <a:gd name="connsiteX266" fmla="*/ 9543 w 10000"/>
                  <a:gd name="connsiteY266" fmla="*/ 2157 h 10000"/>
                  <a:gd name="connsiteX267" fmla="*/ 9873 w 10000"/>
                  <a:gd name="connsiteY267" fmla="*/ 2275 h 10000"/>
                  <a:gd name="connsiteX268" fmla="*/ 10000 w 10000"/>
                  <a:gd name="connsiteY268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315 w 10000"/>
                  <a:gd name="connsiteY14" fmla="*/ 3235 h 10000"/>
                  <a:gd name="connsiteX15" fmla="*/ 9415 w 10000"/>
                  <a:gd name="connsiteY15" fmla="*/ 3117 h 10000"/>
                  <a:gd name="connsiteX16" fmla="*/ 9442 w 10000"/>
                  <a:gd name="connsiteY16" fmla="*/ 3072 h 10000"/>
                  <a:gd name="connsiteX17" fmla="*/ 9466 w 10000"/>
                  <a:gd name="connsiteY17" fmla="*/ 3013 h 10000"/>
                  <a:gd name="connsiteX18" fmla="*/ 9466 w 10000"/>
                  <a:gd name="connsiteY18" fmla="*/ 2954 h 10000"/>
                  <a:gd name="connsiteX19" fmla="*/ 9442 w 10000"/>
                  <a:gd name="connsiteY19" fmla="*/ 2866 h 10000"/>
                  <a:gd name="connsiteX20" fmla="*/ 9264 w 10000"/>
                  <a:gd name="connsiteY20" fmla="*/ 2984 h 10000"/>
                  <a:gd name="connsiteX21" fmla="*/ 9061 w 10000"/>
                  <a:gd name="connsiteY21" fmla="*/ 3072 h 10000"/>
                  <a:gd name="connsiteX22" fmla="*/ 8857 w 10000"/>
                  <a:gd name="connsiteY22" fmla="*/ 3161 h 10000"/>
                  <a:gd name="connsiteX23" fmla="*/ 8197 w 10000"/>
                  <a:gd name="connsiteY23" fmla="*/ 3397 h 10000"/>
                  <a:gd name="connsiteX24" fmla="*/ 7716 w 10000"/>
                  <a:gd name="connsiteY24" fmla="*/ 3545 h 10000"/>
                  <a:gd name="connsiteX25" fmla="*/ 7234 w 10000"/>
                  <a:gd name="connsiteY25" fmla="*/ 3678 h 10000"/>
                  <a:gd name="connsiteX26" fmla="*/ 6776 w 10000"/>
                  <a:gd name="connsiteY26" fmla="*/ 3840 h 10000"/>
                  <a:gd name="connsiteX27" fmla="*/ 6548 w 10000"/>
                  <a:gd name="connsiteY27" fmla="*/ 3914 h 10000"/>
                  <a:gd name="connsiteX28" fmla="*/ 6345 w 10000"/>
                  <a:gd name="connsiteY28" fmla="*/ 4003 h 10000"/>
                  <a:gd name="connsiteX29" fmla="*/ 6143 w 10000"/>
                  <a:gd name="connsiteY29" fmla="*/ 4106 h 10000"/>
                  <a:gd name="connsiteX30" fmla="*/ 5938 w 10000"/>
                  <a:gd name="connsiteY30" fmla="*/ 4195 h 10000"/>
                  <a:gd name="connsiteX31" fmla="*/ 6091 w 10000"/>
                  <a:gd name="connsiteY31" fmla="*/ 4417 h 10000"/>
                  <a:gd name="connsiteX32" fmla="*/ 6193 w 10000"/>
                  <a:gd name="connsiteY32" fmla="*/ 4623 h 10000"/>
                  <a:gd name="connsiteX33" fmla="*/ 6294 w 10000"/>
                  <a:gd name="connsiteY33" fmla="*/ 4845 h 10000"/>
                  <a:gd name="connsiteX34" fmla="*/ 6369 w 10000"/>
                  <a:gd name="connsiteY34" fmla="*/ 5081 h 10000"/>
                  <a:gd name="connsiteX35" fmla="*/ 6421 w 10000"/>
                  <a:gd name="connsiteY35" fmla="*/ 5318 h 10000"/>
                  <a:gd name="connsiteX36" fmla="*/ 6447 w 10000"/>
                  <a:gd name="connsiteY36" fmla="*/ 5539 h 10000"/>
                  <a:gd name="connsiteX37" fmla="*/ 6471 w 10000"/>
                  <a:gd name="connsiteY37" fmla="*/ 5775 h 10000"/>
                  <a:gd name="connsiteX38" fmla="*/ 6471 w 10000"/>
                  <a:gd name="connsiteY38" fmla="*/ 5997 h 10000"/>
                  <a:gd name="connsiteX39" fmla="*/ 6447 w 10000"/>
                  <a:gd name="connsiteY39" fmla="*/ 6233 h 10000"/>
                  <a:gd name="connsiteX40" fmla="*/ 6396 w 10000"/>
                  <a:gd name="connsiteY40" fmla="*/ 6470 h 10000"/>
                  <a:gd name="connsiteX41" fmla="*/ 6345 w 10000"/>
                  <a:gd name="connsiteY41" fmla="*/ 6677 h 10000"/>
                  <a:gd name="connsiteX42" fmla="*/ 6269 w 10000"/>
                  <a:gd name="connsiteY42" fmla="*/ 6898 h 10000"/>
                  <a:gd name="connsiteX43" fmla="*/ 6168 w 10000"/>
                  <a:gd name="connsiteY43" fmla="*/ 7105 h 10000"/>
                  <a:gd name="connsiteX44" fmla="*/ 6041 w 10000"/>
                  <a:gd name="connsiteY44" fmla="*/ 7297 h 10000"/>
                  <a:gd name="connsiteX45" fmla="*/ 5888 w 10000"/>
                  <a:gd name="connsiteY45" fmla="*/ 7489 h 10000"/>
                  <a:gd name="connsiteX46" fmla="*/ 5735 w 10000"/>
                  <a:gd name="connsiteY46" fmla="*/ 7681 h 10000"/>
                  <a:gd name="connsiteX47" fmla="*/ 6471 w 10000"/>
                  <a:gd name="connsiteY47" fmla="*/ 7799 h 10000"/>
                  <a:gd name="connsiteX48" fmla="*/ 7234 w 10000"/>
                  <a:gd name="connsiteY48" fmla="*/ 7962 h 10000"/>
                  <a:gd name="connsiteX49" fmla="*/ 7385 w 10000"/>
                  <a:gd name="connsiteY49" fmla="*/ 8021 h 10000"/>
                  <a:gd name="connsiteX50" fmla="*/ 7512 w 10000"/>
                  <a:gd name="connsiteY50" fmla="*/ 8080 h 10000"/>
                  <a:gd name="connsiteX51" fmla="*/ 7639 w 10000"/>
                  <a:gd name="connsiteY51" fmla="*/ 8139 h 10000"/>
                  <a:gd name="connsiteX52" fmla="*/ 7716 w 10000"/>
                  <a:gd name="connsiteY52" fmla="*/ 8227 h 10000"/>
                  <a:gd name="connsiteX53" fmla="*/ 7741 w 10000"/>
                  <a:gd name="connsiteY53" fmla="*/ 8301 h 10000"/>
                  <a:gd name="connsiteX54" fmla="*/ 7741 w 10000"/>
                  <a:gd name="connsiteY54" fmla="*/ 8405 h 10000"/>
                  <a:gd name="connsiteX55" fmla="*/ 7691 w 10000"/>
                  <a:gd name="connsiteY55" fmla="*/ 8523 h 10000"/>
                  <a:gd name="connsiteX56" fmla="*/ 7614 w 10000"/>
                  <a:gd name="connsiteY56" fmla="*/ 8641 h 10000"/>
                  <a:gd name="connsiteX57" fmla="*/ 7284 w 10000"/>
                  <a:gd name="connsiteY57" fmla="*/ 8552 h 10000"/>
                  <a:gd name="connsiteX58" fmla="*/ 6979 w 10000"/>
                  <a:gd name="connsiteY58" fmla="*/ 8449 h 10000"/>
                  <a:gd name="connsiteX59" fmla="*/ 6674 w 10000"/>
                  <a:gd name="connsiteY59" fmla="*/ 8360 h 10000"/>
                  <a:gd name="connsiteX60" fmla="*/ 6369 w 10000"/>
                  <a:gd name="connsiteY60" fmla="*/ 8287 h 10000"/>
                  <a:gd name="connsiteX61" fmla="*/ 6243 w 10000"/>
                  <a:gd name="connsiteY61" fmla="*/ 8449 h 10000"/>
                  <a:gd name="connsiteX62" fmla="*/ 6143 w 10000"/>
                  <a:gd name="connsiteY62" fmla="*/ 8597 h 10000"/>
                  <a:gd name="connsiteX63" fmla="*/ 6091 w 10000"/>
                  <a:gd name="connsiteY63" fmla="*/ 8656 h 10000"/>
                  <a:gd name="connsiteX64" fmla="*/ 5989 w 10000"/>
                  <a:gd name="connsiteY64" fmla="*/ 8700 h 10000"/>
                  <a:gd name="connsiteX65" fmla="*/ 5914 w 10000"/>
                  <a:gd name="connsiteY65" fmla="*/ 8744 h 10000"/>
                  <a:gd name="connsiteX66" fmla="*/ 5838 w 10000"/>
                  <a:gd name="connsiteY66" fmla="*/ 8774 h 10000"/>
                  <a:gd name="connsiteX67" fmla="*/ 5761 w 10000"/>
                  <a:gd name="connsiteY67" fmla="*/ 8804 h 10000"/>
                  <a:gd name="connsiteX68" fmla="*/ 5660 w 10000"/>
                  <a:gd name="connsiteY68" fmla="*/ 8818 h 10000"/>
                  <a:gd name="connsiteX69" fmla="*/ 5532 w 10000"/>
                  <a:gd name="connsiteY69" fmla="*/ 8833 h 10000"/>
                  <a:gd name="connsiteX70" fmla="*/ 5406 w 10000"/>
                  <a:gd name="connsiteY70" fmla="*/ 8833 h 10000"/>
                  <a:gd name="connsiteX71" fmla="*/ 5102 w 10000"/>
                  <a:gd name="connsiteY71" fmla="*/ 8818 h 10000"/>
                  <a:gd name="connsiteX72" fmla="*/ 4720 w 10000"/>
                  <a:gd name="connsiteY72" fmla="*/ 8744 h 10000"/>
                  <a:gd name="connsiteX73" fmla="*/ 4720 w 10000"/>
                  <a:gd name="connsiteY73" fmla="*/ 8922 h 10000"/>
                  <a:gd name="connsiteX74" fmla="*/ 4695 w 10000"/>
                  <a:gd name="connsiteY74" fmla="*/ 9069 h 10000"/>
                  <a:gd name="connsiteX75" fmla="*/ 4671 w 10000"/>
                  <a:gd name="connsiteY75" fmla="*/ 9232 h 10000"/>
                  <a:gd name="connsiteX76" fmla="*/ 4644 w 10000"/>
                  <a:gd name="connsiteY76" fmla="*/ 9365 h 10000"/>
                  <a:gd name="connsiteX77" fmla="*/ 4593 w 10000"/>
                  <a:gd name="connsiteY77" fmla="*/ 9498 h 10000"/>
                  <a:gd name="connsiteX78" fmla="*/ 4493 w 10000"/>
                  <a:gd name="connsiteY78" fmla="*/ 9616 h 10000"/>
                  <a:gd name="connsiteX79" fmla="*/ 4416 w 10000"/>
                  <a:gd name="connsiteY79" fmla="*/ 9734 h 10000"/>
                  <a:gd name="connsiteX80" fmla="*/ 4289 w 10000"/>
                  <a:gd name="connsiteY80" fmla="*/ 9838 h 10000"/>
                  <a:gd name="connsiteX81" fmla="*/ 3983 w 10000"/>
                  <a:gd name="connsiteY81" fmla="*/ 9897 h 10000"/>
                  <a:gd name="connsiteX82" fmla="*/ 3731 w 10000"/>
                  <a:gd name="connsiteY82" fmla="*/ 9941 h 10000"/>
                  <a:gd name="connsiteX83" fmla="*/ 3426 w 10000"/>
                  <a:gd name="connsiteY83" fmla="*/ 9985 h 10000"/>
                  <a:gd name="connsiteX84" fmla="*/ 3198 w 10000"/>
                  <a:gd name="connsiteY84" fmla="*/ 10000 h 10000"/>
                  <a:gd name="connsiteX85" fmla="*/ 2690 w 10000"/>
                  <a:gd name="connsiteY85" fmla="*/ 10000 h 10000"/>
                  <a:gd name="connsiteX86" fmla="*/ 2208 w 10000"/>
                  <a:gd name="connsiteY86" fmla="*/ 9985 h 10000"/>
                  <a:gd name="connsiteX87" fmla="*/ 1752 w 10000"/>
                  <a:gd name="connsiteY87" fmla="*/ 9941 h 10000"/>
                  <a:gd name="connsiteX88" fmla="*/ 1270 w 10000"/>
                  <a:gd name="connsiteY88" fmla="*/ 9911 h 10000"/>
                  <a:gd name="connsiteX89" fmla="*/ 990 w 10000"/>
                  <a:gd name="connsiteY89" fmla="*/ 9911 h 10000"/>
                  <a:gd name="connsiteX90" fmla="*/ 736 w 10000"/>
                  <a:gd name="connsiteY90" fmla="*/ 9911 h 10000"/>
                  <a:gd name="connsiteX91" fmla="*/ 457 w 10000"/>
                  <a:gd name="connsiteY91" fmla="*/ 9926 h 10000"/>
                  <a:gd name="connsiteX92" fmla="*/ 178 w 10000"/>
                  <a:gd name="connsiteY92" fmla="*/ 9970 h 10000"/>
                  <a:gd name="connsiteX93" fmla="*/ 102 w 10000"/>
                  <a:gd name="connsiteY93" fmla="*/ 9867 h 10000"/>
                  <a:gd name="connsiteX94" fmla="*/ 51 w 10000"/>
                  <a:gd name="connsiteY94" fmla="*/ 9793 h 10000"/>
                  <a:gd name="connsiteX95" fmla="*/ 0 w 10000"/>
                  <a:gd name="connsiteY95" fmla="*/ 9705 h 10000"/>
                  <a:gd name="connsiteX96" fmla="*/ 0 w 10000"/>
                  <a:gd name="connsiteY96" fmla="*/ 9601 h 10000"/>
                  <a:gd name="connsiteX97" fmla="*/ 51 w 10000"/>
                  <a:gd name="connsiteY97" fmla="*/ 9424 h 10000"/>
                  <a:gd name="connsiteX98" fmla="*/ 102 w 10000"/>
                  <a:gd name="connsiteY98" fmla="*/ 9202 h 10000"/>
                  <a:gd name="connsiteX99" fmla="*/ 151 w 10000"/>
                  <a:gd name="connsiteY99" fmla="*/ 8996 h 10000"/>
                  <a:gd name="connsiteX100" fmla="*/ 203 w 10000"/>
                  <a:gd name="connsiteY100" fmla="*/ 8759 h 10000"/>
                  <a:gd name="connsiteX101" fmla="*/ 228 w 10000"/>
                  <a:gd name="connsiteY101" fmla="*/ 8641 h 10000"/>
                  <a:gd name="connsiteX102" fmla="*/ 228 w 10000"/>
                  <a:gd name="connsiteY102" fmla="*/ 8538 h 10000"/>
                  <a:gd name="connsiteX103" fmla="*/ 203 w 10000"/>
                  <a:gd name="connsiteY103" fmla="*/ 8405 h 10000"/>
                  <a:gd name="connsiteX104" fmla="*/ 178 w 10000"/>
                  <a:gd name="connsiteY104" fmla="*/ 8287 h 10000"/>
                  <a:gd name="connsiteX105" fmla="*/ 431 w 10000"/>
                  <a:gd name="connsiteY105" fmla="*/ 8213 h 10000"/>
                  <a:gd name="connsiteX106" fmla="*/ 685 w 10000"/>
                  <a:gd name="connsiteY106" fmla="*/ 8139 h 10000"/>
                  <a:gd name="connsiteX107" fmla="*/ 939 w 10000"/>
                  <a:gd name="connsiteY107" fmla="*/ 8095 h 10000"/>
                  <a:gd name="connsiteX108" fmla="*/ 1218 w 10000"/>
                  <a:gd name="connsiteY108" fmla="*/ 8065 h 10000"/>
                  <a:gd name="connsiteX109" fmla="*/ 1725 w 10000"/>
                  <a:gd name="connsiteY109" fmla="*/ 8021 h 10000"/>
                  <a:gd name="connsiteX110" fmla="*/ 2234 w 10000"/>
                  <a:gd name="connsiteY110" fmla="*/ 7976 h 10000"/>
                  <a:gd name="connsiteX111" fmla="*/ 2462 w 10000"/>
                  <a:gd name="connsiteY111" fmla="*/ 7947 h 10000"/>
                  <a:gd name="connsiteX112" fmla="*/ 2690 w 10000"/>
                  <a:gd name="connsiteY112" fmla="*/ 7917 h 10000"/>
                  <a:gd name="connsiteX113" fmla="*/ 2892 w 10000"/>
                  <a:gd name="connsiteY113" fmla="*/ 7843 h 10000"/>
                  <a:gd name="connsiteX114" fmla="*/ 3096 w 10000"/>
                  <a:gd name="connsiteY114" fmla="*/ 7784 h 10000"/>
                  <a:gd name="connsiteX115" fmla="*/ 3274 w 10000"/>
                  <a:gd name="connsiteY115" fmla="*/ 7710 h 10000"/>
                  <a:gd name="connsiteX116" fmla="*/ 3426 w 10000"/>
                  <a:gd name="connsiteY116" fmla="*/ 7592 h 10000"/>
                  <a:gd name="connsiteX117" fmla="*/ 3579 w 10000"/>
                  <a:gd name="connsiteY117" fmla="*/ 7474 h 10000"/>
                  <a:gd name="connsiteX118" fmla="*/ 3680 w 10000"/>
                  <a:gd name="connsiteY118" fmla="*/ 7312 h 10000"/>
                  <a:gd name="connsiteX119" fmla="*/ 3477 w 10000"/>
                  <a:gd name="connsiteY119" fmla="*/ 7238 h 10000"/>
                  <a:gd name="connsiteX120" fmla="*/ 3299 w 10000"/>
                  <a:gd name="connsiteY120" fmla="*/ 7179 h 10000"/>
                  <a:gd name="connsiteX121" fmla="*/ 3147 w 10000"/>
                  <a:gd name="connsiteY121" fmla="*/ 7090 h 10000"/>
                  <a:gd name="connsiteX122" fmla="*/ 2995 w 10000"/>
                  <a:gd name="connsiteY122" fmla="*/ 6987 h 10000"/>
                  <a:gd name="connsiteX123" fmla="*/ 2892 w 10000"/>
                  <a:gd name="connsiteY123" fmla="*/ 6869 h 10000"/>
                  <a:gd name="connsiteX124" fmla="*/ 2843 w 10000"/>
                  <a:gd name="connsiteY124" fmla="*/ 6721 h 10000"/>
                  <a:gd name="connsiteX125" fmla="*/ 2817 w 10000"/>
                  <a:gd name="connsiteY125" fmla="*/ 6558 h 10000"/>
                  <a:gd name="connsiteX126" fmla="*/ 2843 w 10000"/>
                  <a:gd name="connsiteY126" fmla="*/ 6352 h 10000"/>
                  <a:gd name="connsiteX127" fmla="*/ 2716 w 10000"/>
                  <a:gd name="connsiteY127" fmla="*/ 6322 h 10000"/>
                  <a:gd name="connsiteX128" fmla="*/ 2564 w 10000"/>
                  <a:gd name="connsiteY128" fmla="*/ 6292 h 10000"/>
                  <a:gd name="connsiteX129" fmla="*/ 2386 w 10000"/>
                  <a:gd name="connsiteY129" fmla="*/ 6278 h 10000"/>
                  <a:gd name="connsiteX130" fmla="*/ 2208 w 10000"/>
                  <a:gd name="connsiteY130" fmla="*/ 6263 h 10000"/>
                  <a:gd name="connsiteX131" fmla="*/ 1853 w 10000"/>
                  <a:gd name="connsiteY131" fmla="*/ 6248 h 10000"/>
                  <a:gd name="connsiteX132" fmla="*/ 1472 w 10000"/>
                  <a:gd name="connsiteY132" fmla="*/ 6263 h 10000"/>
                  <a:gd name="connsiteX133" fmla="*/ 1143 w 10000"/>
                  <a:gd name="connsiteY133" fmla="*/ 6278 h 10000"/>
                  <a:gd name="connsiteX134" fmla="*/ 837 w 10000"/>
                  <a:gd name="connsiteY134" fmla="*/ 6278 h 10000"/>
                  <a:gd name="connsiteX135" fmla="*/ 585 w 10000"/>
                  <a:gd name="connsiteY135" fmla="*/ 6263 h 10000"/>
                  <a:gd name="connsiteX136" fmla="*/ 381 w 10000"/>
                  <a:gd name="connsiteY136" fmla="*/ 6233 h 10000"/>
                  <a:gd name="connsiteX137" fmla="*/ 633 w 10000"/>
                  <a:gd name="connsiteY137" fmla="*/ 5805 h 10000"/>
                  <a:gd name="connsiteX138" fmla="*/ 914 w 10000"/>
                  <a:gd name="connsiteY138" fmla="*/ 5391 h 10000"/>
                  <a:gd name="connsiteX139" fmla="*/ 1016 w 10000"/>
                  <a:gd name="connsiteY139" fmla="*/ 5170 h 10000"/>
                  <a:gd name="connsiteX140" fmla="*/ 1091 w 10000"/>
                  <a:gd name="connsiteY140" fmla="*/ 4963 h 10000"/>
                  <a:gd name="connsiteX141" fmla="*/ 1116 w 10000"/>
                  <a:gd name="connsiteY141" fmla="*/ 4860 h 10000"/>
                  <a:gd name="connsiteX142" fmla="*/ 1091 w 10000"/>
                  <a:gd name="connsiteY142" fmla="*/ 4756 h 10000"/>
                  <a:gd name="connsiteX143" fmla="*/ 1066 w 10000"/>
                  <a:gd name="connsiteY143" fmla="*/ 4653 h 10000"/>
                  <a:gd name="connsiteX144" fmla="*/ 990 w 10000"/>
                  <a:gd name="connsiteY144" fmla="*/ 4549 h 10000"/>
                  <a:gd name="connsiteX145" fmla="*/ 1270 w 10000"/>
                  <a:gd name="connsiteY145" fmla="*/ 4520 h 10000"/>
                  <a:gd name="connsiteX146" fmla="*/ 1472 w 10000"/>
                  <a:gd name="connsiteY146" fmla="*/ 4505 h 10000"/>
                  <a:gd name="connsiteX147" fmla="*/ 1650 w 10000"/>
                  <a:gd name="connsiteY147" fmla="*/ 4505 h 10000"/>
                  <a:gd name="connsiteX148" fmla="*/ 1802 w 10000"/>
                  <a:gd name="connsiteY148" fmla="*/ 4520 h 10000"/>
                  <a:gd name="connsiteX149" fmla="*/ 1929 w 10000"/>
                  <a:gd name="connsiteY149" fmla="*/ 4520 h 10000"/>
                  <a:gd name="connsiteX150" fmla="*/ 2081 w 10000"/>
                  <a:gd name="connsiteY150" fmla="*/ 4520 h 10000"/>
                  <a:gd name="connsiteX151" fmla="*/ 2234 w 10000"/>
                  <a:gd name="connsiteY151" fmla="*/ 4490 h 10000"/>
                  <a:gd name="connsiteX152" fmla="*/ 2436 w 10000"/>
                  <a:gd name="connsiteY152" fmla="*/ 4446 h 10000"/>
                  <a:gd name="connsiteX153" fmla="*/ 2436 w 10000"/>
                  <a:gd name="connsiteY153" fmla="*/ 4579 h 10000"/>
                  <a:gd name="connsiteX154" fmla="*/ 2436 w 10000"/>
                  <a:gd name="connsiteY154" fmla="*/ 4742 h 10000"/>
                  <a:gd name="connsiteX155" fmla="*/ 2436 w 10000"/>
                  <a:gd name="connsiteY155" fmla="*/ 4874 h 10000"/>
                  <a:gd name="connsiteX156" fmla="*/ 2436 w 10000"/>
                  <a:gd name="connsiteY156" fmla="*/ 5037 h 10000"/>
                  <a:gd name="connsiteX157" fmla="*/ 2665 w 10000"/>
                  <a:gd name="connsiteY157" fmla="*/ 5022 h 10000"/>
                  <a:gd name="connsiteX158" fmla="*/ 2817 w 10000"/>
                  <a:gd name="connsiteY158" fmla="*/ 5037 h 10000"/>
                  <a:gd name="connsiteX159" fmla="*/ 2944 w 10000"/>
                  <a:gd name="connsiteY159" fmla="*/ 5066 h 10000"/>
                  <a:gd name="connsiteX160" fmla="*/ 3071 w 10000"/>
                  <a:gd name="connsiteY160" fmla="*/ 5096 h 10000"/>
                  <a:gd name="connsiteX161" fmla="*/ 3173 w 10000"/>
                  <a:gd name="connsiteY161" fmla="*/ 5126 h 10000"/>
                  <a:gd name="connsiteX162" fmla="*/ 3299 w 10000"/>
                  <a:gd name="connsiteY162" fmla="*/ 5155 h 10000"/>
                  <a:gd name="connsiteX163" fmla="*/ 3452 w 10000"/>
                  <a:gd name="connsiteY163" fmla="*/ 5170 h 10000"/>
                  <a:gd name="connsiteX164" fmla="*/ 3680 w 10000"/>
                  <a:gd name="connsiteY164" fmla="*/ 5155 h 10000"/>
                  <a:gd name="connsiteX165" fmla="*/ 3757 w 10000"/>
                  <a:gd name="connsiteY165" fmla="*/ 5096 h 10000"/>
                  <a:gd name="connsiteX166" fmla="*/ 3832 w 10000"/>
                  <a:gd name="connsiteY166" fmla="*/ 5022 h 10000"/>
                  <a:gd name="connsiteX167" fmla="*/ 3857 w 10000"/>
                  <a:gd name="connsiteY167" fmla="*/ 4934 h 10000"/>
                  <a:gd name="connsiteX168" fmla="*/ 3884 w 10000"/>
                  <a:gd name="connsiteY168" fmla="*/ 4860 h 10000"/>
                  <a:gd name="connsiteX169" fmla="*/ 3908 w 10000"/>
                  <a:gd name="connsiteY169" fmla="*/ 4697 h 10000"/>
                  <a:gd name="connsiteX170" fmla="*/ 3884 w 10000"/>
                  <a:gd name="connsiteY170" fmla="*/ 4520 h 10000"/>
                  <a:gd name="connsiteX171" fmla="*/ 3807 w 10000"/>
                  <a:gd name="connsiteY171" fmla="*/ 4343 h 10000"/>
                  <a:gd name="connsiteX172" fmla="*/ 3731 w 10000"/>
                  <a:gd name="connsiteY172" fmla="*/ 4195 h 10000"/>
                  <a:gd name="connsiteX173" fmla="*/ 3604 w 10000"/>
                  <a:gd name="connsiteY173" fmla="*/ 4047 h 10000"/>
                  <a:gd name="connsiteX174" fmla="*/ 3477 w 10000"/>
                  <a:gd name="connsiteY174" fmla="*/ 3959 h 10000"/>
                  <a:gd name="connsiteX175" fmla="*/ 3629 w 10000"/>
                  <a:gd name="connsiteY175" fmla="*/ 3944 h 10000"/>
                  <a:gd name="connsiteX176" fmla="*/ 3757 w 10000"/>
                  <a:gd name="connsiteY176" fmla="*/ 3914 h 10000"/>
                  <a:gd name="connsiteX177" fmla="*/ 3857 w 10000"/>
                  <a:gd name="connsiteY177" fmla="*/ 3855 h 10000"/>
                  <a:gd name="connsiteX178" fmla="*/ 3983 w 10000"/>
                  <a:gd name="connsiteY178" fmla="*/ 3752 h 10000"/>
                  <a:gd name="connsiteX179" fmla="*/ 4111 w 10000"/>
                  <a:gd name="connsiteY179" fmla="*/ 3663 h 10000"/>
                  <a:gd name="connsiteX180" fmla="*/ 4213 w 10000"/>
                  <a:gd name="connsiteY180" fmla="*/ 3560 h 10000"/>
                  <a:gd name="connsiteX181" fmla="*/ 4289 w 10000"/>
                  <a:gd name="connsiteY181" fmla="*/ 3442 h 10000"/>
                  <a:gd name="connsiteX182" fmla="*/ 4366 w 10000"/>
                  <a:gd name="connsiteY182" fmla="*/ 3323 h 10000"/>
                  <a:gd name="connsiteX183" fmla="*/ 4416 w 10000"/>
                  <a:gd name="connsiteY183" fmla="*/ 3220 h 10000"/>
                  <a:gd name="connsiteX184" fmla="*/ 4441 w 10000"/>
                  <a:gd name="connsiteY184" fmla="*/ 3102 h 10000"/>
                  <a:gd name="connsiteX185" fmla="*/ 4468 w 10000"/>
                  <a:gd name="connsiteY185" fmla="*/ 3013 h 10000"/>
                  <a:gd name="connsiteX186" fmla="*/ 4441 w 10000"/>
                  <a:gd name="connsiteY186" fmla="*/ 2939 h 10000"/>
                  <a:gd name="connsiteX187" fmla="*/ 4416 w 10000"/>
                  <a:gd name="connsiteY187" fmla="*/ 2866 h 10000"/>
                  <a:gd name="connsiteX188" fmla="*/ 4340 w 10000"/>
                  <a:gd name="connsiteY188" fmla="*/ 2836 h 10000"/>
                  <a:gd name="connsiteX189" fmla="*/ 4239 w 10000"/>
                  <a:gd name="connsiteY189" fmla="*/ 2836 h 10000"/>
                  <a:gd name="connsiteX190" fmla="*/ 4111 w 10000"/>
                  <a:gd name="connsiteY190" fmla="*/ 2866 h 10000"/>
                  <a:gd name="connsiteX191" fmla="*/ 4213 w 10000"/>
                  <a:gd name="connsiteY191" fmla="*/ 2777 h 10000"/>
                  <a:gd name="connsiteX192" fmla="*/ 4265 w 10000"/>
                  <a:gd name="connsiteY192" fmla="*/ 2674 h 10000"/>
                  <a:gd name="connsiteX193" fmla="*/ 4289 w 10000"/>
                  <a:gd name="connsiteY193" fmla="*/ 2541 h 10000"/>
                  <a:gd name="connsiteX194" fmla="*/ 4289 w 10000"/>
                  <a:gd name="connsiteY194" fmla="*/ 2393 h 10000"/>
                  <a:gd name="connsiteX195" fmla="*/ 4314 w 10000"/>
                  <a:gd name="connsiteY195" fmla="*/ 2349 h 10000"/>
                  <a:gd name="connsiteX196" fmla="*/ 4366 w 10000"/>
                  <a:gd name="connsiteY196" fmla="*/ 2304 h 10000"/>
                  <a:gd name="connsiteX197" fmla="*/ 4416 w 10000"/>
                  <a:gd name="connsiteY197" fmla="*/ 2290 h 10000"/>
                  <a:gd name="connsiteX198" fmla="*/ 4493 w 10000"/>
                  <a:gd name="connsiteY198" fmla="*/ 2275 h 10000"/>
                  <a:gd name="connsiteX199" fmla="*/ 4720 w 10000"/>
                  <a:gd name="connsiteY199" fmla="*/ 2260 h 10000"/>
                  <a:gd name="connsiteX200" fmla="*/ 4923 w 10000"/>
                  <a:gd name="connsiteY200" fmla="*/ 2275 h 10000"/>
                  <a:gd name="connsiteX201" fmla="*/ 4898 w 10000"/>
                  <a:gd name="connsiteY201" fmla="*/ 2112 h 10000"/>
                  <a:gd name="connsiteX202" fmla="*/ 4848 w 10000"/>
                  <a:gd name="connsiteY202" fmla="*/ 1950 h 10000"/>
                  <a:gd name="connsiteX203" fmla="*/ 4771 w 10000"/>
                  <a:gd name="connsiteY203" fmla="*/ 1802 h 10000"/>
                  <a:gd name="connsiteX204" fmla="*/ 4671 w 10000"/>
                  <a:gd name="connsiteY204" fmla="*/ 1640 h 10000"/>
                  <a:gd name="connsiteX205" fmla="*/ 4416 w 10000"/>
                  <a:gd name="connsiteY205" fmla="*/ 1329 h 10000"/>
                  <a:gd name="connsiteX206" fmla="*/ 4162 w 10000"/>
                  <a:gd name="connsiteY206" fmla="*/ 1034 h 10000"/>
                  <a:gd name="connsiteX207" fmla="*/ 4035 w 10000"/>
                  <a:gd name="connsiteY207" fmla="*/ 901 h 10000"/>
                  <a:gd name="connsiteX208" fmla="*/ 3935 w 10000"/>
                  <a:gd name="connsiteY208" fmla="*/ 753 h 10000"/>
                  <a:gd name="connsiteX209" fmla="*/ 3857 w 10000"/>
                  <a:gd name="connsiteY209" fmla="*/ 620 h 10000"/>
                  <a:gd name="connsiteX210" fmla="*/ 3832 w 10000"/>
                  <a:gd name="connsiteY210" fmla="*/ 487 h 10000"/>
                  <a:gd name="connsiteX211" fmla="*/ 3807 w 10000"/>
                  <a:gd name="connsiteY211" fmla="*/ 355 h 10000"/>
                  <a:gd name="connsiteX212" fmla="*/ 3857 w 10000"/>
                  <a:gd name="connsiteY212" fmla="*/ 222 h 10000"/>
                  <a:gd name="connsiteX213" fmla="*/ 3884 w 10000"/>
                  <a:gd name="connsiteY213" fmla="*/ 162 h 10000"/>
                  <a:gd name="connsiteX214" fmla="*/ 3935 w 10000"/>
                  <a:gd name="connsiteY214" fmla="*/ 103 h 10000"/>
                  <a:gd name="connsiteX215" fmla="*/ 4011 w 10000"/>
                  <a:gd name="connsiteY215" fmla="*/ 59 h 10000"/>
                  <a:gd name="connsiteX216" fmla="*/ 4111 w 10000"/>
                  <a:gd name="connsiteY216" fmla="*/ 0 h 10000"/>
                  <a:gd name="connsiteX217" fmla="*/ 4289 w 10000"/>
                  <a:gd name="connsiteY217" fmla="*/ 0 h 10000"/>
                  <a:gd name="connsiteX218" fmla="*/ 4468 w 10000"/>
                  <a:gd name="connsiteY218" fmla="*/ 15 h 10000"/>
                  <a:gd name="connsiteX219" fmla="*/ 4644 w 10000"/>
                  <a:gd name="connsiteY219" fmla="*/ 44 h 10000"/>
                  <a:gd name="connsiteX220" fmla="*/ 4771 w 10000"/>
                  <a:gd name="connsiteY220" fmla="*/ 89 h 10000"/>
                  <a:gd name="connsiteX221" fmla="*/ 4975 w 10000"/>
                  <a:gd name="connsiteY221" fmla="*/ 192 h 10000"/>
                  <a:gd name="connsiteX222" fmla="*/ 5177 w 10000"/>
                  <a:gd name="connsiteY222" fmla="*/ 340 h 10000"/>
                  <a:gd name="connsiteX223" fmla="*/ 5329 w 10000"/>
                  <a:gd name="connsiteY223" fmla="*/ 473 h 10000"/>
                  <a:gd name="connsiteX224" fmla="*/ 5532 w 10000"/>
                  <a:gd name="connsiteY224" fmla="*/ 591 h 10000"/>
                  <a:gd name="connsiteX225" fmla="*/ 5660 w 10000"/>
                  <a:gd name="connsiteY225" fmla="*/ 650 h 10000"/>
                  <a:gd name="connsiteX226" fmla="*/ 5812 w 10000"/>
                  <a:gd name="connsiteY226" fmla="*/ 679 h 10000"/>
                  <a:gd name="connsiteX227" fmla="*/ 5965 w 10000"/>
                  <a:gd name="connsiteY227" fmla="*/ 709 h 10000"/>
                  <a:gd name="connsiteX228" fmla="*/ 6168 w 10000"/>
                  <a:gd name="connsiteY228" fmla="*/ 709 h 10000"/>
                  <a:gd name="connsiteX229" fmla="*/ 6168 w 10000"/>
                  <a:gd name="connsiteY229" fmla="*/ 768 h 10000"/>
                  <a:gd name="connsiteX230" fmla="*/ 6193 w 10000"/>
                  <a:gd name="connsiteY230" fmla="*/ 842 h 10000"/>
                  <a:gd name="connsiteX231" fmla="*/ 6243 w 10000"/>
                  <a:gd name="connsiteY231" fmla="*/ 916 h 10000"/>
                  <a:gd name="connsiteX232" fmla="*/ 6294 w 10000"/>
                  <a:gd name="connsiteY232" fmla="*/ 990 h 10000"/>
                  <a:gd name="connsiteX233" fmla="*/ 6369 w 10000"/>
                  <a:gd name="connsiteY233" fmla="*/ 1049 h 10000"/>
                  <a:gd name="connsiteX234" fmla="*/ 6471 w 10000"/>
                  <a:gd name="connsiteY234" fmla="*/ 1108 h 10000"/>
                  <a:gd name="connsiteX235" fmla="*/ 6598 w 10000"/>
                  <a:gd name="connsiteY235" fmla="*/ 1182 h 10000"/>
                  <a:gd name="connsiteX236" fmla="*/ 6700 w 10000"/>
                  <a:gd name="connsiteY236" fmla="*/ 1226 h 10000"/>
                  <a:gd name="connsiteX237" fmla="*/ 6802 w 10000"/>
                  <a:gd name="connsiteY237" fmla="*/ 1270 h 10000"/>
                  <a:gd name="connsiteX238" fmla="*/ 6903 w 10000"/>
                  <a:gd name="connsiteY238" fmla="*/ 1300 h 10000"/>
                  <a:gd name="connsiteX239" fmla="*/ 7005 w 10000"/>
                  <a:gd name="connsiteY239" fmla="*/ 1315 h 10000"/>
                  <a:gd name="connsiteX240" fmla="*/ 7132 w 10000"/>
                  <a:gd name="connsiteY240" fmla="*/ 1300 h 10000"/>
                  <a:gd name="connsiteX241" fmla="*/ 7234 w 10000"/>
                  <a:gd name="connsiteY241" fmla="*/ 1285 h 10000"/>
                  <a:gd name="connsiteX242" fmla="*/ 7309 w 10000"/>
                  <a:gd name="connsiteY242" fmla="*/ 1241 h 10000"/>
                  <a:gd name="connsiteX243" fmla="*/ 7361 w 10000"/>
                  <a:gd name="connsiteY243" fmla="*/ 1167 h 10000"/>
                  <a:gd name="connsiteX244" fmla="*/ 7385 w 10000"/>
                  <a:gd name="connsiteY244" fmla="*/ 1064 h 10000"/>
                  <a:gd name="connsiteX245" fmla="*/ 7766 w 10000"/>
                  <a:gd name="connsiteY245" fmla="*/ 1034 h 10000"/>
                  <a:gd name="connsiteX246" fmla="*/ 8121 w 10000"/>
                  <a:gd name="connsiteY246" fmla="*/ 1004 h 10000"/>
                  <a:gd name="connsiteX247" fmla="*/ 8427 w 10000"/>
                  <a:gd name="connsiteY247" fmla="*/ 990 h 10000"/>
                  <a:gd name="connsiteX248" fmla="*/ 8706 w 10000"/>
                  <a:gd name="connsiteY248" fmla="*/ 1004 h 10000"/>
                  <a:gd name="connsiteX249" fmla="*/ 8833 w 10000"/>
                  <a:gd name="connsiteY249" fmla="*/ 1019 h 10000"/>
                  <a:gd name="connsiteX250" fmla="*/ 8958 w 10000"/>
                  <a:gd name="connsiteY250" fmla="*/ 1034 h 10000"/>
                  <a:gd name="connsiteX251" fmla="*/ 9061 w 10000"/>
                  <a:gd name="connsiteY251" fmla="*/ 1064 h 10000"/>
                  <a:gd name="connsiteX252" fmla="*/ 9188 w 10000"/>
                  <a:gd name="connsiteY252" fmla="*/ 1108 h 10000"/>
                  <a:gd name="connsiteX253" fmla="*/ 9264 w 10000"/>
                  <a:gd name="connsiteY253" fmla="*/ 1182 h 10000"/>
                  <a:gd name="connsiteX254" fmla="*/ 9339 w 10000"/>
                  <a:gd name="connsiteY254" fmla="*/ 1241 h 10000"/>
                  <a:gd name="connsiteX255" fmla="*/ 9391 w 10000"/>
                  <a:gd name="connsiteY255" fmla="*/ 1329 h 10000"/>
                  <a:gd name="connsiteX256" fmla="*/ 9442 w 10000"/>
                  <a:gd name="connsiteY256" fmla="*/ 1433 h 10000"/>
                  <a:gd name="connsiteX257" fmla="*/ 9492 w 10000"/>
                  <a:gd name="connsiteY257" fmla="*/ 1551 h 10000"/>
                  <a:gd name="connsiteX258" fmla="*/ 9466 w 10000"/>
                  <a:gd name="connsiteY258" fmla="*/ 1625 h 10000"/>
                  <a:gd name="connsiteX259" fmla="*/ 9442 w 10000"/>
                  <a:gd name="connsiteY259" fmla="*/ 1684 h 10000"/>
                  <a:gd name="connsiteX260" fmla="*/ 9391 w 10000"/>
                  <a:gd name="connsiteY260" fmla="*/ 1758 h 10000"/>
                  <a:gd name="connsiteX261" fmla="*/ 9315 w 10000"/>
                  <a:gd name="connsiteY261" fmla="*/ 1802 h 10000"/>
                  <a:gd name="connsiteX262" fmla="*/ 9264 w 10000"/>
                  <a:gd name="connsiteY262" fmla="*/ 1861 h 10000"/>
                  <a:gd name="connsiteX263" fmla="*/ 9240 w 10000"/>
                  <a:gd name="connsiteY263" fmla="*/ 1935 h 10000"/>
                  <a:gd name="connsiteX264" fmla="*/ 9264 w 10000"/>
                  <a:gd name="connsiteY264" fmla="*/ 2024 h 10000"/>
                  <a:gd name="connsiteX265" fmla="*/ 9543 w 10000"/>
                  <a:gd name="connsiteY265" fmla="*/ 2157 h 10000"/>
                  <a:gd name="connsiteX266" fmla="*/ 9873 w 10000"/>
                  <a:gd name="connsiteY266" fmla="*/ 2275 h 10000"/>
                  <a:gd name="connsiteX267" fmla="*/ 10000 w 10000"/>
                  <a:gd name="connsiteY267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315 w 10000"/>
                  <a:gd name="connsiteY14" fmla="*/ 3235 h 10000"/>
                  <a:gd name="connsiteX15" fmla="*/ 9415 w 10000"/>
                  <a:gd name="connsiteY15" fmla="*/ 3117 h 10000"/>
                  <a:gd name="connsiteX16" fmla="*/ 9442 w 10000"/>
                  <a:gd name="connsiteY16" fmla="*/ 3072 h 10000"/>
                  <a:gd name="connsiteX17" fmla="*/ 9466 w 10000"/>
                  <a:gd name="connsiteY17" fmla="*/ 3013 h 10000"/>
                  <a:gd name="connsiteX18" fmla="*/ 9466 w 10000"/>
                  <a:gd name="connsiteY18" fmla="*/ 2954 h 10000"/>
                  <a:gd name="connsiteX19" fmla="*/ 9442 w 10000"/>
                  <a:gd name="connsiteY19" fmla="*/ 2866 h 10000"/>
                  <a:gd name="connsiteX20" fmla="*/ 9264 w 10000"/>
                  <a:gd name="connsiteY20" fmla="*/ 2984 h 10000"/>
                  <a:gd name="connsiteX21" fmla="*/ 9061 w 10000"/>
                  <a:gd name="connsiteY21" fmla="*/ 3072 h 10000"/>
                  <a:gd name="connsiteX22" fmla="*/ 8197 w 10000"/>
                  <a:gd name="connsiteY22" fmla="*/ 3397 h 10000"/>
                  <a:gd name="connsiteX23" fmla="*/ 7716 w 10000"/>
                  <a:gd name="connsiteY23" fmla="*/ 3545 h 10000"/>
                  <a:gd name="connsiteX24" fmla="*/ 7234 w 10000"/>
                  <a:gd name="connsiteY24" fmla="*/ 3678 h 10000"/>
                  <a:gd name="connsiteX25" fmla="*/ 6776 w 10000"/>
                  <a:gd name="connsiteY25" fmla="*/ 3840 h 10000"/>
                  <a:gd name="connsiteX26" fmla="*/ 6548 w 10000"/>
                  <a:gd name="connsiteY26" fmla="*/ 3914 h 10000"/>
                  <a:gd name="connsiteX27" fmla="*/ 6345 w 10000"/>
                  <a:gd name="connsiteY27" fmla="*/ 4003 h 10000"/>
                  <a:gd name="connsiteX28" fmla="*/ 6143 w 10000"/>
                  <a:gd name="connsiteY28" fmla="*/ 4106 h 10000"/>
                  <a:gd name="connsiteX29" fmla="*/ 5938 w 10000"/>
                  <a:gd name="connsiteY29" fmla="*/ 4195 h 10000"/>
                  <a:gd name="connsiteX30" fmla="*/ 6091 w 10000"/>
                  <a:gd name="connsiteY30" fmla="*/ 4417 h 10000"/>
                  <a:gd name="connsiteX31" fmla="*/ 6193 w 10000"/>
                  <a:gd name="connsiteY31" fmla="*/ 4623 h 10000"/>
                  <a:gd name="connsiteX32" fmla="*/ 6294 w 10000"/>
                  <a:gd name="connsiteY32" fmla="*/ 4845 h 10000"/>
                  <a:gd name="connsiteX33" fmla="*/ 6369 w 10000"/>
                  <a:gd name="connsiteY33" fmla="*/ 5081 h 10000"/>
                  <a:gd name="connsiteX34" fmla="*/ 6421 w 10000"/>
                  <a:gd name="connsiteY34" fmla="*/ 5318 h 10000"/>
                  <a:gd name="connsiteX35" fmla="*/ 6447 w 10000"/>
                  <a:gd name="connsiteY35" fmla="*/ 5539 h 10000"/>
                  <a:gd name="connsiteX36" fmla="*/ 6471 w 10000"/>
                  <a:gd name="connsiteY36" fmla="*/ 5775 h 10000"/>
                  <a:gd name="connsiteX37" fmla="*/ 6471 w 10000"/>
                  <a:gd name="connsiteY37" fmla="*/ 5997 h 10000"/>
                  <a:gd name="connsiteX38" fmla="*/ 6447 w 10000"/>
                  <a:gd name="connsiteY38" fmla="*/ 6233 h 10000"/>
                  <a:gd name="connsiteX39" fmla="*/ 6396 w 10000"/>
                  <a:gd name="connsiteY39" fmla="*/ 6470 h 10000"/>
                  <a:gd name="connsiteX40" fmla="*/ 6345 w 10000"/>
                  <a:gd name="connsiteY40" fmla="*/ 6677 h 10000"/>
                  <a:gd name="connsiteX41" fmla="*/ 6269 w 10000"/>
                  <a:gd name="connsiteY41" fmla="*/ 6898 h 10000"/>
                  <a:gd name="connsiteX42" fmla="*/ 6168 w 10000"/>
                  <a:gd name="connsiteY42" fmla="*/ 7105 h 10000"/>
                  <a:gd name="connsiteX43" fmla="*/ 6041 w 10000"/>
                  <a:gd name="connsiteY43" fmla="*/ 7297 h 10000"/>
                  <a:gd name="connsiteX44" fmla="*/ 5888 w 10000"/>
                  <a:gd name="connsiteY44" fmla="*/ 7489 h 10000"/>
                  <a:gd name="connsiteX45" fmla="*/ 5735 w 10000"/>
                  <a:gd name="connsiteY45" fmla="*/ 7681 h 10000"/>
                  <a:gd name="connsiteX46" fmla="*/ 6471 w 10000"/>
                  <a:gd name="connsiteY46" fmla="*/ 7799 h 10000"/>
                  <a:gd name="connsiteX47" fmla="*/ 7234 w 10000"/>
                  <a:gd name="connsiteY47" fmla="*/ 7962 h 10000"/>
                  <a:gd name="connsiteX48" fmla="*/ 7385 w 10000"/>
                  <a:gd name="connsiteY48" fmla="*/ 8021 h 10000"/>
                  <a:gd name="connsiteX49" fmla="*/ 7512 w 10000"/>
                  <a:gd name="connsiteY49" fmla="*/ 8080 h 10000"/>
                  <a:gd name="connsiteX50" fmla="*/ 7639 w 10000"/>
                  <a:gd name="connsiteY50" fmla="*/ 8139 h 10000"/>
                  <a:gd name="connsiteX51" fmla="*/ 7716 w 10000"/>
                  <a:gd name="connsiteY51" fmla="*/ 8227 h 10000"/>
                  <a:gd name="connsiteX52" fmla="*/ 7741 w 10000"/>
                  <a:gd name="connsiteY52" fmla="*/ 8301 h 10000"/>
                  <a:gd name="connsiteX53" fmla="*/ 7741 w 10000"/>
                  <a:gd name="connsiteY53" fmla="*/ 8405 h 10000"/>
                  <a:gd name="connsiteX54" fmla="*/ 7691 w 10000"/>
                  <a:gd name="connsiteY54" fmla="*/ 8523 h 10000"/>
                  <a:gd name="connsiteX55" fmla="*/ 7614 w 10000"/>
                  <a:gd name="connsiteY55" fmla="*/ 8641 h 10000"/>
                  <a:gd name="connsiteX56" fmla="*/ 7284 w 10000"/>
                  <a:gd name="connsiteY56" fmla="*/ 8552 h 10000"/>
                  <a:gd name="connsiteX57" fmla="*/ 6979 w 10000"/>
                  <a:gd name="connsiteY57" fmla="*/ 8449 h 10000"/>
                  <a:gd name="connsiteX58" fmla="*/ 6674 w 10000"/>
                  <a:gd name="connsiteY58" fmla="*/ 8360 h 10000"/>
                  <a:gd name="connsiteX59" fmla="*/ 6369 w 10000"/>
                  <a:gd name="connsiteY59" fmla="*/ 8287 h 10000"/>
                  <a:gd name="connsiteX60" fmla="*/ 6243 w 10000"/>
                  <a:gd name="connsiteY60" fmla="*/ 8449 h 10000"/>
                  <a:gd name="connsiteX61" fmla="*/ 6143 w 10000"/>
                  <a:gd name="connsiteY61" fmla="*/ 8597 h 10000"/>
                  <a:gd name="connsiteX62" fmla="*/ 6091 w 10000"/>
                  <a:gd name="connsiteY62" fmla="*/ 8656 h 10000"/>
                  <a:gd name="connsiteX63" fmla="*/ 5989 w 10000"/>
                  <a:gd name="connsiteY63" fmla="*/ 8700 h 10000"/>
                  <a:gd name="connsiteX64" fmla="*/ 5914 w 10000"/>
                  <a:gd name="connsiteY64" fmla="*/ 8744 h 10000"/>
                  <a:gd name="connsiteX65" fmla="*/ 5838 w 10000"/>
                  <a:gd name="connsiteY65" fmla="*/ 8774 h 10000"/>
                  <a:gd name="connsiteX66" fmla="*/ 5761 w 10000"/>
                  <a:gd name="connsiteY66" fmla="*/ 8804 h 10000"/>
                  <a:gd name="connsiteX67" fmla="*/ 5660 w 10000"/>
                  <a:gd name="connsiteY67" fmla="*/ 8818 h 10000"/>
                  <a:gd name="connsiteX68" fmla="*/ 5532 w 10000"/>
                  <a:gd name="connsiteY68" fmla="*/ 8833 h 10000"/>
                  <a:gd name="connsiteX69" fmla="*/ 5406 w 10000"/>
                  <a:gd name="connsiteY69" fmla="*/ 8833 h 10000"/>
                  <a:gd name="connsiteX70" fmla="*/ 5102 w 10000"/>
                  <a:gd name="connsiteY70" fmla="*/ 8818 h 10000"/>
                  <a:gd name="connsiteX71" fmla="*/ 4720 w 10000"/>
                  <a:gd name="connsiteY71" fmla="*/ 8744 h 10000"/>
                  <a:gd name="connsiteX72" fmla="*/ 4720 w 10000"/>
                  <a:gd name="connsiteY72" fmla="*/ 8922 h 10000"/>
                  <a:gd name="connsiteX73" fmla="*/ 4695 w 10000"/>
                  <a:gd name="connsiteY73" fmla="*/ 9069 h 10000"/>
                  <a:gd name="connsiteX74" fmla="*/ 4671 w 10000"/>
                  <a:gd name="connsiteY74" fmla="*/ 9232 h 10000"/>
                  <a:gd name="connsiteX75" fmla="*/ 4644 w 10000"/>
                  <a:gd name="connsiteY75" fmla="*/ 9365 h 10000"/>
                  <a:gd name="connsiteX76" fmla="*/ 4593 w 10000"/>
                  <a:gd name="connsiteY76" fmla="*/ 9498 h 10000"/>
                  <a:gd name="connsiteX77" fmla="*/ 4493 w 10000"/>
                  <a:gd name="connsiteY77" fmla="*/ 9616 h 10000"/>
                  <a:gd name="connsiteX78" fmla="*/ 4416 w 10000"/>
                  <a:gd name="connsiteY78" fmla="*/ 9734 h 10000"/>
                  <a:gd name="connsiteX79" fmla="*/ 4289 w 10000"/>
                  <a:gd name="connsiteY79" fmla="*/ 9838 h 10000"/>
                  <a:gd name="connsiteX80" fmla="*/ 3983 w 10000"/>
                  <a:gd name="connsiteY80" fmla="*/ 9897 h 10000"/>
                  <a:gd name="connsiteX81" fmla="*/ 3731 w 10000"/>
                  <a:gd name="connsiteY81" fmla="*/ 9941 h 10000"/>
                  <a:gd name="connsiteX82" fmla="*/ 3426 w 10000"/>
                  <a:gd name="connsiteY82" fmla="*/ 9985 h 10000"/>
                  <a:gd name="connsiteX83" fmla="*/ 3198 w 10000"/>
                  <a:gd name="connsiteY83" fmla="*/ 10000 h 10000"/>
                  <a:gd name="connsiteX84" fmla="*/ 2690 w 10000"/>
                  <a:gd name="connsiteY84" fmla="*/ 10000 h 10000"/>
                  <a:gd name="connsiteX85" fmla="*/ 2208 w 10000"/>
                  <a:gd name="connsiteY85" fmla="*/ 9985 h 10000"/>
                  <a:gd name="connsiteX86" fmla="*/ 1752 w 10000"/>
                  <a:gd name="connsiteY86" fmla="*/ 9941 h 10000"/>
                  <a:gd name="connsiteX87" fmla="*/ 1270 w 10000"/>
                  <a:gd name="connsiteY87" fmla="*/ 9911 h 10000"/>
                  <a:gd name="connsiteX88" fmla="*/ 990 w 10000"/>
                  <a:gd name="connsiteY88" fmla="*/ 9911 h 10000"/>
                  <a:gd name="connsiteX89" fmla="*/ 736 w 10000"/>
                  <a:gd name="connsiteY89" fmla="*/ 9911 h 10000"/>
                  <a:gd name="connsiteX90" fmla="*/ 457 w 10000"/>
                  <a:gd name="connsiteY90" fmla="*/ 9926 h 10000"/>
                  <a:gd name="connsiteX91" fmla="*/ 178 w 10000"/>
                  <a:gd name="connsiteY91" fmla="*/ 9970 h 10000"/>
                  <a:gd name="connsiteX92" fmla="*/ 102 w 10000"/>
                  <a:gd name="connsiteY92" fmla="*/ 9867 h 10000"/>
                  <a:gd name="connsiteX93" fmla="*/ 51 w 10000"/>
                  <a:gd name="connsiteY93" fmla="*/ 9793 h 10000"/>
                  <a:gd name="connsiteX94" fmla="*/ 0 w 10000"/>
                  <a:gd name="connsiteY94" fmla="*/ 9705 h 10000"/>
                  <a:gd name="connsiteX95" fmla="*/ 0 w 10000"/>
                  <a:gd name="connsiteY95" fmla="*/ 9601 h 10000"/>
                  <a:gd name="connsiteX96" fmla="*/ 51 w 10000"/>
                  <a:gd name="connsiteY96" fmla="*/ 9424 h 10000"/>
                  <a:gd name="connsiteX97" fmla="*/ 102 w 10000"/>
                  <a:gd name="connsiteY97" fmla="*/ 9202 h 10000"/>
                  <a:gd name="connsiteX98" fmla="*/ 151 w 10000"/>
                  <a:gd name="connsiteY98" fmla="*/ 8996 h 10000"/>
                  <a:gd name="connsiteX99" fmla="*/ 203 w 10000"/>
                  <a:gd name="connsiteY99" fmla="*/ 8759 h 10000"/>
                  <a:gd name="connsiteX100" fmla="*/ 228 w 10000"/>
                  <a:gd name="connsiteY100" fmla="*/ 8641 h 10000"/>
                  <a:gd name="connsiteX101" fmla="*/ 228 w 10000"/>
                  <a:gd name="connsiteY101" fmla="*/ 8538 h 10000"/>
                  <a:gd name="connsiteX102" fmla="*/ 203 w 10000"/>
                  <a:gd name="connsiteY102" fmla="*/ 8405 h 10000"/>
                  <a:gd name="connsiteX103" fmla="*/ 178 w 10000"/>
                  <a:gd name="connsiteY103" fmla="*/ 8287 h 10000"/>
                  <a:gd name="connsiteX104" fmla="*/ 431 w 10000"/>
                  <a:gd name="connsiteY104" fmla="*/ 8213 h 10000"/>
                  <a:gd name="connsiteX105" fmla="*/ 685 w 10000"/>
                  <a:gd name="connsiteY105" fmla="*/ 8139 h 10000"/>
                  <a:gd name="connsiteX106" fmla="*/ 939 w 10000"/>
                  <a:gd name="connsiteY106" fmla="*/ 8095 h 10000"/>
                  <a:gd name="connsiteX107" fmla="*/ 1218 w 10000"/>
                  <a:gd name="connsiteY107" fmla="*/ 8065 h 10000"/>
                  <a:gd name="connsiteX108" fmla="*/ 1725 w 10000"/>
                  <a:gd name="connsiteY108" fmla="*/ 8021 h 10000"/>
                  <a:gd name="connsiteX109" fmla="*/ 2234 w 10000"/>
                  <a:gd name="connsiteY109" fmla="*/ 7976 h 10000"/>
                  <a:gd name="connsiteX110" fmla="*/ 2462 w 10000"/>
                  <a:gd name="connsiteY110" fmla="*/ 7947 h 10000"/>
                  <a:gd name="connsiteX111" fmla="*/ 2690 w 10000"/>
                  <a:gd name="connsiteY111" fmla="*/ 7917 h 10000"/>
                  <a:gd name="connsiteX112" fmla="*/ 2892 w 10000"/>
                  <a:gd name="connsiteY112" fmla="*/ 7843 h 10000"/>
                  <a:gd name="connsiteX113" fmla="*/ 3096 w 10000"/>
                  <a:gd name="connsiteY113" fmla="*/ 7784 h 10000"/>
                  <a:gd name="connsiteX114" fmla="*/ 3274 w 10000"/>
                  <a:gd name="connsiteY114" fmla="*/ 7710 h 10000"/>
                  <a:gd name="connsiteX115" fmla="*/ 3426 w 10000"/>
                  <a:gd name="connsiteY115" fmla="*/ 7592 h 10000"/>
                  <a:gd name="connsiteX116" fmla="*/ 3579 w 10000"/>
                  <a:gd name="connsiteY116" fmla="*/ 7474 h 10000"/>
                  <a:gd name="connsiteX117" fmla="*/ 3680 w 10000"/>
                  <a:gd name="connsiteY117" fmla="*/ 7312 h 10000"/>
                  <a:gd name="connsiteX118" fmla="*/ 3477 w 10000"/>
                  <a:gd name="connsiteY118" fmla="*/ 7238 h 10000"/>
                  <a:gd name="connsiteX119" fmla="*/ 3299 w 10000"/>
                  <a:gd name="connsiteY119" fmla="*/ 7179 h 10000"/>
                  <a:gd name="connsiteX120" fmla="*/ 3147 w 10000"/>
                  <a:gd name="connsiteY120" fmla="*/ 7090 h 10000"/>
                  <a:gd name="connsiteX121" fmla="*/ 2995 w 10000"/>
                  <a:gd name="connsiteY121" fmla="*/ 6987 h 10000"/>
                  <a:gd name="connsiteX122" fmla="*/ 2892 w 10000"/>
                  <a:gd name="connsiteY122" fmla="*/ 6869 h 10000"/>
                  <a:gd name="connsiteX123" fmla="*/ 2843 w 10000"/>
                  <a:gd name="connsiteY123" fmla="*/ 6721 h 10000"/>
                  <a:gd name="connsiteX124" fmla="*/ 2817 w 10000"/>
                  <a:gd name="connsiteY124" fmla="*/ 6558 h 10000"/>
                  <a:gd name="connsiteX125" fmla="*/ 2843 w 10000"/>
                  <a:gd name="connsiteY125" fmla="*/ 6352 h 10000"/>
                  <a:gd name="connsiteX126" fmla="*/ 2716 w 10000"/>
                  <a:gd name="connsiteY126" fmla="*/ 6322 h 10000"/>
                  <a:gd name="connsiteX127" fmla="*/ 2564 w 10000"/>
                  <a:gd name="connsiteY127" fmla="*/ 6292 h 10000"/>
                  <a:gd name="connsiteX128" fmla="*/ 2386 w 10000"/>
                  <a:gd name="connsiteY128" fmla="*/ 6278 h 10000"/>
                  <a:gd name="connsiteX129" fmla="*/ 2208 w 10000"/>
                  <a:gd name="connsiteY129" fmla="*/ 6263 h 10000"/>
                  <a:gd name="connsiteX130" fmla="*/ 1853 w 10000"/>
                  <a:gd name="connsiteY130" fmla="*/ 6248 h 10000"/>
                  <a:gd name="connsiteX131" fmla="*/ 1472 w 10000"/>
                  <a:gd name="connsiteY131" fmla="*/ 6263 h 10000"/>
                  <a:gd name="connsiteX132" fmla="*/ 1143 w 10000"/>
                  <a:gd name="connsiteY132" fmla="*/ 6278 h 10000"/>
                  <a:gd name="connsiteX133" fmla="*/ 837 w 10000"/>
                  <a:gd name="connsiteY133" fmla="*/ 6278 h 10000"/>
                  <a:gd name="connsiteX134" fmla="*/ 585 w 10000"/>
                  <a:gd name="connsiteY134" fmla="*/ 6263 h 10000"/>
                  <a:gd name="connsiteX135" fmla="*/ 381 w 10000"/>
                  <a:gd name="connsiteY135" fmla="*/ 6233 h 10000"/>
                  <a:gd name="connsiteX136" fmla="*/ 633 w 10000"/>
                  <a:gd name="connsiteY136" fmla="*/ 5805 h 10000"/>
                  <a:gd name="connsiteX137" fmla="*/ 914 w 10000"/>
                  <a:gd name="connsiteY137" fmla="*/ 5391 h 10000"/>
                  <a:gd name="connsiteX138" fmla="*/ 1016 w 10000"/>
                  <a:gd name="connsiteY138" fmla="*/ 5170 h 10000"/>
                  <a:gd name="connsiteX139" fmla="*/ 1091 w 10000"/>
                  <a:gd name="connsiteY139" fmla="*/ 4963 h 10000"/>
                  <a:gd name="connsiteX140" fmla="*/ 1116 w 10000"/>
                  <a:gd name="connsiteY140" fmla="*/ 4860 h 10000"/>
                  <a:gd name="connsiteX141" fmla="*/ 1091 w 10000"/>
                  <a:gd name="connsiteY141" fmla="*/ 4756 h 10000"/>
                  <a:gd name="connsiteX142" fmla="*/ 1066 w 10000"/>
                  <a:gd name="connsiteY142" fmla="*/ 4653 h 10000"/>
                  <a:gd name="connsiteX143" fmla="*/ 990 w 10000"/>
                  <a:gd name="connsiteY143" fmla="*/ 4549 h 10000"/>
                  <a:gd name="connsiteX144" fmla="*/ 1270 w 10000"/>
                  <a:gd name="connsiteY144" fmla="*/ 4520 h 10000"/>
                  <a:gd name="connsiteX145" fmla="*/ 1472 w 10000"/>
                  <a:gd name="connsiteY145" fmla="*/ 4505 h 10000"/>
                  <a:gd name="connsiteX146" fmla="*/ 1650 w 10000"/>
                  <a:gd name="connsiteY146" fmla="*/ 4505 h 10000"/>
                  <a:gd name="connsiteX147" fmla="*/ 1802 w 10000"/>
                  <a:gd name="connsiteY147" fmla="*/ 4520 h 10000"/>
                  <a:gd name="connsiteX148" fmla="*/ 1929 w 10000"/>
                  <a:gd name="connsiteY148" fmla="*/ 4520 h 10000"/>
                  <a:gd name="connsiteX149" fmla="*/ 2081 w 10000"/>
                  <a:gd name="connsiteY149" fmla="*/ 4520 h 10000"/>
                  <a:gd name="connsiteX150" fmla="*/ 2234 w 10000"/>
                  <a:gd name="connsiteY150" fmla="*/ 4490 h 10000"/>
                  <a:gd name="connsiteX151" fmla="*/ 2436 w 10000"/>
                  <a:gd name="connsiteY151" fmla="*/ 4446 h 10000"/>
                  <a:gd name="connsiteX152" fmla="*/ 2436 w 10000"/>
                  <a:gd name="connsiteY152" fmla="*/ 4579 h 10000"/>
                  <a:gd name="connsiteX153" fmla="*/ 2436 w 10000"/>
                  <a:gd name="connsiteY153" fmla="*/ 4742 h 10000"/>
                  <a:gd name="connsiteX154" fmla="*/ 2436 w 10000"/>
                  <a:gd name="connsiteY154" fmla="*/ 4874 h 10000"/>
                  <a:gd name="connsiteX155" fmla="*/ 2436 w 10000"/>
                  <a:gd name="connsiteY155" fmla="*/ 5037 h 10000"/>
                  <a:gd name="connsiteX156" fmla="*/ 2665 w 10000"/>
                  <a:gd name="connsiteY156" fmla="*/ 5022 h 10000"/>
                  <a:gd name="connsiteX157" fmla="*/ 2817 w 10000"/>
                  <a:gd name="connsiteY157" fmla="*/ 5037 h 10000"/>
                  <a:gd name="connsiteX158" fmla="*/ 2944 w 10000"/>
                  <a:gd name="connsiteY158" fmla="*/ 5066 h 10000"/>
                  <a:gd name="connsiteX159" fmla="*/ 3071 w 10000"/>
                  <a:gd name="connsiteY159" fmla="*/ 5096 h 10000"/>
                  <a:gd name="connsiteX160" fmla="*/ 3173 w 10000"/>
                  <a:gd name="connsiteY160" fmla="*/ 5126 h 10000"/>
                  <a:gd name="connsiteX161" fmla="*/ 3299 w 10000"/>
                  <a:gd name="connsiteY161" fmla="*/ 5155 h 10000"/>
                  <a:gd name="connsiteX162" fmla="*/ 3452 w 10000"/>
                  <a:gd name="connsiteY162" fmla="*/ 5170 h 10000"/>
                  <a:gd name="connsiteX163" fmla="*/ 3680 w 10000"/>
                  <a:gd name="connsiteY163" fmla="*/ 5155 h 10000"/>
                  <a:gd name="connsiteX164" fmla="*/ 3757 w 10000"/>
                  <a:gd name="connsiteY164" fmla="*/ 5096 h 10000"/>
                  <a:gd name="connsiteX165" fmla="*/ 3832 w 10000"/>
                  <a:gd name="connsiteY165" fmla="*/ 5022 h 10000"/>
                  <a:gd name="connsiteX166" fmla="*/ 3857 w 10000"/>
                  <a:gd name="connsiteY166" fmla="*/ 4934 h 10000"/>
                  <a:gd name="connsiteX167" fmla="*/ 3884 w 10000"/>
                  <a:gd name="connsiteY167" fmla="*/ 4860 h 10000"/>
                  <a:gd name="connsiteX168" fmla="*/ 3908 w 10000"/>
                  <a:gd name="connsiteY168" fmla="*/ 4697 h 10000"/>
                  <a:gd name="connsiteX169" fmla="*/ 3884 w 10000"/>
                  <a:gd name="connsiteY169" fmla="*/ 4520 h 10000"/>
                  <a:gd name="connsiteX170" fmla="*/ 3807 w 10000"/>
                  <a:gd name="connsiteY170" fmla="*/ 4343 h 10000"/>
                  <a:gd name="connsiteX171" fmla="*/ 3731 w 10000"/>
                  <a:gd name="connsiteY171" fmla="*/ 4195 h 10000"/>
                  <a:gd name="connsiteX172" fmla="*/ 3604 w 10000"/>
                  <a:gd name="connsiteY172" fmla="*/ 4047 h 10000"/>
                  <a:gd name="connsiteX173" fmla="*/ 3477 w 10000"/>
                  <a:gd name="connsiteY173" fmla="*/ 3959 h 10000"/>
                  <a:gd name="connsiteX174" fmla="*/ 3629 w 10000"/>
                  <a:gd name="connsiteY174" fmla="*/ 3944 h 10000"/>
                  <a:gd name="connsiteX175" fmla="*/ 3757 w 10000"/>
                  <a:gd name="connsiteY175" fmla="*/ 3914 h 10000"/>
                  <a:gd name="connsiteX176" fmla="*/ 3857 w 10000"/>
                  <a:gd name="connsiteY176" fmla="*/ 3855 h 10000"/>
                  <a:gd name="connsiteX177" fmla="*/ 3983 w 10000"/>
                  <a:gd name="connsiteY177" fmla="*/ 3752 h 10000"/>
                  <a:gd name="connsiteX178" fmla="*/ 4111 w 10000"/>
                  <a:gd name="connsiteY178" fmla="*/ 3663 h 10000"/>
                  <a:gd name="connsiteX179" fmla="*/ 4213 w 10000"/>
                  <a:gd name="connsiteY179" fmla="*/ 3560 h 10000"/>
                  <a:gd name="connsiteX180" fmla="*/ 4289 w 10000"/>
                  <a:gd name="connsiteY180" fmla="*/ 3442 h 10000"/>
                  <a:gd name="connsiteX181" fmla="*/ 4366 w 10000"/>
                  <a:gd name="connsiteY181" fmla="*/ 3323 h 10000"/>
                  <a:gd name="connsiteX182" fmla="*/ 4416 w 10000"/>
                  <a:gd name="connsiteY182" fmla="*/ 3220 h 10000"/>
                  <a:gd name="connsiteX183" fmla="*/ 4441 w 10000"/>
                  <a:gd name="connsiteY183" fmla="*/ 3102 h 10000"/>
                  <a:gd name="connsiteX184" fmla="*/ 4468 w 10000"/>
                  <a:gd name="connsiteY184" fmla="*/ 3013 h 10000"/>
                  <a:gd name="connsiteX185" fmla="*/ 4441 w 10000"/>
                  <a:gd name="connsiteY185" fmla="*/ 2939 h 10000"/>
                  <a:gd name="connsiteX186" fmla="*/ 4416 w 10000"/>
                  <a:gd name="connsiteY186" fmla="*/ 2866 h 10000"/>
                  <a:gd name="connsiteX187" fmla="*/ 4340 w 10000"/>
                  <a:gd name="connsiteY187" fmla="*/ 2836 h 10000"/>
                  <a:gd name="connsiteX188" fmla="*/ 4239 w 10000"/>
                  <a:gd name="connsiteY188" fmla="*/ 2836 h 10000"/>
                  <a:gd name="connsiteX189" fmla="*/ 4111 w 10000"/>
                  <a:gd name="connsiteY189" fmla="*/ 2866 h 10000"/>
                  <a:gd name="connsiteX190" fmla="*/ 4213 w 10000"/>
                  <a:gd name="connsiteY190" fmla="*/ 2777 h 10000"/>
                  <a:gd name="connsiteX191" fmla="*/ 4265 w 10000"/>
                  <a:gd name="connsiteY191" fmla="*/ 2674 h 10000"/>
                  <a:gd name="connsiteX192" fmla="*/ 4289 w 10000"/>
                  <a:gd name="connsiteY192" fmla="*/ 2541 h 10000"/>
                  <a:gd name="connsiteX193" fmla="*/ 4289 w 10000"/>
                  <a:gd name="connsiteY193" fmla="*/ 2393 h 10000"/>
                  <a:gd name="connsiteX194" fmla="*/ 4314 w 10000"/>
                  <a:gd name="connsiteY194" fmla="*/ 2349 h 10000"/>
                  <a:gd name="connsiteX195" fmla="*/ 4366 w 10000"/>
                  <a:gd name="connsiteY195" fmla="*/ 2304 h 10000"/>
                  <a:gd name="connsiteX196" fmla="*/ 4416 w 10000"/>
                  <a:gd name="connsiteY196" fmla="*/ 2290 h 10000"/>
                  <a:gd name="connsiteX197" fmla="*/ 4493 w 10000"/>
                  <a:gd name="connsiteY197" fmla="*/ 2275 h 10000"/>
                  <a:gd name="connsiteX198" fmla="*/ 4720 w 10000"/>
                  <a:gd name="connsiteY198" fmla="*/ 2260 h 10000"/>
                  <a:gd name="connsiteX199" fmla="*/ 4923 w 10000"/>
                  <a:gd name="connsiteY199" fmla="*/ 2275 h 10000"/>
                  <a:gd name="connsiteX200" fmla="*/ 4898 w 10000"/>
                  <a:gd name="connsiteY200" fmla="*/ 2112 h 10000"/>
                  <a:gd name="connsiteX201" fmla="*/ 4848 w 10000"/>
                  <a:gd name="connsiteY201" fmla="*/ 1950 h 10000"/>
                  <a:gd name="connsiteX202" fmla="*/ 4771 w 10000"/>
                  <a:gd name="connsiteY202" fmla="*/ 1802 h 10000"/>
                  <a:gd name="connsiteX203" fmla="*/ 4671 w 10000"/>
                  <a:gd name="connsiteY203" fmla="*/ 1640 h 10000"/>
                  <a:gd name="connsiteX204" fmla="*/ 4416 w 10000"/>
                  <a:gd name="connsiteY204" fmla="*/ 1329 h 10000"/>
                  <a:gd name="connsiteX205" fmla="*/ 4162 w 10000"/>
                  <a:gd name="connsiteY205" fmla="*/ 1034 h 10000"/>
                  <a:gd name="connsiteX206" fmla="*/ 4035 w 10000"/>
                  <a:gd name="connsiteY206" fmla="*/ 901 h 10000"/>
                  <a:gd name="connsiteX207" fmla="*/ 3935 w 10000"/>
                  <a:gd name="connsiteY207" fmla="*/ 753 h 10000"/>
                  <a:gd name="connsiteX208" fmla="*/ 3857 w 10000"/>
                  <a:gd name="connsiteY208" fmla="*/ 620 h 10000"/>
                  <a:gd name="connsiteX209" fmla="*/ 3832 w 10000"/>
                  <a:gd name="connsiteY209" fmla="*/ 487 h 10000"/>
                  <a:gd name="connsiteX210" fmla="*/ 3807 w 10000"/>
                  <a:gd name="connsiteY210" fmla="*/ 355 h 10000"/>
                  <a:gd name="connsiteX211" fmla="*/ 3857 w 10000"/>
                  <a:gd name="connsiteY211" fmla="*/ 222 h 10000"/>
                  <a:gd name="connsiteX212" fmla="*/ 3884 w 10000"/>
                  <a:gd name="connsiteY212" fmla="*/ 162 h 10000"/>
                  <a:gd name="connsiteX213" fmla="*/ 3935 w 10000"/>
                  <a:gd name="connsiteY213" fmla="*/ 103 h 10000"/>
                  <a:gd name="connsiteX214" fmla="*/ 4011 w 10000"/>
                  <a:gd name="connsiteY214" fmla="*/ 59 h 10000"/>
                  <a:gd name="connsiteX215" fmla="*/ 4111 w 10000"/>
                  <a:gd name="connsiteY215" fmla="*/ 0 h 10000"/>
                  <a:gd name="connsiteX216" fmla="*/ 4289 w 10000"/>
                  <a:gd name="connsiteY216" fmla="*/ 0 h 10000"/>
                  <a:gd name="connsiteX217" fmla="*/ 4468 w 10000"/>
                  <a:gd name="connsiteY217" fmla="*/ 15 h 10000"/>
                  <a:gd name="connsiteX218" fmla="*/ 4644 w 10000"/>
                  <a:gd name="connsiteY218" fmla="*/ 44 h 10000"/>
                  <a:gd name="connsiteX219" fmla="*/ 4771 w 10000"/>
                  <a:gd name="connsiteY219" fmla="*/ 89 h 10000"/>
                  <a:gd name="connsiteX220" fmla="*/ 4975 w 10000"/>
                  <a:gd name="connsiteY220" fmla="*/ 192 h 10000"/>
                  <a:gd name="connsiteX221" fmla="*/ 5177 w 10000"/>
                  <a:gd name="connsiteY221" fmla="*/ 340 h 10000"/>
                  <a:gd name="connsiteX222" fmla="*/ 5329 w 10000"/>
                  <a:gd name="connsiteY222" fmla="*/ 473 h 10000"/>
                  <a:gd name="connsiteX223" fmla="*/ 5532 w 10000"/>
                  <a:gd name="connsiteY223" fmla="*/ 591 h 10000"/>
                  <a:gd name="connsiteX224" fmla="*/ 5660 w 10000"/>
                  <a:gd name="connsiteY224" fmla="*/ 650 h 10000"/>
                  <a:gd name="connsiteX225" fmla="*/ 5812 w 10000"/>
                  <a:gd name="connsiteY225" fmla="*/ 679 h 10000"/>
                  <a:gd name="connsiteX226" fmla="*/ 5965 w 10000"/>
                  <a:gd name="connsiteY226" fmla="*/ 709 h 10000"/>
                  <a:gd name="connsiteX227" fmla="*/ 6168 w 10000"/>
                  <a:gd name="connsiteY227" fmla="*/ 709 h 10000"/>
                  <a:gd name="connsiteX228" fmla="*/ 6168 w 10000"/>
                  <a:gd name="connsiteY228" fmla="*/ 768 h 10000"/>
                  <a:gd name="connsiteX229" fmla="*/ 6193 w 10000"/>
                  <a:gd name="connsiteY229" fmla="*/ 842 h 10000"/>
                  <a:gd name="connsiteX230" fmla="*/ 6243 w 10000"/>
                  <a:gd name="connsiteY230" fmla="*/ 916 h 10000"/>
                  <a:gd name="connsiteX231" fmla="*/ 6294 w 10000"/>
                  <a:gd name="connsiteY231" fmla="*/ 990 h 10000"/>
                  <a:gd name="connsiteX232" fmla="*/ 6369 w 10000"/>
                  <a:gd name="connsiteY232" fmla="*/ 1049 h 10000"/>
                  <a:gd name="connsiteX233" fmla="*/ 6471 w 10000"/>
                  <a:gd name="connsiteY233" fmla="*/ 1108 h 10000"/>
                  <a:gd name="connsiteX234" fmla="*/ 6598 w 10000"/>
                  <a:gd name="connsiteY234" fmla="*/ 1182 h 10000"/>
                  <a:gd name="connsiteX235" fmla="*/ 6700 w 10000"/>
                  <a:gd name="connsiteY235" fmla="*/ 1226 h 10000"/>
                  <a:gd name="connsiteX236" fmla="*/ 6802 w 10000"/>
                  <a:gd name="connsiteY236" fmla="*/ 1270 h 10000"/>
                  <a:gd name="connsiteX237" fmla="*/ 6903 w 10000"/>
                  <a:gd name="connsiteY237" fmla="*/ 1300 h 10000"/>
                  <a:gd name="connsiteX238" fmla="*/ 7005 w 10000"/>
                  <a:gd name="connsiteY238" fmla="*/ 1315 h 10000"/>
                  <a:gd name="connsiteX239" fmla="*/ 7132 w 10000"/>
                  <a:gd name="connsiteY239" fmla="*/ 1300 h 10000"/>
                  <a:gd name="connsiteX240" fmla="*/ 7234 w 10000"/>
                  <a:gd name="connsiteY240" fmla="*/ 1285 h 10000"/>
                  <a:gd name="connsiteX241" fmla="*/ 7309 w 10000"/>
                  <a:gd name="connsiteY241" fmla="*/ 1241 h 10000"/>
                  <a:gd name="connsiteX242" fmla="*/ 7361 w 10000"/>
                  <a:gd name="connsiteY242" fmla="*/ 1167 h 10000"/>
                  <a:gd name="connsiteX243" fmla="*/ 7385 w 10000"/>
                  <a:gd name="connsiteY243" fmla="*/ 1064 h 10000"/>
                  <a:gd name="connsiteX244" fmla="*/ 7766 w 10000"/>
                  <a:gd name="connsiteY244" fmla="*/ 1034 h 10000"/>
                  <a:gd name="connsiteX245" fmla="*/ 8121 w 10000"/>
                  <a:gd name="connsiteY245" fmla="*/ 1004 h 10000"/>
                  <a:gd name="connsiteX246" fmla="*/ 8427 w 10000"/>
                  <a:gd name="connsiteY246" fmla="*/ 990 h 10000"/>
                  <a:gd name="connsiteX247" fmla="*/ 8706 w 10000"/>
                  <a:gd name="connsiteY247" fmla="*/ 1004 h 10000"/>
                  <a:gd name="connsiteX248" fmla="*/ 8833 w 10000"/>
                  <a:gd name="connsiteY248" fmla="*/ 1019 h 10000"/>
                  <a:gd name="connsiteX249" fmla="*/ 8958 w 10000"/>
                  <a:gd name="connsiteY249" fmla="*/ 1034 h 10000"/>
                  <a:gd name="connsiteX250" fmla="*/ 9061 w 10000"/>
                  <a:gd name="connsiteY250" fmla="*/ 1064 h 10000"/>
                  <a:gd name="connsiteX251" fmla="*/ 9188 w 10000"/>
                  <a:gd name="connsiteY251" fmla="*/ 1108 h 10000"/>
                  <a:gd name="connsiteX252" fmla="*/ 9264 w 10000"/>
                  <a:gd name="connsiteY252" fmla="*/ 1182 h 10000"/>
                  <a:gd name="connsiteX253" fmla="*/ 9339 w 10000"/>
                  <a:gd name="connsiteY253" fmla="*/ 1241 h 10000"/>
                  <a:gd name="connsiteX254" fmla="*/ 9391 w 10000"/>
                  <a:gd name="connsiteY254" fmla="*/ 1329 h 10000"/>
                  <a:gd name="connsiteX255" fmla="*/ 9442 w 10000"/>
                  <a:gd name="connsiteY255" fmla="*/ 1433 h 10000"/>
                  <a:gd name="connsiteX256" fmla="*/ 9492 w 10000"/>
                  <a:gd name="connsiteY256" fmla="*/ 1551 h 10000"/>
                  <a:gd name="connsiteX257" fmla="*/ 9466 w 10000"/>
                  <a:gd name="connsiteY257" fmla="*/ 1625 h 10000"/>
                  <a:gd name="connsiteX258" fmla="*/ 9442 w 10000"/>
                  <a:gd name="connsiteY258" fmla="*/ 1684 h 10000"/>
                  <a:gd name="connsiteX259" fmla="*/ 9391 w 10000"/>
                  <a:gd name="connsiteY259" fmla="*/ 1758 h 10000"/>
                  <a:gd name="connsiteX260" fmla="*/ 9315 w 10000"/>
                  <a:gd name="connsiteY260" fmla="*/ 1802 h 10000"/>
                  <a:gd name="connsiteX261" fmla="*/ 9264 w 10000"/>
                  <a:gd name="connsiteY261" fmla="*/ 1861 h 10000"/>
                  <a:gd name="connsiteX262" fmla="*/ 9240 w 10000"/>
                  <a:gd name="connsiteY262" fmla="*/ 1935 h 10000"/>
                  <a:gd name="connsiteX263" fmla="*/ 9264 w 10000"/>
                  <a:gd name="connsiteY263" fmla="*/ 2024 h 10000"/>
                  <a:gd name="connsiteX264" fmla="*/ 9543 w 10000"/>
                  <a:gd name="connsiteY264" fmla="*/ 2157 h 10000"/>
                  <a:gd name="connsiteX265" fmla="*/ 9873 w 10000"/>
                  <a:gd name="connsiteY265" fmla="*/ 2275 h 10000"/>
                  <a:gd name="connsiteX266" fmla="*/ 10000 w 10000"/>
                  <a:gd name="connsiteY266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415 w 10000"/>
                  <a:gd name="connsiteY14" fmla="*/ 3117 h 10000"/>
                  <a:gd name="connsiteX15" fmla="*/ 9442 w 10000"/>
                  <a:gd name="connsiteY15" fmla="*/ 3072 h 10000"/>
                  <a:gd name="connsiteX16" fmla="*/ 9466 w 10000"/>
                  <a:gd name="connsiteY16" fmla="*/ 3013 h 10000"/>
                  <a:gd name="connsiteX17" fmla="*/ 9466 w 10000"/>
                  <a:gd name="connsiteY17" fmla="*/ 2954 h 10000"/>
                  <a:gd name="connsiteX18" fmla="*/ 9442 w 10000"/>
                  <a:gd name="connsiteY18" fmla="*/ 2866 h 10000"/>
                  <a:gd name="connsiteX19" fmla="*/ 9264 w 10000"/>
                  <a:gd name="connsiteY19" fmla="*/ 2984 h 10000"/>
                  <a:gd name="connsiteX20" fmla="*/ 9061 w 10000"/>
                  <a:gd name="connsiteY20" fmla="*/ 3072 h 10000"/>
                  <a:gd name="connsiteX21" fmla="*/ 8197 w 10000"/>
                  <a:gd name="connsiteY21" fmla="*/ 3397 h 10000"/>
                  <a:gd name="connsiteX22" fmla="*/ 7716 w 10000"/>
                  <a:gd name="connsiteY22" fmla="*/ 3545 h 10000"/>
                  <a:gd name="connsiteX23" fmla="*/ 7234 w 10000"/>
                  <a:gd name="connsiteY23" fmla="*/ 3678 h 10000"/>
                  <a:gd name="connsiteX24" fmla="*/ 6776 w 10000"/>
                  <a:gd name="connsiteY24" fmla="*/ 3840 h 10000"/>
                  <a:gd name="connsiteX25" fmla="*/ 6548 w 10000"/>
                  <a:gd name="connsiteY25" fmla="*/ 3914 h 10000"/>
                  <a:gd name="connsiteX26" fmla="*/ 6345 w 10000"/>
                  <a:gd name="connsiteY26" fmla="*/ 4003 h 10000"/>
                  <a:gd name="connsiteX27" fmla="*/ 6143 w 10000"/>
                  <a:gd name="connsiteY27" fmla="*/ 4106 h 10000"/>
                  <a:gd name="connsiteX28" fmla="*/ 5938 w 10000"/>
                  <a:gd name="connsiteY28" fmla="*/ 4195 h 10000"/>
                  <a:gd name="connsiteX29" fmla="*/ 6091 w 10000"/>
                  <a:gd name="connsiteY29" fmla="*/ 4417 h 10000"/>
                  <a:gd name="connsiteX30" fmla="*/ 6193 w 10000"/>
                  <a:gd name="connsiteY30" fmla="*/ 4623 h 10000"/>
                  <a:gd name="connsiteX31" fmla="*/ 6294 w 10000"/>
                  <a:gd name="connsiteY31" fmla="*/ 4845 h 10000"/>
                  <a:gd name="connsiteX32" fmla="*/ 6369 w 10000"/>
                  <a:gd name="connsiteY32" fmla="*/ 5081 h 10000"/>
                  <a:gd name="connsiteX33" fmla="*/ 6421 w 10000"/>
                  <a:gd name="connsiteY33" fmla="*/ 5318 h 10000"/>
                  <a:gd name="connsiteX34" fmla="*/ 6447 w 10000"/>
                  <a:gd name="connsiteY34" fmla="*/ 5539 h 10000"/>
                  <a:gd name="connsiteX35" fmla="*/ 6471 w 10000"/>
                  <a:gd name="connsiteY35" fmla="*/ 5775 h 10000"/>
                  <a:gd name="connsiteX36" fmla="*/ 6471 w 10000"/>
                  <a:gd name="connsiteY36" fmla="*/ 5997 h 10000"/>
                  <a:gd name="connsiteX37" fmla="*/ 6447 w 10000"/>
                  <a:gd name="connsiteY37" fmla="*/ 6233 h 10000"/>
                  <a:gd name="connsiteX38" fmla="*/ 6396 w 10000"/>
                  <a:gd name="connsiteY38" fmla="*/ 6470 h 10000"/>
                  <a:gd name="connsiteX39" fmla="*/ 6345 w 10000"/>
                  <a:gd name="connsiteY39" fmla="*/ 6677 h 10000"/>
                  <a:gd name="connsiteX40" fmla="*/ 6269 w 10000"/>
                  <a:gd name="connsiteY40" fmla="*/ 6898 h 10000"/>
                  <a:gd name="connsiteX41" fmla="*/ 6168 w 10000"/>
                  <a:gd name="connsiteY41" fmla="*/ 7105 h 10000"/>
                  <a:gd name="connsiteX42" fmla="*/ 6041 w 10000"/>
                  <a:gd name="connsiteY42" fmla="*/ 7297 h 10000"/>
                  <a:gd name="connsiteX43" fmla="*/ 5888 w 10000"/>
                  <a:gd name="connsiteY43" fmla="*/ 7489 h 10000"/>
                  <a:gd name="connsiteX44" fmla="*/ 5735 w 10000"/>
                  <a:gd name="connsiteY44" fmla="*/ 7681 h 10000"/>
                  <a:gd name="connsiteX45" fmla="*/ 6471 w 10000"/>
                  <a:gd name="connsiteY45" fmla="*/ 7799 h 10000"/>
                  <a:gd name="connsiteX46" fmla="*/ 7234 w 10000"/>
                  <a:gd name="connsiteY46" fmla="*/ 7962 h 10000"/>
                  <a:gd name="connsiteX47" fmla="*/ 7385 w 10000"/>
                  <a:gd name="connsiteY47" fmla="*/ 8021 h 10000"/>
                  <a:gd name="connsiteX48" fmla="*/ 7512 w 10000"/>
                  <a:gd name="connsiteY48" fmla="*/ 8080 h 10000"/>
                  <a:gd name="connsiteX49" fmla="*/ 7639 w 10000"/>
                  <a:gd name="connsiteY49" fmla="*/ 8139 h 10000"/>
                  <a:gd name="connsiteX50" fmla="*/ 7716 w 10000"/>
                  <a:gd name="connsiteY50" fmla="*/ 8227 h 10000"/>
                  <a:gd name="connsiteX51" fmla="*/ 7741 w 10000"/>
                  <a:gd name="connsiteY51" fmla="*/ 8301 h 10000"/>
                  <a:gd name="connsiteX52" fmla="*/ 7741 w 10000"/>
                  <a:gd name="connsiteY52" fmla="*/ 8405 h 10000"/>
                  <a:gd name="connsiteX53" fmla="*/ 7691 w 10000"/>
                  <a:gd name="connsiteY53" fmla="*/ 8523 h 10000"/>
                  <a:gd name="connsiteX54" fmla="*/ 7614 w 10000"/>
                  <a:gd name="connsiteY54" fmla="*/ 8641 h 10000"/>
                  <a:gd name="connsiteX55" fmla="*/ 7284 w 10000"/>
                  <a:gd name="connsiteY55" fmla="*/ 8552 h 10000"/>
                  <a:gd name="connsiteX56" fmla="*/ 6979 w 10000"/>
                  <a:gd name="connsiteY56" fmla="*/ 8449 h 10000"/>
                  <a:gd name="connsiteX57" fmla="*/ 6674 w 10000"/>
                  <a:gd name="connsiteY57" fmla="*/ 8360 h 10000"/>
                  <a:gd name="connsiteX58" fmla="*/ 6369 w 10000"/>
                  <a:gd name="connsiteY58" fmla="*/ 8287 h 10000"/>
                  <a:gd name="connsiteX59" fmla="*/ 6243 w 10000"/>
                  <a:gd name="connsiteY59" fmla="*/ 8449 h 10000"/>
                  <a:gd name="connsiteX60" fmla="*/ 6143 w 10000"/>
                  <a:gd name="connsiteY60" fmla="*/ 8597 h 10000"/>
                  <a:gd name="connsiteX61" fmla="*/ 6091 w 10000"/>
                  <a:gd name="connsiteY61" fmla="*/ 8656 h 10000"/>
                  <a:gd name="connsiteX62" fmla="*/ 5989 w 10000"/>
                  <a:gd name="connsiteY62" fmla="*/ 8700 h 10000"/>
                  <a:gd name="connsiteX63" fmla="*/ 5914 w 10000"/>
                  <a:gd name="connsiteY63" fmla="*/ 8744 h 10000"/>
                  <a:gd name="connsiteX64" fmla="*/ 5838 w 10000"/>
                  <a:gd name="connsiteY64" fmla="*/ 8774 h 10000"/>
                  <a:gd name="connsiteX65" fmla="*/ 5761 w 10000"/>
                  <a:gd name="connsiteY65" fmla="*/ 8804 h 10000"/>
                  <a:gd name="connsiteX66" fmla="*/ 5660 w 10000"/>
                  <a:gd name="connsiteY66" fmla="*/ 8818 h 10000"/>
                  <a:gd name="connsiteX67" fmla="*/ 5532 w 10000"/>
                  <a:gd name="connsiteY67" fmla="*/ 8833 h 10000"/>
                  <a:gd name="connsiteX68" fmla="*/ 5406 w 10000"/>
                  <a:gd name="connsiteY68" fmla="*/ 8833 h 10000"/>
                  <a:gd name="connsiteX69" fmla="*/ 5102 w 10000"/>
                  <a:gd name="connsiteY69" fmla="*/ 8818 h 10000"/>
                  <a:gd name="connsiteX70" fmla="*/ 4720 w 10000"/>
                  <a:gd name="connsiteY70" fmla="*/ 8744 h 10000"/>
                  <a:gd name="connsiteX71" fmla="*/ 4720 w 10000"/>
                  <a:gd name="connsiteY71" fmla="*/ 8922 h 10000"/>
                  <a:gd name="connsiteX72" fmla="*/ 4695 w 10000"/>
                  <a:gd name="connsiteY72" fmla="*/ 9069 h 10000"/>
                  <a:gd name="connsiteX73" fmla="*/ 4671 w 10000"/>
                  <a:gd name="connsiteY73" fmla="*/ 9232 h 10000"/>
                  <a:gd name="connsiteX74" fmla="*/ 4644 w 10000"/>
                  <a:gd name="connsiteY74" fmla="*/ 9365 h 10000"/>
                  <a:gd name="connsiteX75" fmla="*/ 4593 w 10000"/>
                  <a:gd name="connsiteY75" fmla="*/ 9498 h 10000"/>
                  <a:gd name="connsiteX76" fmla="*/ 4493 w 10000"/>
                  <a:gd name="connsiteY76" fmla="*/ 9616 h 10000"/>
                  <a:gd name="connsiteX77" fmla="*/ 4416 w 10000"/>
                  <a:gd name="connsiteY77" fmla="*/ 9734 h 10000"/>
                  <a:gd name="connsiteX78" fmla="*/ 4289 w 10000"/>
                  <a:gd name="connsiteY78" fmla="*/ 9838 h 10000"/>
                  <a:gd name="connsiteX79" fmla="*/ 3983 w 10000"/>
                  <a:gd name="connsiteY79" fmla="*/ 9897 h 10000"/>
                  <a:gd name="connsiteX80" fmla="*/ 3731 w 10000"/>
                  <a:gd name="connsiteY80" fmla="*/ 9941 h 10000"/>
                  <a:gd name="connsiteX81" fmla="*/ 3426 w 10000"/>
                  <a:gd name="connsiteY81" fmla="*/ 9985 h 10000"/>
                  <a:gd name="connsiteX82" fmla="*/ 3198 w 10000"/>
                  <a:gd name="connsiteY82" fmla="*/ 10000 h 10000"/>
                  <a:gd name="connsiteX83" fmla="*/ 2690 w 10000"/>
                  <a:gd name="connsiteY83" fmla="*/ 10000 h 10000"/>
                  <a:gd name="connsiteX84" fmla="*/ 2208 w 10000"/>
                  <a:gd name="connsiteY84" fmla="*/ 9985 h 10000"/>
                  <a:gd name="connsiteX85" fmla="*/ 1752 w 10000"/>
                  <a:gd name="connsiteY85" fmla="*/ 9941 h 10000"/>
                  <a:gd name="connsiteX86" fmla="*/ 1270 w 10000"/>
                  <a:gd name="connsiteY86" fmla="*/ 9911 h 10000"/>
                  <a:gd name="connsiteX87" fmla="*/ 990 w 10000"/>
                  <a:gd name="connsiteY87" fmla="*/ 9911 h 10000"/>
                  <a:gd name="connsiteX88" fmla="*/ 736 w 10000"/>
                  <a:gd name="connsiteY88" fmla="*/ 9911 h 10000"/>
                  <a:gd name="connsiteX89" fmla="*/ 457 w 10000"/>
                  <a:gd name="connsiteY89" fmla="*/ 9926 h 10000"/>
                  <a:gd name="connsiteX90" fmla="*/ 178 w 10000"/>
                  <a:gd name="connsiteY90" fmla="*/ 9970 h 10000"/>
                  <a:gd name="connsiteX91" fmla="*/ 102 w 10000"/>
                  <a:gd name="connsiteY91" fmla="*/ 9867 h 10000"/>
                  <a:gd name="connsiteX92" fmla="*/ 51 w 10000"/>
                  <a:gd name="connsiteY92" fmla="*/ 9793 h 10000"/>
                  <a:gd name="connsiteX93" fmla="*/ 0 w 10000"/>
                  <a:gd name="connsiteY93" fmla="*/ 9705 h 10000"/>
                  <a:gd name="connsiteX94" fmla="*/ 0 w 10000"/>
                  <a:gd name="connsiteY94" fmla="*/ 9601 h 10000"/>
                  <a:gd name="connsiteX95" fmla="*/ 51 w 10000"/>
                  <a:gd name="connsiteY95" fmla="*/ 9424 h 10000"/>
                  <a:gd name="connsiteX96" fmla="*/ 102 w 10000"/>
                  <a:gd name="connsiteY96" fmla="*/ 9202 h 10000"/>
                  <a:gd name="connsiteX97" fmla="*/ 151 w 10000"/>
                  <a:gd name="connsiteY97" fmla="*/ 8996 h 10000"/>
                  <a:gd name="connsiteX98" fmla="*/ 203 w 10000"/>
                  <a:gd name="connsiteY98" fmla="*/ 8759 h 10000"/>
                  <a:gd name="connsiteX99" fmla="*/ 228 w 10000"/>
                  <a:gd name="connsiteY99" fmla="*/ 8641 h 10000"/>
                  <a:gd name="connsiteX100" fmla="*/ 228 w 10000"/>
                  <a:gd name="connsiteY100" fmla="*/ 8538 h 10000"/>
                  <a:gd name="connsiteX101" fmla="*/ 203 w 10000"/>
                  <a:gd name="connsiteY101" fmla="*/ 8405 h 10000"/>
                  <a:gd name="connsiteX102" fmla="*/ 178 w 10000"/>
                  <a:gd name="connsiteY102" fmla="*/ 8287 h 10000"/>
                  <a:gd name="connsiteX103" fmla="*/ 431 w 10000"/>
                  <a:gd name="connsiteY103" fmla="*/ 8213 h 10000"/>
                  <a:gd name="connsiteX104" fmla="*/ 685 w 10000"/>
                  <a:gd name="connsiteY104" fmla="*/ 8139 h 10000"/>
                  <a:gd name="connsiteX105" fmla="*/ 939 w 10000"/>
                  <a:gd name="connsiteY105" fmla="*/ 8095 h 10000"/>
                  <a:gd name="connsiteX106" fmla="*/ 1218 w 10000"/>
                  <a:gd name="connsiteY106" fmla="*/ 8065 h 10000"/>
                  <a:gd name="connsiteX107" fmla="*/ 1725 w 10000"/>
                  <a:gd name="connsiteY107" fmla="*/ 8021 h 10000"/>
                  <a:gd name="connsiteX108" fmla="*/ 2234 w 10000"/>
                  <a:gd name="connsiteY108" fmla="*/ 7976 h 10000"/>
                  <a:gd name="connsiteX109" fmla="*/ 2462 w 10000"/>
                  <a:gd name="connsiteY109" fmla="*/ 7947 h 10000"/>
                  <a:gd name="connsiteX110" fmla="*/ 2690 w 10000"/>
                  <a:gd name="connsiteY110" fmla="*/ 7917 h 10000"/>
                  <a:gd name="connsiteX111" fmla="*/ 2892 w 10000"/>
                  <a:gd name="connsiteY111" fmla="*/ 7843 h 10000"/>
                  <a:gd name="connsiteX112" fmla="*/ 3096 w 10000"/>
                  <a:gd name="connsiteY112" fmla="*/ 7784 h 10000"/>
                  <a:gd name="connsiteX113" fmla="*/ 3274 w 10000"/>
                  <a:gd name="connsiteY113" fmla="*/ 7710 h 10000"/>
                  <a:gd name="connsiteX114" fmla="*/ 3426 w 10000"/>
                  <a:gd name="connsiteY114" fmla="*/ 7592 h 10000"/>
                  <a:gd name="connsiteX115" fmla="*/ 3579 w 10000"/>
                  <a:gd name="connsiteY115" fmla="*/ 7474 h 10000"/>
                  <a:gd name="connsiteX116" fmla="*/ 3680 w 10000"/>
                  <a:gd name="connsiteY116" fmla="*/ 7312 h 10000"/>
                  <a:gd name="connsiteX117" fmla="*/ 3477 w 10000"/>
                  <a:gd name="connsiteY117" fmla="*/ 7238 h 10000"/>
                  <a:gd name="connsiteX118" fmla="*/ 3299 w 10000"/>
                  <a:gd name="connsiteY118" fmla="*/ 7179 h 10000"/>
                  <a:gd name="connsiteX119" fmla="*/ 3147 w 10000"/>
                  <a:gd name="connsiteY119" fmla="*/ 7090 h 10000"/>
                  <a:gd name="connsiteX120" fmla="*/ 2995 w 10000"/>
                  <a:gd name="connsiteY120" fmla="*/ 6987 h 10000"/>
                  <a:gd name="connsiteX121" fmla="*/ 2892 w 10000"/>
                  <a:gd name="connsiteY121" fmla="*/ 6869 h 10000"/>
                  <a:gd name="connsiteX122" fmla="*/ 2843 w 10000"/>
                  <a:gd name="connsiteY122" fmla="*/ 6721 h 10000"/>
                  <a:gd name="connsiteX123" fmla="*/ 2817 w 10000"/>
                  <a:gd name="connsiteY123" fmla="*/ 6558 h 10000"/>
                  <a:gd name="connsiteX124" fmla="*/ 2843 w 10000"/>
                  <a:gd name="connsiteY124" fmla="*/ 6352 h 10000"/>
                  <a:gd name="connsiteX125" fmla="*/ 2716 w 10000"/>
                  <a:gd name="connsiteY125" fmla="*/ 6322 h 10000"/>
                  <a:gd name="connsiteX126" fmla="*/ 2564 w 10000"/>
                  <a:gd name="connsiteY126" fmla="*/ 6292 h 10000"/>
                  <a:gd name="connsiteX127" fmla="*/ 2386 w 10000"/>
                  <a:gd name="connsiteY127" fmla="*/ 6278 h 10000"/>
                  <a:gd name="connsiteX128" fmla="*/ 2208 w 10000"/>
                  <a:gd name="connsiteY128" fmla="*/ 6263 h 10000"/>
                  <a:gd name="connsiteX129" fmla="*/ 1853 w 10000"/>
                  <a:gd name="connsiteY129" fmla="*/ 6248 h 10000"/>
                  <a:gd name="connsiteX130" fmla="*/ 1472 w 10000"/>
                  <a:gd name="connsiteY130" fmla="*/ 6263 h 10000"/>
                  <a:gd name="connsiteX131" fmla="*/ 1143 w 10000"/>
                  <a:gd name="connsiteY131" fmla="*/ 6278 h 10000"/>
                  <a:gd name="connsiteX132" fmla="*/ 837 w 10000"/>
                  <a:gd name="connsiteY132" fmla="*/ 6278 h 10000"/>
                  <a:gd name="connsiteX133" fmla="*/ 585 w 10000"/>
                  <a:gd name="connsiteY133" fmla="*/ 6263 h 10000"/>
                  <a:gd name="connsiteX134" fmla="*/ 381 w 10000"/>
                  <a:gd name="connsiteY134" fmla="*/ 6233 h 10000"/>
                  <a:gd name="connsiteX135" fmla="*/ 633 w 10000"/>
                  <a:gd name="connsiteY135" fmla="*/ 5805 h 10000"/>
                  <a:gd name="connsiteX136" fmla="*/ 914 w 10000"/>
                  <a:gd name="connsiteY136" fmla="*/ 5391 h 10000"/>
                  <a:gd name="connsiteX137" fmla="*/ 1016 w 10000"/>
                  <a:gd name="connsiteY137" fmla="*/ 5170 h 10000"/>
                  <a:gd name="connsiteX138" fmla="*/ 1091 w 10000"/>
                  <a:gd name="connsiteY138" fmla="*/ 4963 h 10000"/>
                  <a:gd name="connsiteX139" fmla="*/ 1116 w 10000"/>
                  <a:gd name="connsiteY139" fmla="*/ 4860 h 10000"/>
                  <a:gd name="connsiteX140" fmla="*/ 1091 w 10000"/>
                  <a:gd name="connsiteY140" fmla="*/ 4756 h 10000"/>
                  <a:gd name="connsiteX141" fmla="*/ 1066 w 10000"/>
                  <a:gd name="connsiteY141" fmla="*/ 4653 h 10000"/>
                  <a:gd name="connsiteX142" fmla="*/ 990 w 10000"/>
                  <a:gd name="connsiteY142" fmla="*/ 4549 h 10000"/>
                  <a:gd name="connsiteX143" fmla="*/ 1270 w 10000"/>
                  <a:gd name="connsiteY143" fmla="*/ 4520 h 10000"/>
                  <a:gd name="connsiteX144" fmla="*/ 1472 w 10000"/>
                  <a:gd name="connsiteY144" fmla="*/ 4505 h 10000"/>
                  <a:gd name="connsiteX145" fmla="*/ 1650 w 10000"/>
                  <a:gd name="connsiteY145" fmla="*/ 4505 h 10000"/>
                  <a:gd name="connsiteX146" fmla="*/ 1802 w 10000"/>
                  <a:gd name="connsiteY146" fmla="*/ 4520 h 10000"/>
                  <a:gd name="connsiteX147" fmla="*/ 1929 w 10000"/>
                  <a:gd name="connsiteY147" fmla="*/ 4520 h 10000"/>
                  <a:gd name="connsiteX148" fmla="*/ 2081 w 10000"/>
                  <a:gd name="connsiteY148" fmla="*/ 4520 h 10000"/>
                  <a:gd name="connsiteX149" fmla="*/ 2234 w 10000"/>
                  <a:gd name="connsiteY149" fmla="*/ 4490 h 10000"/>
                  <a:gd name="connsiteX150" fmla="*/ 2436 w 10000"/>
                  <a:gd name="connsiteY150" fmla="*/ 4446 h 10000"/>
                  <a:gd name="connsiteX151" fmla="*/ 2436 w 10000"/>
                  <a:gd name="connsiteY151" fmla="*/ 4579 h 10000"/>
                  <a:gd name="connsiteX152" fmla="*/ 2436 w 10000"/>
                  <a:gd name="connsiteY152" fmla="*/ 4742 h 10000"/>
                  <a:gd name="connsiteX153" fmla="*/ 2436 w 10000"/>
                  <a:gd name="connsiteY153" fmla="*/ 4874 h 10000"/>
                  <a:gd name="connsiteX154" fmla="*/ 2436 w 10000"/>
                  <a:gd name="connsiteY154" fmla="*/ 5037 h 10000"/>
                  <a:gd name="connsiteX155" fmla="*/ 2665 w 10000"/>
                  <a:gd name="connsiteY155" fmla="*/ 5022 h 10000"/>
                  <a:gd name="connsiteX156" fmla="*/ 2817 w 10000"/>
                  <a:gd name="connsiteY156" fmla="*/ 5037 h 10000"/>
                  <a:gd name="connsiteX157" fmla="*/ 2944 w 10000"/>
                  <a:gd name="connsiteY157" fmla="*/ 5066 h 10000"/>
                  <a:gd name="connsiteX158" fmla="*/ 3071 w 10000"/>
                  <a:gd name="connsiteY158" fmla="*/ 5096 h 10000"/>
                  <a:gd name="connsiteX159" fmla="*/ 3173 w 10000"/>
                  <a:gd name="connsiteY159" fmla="*/ 5126 h 10000"/>
                  <a:gd name="connsiteX160" fmla="*/ 3299 w 10000"/>
                  <a:gd name="connsiteY160" fmla="*/ 5155 h 10000"/>
                  <a:gd name="connsiteX161" fmla="*/ 3452 w 10000"/>
                  <a:gd name="connsiteY161" fmla="*/ 5170 h 10000"/>
                  <a:gd name="connsiteX162" fmla="*/ 3680 w 10000"/>
                  <a:gd name="connsiteY162" fmla="*/ 5155 h 10000"/>
                  <a:gd name="connsiteX163" fmla="*/ 3757 w 10000"/>
                  <a:gd name="connsiteY163" fmla="*/ 5096 h 10000"/>
                  <a:gd name="connsiteX164" fmla="*/ 3832 w 10000"/>
                  <a:gd name="connsiteY164" fmla="*/ 5022 h 10000"/>
                  <a:gd name="connsiteX165" fmla="*/ 3857 w 10000"/>
                  <a:gd name="connsiteY165" fmla="*/ 4934 h 10000"/>
                  <a:gd name="connsiteX166" fmla="*/ 3884 w 10000"/>
                  <a:gd name="connsiteY166" fmla="*/ 4860 h 10000"/>
                  <a:gd name="connsiteX167" fmla="*/ 3908 w 10000"/>
                  <a:gd name="connsiteY167" fmla="*/ 4697 h 10000"/>
                  <a:gd name="connsiteX168" fmla="*/ 3884 w 10000"/>
                  <a:gd name="connsiteY168" fmla="*/ 4520 h 10000"/>
                  <a:gd name="connsiteX169" fmla="*/ 3807 w 10000"/>
                  <a:gd name="connsiteY169" fmla="*/ 4343 h 10000"/>
                  <a:gd name="connsiteX170" fmla="*/ 3731 w 10000"/>
                  <a:gd name="connsiteY170" fmla="*/ 4195 h 10000"/>
                  <a:gd name="connsiteX171" fmla="*/ 3604 w 10000"/>
                  <a:gd name="connsiteY171" fmla="*/ 4047 h 10000"/>
                  <a:gd name="connsiteX172" fmla="*/ 3477 w 10000"/>
                  <a:gd name="connsiteY172" fmla="*/ 3959 h 10000"/>
                  <a:gd name="connsiteX173" fmla="*/ 3629 w 10000"/>
                  <a:gd name="connsiteY173" fmla="*/ 3944 h 10000"/>
                  <a:gd name="connsiteX174" fmla="*/ 3757 w 10000"/>
                  <a:gd name="connsiteY174" fmla="*/ 3914 h 10000"/>
                  <a:gd name="connsiteX175" fmla="*/ 3857 w 10000"/>
                  <a:gd name="connsiteY175" fmla="*/ 3855 h 10000"/>
                  <a:gd name="connsiteX176" fmla="*/ 3983 w 10000"/>
                  <a:gd name="connsiteY176" fmla="*/ 3752 h 10000"/>
                  <a:gd name="connsiteX177" fmla="*/ 4111 w 10000"/>
                  <a:gd name="connsiteY177" fmla="*/ 3663 h 10000"/>
                  <a:gd name="connsiteX178" fmla="*/ 4213 w 10000"/>
                  <a:gd name="connsiteY178" fmla="*/ 3560 h 10000"/>
                  <a:gd name="connsiteX179" fmla="*/ 4289 w 10000"/>
                  <a:gd name="connsiteY179" fmla="*/ 3442 h 10000"/>
                  <a:gd name="connsiteX180" fmla="*/ 4366 w 10000"/>
                  <a:gd name="connsiteY180" fmla="*/ 3323 h 10000"/>
                  <a:gd name="connsiteX181" fmla="*/ 4416 w 10000"/>
                  <a:gd name="connsiteY181" fmla="*/ 3220 h 10000"/>
                  <a:gd name="connsiteX182" fmla="*/ 4441 w 10000"/>
                  <a:gd name="connsiteY182" fmla="*/ 3102 h 10000"/>
                  <a:gd name="connsiteX183" fmla="*/ 4468 w 10000"/>
                  <a:gd name="connsiteY183" fmla="*/ 3013 h 10000"/>
                  <a:gd name="connsiteX184" fmla="*/ 4441 w 10000"/>
                  <a:gd name="connsiteY184" fmla="*/ 2939 h 10000"/>
                  <a:gd name="connsiteX185" fmla="*/ 4416 w 10000"/>
                  <a:gd name="connsiteY185" fmla="*/ 2866 h 10000"/>
                  <a:gd name="connsiteX186" fmla="*/ 4340 w 10000"/>
                  <a:gd name="connsiteY186" fmla="*/ 2836 h 10000"/>
                  <a:gd name="connsiteX187" fmla="*/ 4239 w 10000"/>
                  <a:gd name="connsiteY187" fmla="*/ 2836 h 10000"/>
                  <a:gd name="connsiteX188" fmla="*/ 4111 w 10000"/>
                  <a:gd name="connsiteY188" fmla="*/ 2866 h 10000"/>
                  <a:gd name="connsiteX189" fmla="*/ 4213 w 10000"/>
                  <a:gd name="connsiteY189" fmla="*/ 2777 h 10000"/>
                  <a:gd name="connsiteX190" fmla="*/ 4265 w 10000"/>
                  <a:gd name="connsiteY190" fmla="*/ 2674 h 10000"/>
                  <a:gd name="connsiteX191" fmla="*/ 4289 w 10000"/>
                  <a:gd name="connsiteY191" fmla="*/ 2541 h 10000"/>
                  <a:gd name="connsiteX192" fmla="*/ 4289 w 10000"/>
                  <a:gd name="connsiteY192" fmla="*/ 2393 h 10000"/>
                  <a:gd name="connsiteX193" fmla="*/ 4314 w 10000"/>
                  <a:gd name="connsiteY193" fmla="*/ 2349 h 10000"/>
                  <a:gd name="connsiteX194" fmla="*/ 4366 w 10000"/>
                  <a:gd name="connsiteY194" fmla="*/ 2304 h 10000"/>
                  <a:gd name="connsiteX195" fmla="*/ 4416 w 10000"/>
                  <a:gd name="connsiteY195" fmla="*/ 2290 h 10000"/>
                  <a:gd name="connsiteX196" fmla="*/ 4493 w 10000"/>
                  <a:gd name="connsiteY196" fmla="*/ 2275 h 10000"/>
                  <a:gd name="connsiteX197" fmla="*/ 4720 w 10000"/>
                  <a:gd name="connsiteY197" fmla="*/ 2260 h 10000"/>
                  <a:gd name="connsiteX198" fmla="*/ 4923 w 10000"/>
                  <a:gd name="connsiteY198" fmla="*/ 2275 h 10000"/>
                  <a:gd name="connsiteX199" fmla="*/ 4898 w 10000"/>
                  <a:gd name="connsiteY199" fmla="*/ 2112 h 10000"/>
                  <a:gd name="connsiteX200" fmla="*/ 4848 w 10000"/>
                  <a:gd name="connsiteY200" fmla="*/ 1950 h 10000"/>
                  <a:gd name="connsiteX201" fmla="*/ 4771 w 10000"/>
                  <a:gd name="connsiteY201" fmla="*/ 1802 h 10000"/>
                  <a:gd name="connsiteX202" fmla="*/ 4671 w 10000"/>
                  <a:gd name="connsiteY202" fmla="*/ 1640 h 10000"/>
                  <a:gd name="connsiteX203" fmla="*/ 4416 w 10000"/>
                  <a:gd name="connsiteY203" fmla="*/ 1329 h 10000"/>
                  <a:gd name="connsiteX204" fmla="*/ 4162 w 10000"/>
                  <a:gd name="connsiteY204" fmla="*/ 1034 h 10000"/>
                  <a:gd name="connsiteX205" fmla="*/ 4035 w 10000"/>
                  <a:gd name="connsiteY205" fmla="*/ 901 h 10000"/>
                  <a:gd name="connsiteX206" fmla="*/ 3935 w 10000"/>
                  <a:gd name="connsiteY206" fmla="*/ 753 h 10000"/>
                  <a:gd name="connsiteX207" fmla="*/ 3857 w 10000"/>
                  <a:gd name="connsiteY207" fmla="*/ 620 h 10000"/>
                  <a:gd name="connsiteX208" fmla="*/ 3832 w 10000"/>
                  <a:gd name="connsiteY208" fmla="*/ 487 h 10000"/>
                  <a:gd name="connsiteX209" fmla="*/ 3807 w 10000"/>
                  <a:gd name="connsiteY209" fmla="*/ 355 h 10000"/>
                  <a:gd name="connsiteX210" fmla="*/ 3857 w 10000"/>
                  <a:gd name="connsiteY210" fmla="*/ 222 h 10000"/>
                  <a:gd name="connsiteX211" fmla="*/ 3884 w 10000"/>
                  <a:gd name="connsiteY211" fmla="*/ 162 h 10000"/>
                  <a:gd name="connsiteX212" fmla="*/ 3935 w 10000"/>
                  <a:gd name="connsiteY212" fmla="*/ 103 h 10000"/>
                  <a:gd name="connsiteX213" fmla="*/ 4011 w 10000"/>
                  <a:gd name="connsiteY213" fmla="*/ 59 h 10000"/>
                  <a:gd name="connsiteX214" fmla="*/ 4111 w 10000"/>
                  <a:gd name="connsiteY214" fmla="*/ 0 h 10000"/>
                  <a:gd name="connsiteX215" fmla="*/ 4289 w 10000"/>
                  <a:gd name="connsiteY215" fmla="*/ 0 h 10000"/>
                  <a:gd name="connsiteX216" fmla="*/ 4468 w 10000"/>
                  <a:gd name="connsiteY216" fmla="*/ 15 h 10000"/>
                  <a:gd name="connsiteX217" fmla="*/ 4644 w 10000"/>
                  <a:gd name="connsiteY217" fmla="*/ 44 h 10000"/>
                  <a:gd name="connsiteX218" fmla="*/ 4771 w 10000"/>
                  <a:gd name="connsiteY218" fmla="*/ 89 h 10000"/>
                  <a:gd name="connsiteX219" fmla="*/ 4975 w 10000"/>
                  <a:gd name="connsiteY219" fmla="*/ 192 h 10000"/>
                  <a:gd name="connsiteX220" fmla="*/ 5177 w 10000"/>
                  <a:gd name="connsiteY220" fmla="*/ 340 h 10000"/>
                  <a:gd name="connsiteX221" fmla="*/ 5329 w 10000"/>
                  <a:gd name="connsiteY221" fmla="*/ 473 h 10000"/>
                  <a:gd name="connsiteX222" fmla="*/ 5532 w 10000"/>
                  <a:gd name="connsiteY222" fmla="*/ 591 h 10000"/>
                  <a:gd name="connsiteX223" fmla="*/ 5660 w 10000"/>
                  <a:gd name="connsiteY223" fmla="*/ 650 h 10000"/>
                  <a:gd name="connsiteX224" fmla="*/ 5812 w 10000"/>
                  <a:gd name="connsiteY224" fmla="*/ 679 h 10000"/>
                  <a:gd name="connsiteX225" fmla="*/ 5965 w 10000"/>
                  <a:gd name="connsiteY225" fmla="*/ 709 h 10000"/>
                  <a:gd name="connsiteX226" fmla="*/ 6168 w 10000"/>
                  <a:gd name="connsiteY226" fmla="*/ 709 h 10000"/>
                  <a:gd name="connsiteX227" fmla="*/ 6168 w 10000"/>
                  <a:gd name="connsiteY227" fmla="*/ 768 h 10000"/>
                  <a:gd name="connsiteX228" fmla="*/ 6193 w 10000"/>
                  <a:gd name="connsiteY228" fmla="*/ 842 h 10000"/>
                  <a:gd name="connsiteX229" fmla="*/ 6243 w 10000"/>
                  <a:gd name="connsiteY229" fmla="*/ 916 h 10000"/>
                  <a:gd name="connsiteX230" fmla="*/ 6294 w 10000"/>
                  <a:gd name="connsiteY230" fmla="*/ 990 h 10000"/>
                  <a:gd name="connsiteX231" fmla="*/ 6369 w 10000"/>
                  <a:gd name="connsiteY231" fmla="*/ 1049 h 10000"/>
                  <a:gd name="connsiteX232" fmla="*/ 6471 w 10000"/>
                  <a:gd name="connsiteY232" fmla="*/ 1108 h 10000"/>
                  <a:gd name="connsiteX233" fmla="*/ 6598 w 10000"/>
                  <a:gd name="connsiteY233" fmla="*/ 1182 h 10000"/>
                  <a:gd name="connsiteX234" fmla="*/ 6700 w 10000"/>
                  <a:gd name="connsiteY234" fmla="*/ 1226 h 10000"/>
                  <a:gd name="connsiteX235" fmla="*/ 6802 w 10000"/>
                  <a:gd name="connsiteY235" fmla="*/ 1270 h 10000"/>
                  <a:gd name="connsiteX236" fmla="*/ 6903 w 10000"/>
                  <a:gd name="connsiteY236" fmla="*/ 1300 h 10000"/>
                  <a:gd name="connsiteX237" fmla="*/ 7005 w 10000"/>
                  <a:gd name="connsiteY237" fmla="*/ 1315 h 10000"/>
                  <a:gd name="connsiteX238" fmla="*/ 7132 w 10000"/>
                  <a:gd name="connsiteY238" fmla="*/ 1300 h 10000"/>
                  <a:gd name="connsiteX239" fmla="*/ 7234 w 10000"/>
                  <a:gd name="connsiteY239" fmla="*/ 1285 h 10000"/>
                  <a:gd name="connsiteX240" fmla="*/ 7309 w 10000"/>
                  <a:gd name="connsiteY240" fmla="*/ 1241 h 10000"/>
                  <a:gd name="connsiteX241" fmla="*/ 7361 w 10000"/>
                  <a:gd name="connsiteY241" fmla="*/ 1167 h 10000"/>
                  <a:gd name="connsiteX242" fmla="*/ 7385 w 10000"/>
                  <a:gd name="connsiteY242" fmla="*/ 1064 h 10000"/>
                  <a:gd name="connsiteX243" fmla="*/ 7766 w 10000"/>
                  <a:gd name="connsiteY243" fmla="*/ 1034 h 10000"/>
                  <a:gd name="connsiteX244" fmla="*/ 8121 w 10000"/>
                  <a:gd name="connsiteY244" fmla="*/ 1004 h 10000"/>
                  <a:gd name="connsiteX245" fmla="*/ 8427 w 10000"/>
                  <a:gd name="connsiteY245" fmla="*/ 990 h 10000"/>
                  <a:gd name="connsiteX246" fmla="*/ 8706 w 10000"/>
                  <a:gd name="connsiteY246" fmla="*/ 1004 h 10000"/>
                  <a:gd name="connsiteX247" fmla="*/ 8833 w 10000"/>
                  <a:gd name="connsiteY247" fmla="*/ 1019 h 10000"/>
                  <a:gd name="connsiteX248" fmla="*/ 8958 w 10000"/>
                  <a:gd name="connsiteY248" fmla="*/ 1034 h 10000"/>
                  <a:gd name="connsiteX249" fmla="*/ 9061 w 10000"/>
                  <a:gd name="connsiteY249" fmla="*/ 1064 h 10000"/>
                  <a:gd name="connsiteX250" fmla="*/ 9188 w 10000"/>
                  <a:gd name="connsiteY250" fmla="*/ 1108 h 10000"/>
                  <a:gd name="connsiteX251" fmla="*/ 9264 w 10000"/>
                  <a:gd name="connsiteY251" fmla="*/ 1182 h 10000"/>
                  <a:gd name="connsiteX252" fmla="*/ 9339 w 10000"/>
                  <a:gd name="connsiteY252" fmla="*/ 1241 h 10000"/>
                  <a:gd name="connsiteX253" fmla="*/ 9391 w 10000"/>
                  <a:gd name="connsiteY253" fmla="*/ 1329 h 10000"/>
                  <a:gd name="connsiteX254" fmla="*/ 9442 w 10000"/>
                  <a:gd name="connsiteY254" fmla="*/ 1433 h 10000"/>
                  <a:gd name="connsiteX255" fmla="*/ 9492 w 10000"/>
                  <a:gd name="connsiteY255" fmla="*/ 1551 h 10000"/>
                  <a:gd name="connsiteX256" fmla="*/ 9466 w 10000"/>
                  <a:gd name="connsiteY256" fmla="*/ 1625 h 10000"/>
                  <a:gd name="connsiteX257" fmla="*/ 9442 w 10000"/>
                  <a:gd name="connsiteY257" fmla="*/ 1684 h 10000"/>
                  <a:gd name="connsiteX258" fmla="*/ 9391 w 10000"/>
                  <a:gd name="connsiteY258" fmla="*/ 1758 h 10000"/>
                  <a:gd name="connsiteX259" fmla="*/ 9315 w 10000"/>
                  <a:gd name="connsiteY259" fmla="*/ 1802 h 10000"/>
                  <a:gd name="connsiteX260" fmla="*/ 9264 w 10000"/>
                  <a:gd name="connsiteY260" fmla="*/ 1861 h 10000"/>
                  <a:gd name="connsiteX261" fmla="*/ 9240 w 10000"/>
                  <a:gd name="connsiteY261" fmla="*/ 1935 h 10000"/>
                  <a:gd name="connsiteX262" fmla="*/ 9264 w 10000"/>
                  <a:gd name="connsiteY262" fmla="*/ 2024 h 10000"/>
                  <a:gd name="connsiteX263" fmla="*/ 9543 w 10000"/>
                  <a:gd name="connsiteY263" fmla="*/ 2157 h 10000"/>
                  <a:gd name="connsiteX264" fmla="*/ 9873 w 10000"/>
                  <a:gd name="connsiteY264" fmla="*/ 2275 h 10000"/>
                  <a:gd name="connsiteX265" fmla="*/ 10000 w 10000"/>
                  <a:gd name="connsiteY265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8984 w 10000"/>
                  <a:gd name="connsiteY11" fmla="*/ 3412 h 10000"/>
                  <a:gd name="connsiteX12" fmla="*/ 9188 w 10000"/>
                  <a:gd name="connsiteY12" fmla="*/ 3338 h 10000"/>
                  <a:gd name="connsiteX13" fmla="*/ 9415 w 10000"/>
                  <a:gd name="connsiteY13" fmla="*/ 3117 h 10000"/>
                  <a:gd name="connsiteX14" fmla="*/ 9442 w 10000"/>
                  <a:gd name="connsiteY14" fmla="*/ 3072 h 10000"/>
                  <a:gd name="connsiteX15" fmla="*/ 9466 w 10000"/>
                  <a:gd name="connsiteY15" fmla="*/ 3013 h 10000"/>
                  <a:gd name="connsiteX16" fmla="*/ 9466 w 10000"/>
                  <a:gd name="connsiteY16" fmla="*/ 2954 h 10000"/>
                  <a:gd name="connsiteX17" fmla="*/ 9442 w 10000"/>
                  <a:gd name="connsiteY17" fmla="*/ 2866 h 10000"/>
                  <a:gd name="connsiteX18" fmla="*/ 9264 w 10000"/>
                  <a:gd name="connsiteY18" fmla="*/ 2984 h 10000"/>
                  <a:gd name="connsiteX19" fmla="*/ 9061 w 10000"/>
                  <a:gd name="connsiteY19" fmla="*/ 3072 h 10000"/>
                  <a:gd name="connsiteX20" fmla="*/ 8197 w 10000"/>
                  <a:gd name="connsiteY20" fmla="*/ 3397 h 10000"/>
                  <a:gd name="connsiteX21" fmla="*/ 7716 w 10000"/>
                  <a:gd name="connsiteY21" fmla="*/ 3545 h 10000"/>
                  <a:gd name="connsiteX22" fmla="*/ 7234 w 10000"/>
                  <a:gd name="connsiteY22" fmla="*/ 3678 h 10000"/>
                  <a:gd name="connsiteX23" fmla="*/ 6776 w 10000"/>
                  <a:gd name="connsiteY23" fmla="*/ 3840 h 10000"/>
                  <a:gd name="connsiteX24" fmla="*/ 6548 w 10000"/>
                  <a:gd name="connsiteY24" fmla="*/ 3914 h 10000"/>
                  <a:gd name="connsiteX25" fmla="*/ 6345 w 10000"/>
                  <a:gd name="connsiteY25" fmla="*/ 4003 h 10000"/>
                  <a:gd name="connsiteX26" fmla="*/ 6143 w 10000"/>
                  <a:gd name="connsiteY26" fmla="*/ 4106 h 10000"/>
                  <a:gd name="connsiteX27" fmla="*/ 5938 w 10000"/>
                  <a:gd name="connsiteY27" fmla="*/ 4195 h 10000"/>
                  <a:gd name="connsiteX28" fmla="*/ 6091 w 10000"/>
                  <a:gd name="connsiteY28" fmla="*/ 4417 h 10000"/>
                  <a:gd name="connsiteX29" fmla="*/ 6193 w 10000"/>
                  <a:gd name="connsiteY29" fmla="*/ 4623 h 10000"/>
                  <a:gd name="connsiteX30" fmla="*/ 6294 w 10000"/>
                  <a:gd name="connsiteY30" fmla="*/ 4845 h 10000"/>
                  <a:gd name="connsiteX31" fmla="*/ 6369 w 10000"/>
                  <a:gd name="connsiteY31" fmla="*/ 5081 h 10000"/>
                  <a:gd name="connsiteX32" fmla="*/ 6421 w 10000"/>
                  <a:gd name="connsiteY32" fmla="*/ 5318 h 10000"/>
                  <a:gd name="connsiteX33" fmla="*/ 6447 w 10000"/>
                  <a:gd name="connsiteY33" fmla="*/ 5539 h 10000"/>
                  <a:gd name="connsiteX34" fmla="*/ 6471 w 10000"/>
                  <a:gd name="connsiteY34" fmla="*/ 5775 h 10000"/>
                  <a:gd name="connsiteX35" fmla="*/ 6471 w 10000"/>
                  <a:gd name="connsiteY35" fmla="*/ 5997 h 10000"/>
                  <a:gd name="connsiteX36" fmla="*/ 6447 w 10000"/>
                  <a:gd name="connsiteY36" fmla="*/ 6233 h 10000"/>
                  <a:gd name="connsiteX37" fmla="*/ 6396 w 10000"/>
                  <a:gd name="connsiteY37" fmla="*/ 6470 h 10000"/>
                  <a:gd name="connsiteX38" fmla="*/ 6345 w 10000"/>
                  <a:gd name="connsiteY38" fmla="*/ 6677 h 10000"/>
                  <a:gd name="connsiteX39" fmla="*/ 6269 w 10000"/>
                  <a:gd name="connsiteY39" fmla="*/ 6898 h 10000"/>
                  <a:gd name="connsiteX40" fmla="*/ 6168 w 10000"/>
                  <a:gd name="connsiteY40" fmla="*/ 7105 h 10000"/>
                  <a:gd name="connsiteX41" fmla="*/ 6041 w 10000"/>
                  <a:gd name="connsiteY41" fmla="*/ 7297 h 10000"/>
                  <a:gd name="connsiteX42" fmla="*/ 5888 w 10000"/>
                  <a:gd name="connsiteY42" fmla="*/ 7489 h 10000"/>
                  <a:gd name="connsiteX43" fmla="*/ 5735 w 10000"/>
                  <a:gd name="connsiteY43" fmla="*/ 7681 h 10000"/>
                  <a:gd name="connsiteX44" fmla="*/ 6471 w 10000"/>
                  <a:gd name="connsiteY44" fmla="*/ 7799 h 10000"/>
                  <a:gd name="connsiteX45" fmla="*/ 7234 w 10000"/>
                  <a:gd name="connsiteY45" fmla="*/ 7962 h 10000"/>
                  <a:gd name="connsiteX46" fmla="*/ 7385 w 10000"/>
                  <a:gd name="connsiteY46" fmla="*/ 8021 h 10000"/>
                  <a:gd name="connsiteX47" fmla="*/ 7512 w 10000"/>
                  <a:gd name="connsiteY47" fmla="*/ 8080 h 10000"/>
                  <a:gd name="connsiteX48" fmla="*/ 7639 w 10000"/>
                  <a:gd name="connsiteY48" fmla="*/ 8139 h 10000"/>
                  <a:gd name="connsiteX49" fmla="*/ 7716 w 10000"/>
                  <a:gd name="connsiteY49" fmla="*/ 8227 h 10000"/>
                  <a:gd name="connsiteX50" fmla="*/ 7741 w 10000"/>
                  <a:gd name="connsiteY50" fmla="*/ 8301 h 10000"/>
                  <a:gd name="connsiteX51" fmla="*/ 7741 w 10000"/>
                  <a:gd name="connsiteY51" fmla="*/ 8405 h 10000"/>
                  <a:gd name="connsiteX52" fmla="*/ 7691 w 10000"/>
                  <a:gd name="connsiteY52" fmla="*/ 8523 h 10000"/>
                  <a:gd name="connsiteX53" fmla="*/ 7614 w 10000"/>
                  <a:gd name="connsiteY53" fmla="*/ 8641 h 10000"/>
                  <a:gd name="connsiteX54" fmla="*/ 7284 w 10000"/>
                  <a:gd name="connsiteY54" fmla="*/ 8552 h 10000"/>
                  <a:gd name="connsiteX55" fmla="*/ 6979 w 10000"/>
                  <a:gd name="connsiteY55" fmla="*/ 8449 h 10000"/>
                  <a:gd name="connsiteX56" fmla="*/ 6674 w 10000"/>
                  <a:gd name="connsiteY56" fmla="*/ 8360 h 10000"/>
                  <a:gd name="connsiteX57" fmla="*/ 6369 w 10000"/>
                  <a:gd name="connsiteY57" fmla="*/ 8287 h 10000"/>
                  <a:gd name="connsiteX58" fmla="*/ 6243 w 10000"/>
                  <a:gd name="connsiteY58" fmla="*/ 8449 h 10000"/>
                  <a:gd name="connsiteX59" fmla="*/ 6143 w 10000"/>
                  <a:gd name="connsiteY59" fmla="*/ 8597 h 10000"/>
                  <a:gd name="connsiteX60" fmla="*/ 6091 w 10000"/>
                  <a:gd name="connsiteY60" fmla="*/ 8656 h 10000"/>
                  <a:gd name="connsiteX61" fmla="*/ 5989 w 10000"/>
                  <a:gd name="connsiteY61" fmla="*/ 8700 h 10000"/>
                  <a:gd name="connsiteX62" fmla="*/ 5914 w 10000"/>
                  <a:gd name="connsiteY62" fmla="*/ 8744 h 10000"/>
                  <a:gd name="connsiteX63" fmla="*/ 5838 w 10000"/>
                  <a:gd name="connsiteY63" fmla="*/ 8774 h 10000"/>
                  <a:gd name="connsiteX64" fmla="*/ 5761 w 10000"/>
                  <a:gd name="connsiteY64" fmla="*/ 8804 h 10000"/>
                  <a:gd name="connsiteX65" fmla="*/ 5660 w 10000"/>
                  <a:gd name="connsiteY65" fmla="*/ 8818 h 10000"/>
                  <a:gd name="connsiteX66" fmla="*/ 5532 w 10000"/>
                  <a:gd name="connsiteY66" fmla="*/ 8833 h 10000"/>
                  <a:gd name="connsiteX67" fmla="*/ 5406 w 10000"/>
                  <a:gd name="connsiteY67" fmla="*/ 8833 h 10000"/>
                  <a:gd name="connsiteX68" fmla="*/ 5102 w 10000"/>
                  <a:gd name="connsiteY68" fmla="*/ 8818 h 10000"/>
                  <a:gd name="connsiteX69" fmla="*/ 4720 w 10000"/>
                  <a:gd name="connsiteY69" fmla="*/ 8744 h 10000"/>
                  <a:gd name="connsiteX70" fmla="*/ 4720 w 10000"/>
                  <a:gd name="connsiteY70" fmla="*/ 8922 h 10000"/>
                  <a:gd name="connsiteX71" fmla="*/ 4695 w 10000"/>
                  <a:gd name="connsiteY71" fmla="*/ 9069 h 10000"/>
                  <a:gd name="connsiteX72" fmla="*/ 4671 w 10000"/>
                  <a:gd name="connsiteY72" fmla="*/ 9232 h 10000"/>
                  <a:gd name="connsiteX73" fmla="*/ 4644 w 10000"/>
                  <a:gd name="connsiteY73" fmla="*/ 9365 h 10000"/>
                  <a:gd name="connsiteX74" fmla="*/ 4593 w 10000"/>
                  <a:gd name="connsiteY74" fmla="*/ 9498 h 10000"/>
                  <a:gd name="connsiteX75" fmla="*/ 4493 w 10000"/>
                  <a:gd name="connsiteY75" fmla="*/ 9616 h 10000"/>
                  <a:gd name="connsiteX76" fmla="*/ 4416 w 10000"/>
                  <a:gd name="connsiteY76" fmla="*/ 9734 h 10000"/>
                  <a:gd name="connsiteX77" fmla="*/ 4289 w 10000"/>
                  <a:gd name="connsiteY77" fmla="*/ 9838 h 10000"/>
                  <a:gd name="connsiteX78" fmla="*/ 3983 w 10000"/>
                  <a:gd name="connsiteY78" fmla="*/ 9897 h 10000"/>
                  <a:gd name="connsiteX79" fmla="*/ 3731 w 10000"/>
                  <a:gd name="connsiteY79" fmla="*/ 9941 h 10000"/>
                  <a:gd name="connsiteX80" fmla="*/ 3426 w 10000"/>
                  <a:gd name="connsiteY80" fmla="*/ 9985 h 10000"/>
                  <a:gd name="connsiteX81" fmla="*/ 3198 w 10000"/>
                  <a:gd name="connsiteY81" fmla="*/ 10000 h 10000"/>
                  <a:gd name="connsiteX82" fmla="*/ 2690 w 10000"/>
                  <a:gd name="connsiteY82" fmla="*/ 10000 h 10000"/>
                  <a:gd name="connsiteX83" fmla="*/ 2208 w 10000"/>
                  <a:gd name="connsiteY83" fmla="*/ 9985 h 10000"/>
                  <a:gd name="connsiteX84" fmla="*/ 1752 w 10000"/>
                  <a:gd name="connsiteY84" fmla="*/ 9941 h 10000"/>
                  <a:gd name="connsiteX85" fmla="*/ 1270 w 10000"/>
                  <a:gd name="connsiteY85" fmla="*/ 9911 h 10000"/>
                  <a:gd name="connsiteX86" fmla="*/ 990 w 10000"/>
                  <a:gd name="connsiteY86" fmla="*/ 9911 h 10000"/>
                  <a:gd name="connsiteX87" fmla="*/ 736 w 10000"/>
                  <a:gd name="connsiteY87" fmla="*/ 9911 h 10000"/>
                  <a:gd name="connsiteX88" fmla="*/ 457 w 10000"/>
                  <a:gd name="connsiteY88" fmla="*/ 9926 h 10000"/>
                  <a:gd name="connsiteX89" fmla="*/ 178 w 10000"/>
                  <a:gd name="connsiteY89" fmla="*/ 9970 h 10000"/>
                  <a:gd name="connsiteX90" fmla="*/ 102 w 10000"/>
                  <a:gd name="connsiteY90" fmla="*/ 9867 h 10000"/>
                  <a:gd name="connsiteX91" fmla="*/ 51 w 10000"/>
                  <a:gd name="connsiteY91" fmla="*/ 9793 h 10000"/>
                  <a:gd name="connsiteX92" fmla="*/ 0 w 10000"/>
                  <a:gd name="connsiteY92" fmla="*/ 9705 h 10000"/>
                  <a:gd name="connsiteX93" fmla="*/ 0 w 10000"/>
                  <a:gd name="connsiteY93" fmla="*/ 9601 h 10000"/>
                  <a:gd name="connsiteX94" fmla="*/ 51 w 10000"/>
                  <a:gd name="connsiteY94" fmla="*/ 9424 h 10000"/>
                  <a:gd name="connsiteX95" fmla="*/ 102 w 10000"/>
                  <a:gd name="connsiteY95" fmla="*/ 9202 h 10000"/>
                  <a:gd name="connsiteX96" fmla="*/ 151 w 10000"/>
                  <a:gd name="connsiteY96" fmla="*/ 8996 h 10000"/>
                  <a:gd name="connsiteX97" fmla="*/ 203 w 10000"/>
                  <a:gd name="connsiteY97" fmla="*/ 8759 h 10000"/>
                  <a:gd name="connsiteX98" fmla="*/ 228 w 10000"/>
                  <a:gd name="connsiteY98" fmla="*/ 8641 h 10000"/>
                  <a:gd name="connsiteX99" fmla="*/ 228 w 10000"/>
                  <a:gd name="connsiteY99" fmla="*/ 8538 h 10000"/>
                  <a:gd name="connsiteX100" fmla="*/ 203 w 10000"/>
                  <a:gd name="connsiteY100" fmla="*/ 8405 h 10000"/>
                  <a:gd name="connsiteX101" fmla="*/ 178 w 10000"/>
                  <a:gd name="connsiteY101" fmla="*/ 8287 h 10000"/>
                  <a:gd name="connsiteX102" fmla="*/ 431 w 10000"/>
                  <a:gd name="connsiteY102" fmla="*/ 8213 h 10000"/>
                  <a:gd name="connsiteX103" fmla="*/ 685 w 10000"/>
                  <a:gd name="connsiteY103" fmla="*/ 8139 h 10000"/>
                  <a:gd name="connsiteX104" fmla="*/ 939 w 10000"/>
                  <a:gd name="connsiteY104" fmla="*/ 8095 h 10000"/>
                  <a:gd name="connsiteX105" fmla="*/ 1218 w 10000"/>
                  <a:gd name="connsiteY105" fmla="*/ 8065 h 10000"/>
                  <a:gd name="connsiteX106" fmla="*/ 1725 w 10000"/>
                  <a:gd name="connsiteY106" fmla="*/ 8021 h 10000"/>
                  <a:gd name="connsiteX107" fmla="*/ 2234 w 10000"/>
                  <a:gd name="connsiteY107" fmla="*/ 7976 h 10000"/>
                  <a:gd name="connsiteX108" fmla="*/ 2462 w 10000"/>
                  <a:gd name="connsiteY108" fmla="*/ 7947 h 10000"/>
                  <a:gd name="connsiteX109" fmla="*/ 2690 w 10000"/>
                  <a:gd name="connsiteY109" fmla="*/ 7917 h 10000"/>
                  <a:gd name="connsiteX110" fmla="*/ 2892 w 10000"/>
                  <a:gd name="connsiteY110" fmla="*/ 7843 h 10000"/>
                  <a:gd name="connsiteX111" fmla="*/ 3096 w 10000"/>
                  <a:gd name="connsiteY111" fmla="*/ 7784 h 10000"/>
                  <a:gd name="connsiteX112" fmla="*/ 3274 w 10000"/>
                  <a:gd name="connsiteY112" fmla="*/ 7710 h 10000"/>
                  <a:gd name="connsiteX113" fmla="*/ 3426 w 10000"/>
                  <a:gd name="connsiteY113" fmla="*/ 7592 h 10000"/>
                  <a:gd name="connsiteX114" fmla="*/ 3579 w 10000"/>
                  <a:gd name="connsiteY114" fmla="*/ 7474 h 10000"/>
                  <a:gd name="connsiteX115" fmla="*/ 3680 w 10000"/>
                  <a:gd name="connsiteY115" fmla="*/ 7312 h 10000"/>
                  <a:gd name="connsiteX116" fmla="*/ 3477 w 10000"/>
                  <a:gd name="connsiteY116" fmla="*/ 7238 h 10000"/>
                  <a:gd name="connsiteX117" fmla="*/ 3299 w 10000"/>
                  <a:gd name="connsiteY117" fmla="*/ 7179 h 10000"/>
                  <a:gd name="connsiteX118" fmla="*/ 3147 w 10000"/>
                  <a:gd name="connsiteY118" fmla="*/ 7090 h 10000"/>
                  <a:gd name="connsiteX119" fmla="*/ 2995 w 10000"/>
                  <a:gd name="connsiteY119" fmla="*/ 6987 h 10000"/>
                  <a:gd name="connsiteX120" fmla="*/ 2892 w 10000"/>
                  <a:gd name="connsiteY120" fmla="*/ 6869 h 10000"/>
                  <a:gd name="connsiteX121" fmla="*/ 2843 w 10000"/>
                  <a:gd name="connsiteY121" fmla="*/ 6721 h 10000"/>
                  <a:gd name="connsiteX122" fmla="*/ 2817 w 10000"/>
                  <a:gd name="connsiteY122" fmla="*/ 6558 h 10000"/>
                  <a:gd name="connsiteX123" fmla="*/ 2843 w 10000"/>
                  <a:gd name="connsiteY123" fmla="*/ 6352 h 10000"/>
                  <a:gd name="connsiteX124" fmla="*/ 2716 w 10000"/>
                  <a:gd name="connsiteY124" fmla="*/ 6322 h 10000"/>
                  <a:gd name="connsiteX125" fmla="*/ 2564 w 10000"/>
                  <a:gd name="connsiteY125" fmla="*/ 6292 h 10000"/>
                  <a:gd name="connsiteX126" fmla="*/ 2386 w 10000"/>
                  <a:gd name="connsiteY126" fmla="*/ 6278 h 10000"/>
                  <a:gd name="connsiteX127" fmla="*/ 2208 w 10000"/>
                  <a:gd name="connsiteY127" fmla="*/ 6263 h 10000"/>
                  <a:gd name="connsiteX128" fmla="*/ 1853 w 10000"/>
                  <a:gd name="connsiteY128" fmla="*/ 6248 h 10000"/>
                  <a:gd name="connsiteX129" fmla="*/ 1472 w 10000"/>
                  <a:gd name="connsiteY129" fmla="*/ 6263 h 10000"/>
                  <a:gd name="connsiteX130" fmla="*/ 1143 w 10000"/>
                  <a:gd name="connsiteY130" fmla="*/ 6278 h 10000"/>
                  <a:gd name="connsiteX131" fmla="*/ 837 w 10000"/>
                  <a:gd name="connsiteY131" fmla="*/ 6278 h 10000"/>
                  <a:gd name="connsiteX132" fmla="*/ 585 w 10000"/>
                  <a:gd name="connsiteY132" fmla="*/ 6263 h 10000"/>
                  <a:gd name="connsiteX133" fmla="*/ 381 w 10000"/>
                  <a:gd name="connsiteY133" fmla="*/ 6233 h 10000"/>
                  <a:gd name="connsiteX134" fmla="*/ 633 w 10000"/>
                  <a:gd name="connsiteY134" fmla="*/ 5805 h 10000"/>
                  <a:gd name="connsiteX135" fmla="*/ 914 w 10000"/>
                  <a:gd name="connsiteY135" fmla="*/ 5391 h 10000"/>
                  <a:gd name="connsiteX136" fmla="*/ 1016 w 10000"/>
                  <a:gd name="connsiteY136" fmla="*/ 5170 h 10000"/>
                  <a:gd name="connsiteX137" fmla="*/ 1091 w 10000"/>
                  <a:gd name="connsiteY137" fmla="*/ 4963 h 10000"/>
                  <a:gd name="connsiteX138" fmla="*/ 1116 w 10000"/>
                  <a:gd name="connsiteY138" fmla="*/ 4860 h 10000"/>
                  <a:gd name="connsiteX139" fmla="*/ 1091 w 10000"/>
                  <a:gd name="connsiteY139" fmla="*/ 4756 h 10000"/>
                  <a:gd name="connsiteX140" fmla="*/ 1066 w 10000"/>
                  <a:gd name="connsiteY140" fmla="*/ 4653 h 10000"/>
                  <a:gd name="connsiteX141" fmla="*/ 990 w 10000"/>
                  <a:gd name="connsiteY141" fmla="*/ 4549 h 10000"/>
                  <a:gd name="connsiteX142" fmla="*/ 1270 w 10000"/>
                  <a:gd name="connsiteY142" fmla="*/ 4520 h 10000"/>
                  <a:gd name="connsiteX143" fmla="*/ 1472 w 10000"/>
                  <a:gd name="connsiteY143" fmla="*/ 4505 h 10000"/>
                  <a:gd name="connsiteX144" fmla="*/ 1650 w 10000"/>
                  <a:gd name="connsiteY144" fmla="*/ 4505 h 10000"/>
                  <a:gd name="connsiteX145" fmla="*/ 1802 w 10000"/>
                  <a:gd name="connsiteY145" fmla="*/ 4520 h 10000"/>
                  <a:gd name="connsiteX146" fmla="*/ 1929 w 10000"/>
                  <a:gd name="connsiteY146" fmla="*/ 4520 h 10000"/>
                  <a:gd name="connsiteX147" fmla="*/ 2081 w 10000"/>
                  <a:gd name="connsiteY147" fmla="*/ 4520 h 10000"/>
                  <a:gd name="connsiteX148" fmla="*/ 2234 w 10000"/>
                  <a:gd name="connsiteY148" fmla="*/ 4490 h 10000"/>
                  <a:gd name="connsiteX149" fmla="*/ 2436 w 10000"/>
                  <a:gd name="connsiteY149" fmla="*/ 4446 h 10000"/>
                  <a:gd name="connsiteX150" fmla="*/ 2436 w 10000"/>
                  <a:gd name="connsiteY150" fmla="*/ 4579 h 10000"/>
                  <a:gd name="connsiteX151" fmla="*/ 2436 w 10000"/>
                  <a:gd name="connsiteY151" fmla="*/ 4742 h 10000"/>
                  <a:gd name="connsiteX152" fmla="*/ 2436 w 10000"/>
                  <a:gd name="connsiteY152" fmla="*/ 4874 h 10000"/>
                  <a:gd name="connsiteX153" fmla="*/ 2436 w 10000"/>
                  <a:gd name="connsiteY153" fmla="*/ 5037 h 10000"/>
                  <a:gd name="connsiteX154" fmla="*/ 2665 w 10000"/>
                  <a:gd name="connsiteY154" fmla="*/ 5022 h 10000"/>
                  <a:gd name="connsiteX155" fmla="*/ 2817 w 10000"/>
                  <a:gd name="connsiteY155" fmla="*/ 5037 h 10000"/>
                  <a:gd name="connsiteX156" fmla="*/ 2944 w 10000"/>
                  <a:gd name="connsiteY156" fmla="*/ 5066 h 10000"/>
                  <a:gd name="connsiteX157" fmla="*/ 3071 w 10000"/>
                  <a:gd name="connsiteY157" fmla="*/ 5096 h 10000"/>
                  <a:gd name="connsiteX158" fmla="*/ 3173 w 10000"/>
                  <a:gd name="connsiteY158" fmla="*/ 5126 h 10000"/>
                  <a:gd name="connsiteX159" fmla="*/ 3299 w 10000"/>
                  <a:gd name="connsiteY159" fmla="*/ 5155 h 10000"/>
                  <a:gd name="connsiteX160" fmla="*/ 3452 w 10000"/>
                  <a:gd name="connsiteY160" fmla="*/ 5170 h 10000"/>
                  <a:gd name="connsiteX161" fmla="*/ 3680 w 10000"/>
                  <a:gd name="connsiteY161" fmla="*/ 5155 h 10000"/>
                  <a:gd name="connsiteX162" fmla="*/ 3757 w 10000"/>
                  <a:gd name="connsiteY162" fmla="*/ 5096 h 10000"/>
                  <a:gd name="connsiteX163" fmla="*/ 3832 w 10000"/>
                  <a:gd name="connsiteY163" fmla="*/ 5022 h 10000"/>
                  <a:gd name="connsiteX164" fmla="*/ 3857 w 10000"/>
                  <a:gd name="connsiteY164" fmla="*/ 4934 h 10000"/>
                  <a:gd name="connsiteX165" fmla="*/ 3884 w 10000"/>
                  <a:gd name="connsiteY165" fmla="*/ 4860 h 10000"/>
                  <a:gd name="connsiteX166" fmla="*/ 3908 w 10000"/>
                  <a:gd name="connsiteY166" fmla="*/ 4697 h 10000"/>
                  <a:gd name="connsiteX167" fmla="*/ 3884 w 10000"/>
                  <a:gd name="connsiteY167" fmla="*/ 4520 h 10000"/>
                  <a:gd name="connsiteX168" fmla="*/ 3807 w 10000"/>
                  <a:gd name="connsiteY168" fmla="*/ 4343 h 10000"/>
                  <a:gd name="connsiteX169" fmla="*/ 3731 w 10000"/>
                  <a:gd name="connsiteY169" fmla="*/ 4195 h 10000"/>
                  <a:gd name="connsiteX170" fmla="*/ 3604 w 10000"/>
                  <a:gd name="connsiteY170" fmla="*/ 4047 h 10000"/>
                  <a:gd name="connsiteX171" fmla="*/ 3477 w 10000"/>
                  <a:gd name="connsiteY171" fmla="*/ 3959 h 10000"/>
                  <a:gd name="connsiteX172" fmla="*/ 3629 w 10000"/>
                  <a:gd name="connsiteY172" fmla="*/ 3944 h 10000"/>
                  <a:gd name="connsiteX173" fmla="*/ 3757 w 10000"/>
                  <a:gd name="connsiteY173" fmla="*/ 3914 h 10000"/>
                  <a:gd name="connsiteX174" fmla="*/ 3857 w 10000"/>
                  <a:gd name="connsiteY174" fmla="*/ 3855 h 10000"/>
                  <a:gd name="connsiteX175" fmla="*/ 3983 w 10000"/>
                  <a:gd name="connsiteY175" fmla="*/ 3752 h 10000"/>
                  <a:gd name="connsiteX176" fmla="*/ 4111 w 10000"/>
                  <a:gd name="connsiteY176" fmla="*/ 3663 h 10000"/>
                  <a:gd name="connsiteX177" fmla="*/ 4213 w 10000"/>
                  <a:gd name="connsiteY177" fmla="*/ 3560 h 10000"/>
                  <a:gd name="connsiteX178" fmla="*/ 4289 w 10000"/>
                  <a:gd name="connsiteY178" fmla="*/ 3442 h 10000"/>
                  <a:gd name="connsiteX179" fmla="*/ 4366 w 10000"/>
                  <a:gd name="connsiteY179" fmla="*/ 3323 h 10000"/>
                  <a:gd name="connsiteX180" fmla="*/ 4416 w 10000"/>
                  <a:gd name="connsiteY180" fmla="*/ 3220 h 10000"/>
                  <a:gd name="connsiteX181" fmla="*/ 4441 w 10000"/>
                  <a:gd name="connsiteY181" fmla="*/ 3102 h 10000"/>
                  <a:gd name="connsiteX182" fmla="*/ 4468 w 10000"/>
                  <a:gd name="connsiteY182" fmla="*/ 3013 h 10000"/>
                  <a:gd name="connsiteX183" fmla="*/ 4441 w 10000"/>
                  <a:gd name="connsiteY183" fmla="*/ 2939 h 10000"/>
                  <a:gd name="connsiteX184" fmla="*/ 4416 w 10000"/>
                  <a:gd name="connsiteY184" fmla="*/ 2866 h 10000"/>
                  <a:gd name="connsiteX185" fmla="*/ 4340 w 10000"/>
                  <a:gd name="connsiteY185" fmla="*/ 2836 h 10000"/>
                  <a:gd name="connsiteX186" fmla="*/ 4239 w 10000"/>
                  <a:gd name="connsiteY186" fmla="*/ 2836 h 10000"/>
                  <a:gd name="connsiteX187" fmla="*/ 4111 w 10000"/>
                  <a:gd name="connsiteY187" fmla="*/ 2866 h 10000"/>
                  <a:gd name="connsiteX188" fmla="*/ 4213 w 10000"/>
                  <a:gd name="connsiteY188" fmla="*/ 2777 h 10000"/>
                  <a:gd name="connsiteX189" fmla="*/ 4265 w 10000"/>
                  <a:gd name="connsiteY189" fmla="*/ 2674 h 10000"/>
                  <a:gd name="connsiteX190" fmla="*/ 4289 w 10000"/>
                  <a:gd name="connsiteY190" fmla="*/ 2541 h 10000"/>
                  <a:gd name="connsiteX191" fmla="*/ 4289 w 10000"/>
                  <a:gd name="connsiteY191" fmla="*/ 2393 h 10000"/>
                  <a:gd name="connsiteX192" fmla="*/ 4314 w 10000"/>
                  <a:gd name="connsiteY192" fmla="*/ 2349 h 10000"/>
                  <a:gd name="connsiteX193" fmla="*/ 4366 w 10000"/>
                  <a:gd name="connsiteY193" fmla="*/ 2304 h 10000"/>
                  <a:gd name="connsiteX194" fmla="*/ 4416 w 10000"/>
                  <a:gd name="connsiteY194" fmla="*/ 2290 h 10000"/>
                  <a:gd name="connsiteX195" fmla="*/ 4493 w 10000"/>
                  <a:gd name="connsiteY195" fmla="*/ 2275 h 10000"/>
                  <a:gd name="connsiteX196" fmla="*/ 4720 w 10000"/>
                  <a:gd name="connsiteY196" fmla="*/ 2260 h 10000"/>
                  <a:gd name="connsiteX197" fmla="*/ 4923 w 10000"/>
                  <a:gd name="connsiteY197" fmla="*/ 2275 h 10000"/>
                  <a:gd name="connsiteX198" fmla="*/ 4898 w 10000"/>
                  <a:gd name="connsiteY198" fmla="*/ 2112 h 10000"/>
                  <a:gd name="connsiteX199" fmla="*/ 4848 w 10000"/>
                  <a:gd name="connsiteY199" fmla="*/ 1950 h 10000"/>
                  <a:gd name="connsiteX200" fmla="*/ 4771 w 10000"/>
                  <a:gd name="connsiteY200" fmla="*/ 1802 h 10000"/>
                  <a:gd name="connsiteX201" fmla="*/ 4671 w 10000"/>
                  <a:gd name="connsiteY201" fmla="*/ 1640 h 10000"/>
                  <a:gd name="connsiteX202" fmla="*/ 4416 w 10000"/>
                  <a:gd name="connsiteY202" fmla="*/ 1329 h 10000"/>
                  <a:gd name="connsiteX203" fmla="*/ 4162 w 10000"/>
                  <a:gd name="connsiteY203" fmla="*/ 1034 h 10000"/>
                  <a:gd name="connsiteX204" fmla="*/ 4035 w 10000"/>
                  <a:gd name="connsiteY204" fmla="*/ 901 h 10000"/>
                  <a:gd name="connsiteX205" fmla="*/ 3935 w 10000"/>
                  <a:gd name="connsiteY205" fmla="*/ 753 h 10000"/>
                  <a:gd name="connsiteX206" fmla="*/ 3857 w 10000"/>
                  <a:gd name="connsiteY206" fmla="*/ 620 h 10000"/>
                  <a:gd name="connsiteX207" fmla="*/ 3832 w 10000"/>
                  <a:gd name="connsiteY207" fmla="*/ 487 h 10000"/>
                  <a:gd name="connsiteX208" fmla="*/ 3807 w 10000"/>
                  <a:gd name="connsiteY208" fmla="*/ 355 h 10000"/>
                  <a:gd name="connsiteX209" fmla="*/ 3857 w 10000"/>
                  <a:gd name="connsiteY209" fmla="*/ 222 h 10000"/>
                  <a:gd name="connsiteX210" fmla="*/ 3884 w 10000"/>
                  <a:gd name="connsiteY210" fmla="*/ 162 h 10000"/>
                  <a:gd name="connsiteX211" fmla="*/ 3935 w 10000"/>
                  <a:gd name="connsiteY211" fmla="*/ 103 h 10000"/>
                  <a:gd name="connsiteX212" fmla="*/ 4011 w 10000"/>
                  <a:gd name="connsiteY212" fmla="*/ 59 h 10000"/>
                  <a:gd name="connsiteX213" fmla="*/ 4111 w 10000"/>
                  <a:gd name="connsiteY213" fmla="*/ 0 h 10000"/>
                  <a:gd name="connsiteX214" fmla="*/ 4289 w 10000"/>
                  <a:gd name="connsiteY214" fmla="*/ 0 h 10000"/>
                  <a:gd name="connsiteX215" fmla="*/ 4468 w 10000"/>
                  <a:gd name="connsiteY215" fmla="*/ 15 h 10000"/>
                  <a:gd name="connsiteX216" fmla="*/ 4644 w 10000"/>
                  <a:gd name="connsiteY216" fmla="*/ 44 h 10000"/>
                  <a:gd name="connsiteX217" fmla="*/ 4771 w 10000"/>
                  <a:gd name="connsiteY217" fmla="*/ 89 h 10000"/>
                  <a:gd name="connsiteX218" fmla="*/ 4975 w 10000"/>
                  <a:gd name="connsiteY218" fmla="*/ 192 h 10000"/>
                  <a:gd name="connsiteX219" fmla="*/ 5177 w 10000"/>
                  <a:gd name="connsiteY219" fmla="*/ 340 h 10000"/>
                  <a:gd name="connsiteX220" fmla="*/ 5329 w 10000"/>
                  <a:gd name="connsiteY220" fmla="*/ 473 h 10000"/>
                  <a:gd name="connsiteX221" fmla="*/ 5532 w 10000"/>
                  <a:gd name="connsiteY221" fmla="*/ 591 h 10000"/>
                  <a:gd name="connsiteX222" fmla="*/ 5660 w 10000"/>
                  <a:gd name="connsiteY222" fmla="*/ 650 h 10000"/>
                  <a:gd name="connsiteX223" fmla="*/ 5812 w 10000"/>
                  <a:gd name="connsiteY223" fmla="*/ 679 h 10000"/>
                  <a:gd name="connsiteX224" fmla="*/ 5965 w 10000"/>
                  <a:gd name="connsiteY224" fmla="*/ 709 h 10000"/>
                  <a:gd name="connsiteX225" fmla="*/ 6168 w 10000"/>
                  <a:gd name="connsiteY225" fmla="*/ 709 h 10000"/>
                  <a:gd name="connsiteX226" fmla="*/ 6168 w 10000"/>
                  <a:gd name="connsiteY226" fmla="*/ 768 h 10000"/>
                  <a:gd name="connsiteX227" fmla="*/ 6193 w 10000"/>
                  <a:gd name="connsiteY227" fmla="*/ 842 h 10000"/>
                  <a:gd name="connsiteX228" fmla="*/ 6243 w 10000"/>
                  <a:gd name="connsiteY228" fmla="*/ 916 h 10000"/>
                  <a:gd name="connsiteX229" fmla="*/ 6294 w 10000"/>
                  <a:gd name="connsiteY229" fmla="*/ 990 h 10000"/>
                  <a:gd name="connsiteX230" fmla="*/ 6369 w 10000"/>
                  <a:gd name="connsiteY230" fmla="*/ 1049 h 10000"/>
                  <a:gd name="connsiteX231" fmla="*/ 6471 w 10000"/>
                  <a:gd name="connsiteY231" fmla="*/ 1108 h 10000"/>
                  <a:gd name="connsiteX232" fmla="*/ 6598 w 10000"/>
                  <a:gd name="connsiteY232" fmla="*/ 1182 h 10000"/>
                  <a:gd name="connsiteX233" fmla="*/ 6700 w 10000"/>
                  <a:gd name="connsiteY233" fmla="*/ 1226 h 10000"/>
                  <a:gd name="connsiteX234" fmla="*/ 6802 w 10000"/>
                  <a:gd name="connsiteY234" fmla="*/ 1270 h 10000"/>
                  <a:gd name="connsiteX235" fmla="*/ 6903 w 10000"/>
                  <a:gd name="connsiteY235" fmla="*/ 1300 h 10000"/>
                  <a:gd name="connsiteX236" fmla="*/ 7005 w 10000"/>
                  <a:gd name="connsiteY236" fmla="*/ 1315 h 10000"/>
                  <a:gd name="connsiteX237" fmla="*/ 7132 w 10000"/>
                  <a:gd name="connsiteY237" fmla="*/ 1300 h 10000"/>
                  <a:gd name="connsiteX238" fmla="*/ 7234 w 10000"/>
                  <a:gd name="connsiteY238" fmla="*/ 1285 h 10000"/>
                  <a:gd name="connsiteX239" fmla="*/ 7309 w 10000"/>
                  <a:gd name="connsiteY239" fmla="*/ 1241 h 10000"/>
                  <a:gd name="connsiteX240" fmla="*/ 7361 w 10000"/>
                  <a:gd name="connsiteY240" fmla="*/ 1167 h 10000"/>
                  <a:gd name="connsiteX241" fmla="*/ 7385 w 10000"/>
                  <a:gd name="connsiteY241" fmla="*/ 1064 h 10000"/>
                  <a:gd name="connsiteX242" fmla="*/ 7766 w 10000"/>
                  <a:gd name="connsiteY242" fmla="*/ 1034 h 10000"/>
                  <a:gd name="connsiteX243" fmla="*/ 8121 w 10000"/>
                  <a:gd name="connsiteY243" fmla="*/ 1004 h 10000"/>
                  <a:gd name="connsiteX244" fmla="*/ 8427 w 10000"/>
                  <a:gd name="connsiteY244" fmla="*/ 990 h 10000"/>
                  <a:gd name="connsiteX245" fmla="*/ 8706 w 10000"/>
                  <a:gd name="connsiteY245" fmla="*/ 1004 h 10000"/>
                  <a:gd name="connsiteX246" fmla="*/ 8833 w 10000"/>
                  <a:gd name="connsiteY246" fmla="*/ 1019 h 10000"/>
                  <a:gd name="connsiteX247" fmla="*/ 8958 w 10000"/>
                  <a:gd name="connsiteY247" fmla="*/ 1034 h 10000"/>
                  <a:gd name="connsiteX248" fmla="*/ 9061 w 10000"/>
                  <a:gd name="connsiteY248" fmla="*/ 1064 h 10000"/>
                  <a:gd name="connsiteX249" fmla="*/ 9188 w 10000"/>
                  <a:gd name="connsiteY249" fmla="*/ 1108 h 10000"/>
                  <a:gd name="connsiteX250" fmla="*/ 9264 w 10000"/>
                  <a:gd name="connsiteY250" fmla="*/ 1182 h 10000"/>
                  <a:gd name="connsiteX251" fmla="*/ 9339 w 10000"/>
                  <a:gd name="connsiteY251" fmla="*/ 1241 h 10000"/>
                  <a:gd name="connsiteX252" fmla="*/ 9391 w 10000"/>
                  <a:gd name="connsiteY252" fmla="*/ 1329 h 10000"/>
                  <a:gd name="connsiteX253" fmla="*/ 9442 w 10000"/>
                  <a:gd name="connsiteY253" fmla="*/ 1433 h 10000"/>
                  <a:gd name="connsiteX254" fmla="*/ 9492 w 10000"/>
                  <a:gd name="connsiteY254" fmla="*/ 1551 h 10000"/>
                  <a:gd name="connsiteX255" fmla="*/ 9466 w 10000"/>
                  <a:gd name="connsiteY255" fmla="*/ 1625 h 10000"/>
                  <a:gd name="connsiteX256" fmla="*/ 9442 w 10000"/>
                  <a:gd name="connsiteY256" fmla="*/ 1684 h 10000"/>
                  <a:gd name="connsiteX257" fmla="*/ 9391 w 10000"/>
                  <a:gd name="connsiteY257" fmla="*/ 1758 h 10000"/>
                  <a:gd name="connsiteX258" fmla="*/ 9315 w 10000"/>
                  <a:gd name="connsiteY258" fmla="*/ 1802 h 10000"/>
                  <a:gd name="connsiteX259" fmla="*/ 9264 w 10000"/>
                  <a:gd name="connsiteY259" fmla="*/ 1861 h 10000"/>
                  <a:gd name="connsiteX260" fmla="*/ 9240 w 10000"/>
                  <a:gd name="connsiteY260" fmla="*/ 1935 h 10000"/>
                  <a:gd name="connsiteX261" fmla="*/ 9264 w 10000"/>
                  <a:gd name="connsiteY261" fmla="*/ 2024 h 10000"/>
                  <a:gd name="connsiteX262" fmla="*/ 9543 w 10000"/>
                  <a:gd name="connsiteY262" fmla="*/ 2157 h 10000"/>
                  <a:gd name="connsiteX263" fmla="*/ 9873 w 10000"/>
                  <a:gd name="connsiteY263" fmla="*/ 2275 h 10000"/>
                  <a:gd name="connsiteX264" fmla="*/ 10000 w 10000"/>
                  <a:gd name="connsiteY264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369 w 10000"/>
                  <a:gd name="connsiteY9" fmla="*/ 4313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776 w 10000"/>
                  <a:gd name="connsiteY22" fmla="*/ 3840 h 10000"/>
                  <a:gd name="connsiteX23" fmla="*/ 6548 w 10000"/>
                  <a:gd name="connsiteY23" fmla="*/ 3914 h 10000"/>
                  <a:gd name="connsiteX24" fmla="*/ 6345 w 10000"/>
                  <a:gd name="connsiteY24" fmla="*/ 4003 h 10000"/>
                  <a:gd name="connsiteX25" fmla="*/ 6143 w 10000"/>
                  <a:gd name="connsiteY25" fmla="*/ 4106 h 10000"/>
                  <a:gd name="connsiteX26" fmla="*/ 5938 w 10000"/>
                  <a:gd name="connsiteY26" fmla="*/ 4195 h 10000"/>
                  <a:gd name="connsiteX27" fmla="*/ 6091 w 10000"/>
                  <a:gd name="connsiteY27" fmla="*/ 4417 h 10000"/>
                  <a:gd name="connsiteX28" fmla="*/ 6193 w 10000"/>
                  <a:gd name="connsiteY28" fmla="*/ 4623 h 10000"/>
                  <a:gd name="connsiteX29" fmla="*/ 6294 w 10000"/>
                  <a:gd name="connsiteY29" fmla="*/ 4845 h 10000"/>
                  <a:gd name="connsiteX30" fmla="*/ 6369 w 10000"/>
                  <a:gd name="connsiteY30" fmla="*/ 5081 h 10000"/>
                  <a:gd name="connsiteX31" fmla="*/ 6421 w 10000"/>
                  <a:gd name="connsiteY31" fmla="*/ 5318 h 10000"/>
                  <a:gd name="connsiteX32" fmla="*/ 6447 w 10000"/>
                  <a:gd name="connsiteY32" fmla="*/ 5539 h 10000"/>
                  <a:gd name="connsiteX33" fmla="*/ 6471 w 10000"/>
                  <a:gd name="connsiteY33" fmla="*/ 5775 h 10000"/>
                  <a:gd name="connsiteX34" fmla="*/ 6471 w 10000"/>
                  <a:gd name="connsiteY34" fmla="*/ 5997 h 10000"/>
                  <a:gd name="connsiteX35" fmla="*/ 6447 w 10000"/>
                  <a:gd name="connsiteY35" fmla="*/ 6233 h 10000"/>
                  <a:gd name="connsiteX36" fmla="*/ 6396 w 10000"/>
                  <a:gd name="connsiteY36" fmla="*/ 6470 h 10000"/>
                  <a:gd name="connsiteX37" fmla="*/ 6345 w 10000"/>
                  <a:gd name="connsiteY37" fmla="*/ 6677 h 10000"/>
                  <a:gd name="connsiteX38" fmla="*/ 6269 w 10000"/>
                  <a:gd name="connsiteY38" fmla="*/ 6898 h 10000"/>
                  <a:gd name="connsiteX39" fmla="*/ 6168 w 10000"/>
                  <a:gd name="connsiteY39" fmla="*/ 7105 h 10000"/>
                  <a:gd name="connsiteX40" fmla="*/ 6041 w 10000"/>
                  <a:gd name="connsiteY40" fmla="*/ 7297 h 10000"/>
                  <a:gd name="connsiteX41" fmla="*/ 5888 w 10000"/>
                  <a:gd name="connsiteY41" fmla="*/ 7489 h 10000"/>
                  <a:gd name="connsiteX42" fmla="*/ 5735 w 10000"/>
                  <a:gd name="connsiteY42" fmla="*/ 7681 h 10000"/>
                  <a:gd name="connsiteX43" fmla="*/ 6471 w 10000"/>
                  <a:gd name="connsiteY43" fmla="*/ 7799 h 10000"/>
                  <a:gd name="connsiteX44" fmla="*/ 7234 w 10000"/>
                  <a:gd name="connsiteY44" fmla="*/ 7962 h 10000"/>
                  <a:gd name="connsiteX45" fmla="*/ 7385 w 10000"/>
                  <a:gd name="connsiteY45" fmla="*/ 8021 h 10000"/>
                  <a:gd name="connsiteX46" fmla="*/ 7512 w 10000"/>
                  <a:gd name="connsiteY46" fmla="*/ 8080 h 10000"/>
                  <a:gd name="connsiteX47" fmla="*/ 7639 w 10000"/>
                  <a:gd name="connsiteY47" fmla="*/ 8139 h 10000"/>
                  <a:gd name="connsiteX48" fmla="*/ 7716 w 10000"/>
                  <a:gd name="connsiteY48" fmla="*/ 8227 h 10000"/>
                  <a:gd name="connsiteX49" fmla="*/ 7741 w 10000"/>
                  <a:gd name="connsiteY49" fmla="*/ 8301 h 10000"/>
                  <a:gd name="connsiteX50" fmla="*/ 7741 w 10000"/>
                  <a:gd name="connsiteY50" fmla="*/ 8405 h 10000"/>
                  <a:gd name="connsiteX51" fmla="*/ 7691 w 10000"/>
                  <a:gd name="connsiteY51" fmla="*/ 8523 h 10000"/>
                  <a:gd name="connsiteX52" fmla="*/ 7614 w 10000"/>
                  <a:gd name="connsiteY52" fmla="*/ 8641 h 10000"/>
                  <a:gd name="connsiteX53" fmla="*/ 7284 w 10000"/>
                  <a:gd name="connsiteY53" fmla="*/ 8552 h 10000"/>
                  <a:gd name="connsiteX54" fmla="*/ 6979 w 10000"/>
                  <a:gd name="connsiteY54" fmla="*/ 8449 h 10000"/>
                  <a:gd name="connsiteX55" fmla="*/ 6674 w 10000"/>
                  <a:gd name="connsiteY55" fmla="*/ 8360 h 10000"/>
                  <a:gd name="connsiteX56" fmla="*/ 6369 w 10000"/>
                  <a:gd name="connsiteY56" fmla="*/ 8287 h 10000"/>
                  <a:gd name="connsiteX57" fmla="*/ 6243 w 10000"/>
                  <a:gd name="connsiteY57" fmla="*/ 8449 h 10000"/>
                  <a:gd name="connsiteX58" fmla="*/ 6143 w 10000"/>
                  <a:gd name="connsiteY58" fmla="*/ 8597 h 10000"/>
                  <a:gd name="connsiteX59" fmla="*/ 6091 w 10000"/>
                  <a:gd name="connsiteY59" fmla="*/ 8656 h 10000"/>
                  <a:gd name="connsiteX60" fmla="*/ 5989 w 10000"/>
                  <a:gd name="connsiteY60" fmla="*/ 8700 h 10000"/>
                  <a:gd name="connsiteX61" fmla="*/ 5914 w 10000"/>
                  <a:gd name="connsiteY61" fmla="*/ 8744 h 10000"/>
                  <a:gd name="connsiteX62" fmla="*/ 5838 w 10000"/>
                  <a:gd name="connsiteY62" fmla="*/ 8774 h 10000"/>
                  <a:gd name="connsiteX63" fmla="*/ 5761 w 10000"/>
                  <a:gd name="connsiteY63" fmla="*/ 8804 h 10000"/>
                  <a:gd name="connsiteX64" fmla="*/ 5660 w 10000"/>
                  <a:gd name="connsiteY64" fmla="*/ 8818 h 10000"/>
                  <a:gd name="connsiteX65" fmla="*/ 5532 w 10000"/>
                  <a:gd name="connsiteY65" fmla="*/ 8833 h 10000"/>
                  <a:gd name="connsiteX66" fmla="*/ 5406 w 10000"/>
                  <a:gd name="connsiteY66" fmla="*/ 8833 h 10000"/>
                  <a:gd name="connsiteX67" fmla="*/ 5102 w 10000"/>
                  <a:gd name="connsiteY67" fmla="*/ 8818 h 10000"/>
                  <a:gd name="connsiteX68" fmla="*/ 4720 w 10000"/>
                  <a:gd name="connsiteY68" fmla="*/ 8744 h 10000"/>
                  <a:gd name="connsiteX69" fmla="*/ 4720 w 10000"/>
                  <a:gd name="connsiteY69" fmla="*/ 8922 h 10000"/>
                  <a:gd name="connsiteX70" fmla="*/ 4695 w 10000"/>
                  <a:gd name="connsiteY70" fmla="*/ 9069 h 10000"/>
                  <a:gd name="connsiteX71" fmla="*/ 4671 w 10000"/>
                  <a:gd name="connsiteY71" fmla="*/ 9232 h 10000"/>
                  <a:gd name="connsiteX72" fmla="*/ 4644 w 10000"/>
                  <a:gd name="connsiteY72" fmla="*/ 9365 h 10000"/>
                  <a:gd name="connsiteX73" fmla="*/ 4593 w 10000"/>
                  <a:gd name="connsiteY73" fmla="*/ 9498 h 10000"/>
                  <a:gd name="connsiteX74" fmla="*/ 4493 w 10000"/>
                  <a:gd name="connsiteY74" fmla="*/ 9616 h 10000"/>
                  <a:gd name="connsiteX75" fmla="*/ 4416 w 10000"/>
                  <a:gd name="connsiteY75" fmla="*/ 9734 h 10000"/>
                  <a:gd name="connsiteX76" fmla="*/ 4289 w 10000"/>
                  <a:gd name="connsiteY76" fmla="*/ 9838 h 10000"/>
                  <a:gd name="connsiteX77" fmla="*/ 3983 w 10000"/>
                  <a:gd name="connsiteY77" fmla="*/ 9897 h 10000"/>
                  <a:gd name="connsiteX78" fmla="*/ 3731 w 10000"/>
                  <a:gd name="connsiteY78" fmla="*/ 9941 h 10000"/>
                  <a:gd name="connsiteX79" fmla="*/ 3426 w 10000"/>
                  <a:gd name="connsiteY79" fmla="*/ 9985 h 10000"/>
                  <a:gd name="connsiteX80" fmla="*/ 3198 w 10000"/>
                  <a:gd name="connsiteY80" fmla="*/ 10000 h 10000"/>
                  <a:gd name="connsiteX81" fmla="*/ 2690 w 10000"/>
                  <a:gd name="connsiteY81" fmla="*/ 10000 h 10000"/>
                  <a:gd name="connsiteX82" fmla="*/ 2208 w 10000"/>
                  <a:gd name="connsiteY82" fmla="*/ 9985 h 10000"/>
                  <a:gd name="connsiteX83" fmla="*/ 1752 w 10000"/>
                  <a:gd name="connsiteY83" fmla="*/ 9941 h 10000"/>
                  <a:gd name="connsiteX84" fmla="*/ 1270 w 10000"/>
                  <a:gd name="connsiteY84" fmla="*/ 9911 h 10000"/>
                  <a:gd name="connsiteX85" fmla="*/ 990 w 10000"/>
                  <a:gd name="connsiteY85" fmla="*/ 9911 h 10000"/>
                  <a:gd name="connsiteX86" fmla="*/ 736 w 10000"/>
                  <a:gd name="connsiteY86" fmla="*/ 9911 h 10000"/>
                  <a:gd name="connsiteX87" fmla="*/ 457 w 10000"/>
                  <a:gd name="connsiteY87" fmla="*/ 9926 h 10000"/>
                  <a:gd name="connsiteX88" fmla="*/ 178 w 10000"/>
                  <a:gd name="connsiteY88" fmla="*/ 9970 h 10000"/>
                  <a:gd name="connsiteX89" fmla="*/ 102 w 10000"/>
                  <a:gd name="connsiteY89" fmla="*/ 9867 h 10000"/>
                  <a:gd name="connsiteX90" fmla="*/ 51 w 10000"/>
                  <a:gd name="connsiteY90" fmla="*/ 9793 h 10000"/>
                  <a:gd name="connsiteX91" fmla="*/ 0 w 10000"/>
                  <a:gd name="connsiteY91" fmla="*/ 9705 h 10000"/>
                  <a:gd name="connsiteX92" fmla="*/ 0 w 10000"/>
                  <a:gd name="connsiteY92" fmla="*/ 9601 h 10000"/>
                  <a:gd name="connsiteX93" fmla="*/ 51 w 10000"/>
                  <a:gd name="connsiteY93" fmla="*/ 9424 h 10000"/>
                  <a:gd name="connsiteX94" fmla="*/ 102 w 10000"/>
                  <a:gd name="connsiteY94" fmla="*/ 9202 h 10000"/>
                  <a:gd name="connsiteX95" fmla="*/ 151 w 10000"/>
                  <a:gd name="connsiteY95" fmla="*/ 8996 h 10000"/>
                  <a:gd name="connsiteX96" fmla="*/ 203 w 10000"/>
                  <a:gd name="connsiteY96" fmla="*/ 8759 h 10000"/>
                  <a:gd name="connsiteX97" fmla="*/ 228 w 10000"/>
                  <a:gd name="connsiteY97" fmla="*/ 8641 h 10000"/>
                  <a:gd name="connsiteX98" fmla="*/ 228 w 10000"/>
                  <a:gd name="connsiteY98" fmla="*/ 8538 h 10000"/>
                  <a:gd name="connsiteX99" fmla="*/ 203 w 10000"/>
                  <a:gd name="connsiteY99" fmla="*/ 8405 h 10000"/>
                  <a:gd name="connsiteX100" fmla="*/ 178 w 10000"/>
                  <a:gd name="connsiteY100" fmla="*/ 8287 h 10000"/>
                  <a:gd name="connsiteX101" fmla="*/ 431 w 10000"/>
                  <a:gd name="connsiteY101" fmla="*/ 8213 h 10000"/>
                  <a:gd name="connsiteX102" fmla="*/ 685 w 10000"/>
                  <a:gd name="connsiteY102" fmla="*/ 8139 h 10000"/>
                  <a:gd name="connsiteX103" fmla="*/ 939 w 10000"/>
                  <a:gd name="connsiteY103" fmla="*/ 8095 h 10000"/>
                  <a:gd name="connsiteX104" fmla="*/ 1218 w 10000"/>
                  <a:gd name="connsiteY104" fmla="*/ 8065 h 10000"/>
                  <a:gd name="connsiteX105" fmla="*/ 1725 w 10000"/>
                  <a:gd name="connsiteY105" fmla="*/ 8021 h 10000"/>
                  <a:gd name="connsiteX106" fmla="*/ 2234 w 10000"/>
                  <a:gd name="connsiteY106" fmla="*/ 7976 h 10000"/>
                  <a:gd name="connsiteX107" fmla="*/ 2462 w 10000"/>
                  <a:gd name="connsiteY107" fmla="*/ 7947 h 10000"/>
                  <a:gd name="connsiteX108" fmla="*/ 2690 w 10000"/>
                  <a:gd name="connsiteY108" fmla="*/ 7917 h 10000"/>
                  <a:gd name="connsiteX109" fmla="*/ 2892 w 10000"/>
                  <a:gd name="connsiteY109" fmla="*/ 7843 h 10000"/>
                  <a:gd name="connsiteX110" fmla="*/ 3096 w 10000"/>
                  <a:gd name="connsiteY110" fmla="*/ 7784 h 10000"/>
                  <a:gd name="connsiteX111" fmla="*/ 3274 w 10000"/>
                  <a:gd name="connsiteY111" fmla="*/ 7710 h 10000"/>
                  <a:gd name="connsiteX112" fmla="*/ 3426 w 10000"/>
                  <a:gd name="connsiteY112" fmla="*/ 7592 h 10000"/>
                  <a:gd name="connsiteX113" fmla="*/ 3579 w 10000"/>
                  <a:gd name="connsiteY113" fmla="*/ 7474 h 10000"/>
                  <a:gd name="connsiteX114" fmla="*/ 3680 w 10000"/>
                  <a:gd name="connsiteY114" fmla="*/ 7312 h 10000"/>
                  <a:gd name="connsiteX115" fmla="*/ 3477 w 10000"/>
                  <a:gd name="connsiteY115" fmla="*/ 7238 h 10000"/>
                  <a:gd name="connsiteX116" fmla="*/ 3299 w 10000"/>
                  <a:gd name="connsiteY116" fmla="*/ 7179 h 10000"/>
                  <a:gd name="connsiteX117" fmla="*/ 3147 w 10000"/>
                  <a:gd name="connsiteY117" fmla="*/ 7090 h 10000"/>
                  <a:gd name="connsiteX118" fmla="*/ 2995 w 10000"/>
                  <a:gd name="connsiteY118" fmla="*/ 6987 h 10000"/>
                  <a:gd name="connsiteX119" fmla="*/ 2892 w 10000"/>
                  <a:gd name="connsiteY119" fmla="*/ 6869 h 10000"/>
                  <a:gd name="connsiteX120" fmla="*/ 2843 w 10000"/>
                  <a:gd name="connsiteY120" fmla="*/ 6721 h 10000"/>
                  <a:gd name="connsiteX121" fmla="*/ 2817 w 10000"/>
                  <a:gd name="connsiteY121" fmla="*/ 6558 h 10000"/>
                  <a:gd name="connsiteX122" fmla="*/ 2843 w 10000"/>
                  <a:gd name="connsiteY122" fmla="*/ 6352 h 10000"/>
                  <a:gd name="connsiteX123" fmla="*/ 2716 w 10000"/>
                  <a:gd name="connsiteY123" fmla="*/ 6322 h 10000"/>
                  <a:gd name="connsiteX124" fmla="*/ 2564 w 10000"/>
                  <a:gd name="connsiteY124" fmla="*/ 6292 h 10000"/>
                  <a:gd name="connsiteX125" fmla="*/ 2386 w 10000"/>
                  <a:gd name="connsiteY125" fmla="*/ 6278 h 10000"/>
                  <a:gd name="connsiteX126" fmla="*/ 2208 w 10000"/>
                  <a:gd name="connsiteY126" fmla="*/ 6263 h 10000"/>
                  <a:gd name="connsiteX127" fmla="*/ 1853 w 10000"/>
                  <a:gd name="connsiteY127" fmla="*/ 6248 h 10000"/>
                  <a:gd name="connsiteX128" fmla="*/ 1472 w 10000"/>
                  <a:gd name="connsiteY128" fmla="*/ 6263 h 10000"/>
                  <a:gd name="connsiteX129" fmla="*/ 1143 w 10000"/>
                  <a:gd name="connsiteY129" fmla="*/ 6278 h 10000"/>
                  <a:gd name="connsiteX130" fmla="*/ 837 w 10000"/>
                  <a:gd name="connsiteY130" fmla="*/ 6278 h 10000"/>
                  <a:gd name="connsiteX131" fmla="*/ 585 w 10000"/>
                  <a:gd name="connsiteY131" fmla="*/ 6263 h 10000"/>
                  <a:gd name="connsiteX132" fmla="*/ 381 w 10000"/>
                  <a:gd name="connsiteY132" fmla="*/ 6233 h 10000"/>
                  <a:gd name="connsiteX133" fmla="*/ 633 w 10000"/>
                  <a:gd name="connsiteY133" fmla="*/ 5805 h 10000"/>
                  <a:gd name="connsiteX134" fmla="*/ 914 w 10000"/>
                  <a:gd name="connsiteY134" fmla="*/ 5391 h 10000"/>
                  <a:gd name="connsiteX135" fmla="*/ 1016 w 10000"/>
                  <a:gd name="connsiteY135" fmla="*/ 5170 h 10000"/>
                  <a:gd name="connsiteX136" fmla="*/ 1091 w 10000"/>
                  <a:gd name="connsiteY136" fmla="*/ 4963 h 10000"/>
                  <a:gd name="connsiteX137" fmla="*/ 1116 w 10000"/>
                  <a:gd name="connsiteY137" fmla="*/ 4860 h 10000"/>
                  <a:gd name="connsiteX138" fmla="*/ 1091 w 10000"/>
                  <a:gd name="connsiteY138" fmla="*/ 4756 h 10000"/>
                  <a:gd name="connsiteX139" fmla="*/ 1066 w 10000"/>
                  <a:gd name="connsiteY139" fmla="*/ 4653 h 10000"/>
                  <a:gd name="connsiteX140" fmla="*/ 990 w 10000"/>
                  <a:gd name="connsiteY140" fmla="*/ 4549 h 10000"/>
                  <a:gd name="connsiteX141" fmla="*/ 1270 w 10000"/>
                  <a:gd name="connsiteY141" fmla="*/ 4520 h 10000"/>
                  <a:gd name="connsiteX142" fmla="*/ 1472 w 10000"/>
                  <a:gd name="connsiteY142" fmla="*/ 4505 h 10000"/>
                  <a:gd name="connsiteX143" fmla="*/ 1650 w 10000"/>
                  <a:gd name="connsiteY143" fmla="*/ 4505 h 10000"/>
                  <a:gd name="connsiteX144" fmla="*/ 1802 w 10000"/>
                  <a:gd name="connsiteY144" fmla="*/ 4520 h 10000"/>
                  <a:gd name="connsiteX145" fmla="*/ 1929 w 10000"/>
                  <a:gd name="connsiteY145" fmla="*/ 4520 h 10000"/>
                  <a:gd name="connsiteX146" fmla="*/ 2081 w 10000"/>
                  <a:gd name="connsiteY146" fmla="*/ 4520 h 10000"/>
                  <a:gd name="connsiteX147" fmla="*/ 2234 w 10000"/>
                  <a:gd name="connsiteY147" fmla="*/ 4490 h 10000"/>
                  <a:gd name="connsiteX148" fmla="*/ 2436 w 10000"/>
                  <a:gd name="connsiteY148" fmla="*/ 4446 h 10000"/>
                  <a:gd name="connsiteX149" fmla="*/ 2436 w 10000"/>
                  <a:gd name="connsiteY149" fmla="*/ 4579 h 10000"/>
                  <a:gd name="connsiteX150" fmla="*/ 2436 w 10000"/>
                  <a:gd name="connsiteY150" fmla="*/ 4742 h 10000"/>
                  <a:gd name="connsiteX151" fmla="*/ 2436 w 10000"/>
                  <a:gd name="connsiteY151" fmla="*/ 4874 h 10000"/>
                  <a:gd name="connsiteX152" fmla="*/ 2436 w 10000"/>
                  <a:gd name="connsiteY152" fmla="*/ 5037 h 10000"/>
                  <a:gd name="connsiteX153" fmla="*/ 2665 w 10000"/>
                  <a:gd name="connsiteY153" fmla="*/ 5022 h 10000"/>
                  <a:gd name="connsiteX154" fmla="*/ 2817 w 10000"/>
                  <a:gd name="connsiteY154" fmla="*/ 5037 h 10000"/>
                  <a:gd name="connsiteX155" fmla="*/ 2944 w 10000"/>
                  <a:gd name="connsiteY155" fmla="*/ 5066 h 10000"/>
                  <a:gd name="connsiteX156" fmla="*/ 3071 w 10000"/>
                  <a:gd name="connsiteY156" fmla="*/ 5096 h 10000"/>
                  <a:gd name="connsiteX157" fmla="*/ 3173 w 10000"/>
                  <a:gd name="connsiteY157" fmla="*/ 5126 h 10000"/>
                  <a:gd name="connsiteX158" fmla="*/ 3299 w 10000"/>
                  <a:gd name="connsiteY158" fmla="*/ 5155 h 10000"/>
                  <a:gd name="connsiteX159" fmla="*/ 3452 w 10000"/>
                  <a:gd name="connsiteY159" fmla="*/ 5170 h 10000"/>
                  <a:gd name="connsiteX160" fmla="*/ 3680 w 10000"/>
                  <a:gd name="connsiteY160" fmla="*/ 5155 h 10000"/>
                  <a:gd name="connsiteX161" fmla="*/ 3757 w 10000"/>
                  <a:gd name="connsiteY161" fmla="*/ 5096 h 10000"/>
                  <a:gd name="connsiteX162" fmla="*/ 3832 w 10000"/>
                  <a:gd name="connsiteY162" fmla="*/ 5022 h 10000"/>
                  <a:gd name="connsiteX163" fmla="*/ 3857 w 10000"/>
                  <a:gd name="connsiteY163" fmla="*/ 4934 h 10000"/>
                  <a:gd name="connsiteX164" fmla="*/ 3884 w 10000"/>
                  <a:gd name="connsiteY164" fmla="*/ 4860 h 10000"/>
                  <a:gd name="connsiteX165" fmla="*/ 3908 w 10000"/>
                  <a:gd name="connsiteY165" fmla="*/ 4697 h 10000"/>
                  <a:gd name="connsiteX166" fmla="*/ 3884 w 10000"/>
                  <a:gd name="connsiteY166" fmla="*/ 4520 h 10000"/>
                  <a:gd name="connsiteX167" fmla="*/ 3807 w 10000"/>
                  <a:gd name="connsiteY167" fmla="*/ 4343 h 10000"/>
                  <a:gd name="connsiteX168" fmla="*/ 3731 w 10000"/>
                  <a:gd name="connsiteY168" fmla="*/ 4195 h 10000"/>
                  <a:gd name="connsiteX169" fmla="*/ 3604 w 10000"/>
                  <a:gd name="connsiteY169" fmla="*/ 4047 h 10000"/>
                  <a:gd name="connsiteX170" fmla="*/ 3477 w 10000"/>
                  <a:gd name="connsiteY170" fmla="*/ 3959 h 10000"/>
                  <a:gd name="connsiteX171" fmla="*/ 3629 w 10000"/>
                  <a:gd name="connsiteY171" fmla="*/ 3944 h 10000"/>
                  <a:gd name="connsiteX172" fmla="*/ 3757 w 10000"/>
                  <a:gd name="connsiteY172" fmla="*/ 3914 h 10000"/>
                  <a:gd name="connsiteX173" fmla="*/ 3857 w 10000"/>
                  <a:gd name="connsiteY173" fmla="*/ 3855 h 10000"/>
                  <a:gd name="connsiteX174" fmla="*/ 3983 w 10000"/>
                  <a:gd name="connsiteY174" fmla="*/ 3752 h 10000"/>
                  <a:gd name="connsiteX175" fmla="*/ 4111 w 10000"/>
                  <a:gd name="connsiteY175" fmla="*/ 3663 h 10000"/>
                  <a:gd name="connsiteX176" fmla="*/ 4213 w 10000"/>
                  <a:gd name="connsiteY176" fmla="*/ 3560 h 10000"/>
                  <a:gd name="connsiteX177" fmla="*/ 4289 w 10000"/>
                  <a:gd name="connsiteY177" fmla="*/ 3442 h 10000"/>
                  <a:gd name="connsiteX178" fmla="*/ 4366 w 10000"/>
                  <a:gd name="connsiteY178" fmla="*/ 3323 h 10000"/>
                  <a:gd name="connsiteX179" fmla="*/ 4416 w 10000"/>
                  <a:gd name="connsiteY179" fmla="*/ 3220 h 10000"/>
                  <a:gd name="connsiteX180" fmla="*/ 4441 w 10000"/>
                  <a:gd name="connsiteY180" fmla="*/ 3102 h 10000"/>
                  <a:gd name="connsiteX181" fmla="*/ 4468 w 10000"/>
                  <a:gd name="connsiteY181" fmla="*/ 3013 h 10000"/>
                  <a:gd name="connsiteX182" fmla="*/ 4441 w 10000"/>
                  <a:gd name="connsiteY182" fmla="*/ 2939 h 10000"/>
                  <a:gd name="connsiteX183" fmla="*/ 4416 w 10000"/>
                  <a:gd name="connsiteY183" fmla="*/ 2866 h 10000"/>
                  <a:gd name="connsiteX184" fmla="*/ 4340 w 10000"/>
                  <a:gd name="connsiteY184" fmla="*/ 2836 h 10000"/>
                  <a:gd name="connsiteX185" fmla="*/ 4239 w 10000"/>
                  <a:gd name="connsiteY185" fmla="*/ 2836 h 10000"/>
                  <a:gd name="connsiteX186" fmla="*/ 4111 w 10000"/>
                  <a:gd name="connsiteY186" fmla="*/ 2866 h 10000"/>
                  <a:gd name="connsiteX187" fmla="*/ 4213 w 10000"/>
                  <a:gd name="connsiteY187" fmla="*/ 2777 h 10000"/>
                  <a:gd name="connsiteX188" fmla="*/ 4265 w 10000"/>
                  <a:gd name="connsiteY188" fmla="*/ 2674 h 10000"/>
                  <a:gd name="connsiteX189" fmla="*/ 4289 w 10000"/>
                  <a:gd name="connsiteY189" fmla="*/ 2541 h 10000"/>
                  <a:gd name="connsiteX190" fmla="*/ 4289 w 10000"/>
                  <a:gd name="connsiteY190" fmla="*/ 2393 h 10000"/>
                  <a:gd name="connsiteX191" fmla="*/ 4314 w 10000"/>
                  <a:gd name="connsiteY191" fmla="*/ 2349 h 10000"/>
                  <a:gd name="connsiteX192" fmla="*/ 4366 w 10000"/>
                  <a:gd name="connsiteY192" fmla="*/ 2304 h 10000"/>
                  <a:gd name="connsiteX193" fmla="*/ 4416 w 10000"/>
                  <a:gd name="connsiteY193" fmla="*/ 2290 h 10000"/>
                  <a:gd name="connsiteX194" fmla="*/ 4493 w 10000"/>
                  <a:gd name="connsiteY194" fmla="*/ 2275 h 10000"/>
                  <a:gd name="connsiteX195" fmla="*/ 4720 w 10000"/>
                  <a:gd name="connsiteY195" fmla="*/ 2260 h 10000"/>
                  <a:gd name="connsiteX196" fmla="*/ 4923 w 10000"/>
                  <a:gd name="connsiteY196" fmla="*/ 2275 h 10000"/>
                  <a:gd name="connsiteX197" fmla="*/ 4898 w 10000"/>
                  <a:gd name="connsiteY197" fmla="*/ 2112 h 10000"/>
                  <a:gd name="connsiteX198" fmla="*/ 4848 w 10000"/>
                  <a:gd name="connsiteY198" fmla="*/ 1950 h 10000"/>
                  <a:gd name="connsiteX199" fmla="*/ 4771 w 10000"/>
                  <a:gd name="connsiteY199" fmla="*/ 1802 h 10000"/>
                  <a:gd name="connsiteX200" fmla="*/ 4671 w 10000"/>
                  <a:gd name="connsiteY200" fmla="*/ 1640 h 10000"/>
                  <a:gd name="connsiteX201" fmla="*/ 4416 w 10000"/>
                  <a:gd name="connsiteY201" fmla="*/ 1329 h 10000"/>
                  <a:gd name="connsiteX202" fmla="*/ 4162 w 10000"/>
                  <a:gd name="connsiteY202" fmla="*/ 1034 h 10000"/>
                  <a:gd name="connsiteX203" fmla="*/ 4035 w 10000"/>
                  <a:gd name="connsiteY203" fmla="*/ 901 h 10000"/>
                  <a:gd name="connsiteX204" fmla="*/ 3935 w 10000"/>
                  <a:gd name="connsiteY204" fmla="*/ 753 h 10000"/>
                  <a:gd name="connsiteX205" fmla="*/ 3857 w 10000"/>
                  <a:gd name="connsiteY205" fmla="*/ 620 h 10000"/>
                  <a:gd name="connsiteX206" fmla="*/ 3832 w 10000"/>
                  <a:gd name="connsiteY206" fmla="*/ 487 h 10000"/>
                  <a:gd name="connsiteX207" fmla="*/ 3807 w 10000"/>
                  <a:gd name="connsiteY207" fmla="*/ 355 h 10000"/>
                  <a:gd name="connsiteX208" fmla="*/ 3857 w 10000"/>
                  <a:gd name="connsiteY208" fmla="*/ 222 h 10000"/>
                  <a:gd name="connsiteX209" fmla="*/ 3884 w 10000"/>
                  <a:gd name="connsiteY209" fmla="*/ 162 h 10000"/>
                  <a:gd name="connsiteX210" fmla="*/ 3935 w 10000"/>
                  <a:gd name="connsiteY210" fmla="*/ 103 h 10000"/>
                  <a:gd name="connsiteX211" fmla="*/ 4011 w 10000"/>
                  <a:gd name="connsiteY211" fmla="*/ 59 h 10000"/>
                  <a:gd name="connsiteX212" fmla="*/ 4111 w 10000"/>
                  <a:gd name="connsiteY212" fmla="*/ 0 h 10000"/>
                  <a:gd name="connsiteX213" fmla="*/ 4289 w 10000"/>
                  <a:gd name="connsiteY213" fmla="*/ 0 h 10000"/>
                  <a:gd name="connsiteX214" fmla="*/ 4468 w 10000"/>
                  <a:gd name="connsiteY214" fmla="*/ 15 h 10000"/>
                  <a:gd name="connsiteX215" fmla="*/ 4644 w 10000"/>
                  <a:gd name="connsiteY215" fmla="*/ 44 h 10000"/>
                  <a:gd name="connsiteX216" fmla="*/ 4771 w 10000"/>
                  <a:gd name="connsiteY216" fmla="*/ 89 h 10000"/>
                  <a:gd name="connsiteX217" fmla="*/ 4975 w 10000"/>
                  <a:gd name="connsiteY217" fmla="*/ 192 h 10000"/>
                  <a:gd name="connsiteX218" fmla="*/ 5177 w 10000"/>
                  <a:gd name="connsiteY218" fmla="*/ 340 h 10000"/>
                  <a:gd name="connsiteX219" fmla="*/ 5329 w 10000"/>
                  <a:gd name="connsiteY219" fmla="*/ 473 h 10000"/>
                  <a:gd name="connsiteX220" fmla="*/ 5532 w 10000"/>
                  <a:gd name="connsiteY220" fmla="*/ 591 h 10000"/>
                  <a:gd name="connsiteX221" fmla="*/ 5660 w 10000"/>
                  <a:gd name="connsiteY221" fmla="*/ 650 h 10000"/>
                  <a:gd name="connsiteX222" fmla="*/ 5812 w 10000"/>
                  <a:gd name="connsiteY222" fmla="*/ 679 h 10000"/>
                  <a:gd name="connsiteX223" fmla="*/ 5965 w 10000"/>
                  <a:gd name="connsiteY223" fmla="*/ 709 h 10000"/>
                  <a:gd name="connsiteX224" fmla="*/ 6168 w 10000"/>
                  <a:gd name="connsiteY224" fmla="*/ 709 h 10000"/>
                  <a:gd name="connsiteX225" fmla="*/ 6168 w 10000"/>
                  <a:gd name="connsiteY225" fmla="*/ 768 h 10000"/>
                  <a:gd name="connsiteX226" fmla="*/ 6193 w 10000"/>
                  <a:gd name="connsiteY226" fmla="*/ 842 h 10000"/>
                  <a:gd name="connsiteX227" fmla="*/ 6243 w 10000"/>
                  <a:gd name="connsiteY227" fmla="*/ 916 h 10000"/>
                  <a:gd name="connsiteX228" fmla="*/ 6294 w 10000"/>
                  <a:gd name="connsiteY228" fmla="*/ 990 h 10000"/>
                  <a:gd name="connsiteX229" fmla="*/ 6369 w 10000"/>
                  <a:gd name="connsiteY229" fmla="*/ 1049 h 10000"/>
                  <a:gd name="connsiteX230" fmla="*/ 6471 w 10000"/>
                  <a:gd name="connsiteY230" fmla="*/ 1108 h 10000"/>
                  <a:gd name="connsiteX231" fmla="*/ 6598 w 10000"/>
                  <a:gd name="connsiteY231" fmla="*/ 1182 h 10000"/>
                  <a:gd name="connsiteX232" fmla="*/ 6700 w 10000"/>
                  <a:gd name="connsiteY232" fmla="*/ 1226 h 10000"/>
                  <a:gd name="connsiteX233" fmla="*/ 6802 w 10000"/>
                  <a:gd name="connsiteY233" fmla="*/ 1270 h 10000"/>
                  <a:gd name="connsiteX234" fmla="*/ 6903 w 10000"/>
                  <a:gd name="connsiteY234" fmla="*/ 1300 h 10000"/>
                  <a:gd name="connsiteX235" fmla="*/ 7005 w 10000"/>
                  <a:gd name="connsiteY235" fmla="*/ 1315 h 10000"/>
                  <a:gd name="connsiteX236" fmla="*/ 7132 w 10000"/>
                  <a:gd name="connsiteY236" fmla="*/ 1300 h 10000"/>
                  <a:gd name="connsiteX237" fmla="*/ 7234 w 10000"/>
                  <a:gd name="connsiteY237" fmla="*/ 1285 h 10000"/>
                  <a:gd name="connsiteX238" fmla="*/ 7309 w 10000"/>
                  <a:gd name="connsiteY238" fmla="*/ 1241 h 10000"/>
                  <a:gd name="connsiteX239" fmla="*/ 7361 w 10000"/>
                  <a:gd name="connsiteY239" fmla="*/ 1167 h 10000"/>
                  <a:gd name="connsiteX240" fmla="*/ 7385 w 10000"/>
                  <a:gd name="connsiteY240" fmla="*/ 1064 h 10000"/>
                  <a:gd name="connsiteX241" fmla="*/ 7766 w 10000"/>
                  <a:gd name="connsiteY241" fmla="*/ 1034 h 10000"/>
                  <a:gd name="connsiteX242" fmla="*/ 8121 w 10000"/>
                  <a:gd name="connsiteY242" fmla="*/ 1004 h 10000"/>
                  <a:gd name="connsiteX243" fmla="*/ 8427 w 10000"/>
                  <a:gd name="connsiteY243" fmla="*/ 990 h 10000"/>
                  <a:gd name="connsiteX244" fmla="*/ 8706 w 10000"/>
                  <a:gd name="connsiteY244" fmla="*/ 1004 h 10000"/>
                  <a:gd name="connsiteX245" fmla="*/ 8833 w 10000"/>
                  <a:gd name="connsiteY245" fmla="*/ 1019 h 10000"/>
                  <a:gd name="connsiteX246" fmla="*/ 8958 w 10000"/>
                  <a:gd name="connsiteY246" fmla="*/ 1034 h 10000"/>
                  <a:gd name="connsiteX247" fmla="*/ 9061 w 10000"/>
                  <a:gd name="connsiteY247" fmla="*/ 1064 h 10000"/>
                  <a:gd name="connsiteX248" fmla="*/ 9188 w 10000"/>
                  <a:gd name="connsiteY248" fmla="*/ 1108 h 10000"/>
                  <a:gd name="connsiteX249" fmla="*/ 9264 w 10000"/>
                  <a:gd name="connsiteY249" fmla="*/ 1182 h 10000"/>
                  <a:gd name="connsiteX250" fmla="*/ 9339 w 10000"/>
                  <a:gd name="connsiteY250" fmla="*/ 1241 h 10000"/>
                  <a:gd name="connsiteX251" fmla="*/ 9391 w 10000"/>
                  <a:gd name="connsiteY251" fmla="*/ 1329 h 10000"/>
                  <a:gd name="connsiteX252" fmla="*/ 9442 w 10000"/>
                  <a:gd name="connsiteY252" fmla="*/ 1433 h 10000"/>
                  <a:gd name="connsiteX253" fmla="*/ 9492 w 10000"/>
                  <a:gd name="connsiteY253" fmla="*/ 1551 h 10000"/>
                  <a:gd name="connsiteX254" fmla="*/ 9466 w 10000"/>
                  <a:gd name="connsiteY254" fmla="*/ 1625 h 10000"/>
                  <a:gd name="connsiteX255" fmla="*/ 9442 w 10000"/>
                  <a:gd name="connsiteY255" fmla="*/ 1684 h 10000"/>
                  <a:gd name="connsiteX256" fmla="*/ 9391 w 10000"/>
                  <a:gd name="connsiteY256" fmla="*/ 1758 h 10000"/>
                  <a:gd name="connsiteX257" fmla="*/ 9315 w 10000"/>
                  <a:gd name="connsiteY257" fmla="*/ 1802 h 10000"/>
                  <a:gd name="connsiteX258" fmla="*/ 9264 w 10000"/>
                  <a:gd name="connsiteY258" fmla="*/ 1861 h 10000"/>
                  <a:gd name="connsiteX259" fmla="*/ 9240 w 10000"/>
                  <a:gd name="connsiteY259" fmla="*/ 1935 h 10000"/>
                  <a:gd name="connsiteX260" fmla="*/ 9264 w 10000"/>
                  <a:gd name="connsiteY260" fmla="*/ 2024 h 10000"/>
                  <a:gd name="connsiteX261" fmla="*/ 9543 w 10000"/>
                  <a:gd name="connsiteY261" fmla="*/ 2157 h 10000"/>
                  <a:gd name="connsiteX262" fmla="*/ 9873 w 10000"/>
                  <a:gd name="connsiteY262" fmla="*/ 2275 h 10000"/>
                  <a:gd name="connsiteX263" fmla="*/ 10000 w 10000"/>
                  <a:gd name="connsiteY263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369 w 10000"/>
                  <a:gd name="connsiteY9" fmla="*/ 4313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776 w 10000"/>
                  <a:gd name="connsiteY22" fmla="*/ 3840 h 10000"/>
                  <a:gd name="connsiteX23" fmla="*/ 6548 w 10000"/>
                  <a:gd name="connsiteY23" fmla="*/ 3914 h 10000"/>
                  <a:gd name="connsiteX24" fmla="*/ 6345 w 10000"/>
                  <a:gd name="connsiteY24" fmla="*/ 4003 h 10000"/>
                  <a:gd name="connsiteX25" fmla="*/ 6143 w 10000"/>
                  <a:gd name="connsiteY25" fmla="*/ 4106 h 10000"/>
                  <a:gd name="connsiteX26" fmla="*/ 5938 w 10000"/>
                  <a:gd name="connsiteY26" fmla="*/ 4195 h 10000"/>
                  <a:gd name="connsiteX27" fmla="*/ 6091 w 10000"/>
                  <a:gd name="connsiteY27" fmla="*/ 4417 h 10000"/>
                  <a:gd name="connsiteX28" fmla="*/ 6294 w 10000"/>
                  <a:gd name="connsiteY28" fmla="*/ 4845 h 10000"/>
                  <a:gd name="connsiteX29" fmla="*/ 6369 w 10000"/>
                  <a:gd name="connsiteY29" fmla="*/ 5081 h 10000"/>
                  <a:gd name="connsiteX30" fmla="*/ 6421 w 10000"/>
                  <a:gd name="connsiteY30" fmla="*/ 5318 h 10000"/>
                  <a:gd name="connsiteX31" fmla="*/ 6447 w 10000"/>
                  <a:gd name="connsiteY31" fmla="*/ 5539 h 10000"/>
                  <a:gd name="connsiteX32" fmla="*/ 6471 w 10000"/>
                  <a:gd name="connsiteY32" fmla="*/ 5775 h 10000"/>
                  <a:gd name="connsiteX33" fmla="*/ 6471 w 10000"/>
                  <a:gd name="connsiteY33" fmla="*/ 5997 h 10000"/>
                  <a:gd name="connsiteX34" fmla="*/ 6447 w 10000"/>
                  <a:gd name="connsiteY34" fmla="*/ 6233 h 10000"/>
                  <a:gd name="connsiteX35" fmla="*/ 6396 w 10000"/>
                  <a:gd name="connsiteY35" fmla="*/ 6470 h 10000"/>
                  <a:gd name="connsiteX36" fmla="*/ 6345 w 10000"/>
                  <a:gd name="connsiteY36" fmla="*/ 6677 h 10000"/>
                  <a:gd name="connsiteX37" fmla="*/ 6269 w 10000"/>
                  <a:gd name="connsiteY37" fmla="*/ 6898 h 10000"/>
                  <a:gd name="connsiteX38" fmla="*/ 6168 w 10000"/>
                  <a:gd name="connsiteY38" fmla="*/ 7105 h 10000"/>
                  <a:gd name="connsiteX39" fmla="*/ 6041 w 10000"/>
                  <a:gd name="connsiteY39" fmla="*/ 7297 h 10000"/>
                  <a:gd name="connsiteX40" fmla="*/ 5888 w 10000"/>
                  <a:gd name="connsiteY40" fmla="*/ 7489 h 10000"/>
                  <a:gd name="connsiteX41" fmla="*/ 5735 w 10000"/>
                  <a:gd name="connsiteY41" fmla="*/ 7681 h 10000"/>
                  <a:gd name="connsiteX42" fmla="*/ 6471 w 10000"/>
                  <a:gd name="connsiteY42" fmla="*/ 7799 h 10000"/>
                  <a:gd name="connsiteX43" fmla="*/ 7234 w 10000"/>
                  <a:gd name="connsiteY43" fmla="*/ 7962 h 10000"/>
                  <a:gd name="connsiteX44" fmla="*/ 7385 w 10000"/>
                  <a:gd name="connsiteY44" fmla="*/ 8021 h 10000"/>
                  <a:gd name="connsiteX45" fmla="*/ 7512 w 10000"/>
                  <a:gd name="connsiteY45" fmla="*/ 8080 h 10000"/>
                  <a:gd name="connsiteX46" fmla="*/ 7639 w 10000"/>
                  <a:gd name="connsiteY46" fmla="*/ 8139 h 10000"/>
                  <a:gd name="connsiteX47" fmla="*/ 7716 w 10000"/>
                  <a:gd name="connsiteY47" fmla="*/ 8227 h 10000"/>
                  <a:gd name="connsiteX48" fmla="*/ 7741 w 10000"/>
                  <a:gd name="connsiteY48" fmla="*/ 8301 h 10000"/>
                  <a:gd name="connsiteX49" fmla="*/ 7741 w 10000"/>
                  <a:gd name="connsiteY49" fmla="*/ 8405 h 10000"/>
                  <a:gd name="connsiteX50" fmla="*/ 7691 w 10000"/>
                  <a:gd name="connsiteY50" fmla="*/ 8523 h 10000"/>
                  <a:gd name="connsiteX51" fmla="*/ 7614 w 10000"/>
                  <a:gd name="connsiteY51" fmla="*/ 8641 h 10000"/>
                  <a:gd name="connsiteX52" fmla="*/ 7284 w 10000"/>
                  <a:gd name="connsiteY52" fmla="*/ 8552 h 10000"/>
                  <a:gd name="connsiteX53" fmla="*/ 6979 w 10000"/>
                  <a:gd name="connsiteY53" fmla="*/ 8449 h 10000"/>
                  <a:gd name="connsiteX54" fmla="*/ 6674 w 10000"/>
                  <a:gd name="connsiteY54" fmla="*/ 8360 h 10000"/>
                  <a:gd name="connsiteX55" fmla="*/ 6369 w 10000"/>
                  <a:gd name="connsiteY55" fmla="*/ 8287 h 10000"/>
                  <a:gd name="connsiteX56" fmla="*/ 6243 w 10000"/>
                  <a:gd name="connsiteY56" fmla="*/ 8449 h 10000"/>
                  <a:gd name="connsiteX57" fmla="*/ 6143 w 10000"/>
                  <a:gd name="connsiteY57" fmla="*/ 8597 h 10000"/>
                  <a:gd name="connsiteX58" fmla="*/ 6091 w 10000"/>
                  <a:gd name="connsiteY58" fmla="*/ 8656 h 10000"/>
                  <a:gd name="connsiteX59" fmla="*/ 5989 w 10000"/>
                  <a:gd name="connsiteY59" fmla="*/ 8700 h 10000"/>
                  <a:gd name="connsiteX60" fmla="*/ 5914 w 10000"/>
                  <a:gd name="connsiteY60" fmla="*/ 8744 h 10000"/>
                  <a:gd name="connsiteX61" fmla="*/ 5838 w 10000"/>
                  <a:gd name="connsiteY61" fmla="*/ 8774 h 10000"/>
                  <a:gd name="connsiteX62" fmla="*/ 5761 w 10000"/>
                  <a:gd name="connsiteY62" fmla="*/ 8804 h 10000"/>
                  <a:gd name="connsiteX63" fmla="*/ 5660 w 10000"/>
                  <a:gd name="connsiteY63" fmla="*/ 8818 h 10000"/>
                  <a:gd name="connsiteX64" fmla="*/ 5532 w 10000"/>
                  <a:gd name="connsiteY64" fmla="*/ 8833 h 10000"/>
                  <a:gd name="connsiteX65" fmla="*/ 5406 w 10000"/>
                  <a:gd name="connsiteY65" fmla="*/ 8833 h 10000"/>
                  <a:gd name="connsiteX66" fmla="*/ 5102 w 10000"/>
                  <a:gd name="connsiteY66" fmla="*/ 8818 h 10000"/>
                  <a:gd name="connsiteX67" fmla="*/ 4720 w 10000"/>
                  <a:gd name="connsiteY67" fmla="*/ 8744 h 10000"/>
                  <a:gd name="connsiteX68" fmla="*/ 4720 w 10000"/>
                  <a:gd name="connsiteY68" fmla="*/ 8922 h 10000"/>
                  <a:gd name="connsiteX69" fmla="*/ 4695 w 10000"/>
                  <a:gd name="connsiteY69" fmla="*/ 9069 h 10000"/>
                  <a:gd name="connsiteX70" fmla="*/ 4671 w 10000"/>
                  <a:gd name="connsiteY70" fmla="*/ 9232 h 10000"/>
                  <a:gd name="connsiteX71" fmla="*/ 4644 w 10000"/>
                  <a:gd name="connsiteY71" fmla="*/ 9365 h 10000"/>
                  <a:gd name="connsiteX72" fmla="*/ 4593 w 10000"/>
                  <a:gd name="connsiteY72" fmla="*/ 9498 h 10000"/>
                  <a:gd name="connsiteX73" fmla="*/ 4493 w 10000"/>
                  <a:gd name="connsiteY73" fmla="*/ 9616 h 10000"/>
                  <a:gd name="connsiteX74" fmla="*/ 4416 w 10000"/>
                  <a:gd name="connsiteY74" fmla="*/ 9734 h 10000"/>
                  <a:gd name="connsiteX75" fmla="*/ 4289 w 10000"/>
                  <a:gd name="connsiteY75" fmla="*/ 9838 h 10000"/>
                  <a:gd name="connsiteX76" fmla="*/ 3983 w 10000"/>
                  <a:gd name="connsiteY76" fmla="*/ 9897 h 10000"/>
                  <a:gd name="connsiteX77" fmla="*/ 3731 w 10000"/>
                  <a:gd name="connsiteY77" fmla="*/ 9941 h 10000"/>
                  <a:gd name="connsiteX78" fmla="*/ 3426 w 10000"/>
                  <a:gd name="connsiteY78" fmla="*/ 9985 h 10000"/>
                  <a:gd name="connsiteX79" fmla="*/ 3198 w 10000"/>
                  <a:gd name="connsiteY79" fmla="*/ 10000 h 10000"/>
                  <a:gd name="connsiteX80" fmla="*/ 2690 w 10000"/>
                  <a:gd name="connsiteY80" fmla="*/ 10000 h 10000"/>
                  <a:gd name="connsiteX81" fmla="*/ 2208 w 10000"/>
                  <a:gd name="connsiteY81" fmla="*/ 9985 h 10000"/>
                  <a:gd name="connsiteX82" fmla="*/ 1752 w 10000"/>
                  <a:gd name="connsiteY82" fmla="*/ 9941 h 10000"/>
                  <a:gd name="connsiteX83" fmla="*/ 1270 w 10000"/>
                  <a:gd name="connsiteY83" fmla="*/ 9911 h 10000"/>
                  <a:gd name="connsiteX84" fmla="*/ 990 w 10000"/>
                  <a:gd name="connsiteY84" fmla="*/ 9911 h 10000"/>
                  <a:gd name="connsiteX85" fmla="*/ 736 w 10000"/>
                  <a:gd name="connsiteY85" fmla="*/ 9911 h 10000"/>
                  <a:gd name="connsiteX86" fmla="*/ 457 w 10000"/>
                  <a:gd name="connsiteY86" fmla="*/ 9926 h 10000"/>
                  <a:gd name="connsiteX87" fmla="*/ 178 w 10000"/>
                  <a:gd name="connsiteY87" fmla="*/ 9970 h 10000"/>
                  <a:gd name="connsiteX88" fmla="*/ 102 w 10000"/>
                  <a:gd name="connsiteY88" fmla="*/ 9867 h 10000"/>
                  <a:gd name="connsiteX89" fmla="*/ 51 w 10000"/>
                  <a:gd name="connsiteY89" fmla="*/ 9793 h 10000"/>
                  <a:gd name="connsiteX90" fmla="*/ 0 w 10000"/>
                  <a:gd name="connsiteY90" fmla="*/ 9705 h 10000"/>
                  <a:gd name="connsiteX91" fmla="*/ 0 w 10000"/>
                  <a:gd name="connsiteY91" fmla="*/ 9601 h 10000"/>
                  <a:gd name="connsiteX92" fmla="*/ 51 w 10000"/>
                  <a:gd name="connsiteY92" fmla="*/ 9424 h 10000"/>
                  <a:gd name="connsiteX93" fmla="*/ 102 w 10000"/>
                  <a:gd name="connsiteY93" fmla="*/ 9202 h 10000"/>
                  <a:gd name="connsiteX94" fmla="*/ 151 w 10000"/>
                  <a:gd name="connsiteY94" fmla="*/ 8996 h 10000"/>
                  <a:gd name="connsiteX95" fmla="*/ 203 w 10000"/>
                  <a:gd name="connsiteY95" fmla="*/ 8759 h 10000"/>
                  <a:gd name="connsiteX96" fmla="*/ 228 w 10000"/>
                  <a:gd name="connsiteY96" fmla="*/ 8641 h 10000"/>
                  <a:gd name="connsiteX97" fmla="*/ 228 w 10000"/>
                  <a:gd name="connsiteY97" fmla="*/ 8538 h 10000"/>
                  <a:gd name="connsiteX98" fmla="*/ 203 w 10000"/>
                  <a:gd name="connsiteY98" fmla="*/ 8405 h 10000"/>
                  <a:gd name="connsiteX99" fmla="*/ 178 w 10000"/>
                  <a:gd name="connsiteY99" fmla="*/ 8287 h 10000"/>
                  <a:gd name="connsiteX100" fmla="*/ 431 w 10000"/>
                  <a:gd name="connsiteY100" fmla="*/ 8213 h 10000"/>
                  <a:gd name="connsiteX101" fmla="*/ 685 w 10000"/>
                  <a:gd name="connsiteY101" fmla="*/ 8139 h 10000"/>
                  <a:gd name="connsiteX102" fmla="*/ 939 w 10000"/>
                  <a:gd name="connsiteY102" fmla="*/ 8095 h 10000"/>
                  <a:gd name="connsiteX103" fmla="*/ 1218 w 10000"/>
                  <a:gd name="connsiteY103" fmla="*/ 8065 h 10000"/>
                  <a:gd name="connsiteX104" fmla="*/ 1725 w 10000"/>
                  <a:gd name="connsiteY104" fmla="*/ 8021 h 10000"/>
                  <a:gd name="connsiteX105" fmla="*/ 2234 w 10000"/>
                  <a:gd name="connsiteY105" fmla="*/ 7976 h 10000"/>
                  <a:gd name="connsiteX106" fmla="*/ 2462 w 10000"/>
                  <a:gd name="connsiteY106" fmla="*/ 7947 h 10000"/>
                  <a:gd name="connsiteX107" fmla="*/ 2690 w 10000"/>
                  <a:gd name="connsiteY107" fmla="*/ 7917 h 10000"/>
                  <a:gd name="connsiteX108" fmla="*/ 2892 w 10000"/>
                  <a:gd name="connsiteY108" fmla="*/ 7843 h 10000"/>
                  <a:gd name="connsiteX109" fmla="*/ 3096 w 10000"/>
                  <a:gd name="connsiteY109" fmla="*/ 7784 h 10000"/>
                  <a:gd name="connsiteX110" fmla="*/ 3274 w 10000"/>
                  <a:gd name="connsiteY110" fmla="*/ 7710 h 10000"/>
                  <a:gd name="connsiteX111" fmla="*/ 3426 w 10000"/>
                  <a:gd name="connsiteY111" fmla="*/ 7592 h 10000"/>
                  <a:gd name="connsiteX112" fmla="*/ 3579 w 10000"/>
                  <a:gd name="connsiteY112" fmla="*/ 7474 h 10000"/>
                  <a:gd name="connsiteX113" fmla="*/ 3680 w 10000"/>
                  <a:gd name="connsiteY113" fmla="*/ 7312 h 10000"/>
                  <a:gd name="connsiteX114" fmla="*/ 3477 w 10000"/>
                  <a:gd name="connsiteY114" fmla="*/ 7238 h 10000"/>
                  <a:gd name="connsiteX115" fmla="*/ 3299 w 10000"/>
                  <a:gd name="connsiteY115" fmla="*/ 7179 h 10000"/>
                  <a:gd name="connsiteX116" fmla="*/ 3147 w 10000"/>
                  <a:gd name="connsiteY116" fmla="*/ 7090 h 10000"/>
                  <a:gd name="connsiteX117" fmla="*/ 2995 w 10000"/>
                  <a:gd name="connsiteY117" fmla="*/ 6987 h 10000"/>
                  <a:gd name="connsiteX118" fmla="*/ 2892 w 10000"/>
                  <a:gd name="connsiteY118" fmla="*/ 6869 h 10000"/>
                  <a:gd name="connsiteX119" fmla="*/ 2843 w 10000"/>
                  <a:gd name="connsiteY119" fmla="*/ 6721 h 10000"/>
                  <a:gd name="connsiteX120" fmla="*/ 2817 w 10000"/>
                  <a:gd name="connsiteY120" fmla="*/ 6558 h 10000"/>
                  <a:gd name="connsiteX121" fmla="*/ 2843 w 10000"/>
                  <a:gd name="connsiteY121" fmla="*/ 6352 h 10000"/>
                  <a:gd name="connsiteX122" fmla="*/ 2716 w 10000"/>
                  <a:gd name="connsiteY122" fmla="*/ 6322 h 10000"/>
                  <a:gd name="connsiteX123" fmla="*/ 2564 w 10000"/>
                  <a:gd name="connsiteY123" fmla="*/ 6292 h 10000"/>
                  <a:gd name="connsiteX124" fmla="*/ 2386 w 10000"/>
                  <a:gd name="connsiteY124" fmla="*/ 6278 h 10000"/>
                  <a:gd name="connsiteX125" fmla="*/ 2208 w 10000"/>
                  <a:gd name="connsiteY125" fmla="*/ 6263 h 10000"/>
                  <a:gd name="connsiteX126" fmla="*/ 1853 w 10000"/>
                  <a:gd name="connsiteY126" fmla="*/ 6248 h 10000"/>
                  <a:gd name="connsiteX127" fmla="*/ 1472 w 10000"/>
                  <a:gd name="connsiteY127" fmla="*/ 6263 h 10000"/>
                  <a:gd name="connsiteX128" fmla="*/ 1143 w 10000"/>
                  <a:gd name="connsiteY128" fmla="*/ 6278 h 10000"/>
                  <a:gd name="connsiteX129" fmla="*/ 837 w 10000"/>
                  <a:gd name="connsiteY129" fmla="*/ 6278 h 10000"/>
                  <a:gd name="connsiteX130" fmla="*/ 585 w 10000"/>
                  <a:gd name="connsiteY130" fmla="*/ 6263 h 10000"/>
                  <a:gd name="connsiteX131" fmla="*/ 381 w 10000"/>
                  <a:gd name="connsiteY131" fmla="*/ 6233 h 10000"/>
                  <a:gd name="connsiteX132" fmla="*/ 633 w 10000"/>
                  <a:gd name="connsiteY132" fmla="*/ 5805 h 10000"/>
                  <a:gd name="connsiteX133" fmla="*/ 914 w 10000"/>
                  <a:gd name="connsiteY133" fmla="*/ 5391 h 10000"/>
                  <a:gd name="connsiteX134" fmla="*/ 1016 w 10000"/>
                  <a:gd name="connsiteY134" fmla="*/ 5170 h 10000"/>
                  <a:gd name="connsiteX135" fmla="*/ 1091 w 10000"/>
                  <a:gd name="connsiteY135" fmla="*/ 4963 h 10000"/>
                  <a:gd name="connsiteX136" fmla="*/ 1116 w 10000"/>
                  <a:gd name="connsiteY136" fmla="*/ 4860 h 10000"/>
                  <a:gd name="connsiteX137" fmla="*/ 1091 w 10000"/>
                  <a:gd name="connsiteY137" fmla="*/ 4756 h 10000"/>
                  <a:gd name="connsiteX138" fmla="*/ 1066 w 10000"/>
                  <a:gd name="connsiteY138" fmla="*/ 4653 h 10000"/>
                  <a:gd name="connsiteX139" fmla="*/ 990 w 10000"/>
                  <a:gd name="connsiteY139" fmla="*/ 4549 h 10000"/>
                  <a:gd name="connsiteX140" fmla="*/ 1270 w 10000"/>
                  <a:gd name="connsiteY140" fmla="*/ 4520 h 10000"/>
                  <a:gd name="connsiteX141" fmla="*/ 1472 w 10000"/>
                  <a:gd name="connsiteY141" fmla="*/ 4505 h 10000"/>
                  <a:gd name="connsiteX142" fmla="*/ 1650 w 10000"/>
                  <a:gd name="connsiteY142" fmla="*/ 4505 h 10000"/>
                  <a:gd name="connsiteX143" fmla="*/ 1802 w 10000"/>
                  <a:gd name="connsiteY143" fmla="*/ 4520 h 10000"/>
                  <a:gd name="connsiteX144" fmla="*/ 1929 w 10000"/>
                  <a:gd name="connsiteY144" fmla="*/ 4520 h 10000"/>
                  <a:gd name="connsiteX145" fmla="*/ 2081 w 10000"/>
                  <a:gd name="connsiteY145" fmla="*/ 4520 h 10000"/>
                  <a:gd name="connsiteX146" fmla="*/ 2234 w 10000"/>
                  <a:gd name="connsiteY146" fmla="*/ 4490 h 10000"/>
                  <a:gd name="connsiteX147" fmla="*/ 2436 w 10000"/>
                  <a:gd name="connsiteY147" fmla="*/ 4446 h 10000"/>
                  <a:gd name="connsiteX148" fmla="*/ 2436 w 10000"/>
                  <a:gd name="connsiteY148" fmla="*/ 4579 h 10000"/>
                  <a:gd name="connsiteX149" fmla="*/ 2436 w 10000"/>
                  <a:gd name="connsiteY149" fmla="*/ 4742 h 10000"/>
                  <a:gd name="connsiteX150" fmla="*/ 2436 w 10000"/>
                  <a:gd name="connsiteY150" fmla="*/ 4874 h 10000"/>
                  <a:gd name="connsiteX151" fmla="*/ 2436 w 10000"/>
                  <a:gd name="connsiteY151" fmla="*/ 5037 h 10000"/>
                  <a:gd name="connsiteX152" fmla="*/ 2665 w 10000"/>
                  <a:gd name="connsiteY152" fmla="*/ 5022 h 10000"/>
                  <a:gd name="connsiteX153" fmla="*/ 2817 w 10000"/>
                  <a:gd name="connsiteY153" fmla="*/ 5037 h 10000"/>
                  <a:gd name="connsiteX154" fmla="*/ 2944 w 10000"/>
                  <a:gd name="connsiteY154" fmla="*/ 5066 h 10000"/>
                  <a:gd name="connsiteX155" fmla="*/ 3071 w 10000"/>
                  <a:gd name="connsiteY155" fmla="*/ 5096 h 10000"/>
                  <a:gd name="connsiteX156" fmla="*/ 3173 w 10000"/>
                  <a:gd name="connsiteY156" fmla="*/ 5126 h 10000"/>
                  <a:gd name="connsiteX157" fmla="*/ 3299 w 10000"/>
                  <a:gd name="connsiteY157" fmla="*/ 5155 h 10000"/>
                  <a:gd name="connsiteX158" fmla="*/ 3452 w 10000"/>
                  <a:gd name="connsiteY158" fmla="*/ 5170 h 10000"/>
                  <a:gd name="connsiteX159" fmla="*/ 3680 w 10000"/>
                  <a:gd name="connsiteY159" fmla="*/ 5155 h 10000"/>
                  <a:gd name="connsiteX160" fmla="*/ 3757 w 10000"/>
                  <a:gd name="connsiteY160" fmla="*/ 5096 h 10000"/>
                  <a:gd name="connsiteX161" fmla="*/ 3832 w 10000"/>
                  <a:gd name="connsiteY161" fmla="*/ 5022 h 10000"/>
                  <a:gd name="connsiteX162" fmla="*/ 3857 w 10000"/>
                  <a:gd name="connsiteY162" fmla="*/ 4934 h 10000"/>
                  <a:gd name="connsiteX163" fmla="*/ 3884 w 10000"/>
                  <a:gd name="connsiteY163" fmla="*/ 4860 h 10000"/>
                  <a:gd name="connsiteX164" fmla="*/ 3908 w 10000"/>
                  <a:gd name="connsiteY164" fmla="*/ 4697 h 10000"/>
                  <a:gd name="connsiteX165" fmla="*/ 3884 w 10000"/>
                  <a:gd name="connsiteY165" fmla="*/ 4520 h 10000"/>
                  <a:gd name="connsiteX166" fmla="*/ 3807 w 10000"/>
                  <a:gd name="connsiteY166" fmla="*/ 4343 h 10000"/>
                  <a:gd name="connsiteX167" fmla="*/ 3731 w 10000"/>
                  <a:gd name="connsiteY167" fmla="*/ 4195 h 10000"/>
                  <a:gd name="connsiteX168" fmla="*/ 3604 w 10000"/>
                  <a:gd name="connsiteY168" fmla="*/ 4047 h 10000"/>
                  <a:gd name="connsiteX169" fmla="*/ 3477 w 10000"/>
                  <a:gd name="connsiteY169" fmla="*/ 3959 h 10000"/>
                  <a:gd name="connsiteX170" fmla="*/ 3629 w 10000"/>
                  <a:gd name="connsiteY170" fmla="*/ 3944 h 10000"/>
                  <a:gd name="connsiteX171" fmla="*/ 3757 w 10000"/>
                  <a:gd name="connsiteY171" fmla="*/ 3914 h 10000"/>
                  <a:gd name="connsiteX172" fmla="*/ 3857 w 10000"/>
                  <a:gd name="connsiteY172" fmla="*/ 3855 h 10000"/>
                  <a:gd name="connsiteX173" fmla="*/ 3983 w 10000"/>
                  <a:gd name="connsiteY173" fmla="*/ 3752 h 10000"/>
                  <a:gd name="connsiteX174" fmla="*/ 4111 w 10000"/>
                  <a:gd name="connsiteY174" fmla="*/ 3663 h 10000"/>
                  <a:gd name="connsiteX175" fmla="*/ 4213 w 10000"/>
                  <a:gd name="connsiteY175" fmla="*/ 3560 h 10000"/>
                  <a:gd name="connsiteX176" fmla="*/ 4289 w 10000"/>
                  <a:gd name="connsiteY176" fmla="*/ 3442 h 10000"/>
                  <a:gd name="connsiteX177" fmla="*/ 4366 w 10000"/>
                  <a:gd name="connsiteY177" fmla="*/ 3323 h 10000"/>
                  <a:gd name="connsiteX178" fmla="*/ 4416 w 10000"/>
                  <a:gd name="connsiteY178" fmla="*/ 3220 h 10000"/>
                  <a:gd name="connsiteX179" fmla="*/ 4441 w 10000"/>
                  <a:gd name="connsiteY179" fmla="*/ 3102 h 10000"/>
                  <a:gd name="connsiteX180" fmla="*/ 4468 w 10000"/>
                  <a:gd name="connsiteY180" fmla="*/ 3013 h 10000"/>
                  <a:gd name="connsiteX181" fmla="*/ 4441 w 10000"/>
                  <a:gd name="connsiteY181" fmla="*/ 2939 h 10000"/>
                  <a:gd name="connsiteX182" fmla="*/ 4416 w 10000"/>
                  <a:gd name="connsiteY182" fmla="*/ 2866 h 10000"/>
                  <a:gd name="connsiteX183" fmla="*/ 4340 w 10000"/>
                  <a:gd name="connsiteY183" fmla="*/ 2836 h 10000"/>
                  <a:gd name="connsiteX184" fmla="*/ 4239 w 10000"/>
                  <a:gd name="connsiteY184" fmla="*/ 2836 h 10000"/>
                  <a:gd name="connsiteX185" fmla="*/ 4111 w 10000"/>
                  <a:gd name="connsiteY185" fmla="*/ 2866 h 10000"/>
                  <a:gd name="connsiteX186" fmla="*/ 4213 w 10000"/>
                  <a:gd name="connsiteY186" fmla="*/ 2777 h 10000"/>
                  <a:gd name="connsiteX187" fmla="*/ 4265 w 10000"/>
                  <a:gd name="connsiteY187" fmla="*/ 2674 h 10000"/>
                  <a:gd name="connsiteX188" fmla="*/ 4289 w 10000"/>
                  <a:gd name="connsiteY188" fmla="*/ 2541 h 10000"/>
                  <a:gd name="connsiteX189" fmla="*/ 4289 w 10000"/>
                  <a:gd name="connsiteY189" fmla="*/ 2393 h 10000"/>
                  <a:gd name="connsiteX190" fmla="*/ 4314 w 10000"/>
                  <a:gd name="connsiteY190" fmla="*/ 2349 h 10000"/>
                  <a:gd name="connsiteX191" fmla="*/ 4366 w 10000"/>
                  <a:gd name="connsiteY191" fmla="*/ 2304 h 10000"/>
                  <a:gd name="connsiteX192" fmla="*/ 4416 w 10000"/>
                  <a:gd name="connsiteY192" fmla="*/ 2290 h 10000"/>
                  <a:gd name="connsiteX193" fmla="*/ 4493 w 10000"/>
                  <a:gd name="connsiteY193" fmla="*/ 2275 h 10000"/>
                  <a:gd name="connsiteX194" fmla="*/ 4720 w 10000"/>
                  <a:gd name="connsiteY194" fmla="*/ 2260 h 10000"/>
                  <a:gd name="connsiteX195" fmla="*/ 4923 w 10000"/>
                  <a:gd name="connsiteY195" fmla="*/ 2275 h 10000"/>
                  <a:gd name="connsiteX196" fmla="*/ 4898 w 10000"/>
                  <a:gd name="connsiteY196" fmla="*/ 2112 h 10000"/>
                  <a:gd name="connsiteX197" fmla="*/ 4848 w 10000"/>
                  <a:gd name="connsiteY197" fmla="*/ 1950 h 10000"/>
                  <a:gd name="connsiteX198" fmla="*/ 4771 w 10000"/>
                  <a:gd name="connsiteY198" fmla="*/ 1802 h 10000"/>
                  <a:gd name="connsiteX199" fmla="*/ 4671 w 10000"/>
                  <a:gd name="connsiteY199" fmla="*/ 1640 h 10000"/>
                  <a:gd name="connsiteX200" fmla="*/ 4416 w 10000"/>
                  <a:gd name="connsiteY200" fmla="*/ 1329 h 10000"/>
                  <a:gd name="connsiteX201" fmla="*/ 4162 w 10000"/>
                  <a:gd name="connsiteY201" fmla="*/ 1034 h 10000"/>
                  <a:gd name="connsiteX202" fmla="*/ 4035 w 10000"/>
                  <a:gd name="connsiteY202" fmla="*/ 901 h 10000"/>
                  <a:gd name="connsiteX203" fmla="*/ 3935 w 10000"/>
                  <a:gd name="connsiteY203" fmla="*/ 753 h 10000"/>
                  <a:gd name="connsiteX204" fmla="*/ 3857 w 10000"/>
                  <a:gd name="connsiteY204" fmla="*/ 620 h 10000"/>
                  <a:gd name="connsiteX205" fmla="*/ 3832 w 10000"/>
                  <a:gd name="connsiteY205" fmla="*/ 487 h 10000"/>
                  <a:gd name="connsiteX206" fmla="*/ 3807 w 10000"/>
                  <a:gd name="connsiteY206" fmla="*/ 355 h 10000"/>
                  <a:gd name="connsiteX207" fmla="*/ 3857 w 10000"/>
                  <a:gd name="connsiteY207" fmla="*/ 222 h 10000"/>
                  <a:gd name="connsiteX208" fmla="*/ 3884 w 10000"/>
                  <a:gd name="connsiteY208" fmla="*/ 162 h 10000"/>
                  <a:gd name="connsiteX209" fmla="*/ 3935 w 10000"/>
                  <a:gd name="connsiteY209" fmla="*/ 103 h 10000"/>
                  <a:gd name="connsiteX210" fmla="*/ 4011 w 10000"/>
                  <a:gd name="connsiteY210" fmla="*/ 59 h 10000"/>
                  <a:gd name="connsiteX211" fmla="*/ 4111 w 10000"/>
                  <a:gd name="connsiteY211" fmla="*/ 0 h 10000"/>
                  <a:gd name="connsiteX212" fmla="*/ 4289 w 10000"/>
                  <a:gd name="connsiteY212" fmla="*/ 0 h 10000"/>
                  <a:gd name="connsiteX213" fmla="*/ 4468 w 10000"/>
                  <a:gd name="connsiteY213" fmla="*/ 15 h 10000"/>
                  <a:gd name="connsiteX214" fmla="*/ 4644 w 10000"/>
                  <a:gd name="connsiteY214" fmla="*/ 44 h 10000"/>
                  <a:gd name="connsiteX215" fmla="*/ 4771 w 10000"/>
                  <a:gd name="connsiteY215" fmla="*/ 89 h 10000"/>
                  <a:gd name="connsiteX216" fmla="*/ 4975 w 10000"/>
                  <a:gd name="connsiteY216" fmla="*/ 192 h 10000"/>
                  <a:gd name="connsiteX217" fmla="*/ 5177 w 10000"/>
                  <a:gd name="connsiteY217" fmla="*/ 340 h 10000"/>
                  <a:gd name="connsiteX218" fmla="*/ 5329 w 10000"/>
                  <a:gd name="connsiteY218" fmla="*/ 473 h 10000"/>
                  <a:gd name="connsiteX219" fmla="*/ 5532 w 10000"/>
                  <a:gd name="connsiteY219" fmla="*/ 591 h 10000"/>
                  <a:gd name="connsiteX220" fmla="*/ 5660 w 10000"/>
                  <a:gd name="connsiteY220" fmla="*/ 650 h 10000"/>
                  <a:gd name="connsiteX221" fmla="*/ 5812 w 10000"/>
                  <a:gd name="connsiteY221" fmla="*/ 679 h 10000"/>
                  <a:gd name="connsiteX222" fmla="*/ 5965 w 10000"/>
                  <a:gd name="connsiteY222" fmla="*/ 709 h 10000"/>
                  <a:gd name="connsiteX223" fmla="*/ 6168 w 10000"/>
                  <a:gd name="connsiteY223" fmla="*/ 709 h 10000"/>
                  <a:gd name="connsiteX224" fmla="*/ 6168 w 10000"/>
                  <a:gd name="connsiteY224" fmla="*/ 768 h 10000"/>
                  <a:gd name="connsiteX225" fmla="*/ 6193 w 10000"/>
                  <a:gd name="connsiteY225" fmla="*/ 842 h 10000"/>
                  <a:gd name="connsiteX226" fmla="*/ 6243 w 10000"/>
                  <a:gd name="connsiteY226" fmla="*/ 916 h 10000"/>
                  <a:gd name="connsiteX227" fmla="*/ 6294 w 10000"/>
                  <a:gd name="connsiteY227" fmla="*/ 990 h 10000"/>
                  <a:gd name="connsiteX228" fmla="*/ 6369 w 10000"/>
                  <a:gd name="connsiteY228" fmla="*/ 1049 h 10000"/>
                  <a:gd name="connsiteX229" fmla="*/ 6471 w 10000"/>
                  <a:gd name="connsiteY229" fmla="*/ 1108 h 10000"/>
                  <a:gd name="connsiteX230" fmla="*/ 6598 w 10000"/>
                  <a:gd name="connsiteY230" fmla="*/ 1182 h 10000"/>
                  <a:gd name="connsiteX231" fmla="*/ 6700 w 10000"/>
                  <a:gd name="connsiteY231" fmla="*/ 1226 h 10000"/>
                  <a:gd name="connsiteX232" fmla="*/ 6802 w 10000"/>
                  <a:gd name="connsiteY232" fmla="*/ 1270 h 10000"/>
                  <a:gd name="connsiteX233" fmla="*/ 6903 w 10000"/>
                  <a:gd name="connsiteY233" fmla="*/ 1300 h 10000"/>
                  <a:gd name="connsiteX234" fmla="*/ 7005 w 10000"/>
                  <a:gd name="connsiteY234" fmla="*/ 1315 h 10000"/>
                  <a:gd name="connsiteX235" fmla="*/ 7132 w 10000"/>
                  <a:gd name="connsiteY235" fmla="*/ 1300 h 10000"/>
                  <a:gd name="connsiteX236" fmla="*/ 7234 w 10000"/>
                  <a:gd name="connsiteY236" fmla="*/ 1285 h 10000"/>
                  <a:gd name="connsiteX237" fmla="*/ 7309 w 10000"/>
                  <a:gd name="connsiteY237" fmla="*/ 1241 h 10000"/>
                  <a:gd name="connsiteX238" fmla="*/ 7361 w 10000"/>
                  <a:gd name="connsiteY238" fmla="*/ 1167 h 10000"/>
                  <a:gd name="connsiteX239" fmla="*/ 7385 w 10000"/>
                  <a:gd name="connsiteY239" fmla="*/ 1064 h 10000"/>
                  <a:gd name="connsiteX240" fmla="*/ 7766 w 10000"/>
                  <a:gd name="connsiteY240" fmla="*/ 1034 h 10000"/>
                  <a:gd name="connsiteX241" fmla="*/ 8121 w 10000"/>
                  <a:gd name="connsiteY241" fmla="*/ 1004 h 10000"/>
                  <a:gd name="connsiteX242" fmla="*/ 8427 w 10000"/>
                  <a:gd name="connsiteY242" fmla="*/ 990 h 10000"/>
                  <a:gd name="connsiteX243" fmla="*/ 8706 w 10000"/>
                  <a:gd name="connsiteY243" fmla="*/ 1004 h 10000"/>
                  <a:gd name="connsiteX244" fmla="*/ 8833 w 10000"/>
                  <a:gd name="connsiteY244" fmla="*/ 1019 h 10000"/>
                  <a:gd name="connsiteX245" fmla="*/ 8958 w 10000"/>
                  <a:gd name="connsiteY245" fmla="*/ 1034 h 10000"/>
                  <a:gd name="connsiteX246" fmla="*/ 9061 w 10000"/>
                  <a:gd name="connsiteY246" fmla="*/ 1064 h 10000"/>
                  <a:gd name="connsiteX247" fmla="*/ 9188 w 10000"/>
                  <a:gd name="connsiteY247" fmla="*/ 1108 h 10000"/>
                  <a:gd name="connsiteX248" fmla="*/ 9264 w 10000"/>
                  <a:gd name="connsiteY248" fmla="*/ 1182 h 10000"/>
                  <a:gd name="connsiteX249" fmla="*/ 9339 w 10000"/>
                  <a:gd name="connsiteY249" fmla="*/ 1241 h 10000"/>
                  <a:gd name="connsiteX250" fmla="*/ 9391 w 10000"/>
                  <a:gd name="connsiteY250" fmla="*/ 1329 h 10000"/>
                  <a:gd name="connsiteX251" fmla="*/ 9442 w 10000"/>
                  <a:gd name="connsiteY251" fmla="*/ 1433 h 10000"/>
                  <a:gd name="connsiteX252" fmla="*/ 9492 w 10000"/>
                  <a:gd name="connsiteY252" fmla="*/ 1551 h 10000"/>
                  <a:gd name="connsiteX253" fmla="*/ 9466 w 10000"/>
                  <a:gd name="connsiteY253" fmla="*/ 1625 h 10000"/>
                  <a:gd name="connsiteX254" fmla="*/ 9442 w 10000"/>
                  <a:gd name="connsiteY254" fmla="*/ 1684 h 10000"/>
                  <a:gd name="connsiteX255" fmla="*/ 9391 w 10000"/>
                  <a:gd name="connsiteY255" fmla="*/ 1758 h 10000"/>
                  <a:gd name="connsiteX256" fmla="*/ 9315 w 10000"/>
                  <a:gd name="connsiteY256" fmla="*/ 1802 h 10000"/>
                  <a:gd name="connsiteX257" fmla="*/ 9264 w 10000"/>
                  <a:gd name="connsiteY257" fmla="*/ 1861 h 10000"/>
                  <a:gd name="connsiteX258" fmla="*/ 9240 w 10000"/>
                  <a:gd name="connsiteY258" fmla="*/ 1935 h 10000"/>
                  <a:gd name="connsiteX259" fmla="*/ 9264 w 10000"/>
                  <a:gd name="connsiteY259" fmla="*/ 2024 h 10000"/>
                  <a:gd name="connsiteX260" fmla="*/ 9543 w 10000"/>
                  <a:gd name="connsiteY260" fmla="*/ 2157 h 10000"/>
                  <a:gd name="connsiteX261" fmla="*/ 9873 w 10000"/>
                  <a:gd name="connsiteY261" fmla="*/ 2275 h 10000"/>
                  <a:gd name="connsiteX262" fmla="*/ 10000 w 10000"/>
                  <a:gd name="connsiteY262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369 w 10000"/>
                  <a:gd name="connsiteY9" fmla="*/ 4313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776 w 10000"/>
                  <a:gd name="connsiteY22" fmla="*/ 3840 h 10000"/>
                  <a:gd name="connsiteX23" fmla="*/ 6548 w 10000"/>
                  <a:gd name="connsiteY23" fmla="*/ 3914 h 10000"/>
                  <a:gd name="connsiteX24" fmla="*/ 6345 w 10000"/>
                  <a:gd name="connsiteY24" fmla="*/ 4003 h 10000"/>
                  <a:gd name="connsiteX25" fmla="*/ 6143 w 10000"/>
                  <a:gd name="connsiteY25" fmla="*/ 4106 h 10000"/>
                  <a:gd name="connsiteX26" fmla="*/ 5938 w 10000"/>
                  <a:gd name="connsiteY26" fmla="*/ 4195 h 10000"/>
                  <a:gd name="connsiteX27" fmla="*/ 6091 w 10000"/>
                  <a:gd name="connsiteY27" fmla="*/ 4417 h 10000"/>
                  <a:gd name="connsiteX28" fmla="*/ 6369 w 10000"/>
                  <a:gd name="connsiteY28" fmla="*/ 5081 h 10000"/>
                  <a:gd name="connsiteX29" fmla="*/ 6421 w 10000"/>
                  <a:gd name="connsiteY29" fmla="*/ 5318 h 10000"/>
                  <a:gd name="connsiteX30" fmla="*/ 6447 w 10000"/>
                  <a:gd name="connsiteY30" fmla="*/ 5539 h 10000"/>
                  <a:gd name="connsiteX31" fmla="*/ 6471 w 10000"/>
                  <a:gd name="connsiteY31" fmla="*/ 5775 h 10000"/>
                  <a:gd name="connsiteX32" fmla="*/ 6471 w 10000"/>
                  <a:gd name="connsiteY32" fmla="*/ 5997 h 10000"/>
                  <a:gd name="connsiteX33" fmla="*/ 6447 w 10000"/>
                  <a:gd name="connsiteY33" fmla="*/ 6233 h 10000"/>
                  <a:gd name="connsiteX34" fmla="*/ 6396 w 10000"/>
                  <a:gd name="connsiteY34" fmla="*/ 6470 h 10000"/>
                  <a:gd name="connsiteX35" fmla="*/ 6345 w 10000"/>
                  <a:gd name="connsiteY35" fmla="*/ 6677 h 10000"/>
                  <a:gd name="connsiteX36" fmla="*/ 6269 w 10000"/>
                  <a:gd name="connsiteY36" fmla="*/ 6898 h 10000"/>
                  <a:gd name="connsiteX37" fmla="*/ 6168 w 10000"/>
                  <a:gd name="connsiteY37" fmla="*/ 7105 h 10000"/>
                  <a:gd name="connsiteX38" fmla="*/ 6041 w 10000"/>
                  <a:gd name="connsiteY38" fmla="*/ 7297 h 10000"/>
                  <a:gd name="connsiteX39" fmla="*/ 5888 w 10000"/>
                  <a:gd name="connsiteY39" fmla="*/ 7489 h 10000"/>
                  <a:gd name="connsiteX40" fmla="*/ 5735 w 10000"/>
                  <a:gd name="connsiteY40" fmla="*/ 7681 h 10000"/>
                  <a:gd name="connsiteX41" fmla="*/ 6471 w 10000"/>
                  <a:gd name="connsiteY41" fmla="*/ 7799 h 10000"/>
                  <a:gd name="connsiteX42" fmla="*/ 7234 w 10000"/>
                  <a:gd name="connsiteY42" fmla="*/ 7962 h 10000"/>
                  <a:gd name="connsiteX43" fmla="*/ 7385 w 10000"/>
                  <a:gd name="connsiteY43" fmla="*/ 8021 h 10000"/>
                  <a:gd name="connsiteX44" fmla="*/ 7512 w 10000"/>
                  <a:gd name="connsiteY44" fmla="*/ 8080 h 10000"/>
                  <a:gd name="connsiteX45" fmla="*/ 7639 w 10000"/>
                  <a:gd name="connsiteY45" fmla="*/ 8139 h 10000"/>
                  <a:gd name="connsiteX46" fmla="*/ 7716 w 10000"/>
                  <a:gd name="connsiteY46" fmla="*/ 8227 h 10000"/>
                  <a:gd name="connsiteX47" fmla="*/ 7741 w 10000"/>
                  <a:gd name="connsiteY47" fmla="*/ 8301 h 10000"/>
                  <a:gd name="connsiteX48" fmla="*/ 7741 w 10000"/>
                  <a:gd name="connsiteY48" fmla="*/ 8405 h 10000"/>
                  <a:gd name="connsiteX49" fmla="*/ 7691 w 10000"/>
                  <a:gd name="connsiteY49" fmla="*/ 8523 h 10000"/>
                  <a:gd name="connsiteX50" fmla="*/ 7614 w 10000"/>
                  <a:gd name="connsiteY50" fmla="*/ 8641 h 10000"/>
                  <a:gd name="connsiteX51" fmla="*/ 7284 w 10000"/>
                  <a:gd name="connsiteY51" fmla="*/ 8552 h 10000"/>
                  <a:gd name="connsiteX52" fmla="*/ 6979 w 10000"/>
                  <a:gd name="connsiteY52" fmla="*/ 8449 h 10000"/>
                  <a:gd name="connsiteX53" fmla="*/ 6674 w 10000"/>
                  <a:gd name="connsiteY53" fmla="*/ 8360 h 10000"/>
                  <a:gd name="connsiteX54" fmla="*/ 6369 w 10000"/>
                  <a:gd name="connsiteY54" fmla="*/ 8287 h 10000"/>
                  <a:gd name="connsiteX55" fmla="*/ 6243 w 10000"/>
                  <a:gd name="connsiteY55" fmla="*/ 8449 h 10000"/>
                  <a:gd name="connsiteX56" fmla="*/ 6143 w 10000"/>
                  <a:gd name="connsiteY56" fmla="*/ 8597 h 10000"/>
                  <a:gd name="connsiteX57" fmla="*/ 6091 w 10000"/>
                  <a:gd name="connsiteY57" fmla="*/ 8656 h 10000"/>
                  <a:gd name="connsiteX58" fmla="*/ 5989 w 10000"/>
                  <a:gd name="connsiteY58" fmla="*/ 8700 h 10000"/>
                  <a:gd name="connsiteX59" fmla="*/ 5914 w 10000"/>
                  <a:gd name="connsiteY59" fmla="*/ 8744 h 10000"/>
                  <a:gd name="connsiteX60" fmla="*/ 5838 w 10000"/>
                  <a:gd name="connsiteY60" fmla="*/ 8774 h 10000"/>
                  <a:gd name="connsiteX61" fmla="*/ 5761 w 10000"/>
                  <a:gd name="connsiteY61" fmla="*/ 8804 h 10000"/>
                  <a:gd name="connsiteX62" fmla="*/ 5660 w 10000"/>
                  <a:gd name="connsiteY62" fmla="*/ 8818 h 10000"/>
                  <a:gd name="connsiteX63" fmla="*/ 5532 w 10000"/>
                  <a:gd name="connsiteY63" fmla="*/ 8833 h 10000"/>
                  <a:gd name="connsiteX64" fmla="*/ 5406 w 10000"/>
                  <a:gd name="connsiteY64" fmla="*/ 8833 h 10000"/>
                  <a:gd name="connsiteX65" fmla="*/ 5102 w 10000"/>
                  <a:gd name="connsiteY65" fmla="*/ 8818 h 10000"/>
                  <a:gd name="connsiteX66" fmla="*/ 4720 w 10000"/>
                  <a:gd name="connsiteY66" fmla="*/ 8744 h 10000"/>
                  <a:gd name="connsiteX67" fmla="*/ 4720 w 10000"/>
                  <a:gd name="connsiteY67" fmla="*/ 8922 h 10000"/>
                  <a:gd name="connsiteX68" fmla="*/ 4695 w 10000"/>
                  <a:gd name="connsiteY68" fmla="*/ 9069 h 10000"/>
                  <a:gd name="connsiteX69" fmla="*/ 4671 w 10000"/>
                  <a:gd name="connsiteY69" fmla="*/ 9232 h 10000"/>
                  <a:gd name="connsiteX70" fmla="*/ 4644 w 10000"/>
                  <a:gd name="connsiteY70" fmla="*/ 9365 h 10000"/>
                  <a:gd name="connsiteX71" fmla="*/ 4593 w 10000"/>
                  <a:gd name="connsiteY71" fmla="*/ 9498 h 10000"/>
                  <a:gd name="connsiteX72" fmla="*/ 4493 w 10000"/>
                  <a:gd name="connsiteY72" fmla="*/ 9616 h 10000"/>
                  <a:gd name="connsiteX73" fmla="*/ 4416 w 10000"/>
                  <a:gd name="connsiteY73" fmla="*/ 9734 h 10000"/>
                  <a:gd name="connsiteX74" fmla="*/ 4289 w 10000"/>
                  <a:gd name="connsiteY74" fmla="*/ 9838 h 10000"/>
                  <a:gd name="connsiteX75" fmla="*/ 3983 w 10000"/>
                  <a:gd name="connsiteY75" fmla="*/ 9897 h 10000"/>
                  <a:gd name="connsiteX76" fmla="*/ 3731 w 10000"/>
                  <a:gd name="connsiteY76" fmla="*/ 9941 h 10000"/>
                  <a:gd name="connsiteX77" fmla="*/ 3426 w 10000"/>
                  <a:gd name="connsiteY77" fmla="*/ 9985 h 10000"/>
                  <a:gd name="connsiteX78" fmla="*/ 3198 w 10000"/>
                  <a:gd name="connsiteY78" fmla="*/ 10000 h 10000"/>
                  <a:gd name="connsiteX79" fmla="*/ 2690 w 10000"/>
                  <a:gd name="connsiteY79" fmla="*/ 10000 h 10000"/>
                  <a:gd name="connsiteX80" fmla="*/ 2208 w 10000"/>
                  <a:gd name="connsiteY80" fmla="*/ 9985 h 10000"/>
                  <a:gd name="connsiteX81" fmla="*/ 1752 w 10000"/>
                  <a:gd name="connsiteY81" fmla="*/ 9941 h 10000"/>
                  <a:gd name="connsiteX82" fmla="*/ 1270 w 10000"/>
                  <a:gd name="connsiteY82" fmla="*/ 9911 h 10000"/>
                  <a:gd name="connsiteX83" fmla="*/ 990 w 10000"/>
                  <a:gd name="connsiteY83" fmla="*/ 9911 h 10000"/>
                  <a:gd name="connsiteX84" fmla="*/ 736 w 10000"/>
                  <a:gd name="connsiteY84" fmla="*/ 9911 h 10000"/>
                  <a:gd name="connsiteX85" fmla="*/ 457 w 10000"/>
                  <a:gd name="connsiteY85" fmla="*/ 9926 h 10000"/>
                  <a:gd name="connsiteX86" fmla="*/ 178 w 10000"/>
                  <a:gd name="connsiteY86" fmla="*/ 9970 h 10000"/>
                  <a:gd name="connsiteX87" fmla="*/ 102 w 10000"/>
                  <a:gd name="connsiteY87" fmla="*/ 9867 h 10000"/>
                  <a:gd name="connsiteX88" fmla="*/ 51 w 10000"/>
                  <a:gd name="connsiteY88" fmla="*/ 9793 h 10000"/>
                  <a:gd name="connsiteX89" fmla="*/ 0 w 10000"/>
                  <a:gd name="connsiteY89" fmla="*/ 9705 h 10000"/>
                  <a:gd name="connsiteX90" fmla="*/ 0 w 10000"/>
                  <a:gd name="connsiteY90" fmla="*/ 9601 h 10000"/>
                  <a:gd name="connsiteX91" fmla="*/ 51 w 10000"/>
                  <a:gd name="connsiteY91" fmla="*/ 9424 h 10000"/>
                  <a:gd name="connsiteX92" fmla="*/ 102 w 10000"/>
                  <a:gd name="connsiteY92" fmla="*/ 9202 h 10000"/>
                  <a:gd name="connsiteX93" fmla="*/ 151 w 10000"/>
                  <a:gd name="connsiteY93" fmla="*/ 8996 h 10000"/>
                  <a:gd name="connsiteX94" fmla="*/ 203 w 10000"/>
                  <a:gd name="connsiteY94" fmla="*/ 8759 h 10000"/>
                  <a:gd name="connsiteX95" fmla="*/ 228 w 10000"/>
                  <a:gd name="connsiteY95" fmla="*/ 8641 h 10000"/>
                  <a:gd name="connsiteX96" fmla="*/ 228 w 10000"/>
                  <a:gd name="connsiteY96" fmla="*/ 8538 h 10000"/>
                  <a:gd name="connsiteX97" fmla="*/ 203 w 10000"/>
                  <a:gd name="connsiteY97" fmla="*/ 8405 h 10000"/>
                  <a:gd name="connsiteX98" fmla="*/ 178 w 10000"/>
                  <a:gd name="connsiteY98" fmla="*/ 8287 h 10000"/>
                  <a:gd name="connsiteX99" fmla="*/ 431 w 10000"/>
                  <a:gd name="connsiteY99" fmla="*/ 8213 h 10000"/>
                  <a:gd name="connsiteX100" fmla="*/ 685 w 10000"/>
                  <a:gd name="connsiteY100" fmla="*/ 8139 h 10000"/>
                  <a:gd name="connsiteX101" fmla="*/ 939 w 10000"/>
                  <a:gd name="connsiteY101" fmla="*/ 8095 h 10000"/>
                  <a:gd name="connsiteX102" fmla="*/ 1218 w 10000"/>
                  <a:gd name="connsiteY102" fmla="*/ 8065 h 10000"/>
                  <a:gd name="connsiteX103" fmla="*/ 1725 w 10000"/>
                  <a:gd name="connsiteY103" fmla="*/ 8021 h 10000"/>
                  <a:gd name="connsiteX104" fmla="*/ 2234 w 10000"/>
                  <a:gd name="connsiteY104" fmla="*/ 7976 h 10000"/>
                  <a:gd name="connsiteX105" fmla="*/ 2462 w 10000"/>
                  <a:gd name="connsiteY105" fmla="*/ 7947 h 10000"/>
                  <a:gd name="connsiteX106" fmla="*/ 2690 w 10000"/>
                  <a:gd name="connsiteY106" fmla="*/ 7917 h 10000"/>
                  <a:gd name="connsiteX107" fmla="*/ 2892 w 10000"/>
                  <a:gd name="connsiteY107" fmla="*/ 7843 h 10000"/>
                  <a:gd name="connsiteX108" fmla="*/ 3096 w 10000"/>
                  <a:gd name="connsiteY108" fmla="*/ 7784 h 10000"/>
                  <a:gd name="connsiteX109" fmla="*/ 3274 w 10000"/>
                  <a:gd name="connsiteY109" fmla="*/ 7710 h 10000"/>
                  <a:gd name="connsiteX110" fmla="*/ 3426 w 10000"/>
                  <a:gd name="connsiteY110" fmla="*/ 7592 h 10000"/>
                  <a:gd name="connsiteX111" fmla="*/ 3579 w 10000"/>
                  <a:gd name="connsiteY111" fmla="*/ 7474 h 10000"/>
                  <a:gd name="connsiteX112" fmla="*/ 3680 w 10000"/>
                  <a:gd name="connsiteY112" fmla="*/ 7312 h 10000"/>
                  <a:gd name="connsiteX113" fmla="*/ 3477 w 10000"/>
                  <a:gd name="connsiteY113" fmla="*/ 7238 h 10000"/>
                  <a:gd name="connsiteX114" fmla="*/ 3299 w 10000"/>
                  <a:gd name="connsiteY114" fmla="*/ 7179 h 10000"/>
                  <a:gd name="connsiteX115" fmla="*/ 3147 w 10000"/>
                  <a:gd name="connsiteY115" fmla="*/ 7090 h 10000"/>
                  <a:gd name="connsiteX116" fmla="*/ 2995 w 10000"/>
                  <a:gd name="connsiteY116" fmla="*/ 6987 h 10000"/>
                  <a:gd name="connsiteX117" fmla="*/ 2892 w 10000"/>
                  <a:gd name="connsiteY117" fmla="*/ 6869 h 10000"/>
                  <a:gd name="connsiteX118" fmla="*/ 2843 w 10000"/>
                  <a:gd name="connsiteY118" fmla="*/ 6721 h 10000"/>
                  <a:gd name="connsiteX119" fmla="*/ 2817 w 10000"/>
                  <a:gd name="connsiteY119" fmla="*/ 6558 h 10000"/>
                  <a:gd name="connsiteX120" fmla="*/ 2843 w 10000"/>
                  <a:gd name="connsiteY120" fmla="*/ 6352 h 10000"/>
                  <a:gd name="connsiteX121" fmla="*/ 2716 w 10000"/>
                  <a:gd name="connsiteY121" fmla="*/ 6322 h 10000"/>
                  <a:gd name="connsiteX122" fmla="*/ 2564 w 10000"/>
                  <a:gd name="connsiteY122" fmla="*/ 6292 h 10000"/>
                  <a:gd name="connsiteX123" fmla="*/ 2386 w 10000"/>
                  <a:gd name="connsiteY123" fmla="*/ 6278 h 10000"/>
                  <a:gd name="connsiteX124" fmla="*/ 2208 w 10000"/>
                  <a:gd name="connsiteY124" fmla="*/ 6263 h 10000"/>
                  <a:gd name="connsiteX125" fmla="*/ 1853 w 10000"/>
                  <a:gd name="connsiteY125" fmla="*/ 6248 h 10000"/>
                  <a:gd name="connsiteX126" fmla="*/ 1472 w 10000"/>
                  <a:gd name="connsiteY126" fmla="*/ 6263 h 10000"/>
                  <a:gd name="connsiteX127" fmla="*/ 1143 w 10000"/>
                  <a:gd name="connsiteY127" fmla="*/ 6278 h 10000"/>
                  <a:gd name="connsiteX128" fmla="*/ 837 w 10000"/>
                  <a:gd name="connsiteY128" fmla="*/ 6278 h 10000"/>
                  <a:gd name="connsiteX129" fmla="*/ 585 w 10000"/>
                  <a:gd name="connsiteY129" fmla="*/ 6263 h 10000"/>
                  <a:gd name="connsiteX130" fmla="*/ 381 w 10000"/>
                  <a:gd name="connsiteY130" fmla="*/ 6233 h 10000"/>
                  <a:gd name="connsiteX131" fmla="*/ 633 w 10000"/>
                  <a:gd name="connsiteY131" fmla="*/ 5805 h 10000"/>
                  <a:gd name="connsiteX132" fmla="*/ 914 w 10000"/>
                  <a:gd name="connsiteY132" fmla="*/ 5391 h 10000"/>
                  <a:gd name="connsiteX133" fmla="*/ 1016 w 10000"/>
                  <a:gd name="connsiteY133" fmla="*/ 5170 h 10000"/>
                  <a:gd name="connsiteX134" fmla="*/ 1091 w 10000"/>
                  <a:gd name="connsiteY134" fmla="*/ 4963 h 10000"/>
                  <a:gd name="connsiteX135" fmla="*/ 1116 w 10000"/>
                  <a:gd name="connsiteY135" fmla="*/ 4860 h 10000"/>
                  <a:gd name="connsiteX136" fmla="*/ 1091 w 10000"/>
                  <a:gd name="connsiteY136" fmla="*/ 4756 h 10000"/>
                  <a:gd name="connsiteX137" fmla="*/ 1066 w 10000"/>
                  <a:gd name="connsiteY137" fmla="*/ 4653 h 10000"/>
                  <a:gd name="connsiteX138" fmla="*/ 990 w 10000"/>
                  <a:gd name="connsiteY138" fmla="*/ 4549 h 10000"/>
                  <a:gd name="connsiteX139" fmla="*/ 1270 w 10000"/>
                  <a:gd name="connsiteY139" fmla="*/ 4520 h 10000"/>
                  <a:gd name="connsiteX140" fmla="*/ 1472 w 10000"/>
                  <a:gd name="connsiteY140" fmla="*/ 4505 h 10000"/>
                  <a:gd name="connsiteX141" fmla="*/ 1650 w 10000"/>
                  <a:gd name="connsiteY141" fmla="*/ 4505 h 10000"/>
                  <a:gd name="connsiteX142" fmla="*/ 1802 w 10000"/>
                  <a:gd name="connsiteY142" fmla="*/ 4520 h 10000"/>
                  <a:gd name="connsiteX143" fmla="*/ 1929 w 10000"/>
                  <a:gd name="connsiteY143" fmla="*/ 4520 h 10000"/>
                  <a:gd name="connsiteX144" fmla="*/ 2081 w 10000"/>
                  <a:gd name="connsiteY144" fmla="*/ 4520 h 10000"/>
                  <a:gd name="connsiteX145" fmla="*/ 2234 w 10000"/>
                  <a:gd name="connsiteY145" fmla="*/ 4490 h 10000"/>
                  <a:gd name="connsiteX146" fmla="*/ 2436 w 10000"/>
                  <a:gd name="connsiteY146" fmla="*/ 4446 h 10000"/>
                  <a:gd name="connsiteX147" fmla="*/ 2436 w 10000"/>
                  <a:gd name="connsiteY147" fmla="*/ 4579 h 10000"/>
                  <a:gd name="connsiteX148" fmla="*/ 2436 w 10000"/>
                  <a:gd name="connsiteY148" fmla="*/ 4742 h 10000"/>
                  <a:gd name="connsiteX149" fmla="*/ 2436 w 10000"/>
                  <a:gd name="connsiteY149" fmla="*/ 4874 h 10000"/>
                  <a:gd name="connsiteX150" fmla="*/ 2436 w 10000"/>
                  <a:gd name="connsiteY150" fmla="*/ 5037 h 10000"/>
                  <a:gd name="connsiteX151" fmla="*/ 2665 w 10000"/>
                  <a:gd name="connsiteY151" fmla="*/ 5022 h 10000"/>
                  <a:gd name="connsiteX152" fmla="*/ 2817 w 10000"/>
                  <a:gd name="connsiteY152" fmla="*/ 5037 h 10000"/>
                  <a:gd name="connsiteX153" fmla="*/ 2944 w 10000"/>
                  <a:gd name="connsiteY153" fmla="*/ 5066 h 10000"/>
                  <a:gd name="connsiteX154" fmla="*/ 3071 w 10000"/>
                  <a:gd name="connsiteY154" fmla="*/ 5096 h 10000"/>
                  <a:gd name="connsiteX155" fmla="*/ 3173 w 10000"/>
                  <a:gd name="connsiteY155" fmla="*/ 5126 h 10000"/>
                  <a:gd name="connsiteX156" fmla="*/ 3299 w 10000"/>
                  <a:gd name="connsiteY156" fmla="*/ 5155 h 10000"/>
                  <a:gd name="connsiteX157" fmla="*/ 3452 w 10000"/>
                  <a:gd name="connsiteY157" fmla="*/ 5170 h 10000"/>
                  <a:gd name="connsiteX158" fmla="*/ 3680 w 10000"/>
                  <a:gd name="connsiteY158" fmla="*/ 5155 h 10000"/>
                  <a:gd name="connsiteX159" fmla="*/ 3757 w 10000"/>
                  <a:gd name="connsiteY159" fmla="*/ 5096 h 10000"/>
                  <a:gd name="connsiteX160" fmla="*/ 3832 w 10000"/>
                  <a:gd name="connsiteY160" fmla="*/ 5022 h 10000"/>
                  <a:gd name="connsiteX161" fmla="*/ 3857 w 10000"/>
                  <a:gd name="connsiteY161" fmla="*/ 4934 h 10000"/>
                  <a:gd name="connsiteX162" fmla="*/ 3884 w 10000"/>
                  <a:gd name="connsiteY162" fmla="*/ 4860 h 10000"/>
                  <a:gd name="connsiteX163" fmla="*/ 3908 w 10000"/>
                  <a:gd name="connsiteY163" fmla="*/ 4697 h 10000"/>
                  <a:gd name="connsiteX164" fmla="*/ 3884 w 10000"/>
                  <a:gd name="connsiteY164" fmla="*/ 4520 h 10000"/>
                  <a:gd name="connsiteX165" fmla="*/ 3807 w 10000"/>
                  <a:gd name="connsiteY165" fmla="*/ 4343 h 10000"/>
                  <a:gd name="connsiteX166" fmla="*/ 3731 w 10000"/>
                  <a:gd name="connsiteY166" fmla="*/ 4195 h 10000"/>
                  <a:gd name="connsiteX167" fmla="*/ 3604 w 10000"/>
                  <a:gd name="connsiteY167" fmla="*/ 4047 h 10000"/>
                  <a:gd name="connsiteX168" fmla="*/ 3477 w 10000"/>
                  <a:gd name="connsiteY168" fmla="*/ 3959 h 10000"/>
                  <a:gd name="connsiteX169" fmla="*/ 3629 w 10000"/>
                  <a:gd name="connsiteY169" fmla="*/ 3944 h 10000"/>
                  <a:gd name="connsiteX170" fmla="*/ 3757 w 10000"/>
                  <a:gd name="connsiteY170" fmla="*/ 3914 h 10000"/>
                  <a:gd name="connsiteX171" fmla="*/ 3857 w 10000"/>
                  <a:gd name="connsiteY171" fmla="*/ 3855 h 10000"/>
                  <a:gd name="connsiteX172" fmla="*/ 3983 w 10000"/>
                  <a:gd name="connsiteY172" fmla="*/ 3752 h 10000"/>
                  <a:gd name="connsiteX173" fmla="*/ 4111 w 10000"/>
                  <a:gd name="connsiteY173" fmla="*/ 3663 h 10000"/>
                  <a:gd name="connsiteX174" fmla="*/ 4213 w 10000"/>
                  <a:gd name="connsiteY174" fmla="*/ 3560 h 10000"/>
                  <a:gd name="connsiteX175" fmla="*/ 4289 w 10000"/>
                  <a:gd name="connsiteY175" fmla="*/ 3442 h 10000"/>
                  <a:gd name="connsiteX176" fmla="*/ 4366 w 10000"/>
                  <a:gd name="connsiteY176" fmla="*/ 3323 h 10000"/>
                  <a:gd name="connsiteX177" fmla="*/ 4416 w 10000"/>
                  <a:gd name="connsiteY177" fmla="*/ 3220 h 10000"/>
                  <a:gd name="connsiteX178" fmla="*/ 4441 w 10000"/>
                  <a:gd name="connsiteY178" fmla="*/ 3102 h 10000"/>
                  <a:gd name="connsiteX179" fmla="*/ 4468 w 10000"/>
                  <a:gd name="connsiteY179" fmla="*/ 3013 h 10000"/>
                  <a:gd name="connsiteX180" fmla="*/ 4441 w 10000"/>
                  <a:gd name="connsiteY180" fmla="*/ 2939 h 10000"/>
                  <a:gd name="connsiteX181" fmla="*/ 4416 w 10000"/>
                  <a:gd name="connsiteY181" fmla="*/ 2866 h 10000"/>
                  <a:gd name="connsiteX182" fmla="*/ 4340 w 10000"/>
                  <a:gd name="connsiteY182" fmla="*/ 2836 h 10000"/>
                  <a:gd name="connsiteX183" fmla="*/ 4239 w 10000"/>
                  <a:gd name="connsiteY183" fmla="*/ 2836 h 10000"/>
                  <a:gd name="connsiteX184" fmla="*/ 4111 w 10000"/>
                  <a:gd name="connsiteY184" fmla="*/ 2866 h 10000"/>
                  <a:gd name="connsiteX185" fmla="*/ 4213 w 10000"/>
                  <a:gd name="connsiteY185" fmla="*/ 2777 h 10000"/>
                  <a:gd name="connsiteX186" fmla="*/ 4265 w 10000"/>
                  <a:gd name="connsiteY186" fmla="*/ 2674 h 10000"/>
                  <a:gd name="connsiteX187" fmla="*/ 4289 w 10000"/>
                  <a:gd name="connsiteY187" fmla="*/ 2541 h 10000"/>
                  <a:gd name="connsiteX188" fmla="*/ 4289 w 10000"/>
                  <a:gd name="connsiteY188" fmla="*/ 2393 h 10000"/>
                  <a:gd name="connsiteX189" fmla="*/ 4314 w 10000"/>
                  <a:gd name="connsiteY189" fmla="*/ 2349 h 10000"/>
                  <a:gd name="connsiteX190" fmla="*/ 4366 w 10000"/>
                  <a:gd name="connsiteY190" fmla="*/ 2304 h 10000"/>
                  <a:gd name="connsiteX191" fmla="*/ 4416 w 10000"/>
                  <a:gd name="connsiteY191" fmla="*/ 2290 h 10000"/>
                  <a:gd name="connsiteX192" fmla="*/ 4493 w 10000"/>
                  <a:gd name="connsiteY192" fmla="*/ 2275 h 10000"/>
                  <a:gd name="connsiteX193" fmla="*/ 4720 w 10000"/>
                  <a:gd name="connsiteY193" fmla="*/ 2260 h 10000"/>
                  <a:gd name="connsiteX194" fmla="*/ 4923 w 10000"/>
                  <a:gd name="connsiteY194" fmla="*/ 2275 h 10000"/>
                  <a:gd name="connsiteX195" fmla="*/ 4898 w 10000"/>
                  <a:gd name="connsiteY195" fmla="*/ 2112 h 10000"/>
                  <a:gd name="connsiteX196" fmla="*/ 4848 w 10000"/>
                  <a:gd name="connsiteY196" fmla="*/ 1950 h 10000"/>
                  <a:gd name="connsiteX197" fmla="*/ 4771 w 10000"/>
                  <a:gd name="connsiteY197" fmla="*/ 1802 h 10000"/>
                  <a:gd name="connsiteX198" fmla="*/ 4671 w 10000"/>
                  <a:gd name="connsiteY198" fmla="*/ 1640 h 10000"/>
                  <a:gd name="connsiteX199" fmla="*/ 4416 w 10000"/>
                  <a:gd name="connsiteY199" fmla="*/ 1329 h 10000"/>
                  <a:gd name="connsiteX200" fmla="*/ 4162 w 10000"/>
                  <a:gd name="connsiteY200" fmla="*/ 1034 h 10000"/>
                  <a:gd name="connsiteX201" fmla="*/ 4035 w 10000"/>
                  <a:gd name="connsiteY201" fmla="*/ 901 h 10000"/>
                  <a:gd name="connsiteX202" fmla="*/ 3935 w 10000"/>
                  <a:gd name="connsiteY202" fmla="*/ 753 h 10000"/>
                  <a:gd name="connsiteX203" fmla="*/ 3857 w 10000"/>
                  <a:gd name="connsiteY203" fmla="*/ 620 h 10000"/>
                  <a:gd name="connsiteX204" fmla="*/ 3832 w 10000"/>
                  <a:gd name="connsiteY204" fmla="*/ 487 h 10000"/>
                  <a:gd name="connsiteX205" fmla="*/ 3807 w 10000"/>
                  <a:gd name="connsiteY205" fmla="*/ 355 h 10000"/>
                  <a:gd name="connsiteX206" fmla="*/ 3857 w 10000"/>
                  <a:gd name="connsiteY206" fmla="*/ 222 h 10000"/>
                  <a:gd name="connsiteX207" fmla="*/ 3884 w 10000"/>
                  <a:gd name="connsiteY207" fmla="*/ 162 h 10000"/>
                  <a:gd name="connsiteX208" fmla="*/ 3935 w 10000"/>
                  <a:gd name="connsiteY208" fmla="*/ 103 h 10000"/>
                  <a:gd name="connsiteX209" fmla="*/ 4011 w 10000"/>
                  <a:gd name="connsiteY209" fmla="*/ 59 h 10000"/>
                  <a:gd name="connsiteX210" fmla="*/ 4111 w 10000"/>
                  <a:gd name="connsiteY210" fmla="*/ 0 h 10000"/>
                  <a:gd name="connsiteX211" fmla="*/ 4289 w 10000"/>
                  <a:gd name="connsiteY211" fmla="*/ 0 h 10000"/>
                  <a:gd name="connsiteX212" fmla="*/ 4468 w 10000"/>
                  <a:gd name="connsiteY212" fmla="*/ 15 h 10000"/>
                  <a:gd name="connsiteX213" fmla="*/ 4644 w 10000"/>
                  <a:gd name="connsiteY213" fmla="*/ 44 h 10000"/>
                  <a:gd name="connsiteX214" fmla="*/ 4771 w 10000"/>
                  <a:gd name="connsiteY214" fmla="*/ 89 h 10000"/>
                  <a:gd name="connsiteX215" fmla="*/ 4975 w 10000"/>
                  <a:gd name="connsiteY215" fmla="*/ 192 h 10000"/>
                  <a:gd name="connsiteX216" fmla="*/ 5177 w 10000"/>
                  <a:gd name="connsiteY216" fmla="*/ 340 h 10000"/>
                  <a:gd name="connsiteX217" fmla="*/ 5329 w 10000"/>
                  <a:gd name="connsiteY217" fmla="*/ 473 h 10000"/>
                  <a:gd name="connsiteX218" fmla="*/ 5532 w 10000"/>
                  <a:gd name="connsiteY218" fmla="*/ 591 h 10000"/>
                  <a:gd name="connsiteX219" fmla="*/ 5660 w 10000"/>
                  <a:gd name="connsiteY219" fmla="*/ 650 h 10000"/>
                  <a:gd name="connsiteX220" fmla="*/ 5812 w 10000"/>
                  <a:gd name="connsiteY220" fmla="*/ 679 h 10000"/>
                  <a:gd name="connsiteX221" fmla="*/ 5965 w 10000"/>
                  <a:gd name="connsiteY221" fmla="*/ 709 h 10000"/>
                  <a:gd name="connsiteX222" fmla="*/ 6168 w 10000"/>
                  <a:gd name="connsiteY222" fmla="*/ 709 h 10000"/>
                  <a:gd name="connsiteX223" fmla="*/ 6168 w 10000"/>
                  <a:gd name="connsiteY223" fmla="*/ 768 h 10000"/>
                  <a:gd name="connsiteX224" fmla="*/ 6193 w 10000"/>
                  <a:gd name="connsiteY224" fmla="*/ 842 h 10000"/>
                  <a:gd name="connsiteX225" fmla="*/ 6243 w 10000"/>
                  <a:gd name="connsiteY225" fmla="*/ 916 h 10000"/>
                  <a:gd name="connsiteX226" fmla="*/ 6294 w 10000"/>
                  <a:gd name="connsiteY226" fmla="*/ 990 h 10000"/>
                  <a:gd name="connsiteX227" fmla="*/ 6369 w 10000"/>
                  <a:gd name="connsiteY227" fmla="*/ 1049 h 10000"/>
                  <a:gd name="connsiteX228" fmla="*/ 6471 w 10000"/>
                  <a:gd name="connsiteY228" fmla="*/ 1108 h 10000"/>
                  <a:gd name="connsiteX229" fmla="*/ 6598 w 10000"/>
                  <a:gd name="connsiteY229" fmla="*/ 1182 h 10000"/>
                  <a:gd name="connsiteX230" fmla="*/ 6700 w 10000"/>
                  <a:gd name="connsiteY230" fmla="*/ 1226 h 10000"/>
                  <a:gd name="connsiteX231" fmla="*/ 6802 w 10000"/>
                  <a:gd name="connsiteY231" fmla="*/ 1270 h 10000"/>
                  <a:gd name="connsiteX232" fmla="*/ 6903 w 10000"/>
                  <a:gd name="connsiteY232" fmla="*/ 1300 h 10000"/>
                  <a:gd name="connsiteX233" fmla="*/ 7005 w 10000"/>
                  <a:gd name="connsiteY233" fmla="*/ 1315 h 10000"/>
                  <a:gd name="connsiteX234" fmla="*/ 7132 w 10000"/>
                  <a:gd name="connsiteY234" fmla="*/ 1300 h 10000"/>
                  <a:gd name="connsiteX235" fmla="*/ 7234 w 10000"/>
                  <a:gd name="connsiteY235" fmla="*/ 1285 h 10000"/>
                  <a:gd name="connsiteX236" fmla="*/ 7309 w 10000"/>
                  <a:gd name="connsiteY236" fmla="*/ 1241 h 10000"/>
                  <a:gd name="connsiteX237" fmla="*/ 7361 w 10000"/>
                  <a:gd name="connsiteY237" fmla="*/ 1167 h 10000"/>
                  <a:gd name="connsiteX238" fmla="*/ 7385 w 10000"/>
                  <a:gd name="connsiteY238" fmla="*/ 1064 h 10000"/>
                  <a:gd name="connsiteX239" fmla="*/ 7766 w 10000"/>
                  <a:gd name="connsiteY239" fmla="*/ 1034 h 10000"/>
                  <a:gd name="connsiteX240" fmla="*/ 8121 w 10000"/>
                  <a:gd name="connsiteY240" fmla="*/ 1004 h 10000"/>
                  <a:gd name="connsiteX241" fmla="*/ 8427 w 10000"/>
                  <a:gd name="connsiteY241" fmla="*/ 990 h 10000"/>
                  <a:gd name="connsiteX242" fmla="*/ 8706 w 10000"/>
                  <a:gd name="connsiteY242" fmla="*/ 1004 h 10000"/>
                  <a:gd name="connsiteX243" fmla="*/ 8833 w 10000"/>
                  <a:gd name="connsiteY243" fmla="*/ 1019 h 10000"/>
                  <a:gd name="connsiteX244" fmla="*/ 8958 w 10000"/>
                  <a:gd name="connsiteY244" fmla="*/ 1034 h 10000"/>
                  <a:gd name="connsiteX245" fmla="*/ 9061 w 10000"/>
                  <a:gd name="connsiteY245" fmla="*/ 1064 h 10000"/>
                  <a:gd name="connsiteX246" fmla="*/ 9188 w 10000"/>
                  <a:gd name="connsiteY246" fmla="*/ 1108 h 10000"/>
                  <a:gd name="connsiteX247" fmla="*/ 9264 w 10000"/>
                  <a:gd name="connsiteY247" fmla="*/ 1182 h 10000"/>
                  <a:gd name="connsiteX248" fmla="*/ 9339 w 10000"/>
                  <a:gd name="connsiteY248" fmla="*/ 1241 h 10000"/>
                  <a:gd name="connsiteX249" fmla="*/ 9391 w 10000"/>
                  <a:gd name="connsiteY249" fmla="*/ 1329 h 10000"/>
                  <a:gd name="connsiteX250" fmla="*/ 9442 w 10000"/>
                  <a:gd name="connsiteY250" fmla="*/ 1433 h 10000"/>
                  <a:gd name="connsiteX251" fmla="*/ 9492 w 10000"/>
                  <a:gd name="connsiteY251" fmla="*/ 1551 h 10000"/>
                  <a:gd name="connsiteX252" fmla="*/ 9466 w 10000"/>
                  <a:gd name="connsiteY252" fmla="*/ 1625 h 10000"/>
                  <a:gd name="connsiteX253" fmla="*/ 9442 w 10000"/>
                  <a:gd name="connsiteY253" fmla="*/ 1684 h 10000"/>
                  <a:gd name="connsiteX254" fmla="*/ 9391 w 10000"/>
                  <a:gd name="connsiteY254" fmla="*/ 1758 h 10000"/>
                  <a:gd name="connsiteX255" fmla="*/ 9315 w 10000"/>
                  <a:gd name="connsiteY255" fmla="*/ 1802 h 10000"/>
                  <a:gd name="connsiteX256" fmla="*/ 9264 w 10000"/>
                  <a:gd name="connsiteY256" fmla="*/ 1861 h 10000"/>
                  <a:gd name="connsiteX257" fmla="*/ 9240 w 10000"/>
                  <a:gd name="connsiteY257" fmla="*/ 1935 h 10000"/>
                  <a:gd name="connsiteX258" fmla="*/ 9264 w 10000"/>
                  <a:gd name="connsiteY258" fmla="*/ 2024 h 10000"/>
                  <a:gd name="connsiteX259" fmla="*/ 9543 w 10000"/>
                  <a:gd name="connsiteY259" fmla="*/ 2157 h 10000"/>
                  <a:gd name="connsiteX260" fmla="*/ 9873 w 10000"/>
                  <a:gd name="connsiteY260" fmla="*/ 2275 h 10000"/>
                  <a:gd name="connsiteX261" fmla="*/ 10000 w 10000"/>
                  <a:gd name="connsiteY261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369 w 10000"/>
                  <a:gd name="connsiteY8" fmla="*/ 4313 h 10000"/>
                  <a:gd name="connsiteX9" fmla="*/ 8984 w 10000"/>
                  <a:gd name="connsiteY9" fmla="*/ 3412 h 10000"/>
                  <a:gd name="connsiteX10" fmla="*/ 9188 w 10000"/>
                  <a:gd name="connsiteY10" fmla="*/ 3338 h 10000"/>
                  <a:gd name="connsiteX11" fmla="*/ 9415 w 10000"/>
                  <a:gd name="connsiteY11" fmla="*/ 3117 h 10000"/>
                  <a:gd name="connsiteX12" fmla="*/ 9442 w 10000"/>
                  <a:gd name="connsiteY12" fmla="*/ 3072 h 10000"/>
                  <a:gd name="connsiteX13" fmla="*/ 9466 w 10000"/>
                  <a:gd name="connsiteY13" fmla="*/ 3013 h 10000"/>
                  <a:gd name="connsiteX14" fmla="*/ 9466 w 10000"/>
                  <a:gd name="connsiteY14" fmla="*/ 2954 h 10000"/>
                  <a:gd name="connsiteX15" fmla="*/ 9442 w 10000"/>
                  <a:gd name="connsiteY15" fmla="*/ 2866 h 10000"/>
                  <a:gd name="connsiteX16" fmla="*/ 9264 w 10000"/>
                  <a:gd name="connsiteY16" fmla="*/ 2984 h 10000"/>
                  <a:gd name="connsiteX17" fmla="*/ 9061 w 10000"/>
                  <a:gd name="connsiteY17" fmla="*/ 3072 h 10000"/>
                  <a:gd name="connsiteX18" fmla="*/ 8197 w 10000"/>
                  <a:gd name="connsiteY18" fmla="*/ 3397 h 10000"/>
                  <a:gd name="connsiteX19" fmla="*/ 7716 w 10000"/>
                  <a:gd name="connsiteY19" fmla="*/ 3545 h 10000"/>
                  <a:gd name="connsiteX20" fmla="*/ 7234 w 10000"/>
                  <a:gd name="connsiteY20" fmla="*/ 3678 h 10000"/>
                  <a:gd name="connsiteX21" fmla="*/ 6776 w 10000"/>
                  <a:gd name="connsiteY21" fmla="*/ 3840 h 10000"/>
                  <a:gd name="connsiteX22" fmla="*/ 6548 w 10000"/>
                  <a:gd name="connsiteY22" fmla="*/ 3914 h 10000"/>
                  <a:gd name="connsiteX23" fmla="*/ 6345 w 10000"/>
                  <a:gd name="connsiteY23" fmla="*/ 4003 h 10000"/>
                  <a:gd name="connsiteX24" fmla="*/ 6143 w 10000"/>
                  <a:gd name="connsiteY24" fmla="*/ 4106 h 10000"/>
                  <a:gd name="connsiteX25" fmla="*/ 5938 w 10000"/>
                  <a:gd name="connsiteY25" fmla="*/ 4195 h 10000"/>
                  <a:gd name="connsiteX26" fmla="*/ 6091 w 10000"/>
                  <a:gd name="connsiteY26" fmla="*/ 4417 h 10000"/>
                  <a:gd name="connsiteX27" fmla="*/ 6369 w 10000"/>
                  <a:gd name="connsiteY27" fmla="*/ 5081 h 10000"/>
                  <a:gd name="connsiteX28" fmla="*/ 6421 w 10000"/>
                  <a:gd name="connsiteY28" fmla="*/ 5318 h 10000"/>
                  <a:gd name="connsiteX29" fmla="*/ 6447 w 10000"/>
                  <a:gd name="connsiteY29" fmla="*/ 5539 h 10000"/>
                  <a:gd name="connsiteX30" fmla="*/ 6471 w 10000"/>
                  <a:gd name="connsiteY30" fmla="*/ 5775 h 10000"/>
                  <a:gd name="connsiteX31" fmla="*/ 6471 w 10000"/>
                  <a:gd name="connsiteY31" fmla="*/ 5997 h 10000"/>
                  <a:gd name="connsiteX32" fmla="*/ 6447 w 10000"/>
                  <a:gd name="connsiteY32" fmla="*/ 6233 h 10000"/>
                  <a:gd name="connsiteX33" fmla="*/ 6396 w 10000"/>
                  <a:gd name="connsiteY33" fmla="*/ 6470 h 10000"/>
                  <a:gd name="connsiteX34" fmla="*/ 6345 w 10000"/>
                  <a:gd name="connsiteY34" fmla="*/ 6677 h 10000"/>
                  <a:gd name="connsiteX35" fmla="*/ 6269 w 10000"/>
                  <a:gd name="connsiteY35" fmla="*/ 6898 h 10000"/>
                  <a:gd name="connsiteX36" fmla="*/ 6168 w 10000"/>
                  <a:gd name="connsiteY36" fmla="*/ 7105 h 10000"/>
                  <a:gd name="connsiteX37" fmla="*/ 6041 w 10000"/>
                  <a:gd name="connsiteY37" fmla="*/ 7297 h 10000"/>
                  <a:gd name="connsiteX38" fmla="*/ 5888 w 10000"/>
                  <a:gd name="connsiteY38" fmla="*/ 7489 h 10000"/>
                  <a:gd name="connsiteX39" fmla="*/ 5735 w 10000"/>
                  <a:gd name="connsiteY39" fmla="*/ 7681 h 10000"/>
                  <a:gd name="connsiteX40" fmla="*/ 6471 w 10000"/>
                  <a:gd name="connsiteY40" fmla="*/ 7799 h 10000"/>
                  <a:gd name="connsiteX41" fmla="*/ 7234 w 10000"/>
                  <a:gd name="connsiteY41" fmla="*/ 7962 h 10000"/>
                  <a:gd name="connsiteX42" fmla="*/ 7385 w 10000"/>
                  <a:gd name="connsiteY42" fmla="*/ 8021 h 10000"/>
                  <a:gd name="connsiteX43" fmla="*/ 7512 w 10000"/>
                  <a:gd name="connsiteY43" fmla="*/ 8080 h 10000"/>
                  <a:gd name="connsiteX44" fmla="*/ 7639 w 10000"/>
                  <a:gd name="connsiteY44" fmla="*/ 8139 h 10000"/>
                  <a:gd name="connsiteX45" fmla="*/ 7716 w 10000"/>
                  <a:gd name="connsiteY45" fmla="*/ 8227 h 10000"/>
                  <a:gd name="connsiteX46" fmla="*/ 7741 w 10000"/>
                  <a:gd name="connsiteY46" fmla="*/ 8301 h 10000"/>
                  <a:gd name="connsiteX47" fmla="*/ 7741 w 10000"/>
                  <a:gd name="connsiteY47" fmla="*/ 8405 h 10000"/>
                  <a:gd name="connsiteX48" fmla="*/ 7691 w 10000"/>
                  <a:gd name="connsiteY48" fmla="*/ 8523 h 10000"/>
                  <a:gd name="connsiteX49" fmla="*/ 7614 w 10000"/>
                  <a:gd name="connsiteY49" fmla="*/ 8641 h 10000"/>
                  <a:gd name="connsiteX50" fmla="*/ 7284 w 10000"/>
                  <a:gd name="connsiteY50" fmla="*/ 8552 h 10000"/>
                  <a:gd name="connsiteX51" fmla="*/ 6979 w 10000"/>
                  <a:gd name="connsiteY51" fmla="*/ 8449 h 10000"/>
                  <a:gd name="connsiteX52" fmla="*/ 6674 w 10000"/>
                  <a:gd name="connsiteY52" fmla="*/ 8360 h 10000"/>
                  <a:gd name="connsiteX53" fmla="*/ 6369 w 10000"/>
                  <a:gd name="connsiteY53" fmla="*/ 8287 h 10000"/>
                  <a:gd name="connsiteX54" fmla="*/ 6243 w 10000"/>
                  <a:gd name="connsiteY54" fmla="*/ 8449 h 10000"/>
                  <a:gd name="connsiteX55" fmla="*/ 6143 w 10000"/>
                  <a:gd name="connsiteY55" fmla="*/ 8597 h 10000"/>
                  <a:gd name="connsiteX56" fmla="*/ 6091 w 10000"/>
                  <a:gd name="connsiteY56" fmla="*/ 8656 h 10000"/>
                  <a:gd name="connsiteX57" fmla="*/ 5989 w 10000"/>
                  <a:gd name="connsiteY57" fmla="*/ 8700 h 10000"/>
                  <a:gd name="connsiteX58" fmla="*/ 5914 w 10000"/>
                  <a:gd name="connsiteY58" fmla="*/ 8744 h 10000"/>
                  <a:gd name="connsiteX59" fmla="*/ 5838 w 10000"/>
                  <a:gd name="connsiteY59" fmla="*/ 8774 h 10000"/>
                  <a:gd name="connsiteX60" fmla="*/ 5761 w 10000"/>
                  <a:gd name="connsiteY60" fmla="*/ 8804 h 10000"/>
                  <a:gd name="connsiteX61" fmla="*/ 5660 w 10000"/>
                  <a:gd name="connsiteY61" fmla="*/ 8818 h 10000"/>
                  <a:gd name="connsiteX62" fmla="*/ 5532 w 10000"/>
                  <a:gd name="connsiteY62" fmla="*/ 8833 h 10000"/>
                  <a:gd name="connsiteX63" fmla="*/ 5406 w 10000"/>
                  <a:gd name="connsiteY63" fmla="*/ 8833 h 10000"/>
                  <a:gd name="connsiteX64" fmla="*/ 5102 w 10000"/>
                  <a:gd name="connsiteY64" fmla="*/ 8818 h 10000"/>
                  <a:gd name="connsiteX65" fmla="*/ 4720 w 10000"/>
                  <a:gd name="connsiteY65" fmla="*/ 8744 h 10000"/>
                  <a:gd name="connsiteX66" fmla="*/ 4720 w 10000"/>
                  <a:gd name="connsiteY66" fmla="*/ 8922 h 10000"/>
                  <a:gd name="connsiteX67" fmla="*/ 4695 w 10000"/>
                  <a:gd name="connsiteY67" fmla="*/ 9069 h 10000"/>
                  <a:gd name="connsiteX68" fmla="*/ 4671 w 10000"/>
                  <a:gd name="connsiteY68" fmla="*/ 9232 h 10000"/>
                  <a:gd name="connsiteX69" fmla="*/ 4644 w 10000"/>
                  <a:gd name="connsiteY69" fmla="*/ 9365 h 10000"/>
                  <a:gd name="connsiteX70" fmla="*/ 4593 w 10000"/>
                  <a:gd name="connsiteY70" fmla="*/ 9498 h 10000"/>
                  <a:gd name="connsiteX71" fmla="*/ 4493 w 10000"/>
                  <a:gd name="connsiteY71" fmla="*/ 9616 h 10000"/>
                  <a:gd name="connsiteX72" fmla="*/ 4416 w 10000"/>
                  <a:gd name="connsiteY72" fmla="*/ 9734 h 10000"/>
                  <a:gd name="connsiteX73" fmla="*/ 4289 w 10000"/>
                  <a:gd name="connsiteY73" fmla="*/ 9838 h 10000"/>
                  <a:gd name="connsiteX74" fmla="*/ 3983 w 10000"/>
                  <a:gd name="connsiteY74" fmla="*/ 9897 h 10000"/>
                  <a:gd name="connsiteX75" fmla="*/ 3731 w 10000"/>
                  <a:gd name="connsiteY75" fmla="*/ 9941 h 10000"/>
                  <a:gd name="connsiteX76" fmla="*/ 3426 w 10000"/>
                  <a:gd name="connsiteY76" fmla="*/ 9985 h 10000"/>
                  <a:gd name="connsiteX77" fmla="*/ 3198 w 10000"/>
                  <a:gd name="connsiteY77" fmla="*/ 10000 h 10000"/>
                  <a:gd name="connsiteX78" fmla="*/ 2690 w 10000"/>
                  <a:gd name="connsiteY78" fmla="*/ 10000 h 10000"/>
                  <a:gd name="connsiteX79" fmla="*/ 2208 w 10000"/>
                  <a:gd name="connsiteY79" fmla="*/ 9985 h 10000"/>
                  <a:gd name="connsiteX80" fmla="*/ 1752 w 10000"/>
                  <a:gd name="connsiteY80" fmla="*/ 9941 h 10000"/>
                  <a:gd name="connsiteX81" fmla="*/ 1270 w 10000"/>
                  <a:gd name="connsiteY81" fmla="*/ 9911 h 10000"/>
                  <a:gd name="connsiteX82" fmla="*/ 990 w 10000"/>
                  <a:gd name="connsiteY82" fmla="*/ 9911 h 10000"/>
                  <a:gd name="connsiteX83" fmla="*/ 736 w 10000"/>
                  <a:gd name="connsiteY83" fmla="*/ 9911 h 10000"/>
                  <a:gd name="connsiteX84" fmla="*/ 457 w 10000"/>
                  <a:gd name="connsiteY84" fmla="*/ 9926 h 10000"/>
                  <a:gd name="connsiteX85" fmla="*/ 178 w 10000"/>
                  <a:gd name="connsiteY85" fmla="*/ 9970 h 10000"/>
                  <a:gd name="connsiteX86" fmla="*/ 102 w 10000"/>
                  <a:gd name="connsiteY86" fmla="*/ 9867 h 10000"/>
                  <a:gd name="connsiteX87" fmla="*/ 51 w 10000"/>
                  <a:gd name="connsiteY87" fmla="*/ 9793 h 10000"/>
                  <a:gd name="connsiteX88" fmla="*/ 0 w 10000"/>
                  <a:gd name="connsiteY88" fmla="*/ 9705 h 10000"/>
                  <a:gd name="connsiteX89" fmla="*/ 0 w 10000"/>
                  <a:gd name="connsiteY89" fmla="*/ 9601 h 10000"/>
                  <a:gd name="connsiteX90" fmla="*/ 51 w 10000"/>
                  <a:gd name="connsiteY90" fmla="*/ 9424 h 10000"/>
                  <a:gd name="connsiteX91" fmla="*/ 102 w 10000"/>
                  <a:gd name="connsiteY91" fmla="*/ 9202 h 10000"/>
                  <a:gd name="connsiteX92" fmla="*/ 151 w 10000"/>
                  <a:gd name="connsiteY92" fmla="*/ 8996 h 10000"/>
                  <a:gd name="connsiteX93" fmla="*/ 203 w 10000"/>
                  <a:gd name="connsiteY93" fmla="*/ 8759 h 10000"/>
                  <a:gd name="connsiteX94" fmla="*/ 228 w 10000"/>
                  <a:gd name="connsiteY94" fmla="*/ 8641 h 10000"/>
                  <a:gd name="connsiteX95" fmla="*/ 228 w 10000"/>
                  <a:gd name="connsiteY95" fmla="*/ 8538 h 10000"/>
                  <a:gd name="connsiteX96" fmla="*/ 203 w 10000"/>
                  <a:gd name="connsiteY96" fmla="*/ 8405 h 10000"/>
                  <a:gd name="connsiteX97" fmla="*/ 178 w 10000"/>
                  <a:gd name="connsiteY97" fmla="*/ 8287 h 10000"/>
                  <a:gd name="connsiteX98" fmla="*/ 431 w 10000"/>
                  <a:gd name="connsiteY98" fmla="*/ 8213 h 10000"/>
                  <a:gd name="connsiteX99" fmla="*/ 685 w 10000"/>
                  <a:gd name="connsiteY99" fmla="*/ 8139 h 10000"/>
                  <a:gd name="connsiteX100" fmla="*/ 939 w 10000"/>
                  <a:gd name="connsiteY100" fmla="*/ 8095 h 10000"/>
                  <a:gd name="connsiteX101" fmla="*/ 1218 w 10000"/>
                  <a:gd name="connsiteY101" fmla="*/ 8065 h 10000"/>
                  <a:gd name="connsiteX102" fmla="*/ 1725 w 10000"/>
                  <a:gd name="connsiteY102" fmla="*/ 8021 h 10000"/>
                  <a:gd name="connsiteX103" fmla="*/ 2234 w 10000"/>
                  <a:gd name="connsiteY103" fmla="*/ 7976 h 10000"/>
                  <a:gd name="connsiteX104" fmla="*/ 2462 w 10000"/>
                  <a:gd name="connsiteY104" fmla="*/ 7947 h 10000"/>
                  <a:gd name="connsiteX105" fmla="*/ 2690 w 10000"/>
                  <a:gd name="connsiteY105" fmla="*/ 7917 h 10000"/>
                  <a:gd name="connsiteX106" fmla="*/ 2892 w 10000"/>
                  <a:gd name="connsiteY106" fmla="*/ 7843 h 10000"/>
                  <a:gd name="connsiteX107" fmla="*/ 3096 w 10000"/>
                  <a:gd name="connsiteY107" fmla="*/ 7784 h 10000"/>
                  <a:gd name="connsiteX108" fmla="*/ 3274 w 10000"/>
                  <a:gd name="connsiteY108" fmla="*/ 7710 h 10000"/>
                  <a:gd name="connsiteX109" fmla="*/ 3426 w 10000"/>
                  <a:gd name="connsiteY109" fmla="*/ 7592 h 10000"/>
                  <a:gd name="connsiteX110" fmla="*/ 3579 w 10000"/>
                  <a:gd name="connsiteY110" fmla="*/ 7474 h 10000"/>
                  <a:gd name="connsiteX111" fmla="*/ 3680 w 10000"/>
                  <a:gd name="connsiteY111" fmla="*/ 7312 h 10000"/>
                  <a:gd name="connsiteX112" fmla="*/ 3477 w 10000"/>
                  <a:gd name="connsiteY112" fmla="*/ 7238 h 10000"/>
                  <a:gd name="connsiteX113" fmla="*/ 3299 w 10000"/>
                  <a:gd name="connsiteY113" fmla="*/ 7179 h 10000"/>
                  <a:gd name="connsiteX114" fmla="*/ 3147 w 10000"/>
                  <a:gd name="connsiteY114" fmla="*/ 7090 h 10000"/>
                  <a:gd name="connsiteX115" fmla="*/ 2995 w 10000"/>
                  <a:gd name="connsiteY115" fmla="*/ 6987 h 10000"/>
                  <a:gd name="connsiteX116" fmla="*/ 2892 w 10000"/>
                  <a:gd name="connsiteY116" fmla="*/ 6869 h 10000"/>
                  <a:gd name="connsiteX117" fmla="*/ 2843 w 10000"/>
                  <a:gd name="connsiteY117" fmla="*/ 6721 h 10000"/>
                  <a:gd name="connsiteX118" fmla="*/ 2817 w 10000"/>
                  <a:gd name="connsiteY118" fmla="*/ 6558 h 10000"/>
                  <a:gd name="connsiteX119" fmla="*/ 2843 w 10000"/>
                  <a:gd name="connsiteY119" fmla="*/ 6352 h 10000"/>
                  <a:gd name="connsiteX120" fmla="*/ 2716 w 10000"/>
                  <a:gd name="connsiteY120" fmla="*/ 6322 h 10000"/>
                  <a:gd name="connsiteX121" fmla="*/ 2564 w 10000"/>
                  <a:gd name="connsiteY121" fmla="*/ 6292 h 10000"/>
                  <a:gd name="connsiteX122" fmla="*/ 2386 w 10000"/>
                  <a:gd name="connsiteY122" fmla="*/ 6278 h 10000"/>
                  <a:gd name="connsiteX123" fmla="*/ 2208 w 10000"/>
                  <a:gd name="connsiteY123" fmla="*/ 6263 h 10000"/>
                  <a:gd name="connsiteX124" fmla="*/ 1853 w 10000"/>
                  <a:gd name="connsiteY124" fmla="*/ 6248 h 10000"/>
                  <a:gd name="connsiteX125" fmla="*/ 1472 w 10000"/>
                  <a:gd name="connsiteY125" fmla="*/ 6263 h 10000"/>
                  <a:gd name="connsiteX126" fmla="*/ 1143 w 10000"/>
                  <a:gd name="connsiteY126" fmla="*/ 6278 h 10000"/>
                  <a:gd name="connsiteX127" fmla="*/ 837 w 10000"/>
                  <a:gd name="connsiteY127" fmla="*/ 6278 h 10000"/>
                  <a:gd name="connsiteX128" fmla="*/ 585 w 10000"/>
                  <a:gd name="connsiteY128" fmla="*/ 6263 h 10000"/>
                  <a:gd name="connsiteX129" fmla="*/ 381 w 10000"/>
                  <a:gd name="connsiteY129" fmla="*/ 6233 h 10000"/>
                  <a:gd name="connsiteX130" fmla="*/ 633 w 10000"/>
                  <a:gd name="connsiteY130" fmla="*/ 5805 h 10000"/>
                  <a:gd name="connsiteX131" fmla="*/ 914 w 10000"/>
                  <a:gd name="connsiteY131" fmla="*/ 5391 h 10000"/>
                  <a:gd name="connsiteX132" fmla="*/ 1016 w 10000"/>
                  <a:gd name="connsiteY132" fmla="*/ 5170 h 10000"/>
                  <a:gd name="connsiteX133" fmla="*/ 1091 w 10000"/>
                  <a:gd name="connsiteY133" fmla="*/ 4963 h 10000"/>
                  <a:gd name="connsiteX134" fmla="*/ 1116 w 10000"/>
                  <a:gd name="connsiteY134" fmla="*/ 4860 h 10000"/>
                  <a:gd name="connsiteX135" fmla="*/ 1091 w 10000"/>
                  <a:gd name="connsiteY135" fmla="*/ 4756 h 10000"/>
                  <a:gd name="connsiteX136" fmla="*/ 1066 w 10000"/>
                  <a:gd name="connsiteY136" fmla="*/ 4653 h 10000"/>
                  <a:gd name="connsiteX137" fmla="*/ 990 w 10000"/>
                  <a:gd name="connsiteY137" fmla="*/ 4549 h 10000"/>
                  <a:gd name="connsiteX138" fmla="*/ 1270 w 10000"/>
                  <a:gd name="connsiteY138" fmla="*/ 4520 h 10000"/>
                  <a:gd name="connsiteX139" fmla="*/ 1472 w 10000"/>
                  <a:gd name="connsiteY139" fmla="*/ 4505 h 10000"/>
                  <a:gd name="connsiteX140" fmla="*/ 1650 w 10000"/>
                  <a:gd name="connsiteY140" fmla="*/ 4505 h 10000"/>
                  <a:gd name="connsiteX141" fmla="*/ 1802 w 10000"/>
                  <a:gd name="connsiteY141" fmla="*/ 4520 h 10000"/>
                  <a:gd name="connsiteX142" fmla="*/ 1929 w 10000"/>
                  <a:gd name="connsiteY142" fmla="*/ 4520 h 10000"/>
                  <a:gd name="connsiteX143" fmla="*/ 2081 w 10000"/>
                  <a:gd name="connsiteY143" fmla="*/ 4520 h 10000"/>
                  <a:gd name="connsiteX144" fmla="*/ 2234 w 10000"/>
                  <a:gd name="connsiteY144" fmla="*/ 4490 h 10000"/>
                  <a:gd name="connsiteX145" fmla="*/ 2436 w 10000"/>
                  <a:gd name="connsiteY145" fmla="*/ 4446 h 10000"/>
                  <a:gd name="connsiteX146" fmla="*/ 2436 w 10000"/>
                  <a:gd name="connsiteY146" fmla="*/ 4579 h 10000"/>
                  <a:gd name="connsiteX147" fmla="*/ 2436 w 10000"/>
                  <a:gd name="connsiteY147" fmla="*/ 4742 h 10000"/>
                  <a:gd name="connsiteX148" fmla="*/ 2436 w 10000"/>
                  <a:gd name="connsiteY148" fmla="*/ 4874 h 10000"/>
                  <a:gd name="connsiteX149" fmla="*/ 2436 w 10000"/>
                  <a:gd name="connsiteY149" fmla="*/ 5037 h 10000"/>
                  <a:gd name="connsiteX150" fmla="*/ 2665 w 10000"/>
                  <a:gd name="connsiteY150" fmla="*/ 5022 h 10000"/>
                  <a:gd name="connsiteX151" fmla="*/ 2817 w 10000"/>
                  <a:gd name="connsiteY151" fmla="*/ 5037 h 10000"/>
                  <a:gd name="connsiteX152" fmla="*/ 2944 w 10000"/>
                  <a:gd name="connsiteY152" fmla="*/ 5066 h 10000"/>
                  <a:gd name="connsiteX153" fmla="*/ 3071 w 10000"/>
                  <a:gd name="connsiteY153" fmla="*/ 5096 h 10000"/>
                  <a:gd name="connsiteX154" fmla="*/ 3173 w 10000"/>
                  <a:gd name="connsiteY154" fmla="*/ 5126 h 10000"/>
                  <a:gd name="connsiteX155" fmla="*/ 3299 w 10000"/>
                  <a:gd name="connsiteY155" fmla="*/ 5155 h 10000"/>
                  <a:gd name="connsiteX156" fmla="*/ 3452 w 10000"/>
                  <a:gd name="connsiteY156" fmla="*/ 5170 h 10000"/>
                  <a:gd name="connsiteX157" fmla="*/ 3680 w 10000"/>
                  <a:gd name="connsiteY157" fmla="*/ 5155 h 10000"/>
                  <a:gd name="connsiteX158" fmla="*/ 3757 w 10000"/>
                  <a:gd name="connsiteY158" fmla="*/ 5096 h 10000"/>
                  <a:gd name="connsiteX159" fmla="*/ 3832 w 10000"/>
                  <a:gd name="connsiteY159" fmla="*/ 5022 h 10000"/>
                  <a:gd name="connsiteX160" fmla="*/ 3857 w 10000"/>
                  <a:gd name="connsiteY160" fmla="*/ 4934 h 10000"/>
                  <a:gd name="connsiteX161" fmla="*/ 3884 w 10000"/>
                  <a:gd name="connsiteY161" fmla="*/ 4860 h 10000"/>
                  <a:gd name="connsiteX162" fmla="*/ 3908 w 10000"/>
                  <a:gd name="connsiteY162" fmla="*/ 4697 h 10000"/>
                  <a:gd name="connsiteX163" fmla="*/ 3884 w 10000"/>
                  <a:gd name="connsiteY163" fmla="*/ 4520 h 10000"/>
                  <a:gd name="connsiteX164" fmla="*/ 3807 w 10000"/>
                  <a:gd name="connsiteY164" fmla="*/ 4343 h 10000"/>
                  <a:gd name="connsiteX165" fmla="*/ 3731 w 10000"/>
                  <a:gd name="connsiteY165" fmla="*/ 4195 h 10000"/>
                  <a:gd name="connsiteX166" fmla="*/ 3604 w 10000"/>
                  <a:gd name="connsiteY166" fmla="*/ 4047 h 10000"/>
                  <a:gd name="connsiteX167" fmla="*/ 3477 w 10000"/>
                  <a:gd name="connsiteY167" fmla="*/ 3959 h 10000"/>
                  <a:gd name="connsiteX168" fmla="*/ 3629 w 10000"/>
                  <a:gd name="connsiteY168" fmla="*/ 3944 h 10000"/>
                  <a:gd name="connsiteX169" fmla="*/ 3757 w 10000"/>
                  <a:gd name="connsiteY169" fmla="*/ 3914 h 10000"/>
                  <a:gd name="connsiteX170" fmla="*/ 3857 w 10000"/>
                  <a:gd name="connsiteY170" fmla="*/ 3855 h 10000"/>
                  <a:gd name="connsiteX171" fmla="*/ 3983 w 10000"/>
                  <a:gd name="connsiteY171" fmla="*/ 3752 h 10000"/>
                  <a:gd name="connsiteX172" fmla="*/ 4111 w 10000"/>
                  <a:gd name="connsiteY172" fmla="*/ 3663 h 10000"/>
                  <a:gd name="connsiteX173" fmla="*/ 4213 w 10000"/>
                  <a:gd name="connsiteY173" fmla="*/ 3560 h 10000"/>
                  <a:gd name="connsiteX174" fmla="*/ 4289 w 10000"/>
                  <a:gd name="connsiteY174" fmla="*/ 3442 h 10000"/>
                  <a:gd name="connsiteX175" fmla="*/ 4366 w 10000"/>
                  <a:gd name="connsiteY175" fmla="*/ 3323 h 10000"/>
                  <a:gd name="connsiteX176" fmla="*/ 4416 w 10000"/>
                  <a:gd name="connsiteY176" fmla="*/ 3220 h 10000"/>
                  <a:gd name="connsiteX177" fmla="*/ 4441 w 10000"/>
                  <a:gd name="connsiteY177" fmla="*/ 3102 h 10000"/>
                  <a:gd name="connsiteX178" fmla="*/ 4468 w 10000"/>
                  <a:gd name="connsiteY178" fmla="*/ 3013 h 10000"/>
                  <a:gd name="connsiteX179" fmla="*/ 4441 w 10000"/>
                  <a:gd name="connsiteY179" fmla="*/ 2939 h 10000"/>
                  <a:gd name="connsiteX180" fmla="*/ 4416 w 10000"/>
                  <a:gd name="connsiteY180" fmla="*/ 2866 h 10000"/>
                  <a:gd name="connsiteX181" fmla="*/ 4340 w 10000"/>
                  <a:gd name="connsiteY181" fmla="*/ 2836 h 10000"/>
                  <a:gd name="connsiteX182" fmla="*/ 4239 w 10000"/>
                  <a:gd name="connsiteY182" fmla="*/ 2836 h 10000"/>
                  <a:gd name="connsiteX183" fmla="*/ 4111 w 10000"/>
                  <a:gd name="connsiteY183" fmla="*/ 2866 h 10000"/>
                  <a:gd name="connsiteX184" fmla="*/ 4213 w 10000"/>
                  <a:gd name="connsiteY184" fmla="*/ 2777 h 10000"/>
                  <a:gd name="connsiteX185" fmla="*/ 4265 w 10000"/>
                  <a:gd name="connsiteY185" fmla="*/ 2674 h 10000"/>
                  <a:gd name="connsiteX186" fmla="*/ 4289 w 10000"/>
                  <a:gd name="connsiteY186" fmla="*/ 2541 h 10000"/>
                  <a:gd name="connsiteX187" fmla="*/ 4289 w 10000"/>
                  <a:gd name="connsiteY187" fmla="*/ 2393 h 10000"/>
                  <a:gd name="connsiteX188" fmla="*/ 4314 w 10000"/>
                  <a:gd name="connsiteY188" fmla="*/ 2349 h 10000"/>
                  <a:gd name="connsiteX189" fmla="*/ 4366 w 10000"/>
                  <a:gd name="connsiteY189" fmla="*/ 2304 h 10000"/>
                  <a:gd name="connsiteX190" fmla="*/ 4416 w 10000"/>
                  <a:gd name="connsiteY190" fmla="*/ 2290 h 10000"/>
                  <a:gd name="connsiteX191" fmla="*/ 4493 w 10000"/>
                  <a:gd name="connsiteY191" fmla="*/ 2275 h 10000"/>
                  <a:gd name="connsiteX192" fmla="*/ 4720 w 10000"/>
                  <a:gd name="connsiteY192" fmla="*/ 2260 h 10000"/>
                  <a:gd name="connsiteX193" fmla="*/ 4923 w 10000"/>
                  <a:gd name="connsiteY193" fmla="*/ 2275 h 10000"/>
                  <a:gd name="connsiteX194" fmla="*/ 4898 w 10000"/>
                  <a:gd name="connsiteY194" fmla="*/ 2112 h 10000"/>
                  <a:gd name="connsiteX195" fmla="*/ 4848 w 10000"/>
                  <a:gd name="connsiteY195" fmla="*/ 1950 h 10000"/>
                  <a:gd name="connsiteX196" fmla="*/ 4771 w 10000"/>
                  <a:gd name="connsiteY196" fmla="*/ 1802 h 10000"/>
                  <a:gd name="connsiteX197" fmla="*/ 4671 w 10000"/>
                  <a:gd name="connsiteY197" fmla="*/ 1640 h 10000"/>
                  <a:gd name="connsiteX198" fmla="*/ 4416 w 10000"/>
                  <a:gd name="connsiteY198" fmla="*/ 1329 h 10000"/>
                  <a:gd name="connsiteX199" fmla="*/ 4162 w 10000"/>
                  <a:gd name="connsiteY199" fmla="*/ 1034 h 10000"/>
                  <a:gd name="connsiteX200" fmla="*/ 4035 w 10000"/>
                  <a:gd name="connsiteY200" fmla="*/ 901 h 10000"/>
                  <a:gd name="connsiteX201" fmla="*/ 3935 w 10000"/>
                  <a:gd name="connsiteY201" fmla="*/ 753 h 10000"/>
                  <a:gd name="connsiteX202" fmla="*/ 3857 w 10000"/>
                  <a:gd name="connsiteY202" fmla="*/ 620 h 10000"/>
                  <a:gd name="connsiteX203" fmla="*/ 3832 w 10000"/>
                  <a:gd name="connsiteY203" fmla="*/ 487 h 10000"/>
                  <a:gd name="connsiteX204" fmla="*/ 3807 w 10000"/>
                  <a:gd name="connsiteY204" fmla="*/ 355 h 10000"/>
                  <a:gd name="connsiteX205" fmla="*/ 3857 w 10000"/>
                  <a:gd name="connsiteY205" fmla="*/ 222 h 10000"/>
                  <a:gd name="connsiteX206" fmla="*/ 3884 w 10000"/>
                  <a:gd name="connsiteY206" fmla="*/ 162 h 10000"/>
                  <a:gd name="connsiteX207" fmla="*/ 3935 w 10000"/>
                  <a:gd name="connsiteY207" fmla="*/ 103 h 10000"/>
                  <a:gd name="connsiteX208" fmla="*/ 4011 w 10000"/>
                  <a:gd name="connsiteY208" fmla="*/ 59 h 10000"/>
                  <a:gd name="connsiteX209" fmla="*/ 4111 w 10000"/>
                  <a:gd name="connsiteY209" fmla="*/ 0 h 10000"/>
                  <a:gd name="connsiteX210" fmla="*/ 4289 w 10000"/>
                  <a:gd name="connsiteY210" fmla="*/ 0 h 10000"/>
                  <a:gd name="connsiteX211" fmla="*/ 4468 w 10000"/>
                  <a:gd name="connsiteY211" fmla="*/ 15 h 10000"/>
                  <a:gd name="connsiteX212" fmla="*/ 4644 w 10000"/>
                  <a:gd name="connsiteY212" fmla="*/ 44 h 10000"/>
                  <a:gd name="connsiteX213" fmla="*/ 4771 w 10000"/>
                  <a:gd name="connsiteY213" fmla="*/ 89 h 10000"/>
                  <a:gd name="connsiteX214" fmla="*/ 4975 w 10000"/>
                  <a:gd name="connsiteY214" fmla="*/ 192 h 10000"/>
                  <a:gd name="connsiteX215" fmla="*/ 5177 w 10000"/>
                  <a:gd name="connsiteY215" fmla="*/ 340 h 10000"/>
                  <a:gd name="connsiteX216" fmla="*/ 5329 w 10000"/>
                  <a:gd name="connsiteY216" fmla="*/ 473 h 10000"/>
                  <a:gd name="connsiteX217" fmla="*/ 5532 w 10000"/>
                  <a:gd name="connsiteY217" fmla="*/ 591 h 10000"/>
                  <a:gd name="connsiteX218" fmla="*/ 5660 w 10000"/>
                  <a:gd name="connsiteY218" fmla="*/ 650 h 10000"/>
                  <a:gd name="connsiteX219" fmla="*/ 5812 w 10000"/>
                  <a:gd name="connsiteY219" fmla="*/ 679 h 10000"/>
                  <a:gd name="connsiteX220" fmla="*/ 5965 w 10000"/>
                  <a:gd name="connsiteY220" fmla="*/ 709 h 10000"/>
                  <a:gd name="connsiteX221" fmla="*/ 6168 w 10000"/>
                  <a:gd name="connsiteY221" fmla="*/ 709 h 10000"/>
                  <a:gd name="connsiteX222" fmla="*/ 6168 w 10000"/>
                  <a:gd name="connsiteY222" fmla="*/ 768 h 10000"/>
                  <a:gd name="connsiteX223" fmla="*/ 6193 w 10000"/>
                  <a:gd name="connsiteY223" fmla="*/ 842 h 10000"/>
                  <a:gd name="connsiteX224" fmla="*/ 6243 w 10000"/>
                  <a:gd name="connsiteY224" fmla="*/ 916 h 10000"/>
                  <a:gd name="connsiteX225" fmla="*/ 6294 w 10000"/>
                  <a:gd name="connsiteY225" fmla="*/ 990 h 10000"/>
                  <a:gd name="connsiteX226" fmla="*/ 6369 w 10000"/>
                  <a:gd name="connsiteY226" fmla="*/ 1049 h 10000"/>
                  <a:gd name="connsiteX227" fmla="*/ 6471 w 10000"/>
                  <a:gd name="connsiteY227" fmla="*/ 1108 h 10000"/>
                  <a:gd name="connsiteX228" fmla="*/ 6598 w 10000"/>
                  <a:gd name="connsiteY228" fmla="*/ 1182 h 10000"/>
                  <a:gd name="connsiteX229" fmla="*/ 6700 w 10000"/>
                  <a:gd name="connsiteY229" fmla="*/ 1226 h 10000"/>
                  <a:gd name="connsiteX230" fmla="*/ 6802 w 10000"/>
                  <a:gd name="connsiteY230" fmla="*/ 1270 h 10000"/>
                  <a:gd name="connsiteX231" fmla="*/ 6903 w 10000"/>
                  <a:gd name="connsiteY231" fmla="*/ 1300 h 10000"/>
                  <a:gd name="connsiteX232" fmla="*/ 7005 w 10000"/>
                  <a:gd name="connsiteY232" fmla="*/ 1315 h 10000"/>
                  <a:gd name="connsiteX233" fmla="*/ 7132 w 10000"/>
                  <a:gd name="connsiteY233" fmla="*/ 1300 h 10000"/>
                  <a:gd name="connsiteX234" fmla="*/ 7234 w 10000"/>
                  <a:gd name="connsiteY234" fmla="*/ 1285 h 10000"/>
                  <a:gd name="connsiteX235" fmla="*/ 7309 w 10000"/>
                  <a:gd name="connsiteY235" fmla="*/ 1241 h 10000"/>
                  <a:gd name="connsiteX236" fmla="*/ 7361 w 10000"/>
                  <a:gd name="connsiteY236" fmla="*/ 1167 h 10000"/>
                  <a:gd name="connsiteX237" fmla="*/ 7385 w 10000"/>
                  <a:gd name="connsiteY237" fmla="*/ 1064 h 10000"/>
                  <a:gd name="connsiteX238" fmla="*/ 7766 w 10000"/>
                  <a:gd name="connsiteY238" fmla="*/ 1034 h 10000"/>
                  <a:gd name="connsiteX239" fmla="*/ 8121 w 10000"/>
                  <a:gd name="connsiteY239" fmla="*/ 1004 h 10000"/>
                  <a:gd name="connsiteX240" fmla="*/ 8427 w 10000"/>
                  <a:gd name="connsiteY240" fmla="*/ 990 h 10000"/>
                  <a:gd name="connsiteX241" fmla="*/ 8706 w 10000"/>
                  <a:gd name="connsiteY241" fmla="*/ 1004 h 10000"/>
                  <a:gd name="connsiteX242" fmla="*/ 8833 w 10000"/>
                  <a:gd name="connsiteY242" fmla="*/ 1019 h 10000"/>
                  <a:gd name="connsiteX243" fmla="*/ 8958 w 10000"/>
                  <a:gd name="connsiteY243" fmla="*/ 1034 h 10000"/>
                  <a:gd name="connsiteX244" fmla="*/ 9061 w 10000"/>
                  <a:gd name="connsiteY244" fmla="*/ 1064 h 10000"/>
                  <a:gd name="connsiteX245" fmla="*/ 9188 w 10000"/>
                  <a:gd name="connsiteY245" fmla="*/ 1108 h 10000"/>
                  <a:gd name="connsiteX246" fmla="*/ 9264 w 10000"/>
                  <a:gd name="connsiteY246" fmla="*/ 1182 h 10000"/>
                  <a:gd name="connsiteX247" fmla="*/ 9339 w 10000"/>
                  <a:gd name="connsiteY247" fmla="*/ 1241 h 10000"/>
                  <a:gd name="connsiteX248" fmla="*/ 9391 w 10000"/>
                  <a:gd name="connsiteY248" fmla="*/ 1329 h 10000"/>
                  <a:gd name="connsiteX249" fmla="*/ 9442 w 10000"/>
                  <a:gd name="connsiteY249" fmla="*/ 1433 h 10000"/>
                  <a:gd name="connsiteX250" fmla="*/ 9492 w 10000"/>
                  <a:gd name="connsiteY250" fmla="*/ 1551 h 10000"/>
                  <a:gd name="connsiteX251" fmla="*/ 9466 w 10000"/>
                  <a:gd name="connsiteY251" fmla="*/ 1625 h 10000"/>
                  <a:gd name="connsiteX252" fmla="*/ 9442 w 10000"/>
                  <a:gd name="connsiteY252" fmla="*/ 1684 h 10000"/>
                  <a:gd name="connsiteX253" fmla="*/ 9391 w 10000"/>
                  <a:gd name="connsiteY253" fmla="*/ 1758 h 10000"/>
                  <a:gd name="connsiteX254" fmla="*/ 9315 w 10000"/>
                  <a:gd name="connsiteY254" fmla="*/ 1802 h 10000"/>
                  <a:gd name="connsiteX255" fmla="*/ 9264 w 10000"/>
                  <a:gd name="connsiteY255" fmla="*/ 1861 h 10000"/>
                  <a:gd name="connsiteX256" fmla="*/ 9240 w 10000"/>
                  <a:gd name="connsiteY256" fmla="*/ 1935 h 10000"/>
                  <a:gd name="connsiteX257" fmla="*/ 9264 w 10000"/>
                  <a:gd name="connsiteY257" fmla="*/ 2024 h 10000"/>
                  <a:gd name="connsiteX258" fmla="*/ 9543 w 10000"/>
                  <a:gd name="connsiteY258" fmla="*/ 2157 h 10000"/>
                  <a:gd name="connsiteX259" fmla="*/ 9873 w 10000"/>
                  <a:gd name="connsiteY259" fmla="*/ 2275 h 10000"/>
                  <a:gd name="connsiteX260" fmla="*/ 10000 w 10000"/>
                  <a:gd name="connsiteY260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8984 w 10000"/>
                  <a:gd name="connsiteY8" fmla="*/ 3412 h 10000"/>
                  <a:gd name="connsiteX9" fmla="*/ 9188 w 10000"/>
                  <a:gd name="connsiteY9" fmla="*/ 3338 h 10000"/>
                  <a:gd name="connsiteX10" fmla="*/ 9415 w 10000"/>
                  <a:gd name="connsiteY10" fmla="*/ 3117 h 10000"/>
                  <a:gd name="connsiteX11" fmla="*/ 9442 w 10000"/>
                  <a:gd name="connsiteY11" fmla="*/ 3072 h 10000"/>
                  <a:gd name="connsiteX12" fmla="*/ 9466 w 10000"/>
                  <a:gd name="connsiteY12" fmla="*/ 3013 h 10000"/>
                  <a:gd name="connsiteX13" fmla="*/ 9466 w 10000"/>
                  <a:gd name="connsiteY13" fmla="*/ 2954 h 10000"/>
                  <a:gd name="connsiteX14" fmla="*/ 9442 w 10000"/>
                  <a:gd name="connsiteY14" fmla="*/ 2866 h 10000"/>
                  <a:gd name="connsiteX15" fmla="*/ 9264 w 10000"/>
                  <a:gd name="connsiteY15" fmla="*/ 2984 h 10000"/>
                  <a:gd name="connsiteX16" fmla="*/ 9061 w 10000"/>
                  <a:gd name="connsiteY16" fmla="*/ 3072 h 10000"/>
                  <a:gd name="connsiteX17" fmla="*/ 8197 w 10000"/>
                  <a:gd name="connsiteY17" fmla="*/ 3397 h 10000"/>
                  <a:gd name="connsiteX18" fmla="*/ 7716 w 10000"/>
                  <a:gd name="connsiteY18" fmla="*/ 3545 h 10000"/>
                  <a:gd name="connsiteX19" fmla="*/ 7234 w 10000"/>
                  <a:gd name="connsiteY19" fmla="*/ 3678 h 10000"/>
                  <a:gd name="connsiteX20" fmla="*/ 6776 w 10000"/>
                  <a:gd name="connsiteY20" fmla="*/ 3840 h 10000"/>
                  <a:gd name="connsiteX21" fmla="*/ 6548 w 10000"/>
                  <a:gd name="connsiteY21" fmla="*/ 3914 h 10000"/>
                  <a:gd name="connsiteX22" fmla="*/ 6345 w 10000"/>
                  <a:gd name="connsiteY22" fmla="*/ 4003 h 10000"/>
                  <a:gd name="connsiteX23" fmla="*/ 6143 w 10000"/>
                  <a:gd name="connsiteY23" fmla="*/ 4106 h 10000"/>
                  <a:gd name="connsiteX24" fmla="*/ 5938 w 10000"/>
                  <a:gd name="connsiteY24" fmla="*/ 4195 h 10000"/>
                  <a:gd name="connsiteX25" fmla="*/ 6091 w 10000"/>
                  <a:gd name="connsiteY25" fmla="*/ 4417 h 10000"/>
                  <a:gd name="connsiteX26" fmla="*/ 6369 w 10000"/>
                  <a:gd name="connsiteY26" fmla="*/ 5081 h 10000"/>
                  <a:gd name="connsiteX27" fmla="*/ 6421 w 10000"/>
                  <a:gd name="connsiteY27" fmla="*/ 5318 h 10000"/>
                  <a:gd name="connsiteX28" fmla="*/ 6447 w 10000"/>
                  <a:gd name="connsiteY28" fmla="*/ 5539 h 10000"/>
                  <a:gd name="connsiteX29" fmla="*/ 6471 w 10000"/>
                  <a:gd name="connsiteY29" fmla="*/ 5775 h 10000"/>
                  <a:gd name="connsiteX30" fmla="*/ 6471 w 10000"/>
                  <a:gd name="connsiteY30" fmla="*/ 5997 h 10000"/>
                  <a:gd name="connsiteX31" fmla="*/ 6447 w 10000"/>
                  <a:gd name="connsiteY31" fmla="*/ 6233 h 10000"/>
                  <a:gd name="connsiteX32" fmla="*/ 6396 w 10000"/>
                  <a:gd name="connsiteY32" fmla="*/ 6470 h 10000"/>
                  <a:gd name="connsiteX33" fmla="*/ 6345 w 10000"/>
                  <a:gd name="connsiteY33" fmla="*/ 6677 h 10000"/>
                  <a:gd name="connsiteX34" fmla="*/ 6269 w 10000"/>
                  <a:gd name="connsiteY34" fmla="*/ 6898 h 10000"/>
                  <a:gd name="connsiteX35" fmla="*/ 6168 w 10000"/>
                  <a:gd name="connsiteY35" fmla="*/ 7105 h 10000"/>
                  <a:gd name="connsiteX36" fmla="*/ 6041 w 10000"/>
                  <a:gd name="connsiteY36" fmla="*/ 7297 h 10000"/>
                  <a:gd name="connsiteX37" fmla="*/ 5888 w 10000"/>
                  <a:gd name="connsiteY37" fmla="*/ 7489 h 10000"/>
                  <a:gd name="connsiteX38" fmla="*/ 5735 w 10000"/>
                  <a:gd name="connsiteY38" fmla="*/ 7681 h 10000"/>
                  <a:gd name="connsiteX39" fmla="*/ 6471 w 10000"/>
                  <a:gd name="connsiteY39" fmla="*/ 7799 h 10000"/>
                  <a:gd name="connsiteX40" fmla="*/ 7234 w 10000"/>
                  <a:gd name="connsiteY40" fmla="*/ 7962 h 10000"/>
                  <a:gd name="connsiteX41" fmla="*/ 7385 w 10000"/>
                  <a:gd name="connsiteY41" fmla="*/ 8021 h 10000"/>
                  <a:gd name="connsiteX42" fmla="*/ 7512 w 10000"/>
                  <a:gd name="connsiteY42" fmla="*/ 8080 h 10000"/>
                  <a:gd name="connsiteX43" fmla="*/ 7639 w 10000"/>
                  <a:gd name="connsiteY43" fmla="*/ 8139 h 10000"/>
                  <a:gd name="connsiteX44" fmla="*/ 7716 w 10000"/>
                  <a:gd name="connsiteY44" fmla="*/ 8227 h 10000"/>
                  <a:gd name="connsiteX45" fmla="*/ 7741 w 10000"/>
                  <a:gd name="connsiteY45" fmla="*/ 8301 h 10000"/>
                  <a:gd name="connsiteX46" fmla="*/ 7741 w 10000"/>
                  <a:gd name="connsiteY46" fmla="*/ 8405 h 10000"/>
                  <a:gd name="connsiteX47" fmla="*/ 7691 w 10000"/>
                  <a:gd name="connsiteY47" fmla="*/ 8523 h 10000"/>
                  <a:gd name="connsiteX48" fmla="*/ 7614 w 10000"/>
                  <a:gd name="connsiteY48" fmla="*/ 8641 h 10000"/>
                  <a:gd name="connsiteX49" fmla="*/ 7284 w 10000"/>
                  <a:gd name="connsiteY49" fmla="*/ 8552 h 10000"/>
                  <a:gd name="connsiteX50" fmla="*/ 6979 w 10000"/>
                  <a:gd name="connsiteY50" fmla="*/ 8449 h 10000"/>
                  <a:gd name="connsiteX51" fmla="*/ 6674 w 10000"/>
                  <a:gd name="connsiteY51" fmla="*/ 8360 h 10000"/>
                  <a:gd name="connsiteX52" fmla="*/ 6369 w 10000"/>
                  <a:gd name="connsiteY52" fmla="*/ 8287 h 10000"/>
                  <a:gd name="connsiteX53" fmla="*/ 6243 w 10000"/>
                  <a:gd name="connsiteY53" fmla="*/ 8449 h 10000"/>
                  <a:gd name="connsiteX54" fmla="*/ 6143 w 10000"/>
                  <a:gd name="connsiteY54" fmla="*/ 8597 h 10000"/>
                  <a:gd name="connsiteX55" fmla="*/ 6091 w 10000"/>
                  <a:gd name="connsiteY55" fmla="*/ 8656 h 10000"/>
                  <a:gd name="connsiteX56" fmla="*/ 5989 w 10000"/>
                  <a:gd name="connsiteY56" fmla="*/ 8700 h 10000"/>
                  <a:gd name="connsiteX57" fmla="*/ 5914 w 10000"/>
                  <a:gd name="connsiteY57" fmla="*/ 8744 h 10000"/>
                  <a:gd name="connsiteX58" fmla="*/ 5838 w 10000"/>
                  <a:gd name="connsiteY58" fmla="*/ 8774 h 10000"/>
                  <a:gd name="connsiteX59" fmla="*/ 5761 w 10000"/>
                  <a:gd name="connsiteY59" fmla="*/ 8804 h 10000"/>
                  <a:gd name="connsiteX60" fmla="*/ 5660 w 10000"/>
                  <a:gd name="connsiteY60" fmla="*/ 8818 h 10000"/>
                  <a:gd name="connsiteX61" fmla="*/ 5532 w 10000"/>
                  <a:gd name="connsiteY61" fmla="*/ 8833 h 10000"/>
                  <a:gd name="connsiteX62" fmla="*/ 5406 w 10000"/>
                  <a:gd name="connsiteY62" fmla="*/ 8833 h 10000"/>
                  <a:gd name="connsiteX63" fmla="*/ 5102 w 10000"/>
                  <a:gd name="connsiteY63" fmla="*/ 8818 h 10000"/>
                  <a:gd name="connsiteX64" fmla="*/ 4720 w 10000"/>
                  <a:gd name="connsiteY64" fmla="*/ 8744 h 10000"/>
                  <a:gd name="connsiteX65" fmla="*/ 4720 w 10000"/>
                  <a:gd name="connsiteY65" fmla="*/ 8922 h 10000"/>
                  <a:gd name="connsiteX66" fmla="*/ 4695 w 10000"/>
                  <a:gd name="connsiteY66" fmla="*/ 9069 h 10000"/>
                  <a:gd name="connsiteX67" fmla="*/ 4671 w 10000"/>
                  <a:gd name="connsiteY67" fmla="*/ 9232 h 10000"/>
                  <a:gd name="connsiteX68" fmla="*/ 4644 w 10000"/>
                  <a:gd name="connsiteY68" fmla="*/ 9365 h 10000"/>
                  <a:gd name="connsiteX69" fmla="*/ 4593 w 10000"/>
                  <a:gd name="connsiteY69" fmla="*/ 9498 h 10000"/>
                  <a:gd name="connsiteX70" fmla="*/ 4493 w 10000"/>
                  <a:gd name="connsiteY70" fmla="*/ 9616 h 10000"/>
                  <a:gd name="connsiteX71" fmla="*/ 4416 w 10000"/>
                  <a:gd name="connsiteY71" fmla="*/ 9734 h 10000"/>
                  <a:gd name="connsiteX72" fmla="*/ 4289 w 10000"/>
                  <a:gd name="connsiteY72" fmla="*/ 9838 h 10000"/>
                  <a:gd name="connsiteX73" fmla="*/ 3983 w 10000"/>
                  <a:gd name="connsiteY73" fmla="*/ 9897 h 10000"/>
                  <a:gd name="connsiteX74" fmla="*/ 3731 w 10000"/>
                  <a:gd name="connsiteY74" fmla="*/ 9941 h 10000"/>
                  <a:gd name="connsiteX75" fmla="*/ 3426 w 10000"/>
                  <a:gd name="connsiteY75" fmla="*/ 9985 h 10000"/>
                  <a:gd name="connsiteX76" fmla="*/ 3198 w 10000"/>
                  <a:gd name="connsiteY76" fmla="*/ 10000 h 10000"/>
                  <a:gd name="connsiteX77" fmla="*/ 2690 w 10000"/>
                  <a:gd name="connsiteY77" fmla="*/ 10000 h 10000"/>
                  <a:gd name="connsiteX78" fmla="*/ 2208 w 10000"/>
                  <a:gd name="connsiteY78" fmla="*/ 9985 h 10000"/>
                  <a:gd name="connsiteX79" fmla="*/ 1752 w 10000"/>
                  <a:gd name="connsiteY79" fmla="*/ 9941 h 10000"/>
                  <a:gd name="connsiteX80" fmla="*/ 1270 w 10000"/>
                  <a:gd name="connsiteY80" fmla="*/ 9911 h 10000"/>
                  <a:gd name="connsiteX81" fmla="*/ 990 w 10000"/>
                  <a:gd name="connsiteY81" fmla="*/ 9911 h 10000"/>
                  <a:gd name="connsiteX82" fmla="*/ 736 w 10000"/>
                  <a:gd name="connsiteY82" fmla="*/ 9911 h 10000"/>
                  <a:gd name="connsiteX83" fmla="*/ 457 w 10000"/>
                  <a:gd name="connsiteY83" fmla="*/ 9926 h 10000"/>
                  <a:gd name="connsiteX84" fmla="*/ 178 w 10000"/>
                  <a:gd name="connsiteY84" fmla="*/ 9970 h 10000"/>
                  <a:gd name="connsiteX85" fmla="*/ 102 w 10000"/>
                  <a:gd name="connsiteY85" fmla="*/ 9867 h 10000"/>
                  <a:gd name="connsiteX86" fmla="*/ 51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1 w 10000"/>
                  <a:gd name="connsiteY89" fmla="*/ 9424 h 10000"/>
                  <a:gd name="connsiteX90" fmla="*/ 102 w 10000"/>
                  <a:gd name="connsiteY90" fmla="*/ 9202 h 10000"/>
                  <a:gd name="connsiteX91" fmla="*/ 151 w 10000"/>
                  <a:gd name="connsiteY91" fmla="*/ 8996 h 10000"/>
                  <a:gd name="connsiteX92" fmla="*/ 203 w 10000"/>
                  <a:gd name="connsiteY92" fmla="*/ 8759 h 10000"/>
                  <a:gd name="connsiteX93" fmla="*/ 228 w 10000"/>
                  <a:gd name="connsiteY93" fmla="*/ 8641 h 10000"/>
                  <a:gd name="connsiteX94" fmla="*/ 228 w 10000"/>
                  <a:gd name="connsiteY94" fmla="*/ 8538 h 10000"/>
                  <a:gd name="connsiteX95" fmla="*/ 203 w 10000"/>
                  <a:gd name="connsiteY95" fmla="*/ 8405 h 10000"/>
                  <a:gd name="connsiteX96" fmla="*/ 178 w 10000"/>
                  <a:gd name="connsiteY96" fmla="*/ 8287 h 10000"/>
                  <a:gd name="connsiteX97" fmla="*/ 431 w 10000"/>
                  <a:gd name="connsiteY97" fmla="*/ 8213 h 10000"/>
                  <a:gd name="connsiteX98" fmla="*/ 685 w 10000"/>
                  <a:gd name="connsiteY98" fmla="*/ 8139 h 10000"/>
                  <a:gd name="connsiteX99" fmla="*/ 939 w 10000"/>
                  <a:gd name="connsiteY99" fmla="*/ 8095 h 10000"/>
                  <a:gd name="connsiteX100" fmla="*/ 1218 w 10000"/>
                  <a:gd name="connsiteY100" fmla="*/ 8065 h 10000"/>
                  <a:gd name="connsiteX101" fmla="*/ 1725 w 10000"/>
                  <a:gd name="connsiteY101" fmla="*/ 8021 h 10000"/>
                  <a:gd name="connsiteX102" fmla="*/ 2234 w 10000"/>
                  <a:gd name="connsiteY102" fmla="*/ 7976 h 10000"/>
                  <a:gd name="connsiteX103" fmla="*/ 2462 w 10000"/>
                  <a:gd name="connsiteY103" fmla="*/ 7947 h 10000"/>
                  <a:gd name="connsiteX104" fmla="*/ 2690 w 10000"/>
                  <a:gd name="connsiteY104" fmla="*/ 7917 h 10000"/>
                  <a:gd name="connsiteX105" fmla="*/ 2892 w 10000"/>
                  <a:gd name="connsiteY105" fmla="*/ 7843 h 10000"/>
                  <a:gd name="connsiteX106" fmla="*/ 3096 w 10000"/>
                  <a:gd name="connsiteY106" fmla="*/ 7784 h 10000"/>
                  <a:gd name="connsiteX107" fmla="*/ 3274 w 10000"/>
                  <a:gd name="connsiteY107" fmla="*/ 7710 h 10000"/>
                  <a:gd name="connsiteX108" fmla="*/ 3426 w 10000"/>
                  <a:gd name="connsiteY108" fmla="*/ 7592 h 10000"/>
                  <a:gd name="connsiteX109" fmla="*/ 3579 w 10000"/>
                  <a:gd name="connsiteY109" fmla="*/ 7474 h 10000"/>
                  <a:gd name="connsiteX110" fmla="*/ 3680 w 10000"/>
                  <a:gd name="connsiteY110" fmla="*/ 7312 h 10000"/>
                  <a:gd name="connsiteX111" fmla="*/ 3477 w 10000"/>
                  <a:gd name="connsiteY111" fmla="*/ 7238 h 10000"/>
                  <a:gd name="connsiteX112" fmla="*/ 3299 w 10000"/>
                  <a:gd name="connsiteY112" fmla="*/ 7179 h 10000"/>
                  <a:gd name="connsiteX113" fmla="*/ 3147 w 10000"/>
                  <a:gd name="connsiteY113" fmla="*/ 7090 h 10000"/>
                  <a:gd name="connsiteX114" fmla="*/ 2995 w 10000"/>
                  <a:gd name="connsiteY114" fmla="*/ 6987 h 10000"/>
                  <a:gd name="connsiteX115" fmla="*/ 2892 w 10000"/>
                  <a:gd name="connsiteY115" fmla="*/ 6869 h 10000"/>
                  <a:gd name="connsiteX116" fmla="*/ 2843 w 10000"/>
                  <a:gd name="connsiteY116" fmla="*/ 6721 h 10000"/>
                  <a:gd name="connsiteX117" fmla="*/ 2817 w 10000"/>
                  <a:gd name="connsiteY117" fmla="*/ 6558 h 10000"/>
                  <a:gd name="connsiteX118" fmla="*/ 2843 w 10000"/>
                  <a:gd name="connsiteY118" fmla="*/ 6352 h 10000"/>
                  <a:gd name="connsiteX119" fmla="*/ 2716 w 10000"/>
                  <a:gd name="connsiteY119" fmla="*/ 6322 h 10000"/>
                  <a:gd name="connsiteX120" fmla="*/ 2564 w 10000"/>
                  <a:gd name="connsiteY120" fmla="*/ 6292 h 10000"/>
                  <a:gd name="connsiteX121" fmla="*/ 2386 w 10000"/>
                  <a:gd name="connsiteY121" fmla="*/ 6278 h 10000"/>
                  <a:gd name="connsiteX122" fmla="*/ 2208 w 10000"/>
                  <a:gd name="connsiteY122" fmla="*/ 6263 h 10000"/>
                  <a:gd name="connsiteX123" fmla="*/ 1853 w 10000"/>
                  <a:gd name="connsiteY123" fmla="*/ 6248 h 10000"/>
                  <a:gd name="connsiteX124" fmla="*/ 1472 w 10000"/>
                  <a:gd name="connsiteY124" fmla="*/ 6263 h 10000"/>
                  <a:gd name="connsiteX125" fmla="*/ 1143 w 10000"/>
                  <a:gd name="connsiteY125" fmla="*/ 6278 h 10000"/>
                  <a:gd name="connsiteX126" fmla="*/ 837 w 10000"/>
                  <a:gd name="connsiteY126" fmla="*/ 6278 h 10000"/>
                  <a:gd name="connsiteX127" fmla="*/ 585 w 10000"/>
                  <a:gd name="connsiteY127" fmla="*/ 6263 h 10000"/>
                  <a:gd name="connsiteX128" fmla="*/ 381 w 10000"/>
                  <a:gd name="connsiteY128" fmla="*/ 6233 h 10000"/>
                  <a:gd name="connsiteX129" fmla="*/ 633 w 10000"/>
                  <a:gd name="connsiteY129" fmla="*/ 5805 h 10000"/>
                  <a:gd name="connsiteX130" fmla="*/ 914 w 10000"/>
                  <a:gd name="connsiteY130" fmla="*/ 5391 h 10000"/>
                  <a:gd name="connsiteX131" fmla="*/ 1016 w 10000"/>
                  <a:gd name="connsiteY131" fmla="*/ 5170 h 10000"/>
                  <a:gd name="connsiteX132" fmla="*/ 1091 w 10000"/>
                  <a:gd name="connsiteY132" fmla="*/ 4963 h 10000"/>
                  <a:gd name="connsiteX133" fmla="*/ 1116 w 10000"/>
                  <a:gd name="connsiteY133" fmla="*/ 4860 h 10000"/>
                  <a:gd name="connsiteX134" fmla="*/ 1091 w 10000"/>
                  <a:gd name="connsiteY134" fmla="*/ 4756 h 10000"/>
                  <a:gd name="connsiteX135" fmla="*/ 1066 w 10000"/>
                  <a:gd name="connsiteY135" fmla="*/ 4653 h 10000"/>
                  <a:gd name="connsiteX136" fmla="*/ 990 w 10000"/>
                  <a:gd name="connsiteY136" fmla="*/ 4549 h 10000"/>
                  <a:gd name="connsiteX137" fmla="*/ 1270 w 10000"/>
                  <a:gd name="connsiteY137" fmla="*/ 4520 h 10000"/>
                  <a:gd name="connsiteX138" fmla="*/ 1472 w 10000"/>
                  <a:gd name="connsiteY138" fmla="*/ 4505 h 10000"/>
                  <a:gd name="connsiteX139" fmla="*/ 1650 w 10000"/>
                  <a:gd name="connsiteY139" fmla="*/ 4505 h 10000"/>
                  <a:gd name="connsiteX140" fmla="*/ 1802 w 10000"/>
                  <a:gd name="connsiteY140" fmla="*/ 4520 h 10000"/>
                  <a:gd name="connsiteX141" fmla="*/ 1929 w 10000"/>
                  <a:gd name="connsiteY141" fmla="*/ 4520 h 10000"/>
                  <a:gd name="connsiteX142" fmla="*/ 2081 w 10000"/>
                  <a:gd name="connsiteY142" fmla="*/ 4520 h 10000"/>
                  <a:gd name="connsiteX143" fmla="*/ 2234 w 10000"/>
                  <a:gd name="connsiteY143" fmla="*/ 4490 h 10000"/>
                  <a:gd name="connsiteX144" fmla="*/ 2436 w 10000"/>
                  <a:gd name="connsiteY144" fmla="*/ 4446 h 10000"/>
                  <a:gd name="connsiteX145" fmla="*/ 2436 w 10000"/>
                  <a:gd name="connsiteY145" fmla="*/ 4579 h 10000"/>
                  <a:gd name="connsiteX146" fmla="*/ 2436 w 10000"/>
                  <a:gd name="connsiteY146" fmla="*/ 4742 h 10000"/>
                  <a:gd name="connsiteX147" fmla="*/ 2436 w 10000"/>
                  <a:gd name="connsiteY147" fmla="*/ 4874 h 10000"/>
                  <a:gd name="connsiteX148" fmla="*/ 2436 w 10000"/>
                  <a:gd name="connsiteY148" fmla="*/ 5037 h 10000"/>
                  <a:gd name="connsiteX149" fmla="*/ 2665 w 10000"/>
                  <a:gd name="connsiteY149" fmla="*/ 5022 h 10000"/>
                  <a:gd name="connsiteX150" fmla="*/ 2817 w 10000"/>
                  <a:gd name="connsiteY150" fmla="*/ 5037 h 10000"/>
                  <a:gd name="connsiteX151" fmla="*/ 2944 w 10000"/>
                  <a:gd name="connsiteY151" fmla="*/ 5066 h 10000"/>
                  <a:gd name="connsiteX152" fmla="*/ 3071 w 10000"/>
                  <a:gd name="connsiteY152" fmla="*/ 5096 h 10000"/>
                  <a:gd name="connsiteX153" fmla="*/ 3173 w 10000"/>
                  <a:gd name="connsiteY153" fmla="*/ 5126 h 10000"/>
                  <a:gd name="connsiteX154" fmla="*/ 3299 w 10000"/>
                  <a:gd name="connsiteY154" fmla="*/ 5155 h 10000"/>
                  <a:gd name="connsiteX155" fmla="*/ 3452 w 10000"/>
                  <a:gd name="connsiteY155" fmla="*/ 5170 h 10000"/>
                  <a:gd name="connsiteX156" fmla="*/ 3680 w 10000"/>
                  <a:gd name="connsiteY156" fmla="*/ 5155 h 10000"/>
                  <a:gd name="connsiteX157" fmla="*/ 3757 w 10000"/>
                  <a:gd name="connsiteY157" fmla="*/ 5096 h 10000"/>
                  <a:gd name="connsiteX158" fmla="*/ 3832 w 10000"/>
                  <a:gd name="connsiteY158" fmla="*/ 5022 h 10000"/>
                  <a:gd name="connsiteX159" fmla="*/ 3857 w 10000"/>
                  <a:gd name="connsiteY159" fmla="*/ 4934 h 10000"/>
                  <a:gd name="connsiteX160" fmla="*/ 3884 w 10000"/>
                  <a:gd name="connsiteY160" fmla="*/ 4860 h 10000"/>
                  <a:gd name="connsiteX161" fmla="*/ 3908 w 10000"/>
                  <a:gd name="connsiteY161" fmla="*/ 4697 h 10000"/>
                  <a:gd name="connsiteX162" fmla="*/ 3884 w 10000"/>
                  <a:gd name="connsiteY162" fmla="*/ 4520 h 10000"/>
                  <a:gd name="connsiteX163" fmla="*/ 3807 w 10000"/>
                  <a:gd name="connsiteY163" fmla="*/ 4343 h 10000"/>
                  <a:gd name="connsiteX164" fmla="*/ 3731 w 10000"/>
                  <a:gd name="connsiteY164" fmla="*/ 4195 h 10000"/>
                  <a:gd name="connsiteX165" fmla="*/ 3604 w 10000"/>
                  <a:gd name="connsiteY165" fmla="*/ 4047 h 10000"/>
                  <a:gd name="connsiteX166" fmla="*/ 3477 w 10000"/>
                  <a:gd name="connsiteY166" fmla="*/ 3959 h 10000"/>
                  <a:gd name="connsiteX167" fmla="*/ 3629 w 10000"/>
                  <a:gd name="connsiteY167" fmla="*/ 3944 h 10000"/>
                  <a:gd name="connsiteX168" fmla="*/ 3757 w 10000"/>
                  <a:gd name="connsiteY168" fmla="*/ 3914 h 10000"/>
                  <a:gd name="connsiteX169" fmla="*/ 3857 w 10000"/>
                  <a:gd name="connsiteY169" fmla="*/ 3855 h 10000"/>
                  <a:gd name="connsiteX170" fmla="*/ 3983 w 10000"/>
                  <a:gd name="connsiteY170" fmla="*/ 3752 h 10000"/>
                  <a:gd name="connsiteX171" fmla="*/ 4111 w 10000"/>
                  <a:gd name="connsiteY171" fmla="*/ 3663 h 10000"/>
                  <a:gd name="connsiteX172" fmla="*/ 4213 w 10000"/>
                  <a:gd name="connsiteY172" fmla="*/ 3560 h 10000"/>
                  <a:gd name="connsiteX173" fmla="*/ 4289 w 10000"/>
                  <a:gd name="connsiteY173" fmla="*/ 3442 h 10000"/>
                  <a:gd name="connsiteX174" fmla="*/ 4366 w 10000"/>
                  <a:gd name="connsiteY174" fmla="*/ 3323 h 10000"/>
                  <a:gd name="connsiteX175" fmla="*/ 4416 w 10000"/>
                  <a:gd name="connsiteY175" fmla="*/ 3220 h 10000"/>
                  <a:gd name="connsiteX176" fmla="*/ 4441 w 10000"/>
                  <a:gd name="connsiteY176" fmla="*/ 3102 h 10000"/>
                  <a:gd name="connsiteX177" fmla="*/ 4468 w 10000"/>
                  <a:gd name="connsiteY177" fmla="*/ 3013 h 10000"/>
                  <a:gd name="connsiteX178" fmla="*/ 4441 w 10000"/>
                  <a:gd name="connsiteY178" fmla="*/ 2939 h 10000"/>
                  <a:gd name="connsiteX179" fmla="*/ 4416 w 10000"/>
                  <a:gd name="connsiteY179" fmla="*/ 2866 h 10000"/>
                  <a:gd name="connsiteX180" fmla="*/ 4340 w 10000"/>
                  <a:gd name="connsiteY180" fmla="*/ 2836 h 10000"/>
                  <a:gd name="connsiteX181" fmla="*/ 4239 w 10000"/>
                  <a:gd name="connsiteY181" fmla="*/ 2836 h 10000"/>
                  <a:gd name="connsiteX182" fmla="*/ 4111 w 10000"/>
                  <a:gd name="connsiteY182" fmla="*/ 2866 h 10000"/>
                  <a:gd name="connsiteX183" fmla="*/ 4213 w 10000"/>
                  <a:gd name="connsiteY183" fmla="*/ 2777 h 10000"/>
                  <a:gd name="connsiteX184" fmla="*/ 4265 w 10000"/>
                  <a:gd name="connsiteY184" fmla="*/ 2674 h 10000"/>
                  <a:gd name="connsiteX185" fmla="*/ 4289 w 10000"/>
                  <a:gd name="connsiteY185" fmla="*/ 2541 h 10000"/>
                  <a:gd name="connsiteX186" fmla="*/ 4289 w 10000"/>
                  <a:gd name="connsiteY186" fmla="*/ 2393 h 10000"/>
                  <a:gd name="connsiteX187" fmla="*/ 4314 w 10000"/>
                  <a:gd name="connsiteY187" fmla="*/ 2349 h 10000"/>
                  <a:gd name="connsiteX188" fmla="*/ 4366 w 10000"/>
                  <a:gd name="connsiteY188" fmla="*/ 2304 h 10000"/>
                  <a:gd name="connsiteX189" fmla="*/ 4416 w 10000"/>
                  <a:gd name="connsiteY189" fmla="*/ 2290 h 10000"/>
                  <a:gd name="connsiteX190" fmla="*/ 4493 w 10000"/>
                  <a:gd name="connsiteY190" fmla="*/ 2275 h 10000"/>
                  <a:gd name="connsiteX191" fmla="*/ 4720 w 10000"/>
                  <a:gd name="connsiteY191" fmla="*/ 2260 h 10000"/>
                  <a:gd name="connsiteX192" fmla="*/ 4923 w 10000"/>
                  <a:gd name="connsiteY192" fmla="*/ 2275 h 10000"/>
                  <a:gd name="connsiteX193" fmla="*/ 4898 w 10000"/>
                  <a:gd name="connsiteY193" fmla="*/ 2112 h 10000"/>
                  <a:gd name="connsiteX194" fmla="*/ 4848 w 10000"/>
                  <a:gd name="connsiteY194" fmla="*/ 1950 h 10000"/>
                  <a:gd name="connsiteX195" fmla="*/ 4771 w 10000"/>
                  <a:gd name="connsiteY195" fmla="*/ 1802 h 10000"/>
                  <a:gd name="connsiteX196" fmla="*/ 4671 w 10000"/>
                  <a:gd name="connsiteY196" fmla="*/ 1640 h 10000"/>
                  <a:gd name="connsiteX197" fmla="*/ 4416 w 10000"/>
                  <a:gd name="connsiteY197" fmla="*/ 1329 h 10000"/>
                  <a:gd name="connsiteX198" fmla="*/ 4162 w 10000"/>
                  <a:gd name="connsiteY198" fmla="*/ 1034 h 10000"/>
                  <a:gd name="connsiteX199" fmla="*/ 4035 w 10000"/>
                  <a:gd name="connsiteY199" fmla="*/ 901 h 10000"/>
                  <a:gd name="connsiteX200" fmla="*/ 3935 w 10000"/>
                  <a:gd name="connsiteY200" fmla="*/ 753 h 10000"/>
                  <a:gd name="connsiteX201" fmla="*/ 3857 w 10000"/>
                  <a:gd name="connsiteY201" fmla="*/ 620 h 10000"/>
                  <a:gd name="connsiteX202" fmla="*/ 3832 w 10000"/>
                  <a:gd name="connsiteY202" fmla="*/ 487 h 10000"/>
                  <a:gd name="connsiteX203" fmla="*/ 3807 w 10000"/>
                  <a:gd name="connsiteY203" fmla="*/ 355 h 10000"/>
                  <a:gd name="connsiteX204" fmla="*/ 3857 w 10000"/>
                  <a:gd name="connsiteY204" fmla="*/ 222 h 10000"/>
                  <a:gd name="connsiteX205" fmla="*/ 3884 w 10000"/>
                  <a:gd name="connsiteY205" fmla="*/ 162 h 10000"/>
                  <a:gd name="connsiteX206" fmla="*/ 3935 w 10000"/>
                  <a:gd name="connsiteY206" fmla="*/ 103 h 10000"/>
                  <a:gd name="connsiteX207" fmla="*/ 4011 w 10000"/>
                  <a:gd name="connsiteY207" fmla="*/ 59 h 10000"/>
                  <a:gd name="connsiteX208" fmla="*/ 4111 w 10000"/>
                  <a:gd name="connsiteY208" fmla="*/ 0 h 10000"/>
                  <a:gd name="connsiteX209" fmla="*/ 4289 w 10000"/>
                  <a:gd name="connsiteY209" fmla="*/ 0 h 10000"/>
                  <a:gd name="connsiteX210" fmla="*/ 4468 w 10000"/>
                  <a:gd name="connsiteY210" fmla="*/ 15 h 10000"/>
                  <a:gd name="connsiteX211" fmla="*/ 4644 w 10000"/>
                  <a:gd name="connsiteY211" fmla="*/ 44 h 10000"/>
                  <a:gd name="connsiteX212" fmla="*/ 4771 w 10000"/>
                  <a:gd name="connsiteY212" fmla="*/ 89 h 10000"/>
                  <a:gd name="connsiteX213" fmla="*/ 4975 w 10000"/>
                  <a:gd name="connsiteY213" fmla="*/ 192 h 10000"/>
                  <a:gd name="connsiteX214" fmla="*/ 5177 w 10000"/>
                  <a:gd name="connsiteY214" fmla="*/ 340 h 10000"/>
                  <a:gd name="connsiteX215" fmla="*/ 5329 w 10000"/>
                  <a:gd name="connsiteY215" fmla="*/ 473 h 10000"/>
                  <a:gd name="connsiteX216" fmla="*/ 5532 w 10000"/>
                  <a:gd name="connsiteY216" fmla="*/ 591 h 10000"/>
                  <a:gd name="connsiteX217" fmla="*/ 5660 w 10000"/>
                  <a:gd name="connsiteY217" fmla="*/ 650 h 10000"/>
                  <a:gd name="connsiteX218" fmla="*/ 5812 w 10000"/>
                  <a:gd name="connsiteY218" fmla="*/ 679 h 10000"/>
                  <a:gd name="connsiteX219" fmla="*/ 5965 w 10000"/>
                  <a:gd name="connsiteY219" fmla="*/ 709 h 10000"/>
                  <a:gd name="connsiteX220" fmla="*/ 6168 w 10000"/>
                  <a:gd name="connsiteY220" fmla="*/ 709 h 10000"/>
                  <a:gd name="connsiteX221" fmla="*/ 6168 w 10000"/>
                  <a:gd name="connsiteY221" fmla="*/ 768 h 10000"/>
                  <a:gd name="connsiteX222" fmla="*/ 6193 w 10000"/>
                  <a:gd name="connsiteY222" fmla="*/ 842 h 10000"/>
                  <a:gd name="connsiteX223" fmla="*/ 6243 w 10000"/>
                  <a:gd name="connsiteY223" fmla="*/ 916 h 10000"/>
                  <a:gd name="connsiteX224" fmla="*/ 6294 w 10000"/>
                  <a:gd name="connsiteY224" fmla="*/ 990 h 10000"/>
                  <a:gd name="connsiteX225" fmla="*/ 6369 w 10000"/>
                  <a:gd name="connsiteY225" fmla="*/ 1049 h 10000"/>
                  <a:gd name="connsiteX226" fmla="*/ 6471 w 10000"/>
                  <a:gd name="connsiteY226" fmla="*/ 1108 h 10000"/>
                  <a:gd name="connsiteX227" fmla="*/ 6598 w 10000"/>
                  <a:gd name="connsiteY227" fmla="*/ 1182 h 10000"/>
                  <a:gd name="connsiteX228" fmla="*/ 6700 w 10000"/>
                  <a:gd name="connsiteY228" fmla="*/ 1226 h 10000"/>
                  <a:gd name="connsiteX229" fmla="*/ 6802 w 10000"/>
                  <a:gd name="connsiteY229" fmla="*/ 1270 h 10000"/>
                  <a:gd name="connsiteX230" fmla="*/ 6903 w 10000"/>
                  <a:gd name="connsiteY230" fmla="*/ 1300 h 10000"/>
                  <a:gd name="connsiteX231" fmla="*/ 7005 w 10000"/>
                  <a:gd name="connsiteY231" fmla="*/ 1315 h 10000"/>
                  <a:gd name="connsiteX232" fmla="*/ 7132 w 10000"/>
                  <a:gd name="connsiteY232" fmla="*/ 1300 h 10000"/>
                  <a:gd name="connsiteX233" fmla="*/ 7234 w 10000"/>
                  <a:gd name="connsiteY233" fmla="*/ 1285 h 10000"/>
                  <a:gd name="connsiteX234" fmla="*/ 7309 w 10000"/>
                  <a:gd name="connsiteY234" fmla="*/ 1241 h 10000"/>
                  <a:gd name="connsiteX235" fmla="*/ 7361 w 10000"/>
                  <a:gd name="connsiteY235" fmla="*/ 1167 h 10000"/>
                  <a:gd name="connsiteX236" fmla="*/ 7385 w 10000"/>
                  <a:gd name="connsiteY236" fmla="*/ 1064 h 10000"/>
                  <a:gd name="connsiteX237" fmla="*/ 7766 w 10000"/>
                  <a:gd name="connsiteY237" fmla="*/ 1034 h 10000"/>
                  <a:gd name="connsiteX238" fmla="*/ 8121 w 10000"/>
                  <a:gd name="connsiteY238" fmla="*/ 1004 h 10000"/>
                  <a:gd name="connsiteX239" fmla="*/ 8427 w 10000"/>
                  <a:gd name="connsiteY239" fmla="*/ 990 h 10000"/>
                  <a:gd name="connsiteX240" fmla="*/ 8706 w 10000"/>
                  <a:gd name="connsiteY240" fmla="*/ 1004 h 10000"/>
                  <a:gd name="connsiteX241" fmla="*/ 8833 w 10000"/>
                  <a:gd name="connsiteY241" fmla="*/ 1019 h 10000"/>
                  <a:gd name="connsiteX242" fmla="*/ 8958 w 10000"/>
                  <a:gd name="connsiteY242" fmla="*/ 1034 h 10000"/>
                  <a:gd name="connsiteX243" fmla="*/ 9061 w 10000"/>
                  <a:gd name="connsiteY243" fmla="*/ 1064 h 10000"/>
                  <a:gd name="connsiteX244" fmla="*/ 9188 w 10000"/>
                  <a:gd name="connsiteY244" fmla="*/ 1108 h 10000"/>
                  <a:gd name="connsiteX245" fmla="*/ 9264 w 10000"/>
                  <a:gd name="connsiteY245" fmla="*/ 1182 h 10000"/>
                  <a:gd name="connsiteX246" fmla="*/ 9339 w 10000"/>
                  <a:gd name="connsiteY246" fmla="*/ 1241 h 10000"/>
                  <a:gd name="connsiteX247" fmla="*/ 9391 w 10000"/>
                  <a:gd name="connsiteY247" fmla="*/ 1329 h 10000"/>
                  <a:gd name="connsiteX248" fmla="*/ 9442 w 10000"/>
                  <a:gd name="connsiteY248" fmla="*/ 1433 h 10000"/>
                  <a:gd name="connsiteX249" fmla="*/ 9492 w 10000"/>
                  <a:gd name="connsiteY249" fmla="*/ 1551 h 10000"/>
                  <a:gd name="connsiteX250" fmla="*/ 9466 w 10000"/>
                  <a:gd name="connsiteY250" fmla="*/ 1625 h 10000"/>
                  <a:gd name="connsiteX251" fmla="*/ 9442 w 10000"/>
                  <a:gd name="connsiteY251" fmla="*/ 1684 h 10000"/>
                  <a:gd name="connsiteX252" fmla="*/ 9391 w 10000"/>
                  <a:gd name="connsiteY252" fmla="*/ 1758 h 10000"/>
                  <a:gd name="connsiteX253" fmla="*/ 9315 w 10000"/>
                  <a:gd name="connsiteY253" fmla="*/ 1802 h 10000"/>
                  <a:gd name="connsiteX254" fmla="*/ 9264 w 10000"/>
                  <a:gd name="connsiteY254" fmla="*/ 1861 h 10000"/>
                  <a:gd name="connsiteX255" fmla="*/ 9240 w 10000"/>
                  <a:gd name="connsiteY255" fmla="*/ 1935 h 10000"/>
                  <a:gd name="connsiteX256" fmla="*/ 9264 w 10000"/>
                  <a:gd name="connsiteY256" fmla="*/ 2024 h 10000"/>
                  <a:gd name="connsiteX257" fmla="*/ 9543 w 10000"/>
                  <a:gd name="connsiteY257" fmla="*/ 2157 h 10000"/>
                  <a:gd name="connsiteX258" fmla="*/ 9873 w 10000"/>
                  <a:gd name="connsiteY258" fmla="*/ 2275 h 10000"/>
                  <a:gd name="connsiteX259" fmla="*/ 10000 w 10000"/>
                  <a:gd name="connsiteY25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8984 w 10000"/>
                  <a:gd name="connsiteY9" fmla="*/ 3412 h 10000"/>
                  <a:gd name="connsiteX10" fmla="*/ 9188 w 10000"/>
                  <a:gd name="connsiteY10" fmla="*/ 3338 h 10000"/>
                  <a:gd name="connsiteX11" fmla="*/ 9415 w 10000"/>
                  <a:gd name="connsiteY11" fmla="*/ 3117 h 10000"/>
                  <a:gd name="connsiteX12" fmla="*/ 9442 w 10000"/>
                  <a:gd name="connsiteY12" fmla="*/ 3072 h 10000"/>
                  <a:gd name="connsiteX13" fmla="*/ 9466 w 10000"/>
                  <a:gd name="connsiteY13" fmla="*/ 3013 h 10000"/>
                  <a:gd name="connsiteX14" fmla="*/ 9466 w 10000"/>
                  <a:gd name="connsiteY14" fmla="*/ 2954 h 10000"/>
                  <a:gd name="connsiteX15" fmla="*/ 9442 w 10000"/>
                  <a:gd name="connsiteY15" fmla="*/ 2866 h 10000"/>
                  <a:gd name="connsiteX16" fmla="*/ 9264 w 10000"/>
                  <a:gd name="connsiteY16" fmla="*/ 2984 h 10000"/>
                  <a:gd name="connsiteX17" fmla="*/ 9061 w 10000"/>
                  <a:gd name="connsiteY17" fmla="*/ 3072 h 10000"/>
                  <a:gd name="connsiteX18" fmla="*/ 8197 w 10000"/>
                  <a:gd name="connsiteY18" fmla="*/ 3397 h 10000"/>
                  <a:gd name="connsiteX19" fmla="*/ 7716 w 10000"/>
                  <a:gd name="connsiteY19" fmla="*/ 3545 h 10000"/>
                  <a:gd name="connsiteX20" fmla="*/ 7234 w 10000"/>
                  <a:gd name="connsiteY20" fmla="*/ 3678 h 10000"/>
                  <a:gd name="connsiteX21" fmla="*/ 6776 w 10000"/>
                  <a:gd name="connsiteY21" fmla="*/ 3840 h 10000"/>
                  <a:gd name="connsiteX22" fmla="*/ 6548 w 10000"/>
                  <a:gd name="connsiteY22" fmla="*/ 3914 h 10000"/>
                  <a:gd name="connsiteX23" fmla="*/ 6345 w 10000"/>
                  <a:gd name="connsiteY23" fmla="*/ 4003 h 10000"/>
                  <a:gd name="connsiteX24" fmla="*/ 6143 w 10000"/>
                  <a:gd name="connsiteY24" fmla="*/ 4106 h 10000"/>
                  <a:gd name="connsiteX25" fmla="*/ 5938 w 10000"/>
                  <a:gd name="connsiteY25" fmla="*/ 4195 h 10000"/>
                  <a:gd name="connsiteX26" fmla="*/ 6091 w 10000"/>
                  <a:gd name="connsiteY26" fmla="*/ 4417 h 10000"/>
                  <a:gd name="connsiteX27" fmla="*/ 6369 w 10000"/>
                  <a:gd name="connsiteY27" fmla="*/ 5081 h 10000"/>
                  <a:gd name="connsiteX28" fmla="*/ 6421 w 10000"/>
                  <a:gd name="connsiteY28" fmla="*/ 5318 h 10000"/>
                  <a:gd name="connsiteX29" fmla="*/ 6447 w 10000"/>
                  <a:gd name="connsiteY29" fmla="*/ 5539 h 10000"/>
                  <a:gd name="connsiteX30" fmla="*/ 6471 w 10000"/>
                  <a:gd name="connsiteY30" fmla="*/ 5775 h 10000"/>
                  <a:gd name="connsiteX31" fmla="*/ 6471 w 10000"/>
                  <a:gd name="connsiteY31" fmla="*/ 5997 h 10000"/>
                  <a:gd name="connsiteX32" fmla="*/ 6447 w 10000"/>
                  <a:gd name="connsiteY32" fmla="*/ 6233 h 10000"/>
                  <a:gd name="connsiteX33" fmla="*/ 6396 w 10000"/>
                  <a:gd name="connsiteY33" fmla="*/ 6470 h 10000"/>
                  <a:gd name="connsiteX34" fmla="*/ 6345 w 10000"/>
                  <a:gd name="connsiteY34" fmla="*/ 6677 h 10000"/>
                  <a:gd name="connsiteX35" fmla="*/ 6269 w 10000"/>
                  <a:gd name="connsiteY35" fmla="*/ 6898 h 10000"/>
                  <a:gd name="connsiteX36" fmla="*/ 6168 w 10000"/>
                  <a:gd name="connsiteY36" fmla="*/ 7105 h 10000"/>
                  <a:gd name="connsiteX37" fmla="*/ 6041 w 10000"/>
                  <a:gd name="connsiteY37" fmla="*/ 7297 h 10000"/>
                  <a:gd name="connsiteX38" fmla="*/ 5888 w 10000"/>
                  <a:gd name="connsiteY38" fmla="*/ 7489 h 10000"/>
                  <a:gd name="connsiteX39" fmla="*/ 5735 w 10000"/>
                  <a:gd name="connsiteY39" fmla="*/ 7681 h 10000"/>
                  <a:gd name="connsiteX40" fmla="*/ 6471 w 10000"/>
                  <a:gd name="connsiteY40" fmla="*/ 7799 h 10000"/>
                  <a:gd name="connsiteX41" fmla="*/ 7234 w 10000"/>
                  <a:gd name="connsiteY41" fmla="*/ 7962 h 10000"/>
                  <a:gd name="connsiteX42" fmla="*/ 7385 w 10000"/>
                  <a:gd name="connsiteY42" fmla="*/ 8021 h 10000"/>
                  <a:gd name="connsiteX43" fmla="*/ 7512 w 10000"/>
                  <a:gd name="connsiteY43" fmla="*/ 8080 h 10000"/>
                  <a:gd name="connsiteX44" fmla="*/ 7639 w 10000"/>
                  <a:gd name="connsiteY44" fmla="*/ 8139 h 10000"/>
                  <a:gd name="connsiteX45" fmla="*/ 7716 w 10000"/>
                  <a:gd name="connsiteY45" fmla="*/ 8227 h 10000"/>
                  <a:gd name="connsiteX46" fmla="*/ 7741 w 10000"/>
                  <a:gd name="connsiteY46" fmla="*/ 8301 h 10000"/>
                  <a:gd name="connsiteX47" fmla="*/ 7741 w 10000"/>
                  <a:gd name="connsiteY47" fmla="*/ 8405 h 10000"/>
                  <a:gd name="connsiteX48" fmla="*/ 7691 w 10000"/>
                  <a:gd name="connsiteY48" fmla="*/ 8523 h 10000"/>
                  <a:gd name="connsiteX49" fmla="*/ 7614 w 10000"/>
                  <a:gd name="connsiteY49" fmla="*/ 8641 h 10000"/>
                  <a:gd name="connsiteX50" fmla="*/ 7284 w 10000"/>
                  <a:gd name="connsiteY50" fmla="*/ 8552 h 10000"/>
                  <a:gd name="connsiteX51" fmla="*/ 6979 w 10000"/>
                  <a:gd name="connsiteY51" fmla="*/ 8449 h 10000"/>
                  <a:gd name="connsiteX52" fmla="*/ 6674 w 10000"/>
                  <a:gd name="connsiteY52" fmla="*/ 8360 h 10000"/>
                  <a:gd name="connsiteX53" fmla="*/ 6369 w 10000"/>
                  <a:gd name="connsiteY53" fmla="*/ 8287 h 10000"/>
                  <a:gd name="connsiteX54" fmla="*/ 6243 w 10000"/>
                  <a:gd name="connsiteY54" fmla="*/ 8449 h 10000"/>
                  <a:gd name="connsiteX55" fmla="*/ 6143 w 10000"/>
                  <a:gd name="connsiteY55" fmla="*/ 8597 h 10000"/>
                  <a:gd name="connsiteX56" fmla="*/ 6091 w 10000"/>
                  <a:gd name="connsiteY56" fmla="*/ 8656 h 10000"/>
                  <a:gd name="connsiteX57" fmla="*/ 5989 w 10000"/>
                  <a:gd name="connsiteY57" fmla="*/ 8700 h 10000"/>
                  <a:gd name="connsiteX58" fmla="*/ 5914 w 10000"/>
                  <a:gd name="connsiteY58" fmla="*/ 8744 h 10000"/>
                  <a:gd name="connsiteX59" fmla="*/ 5838 w 10000"/>
                  <a:gd name="connsiteY59" fmla="*/ 8774 h 10000"/>
                  <a:gd name="connsiteX60" fmla="*/ 5761 w 10000"/>
                  <a:gd name="connsiteY60" fmla="*/ 8804 h 10000"/>
                  <a:gd name="connsiteX61" fmla="*/ 5660 w 10000"/>
                  <a:gd name="connsiteY61" fmla="*/ 8818 h 10000"/>
                  <a:gd name="connsiteX62" fmla="*/ 5532 w 10000"/>
                  <a:gd name="connsiteY62" fmla="*/ 8833 h 10000"/>
                  <a:gd name="connsiteX63" fmla="*/ 5406 w 10000"/>
                  <a:gd name="connsiteY63" fmla="*/ 8833 h 10000"/>
                  <a:gd name="connsiteX64" fmla="*/ 5102 w 10000"/>
                  <a:gd name="connsiteY64" fmla="*/ 8818 h 10000"/>
                  <a:gd name="connsiteX65" fmla="*/ 4720 w 10000"/>
                  <a:gd name="connsiteY65" fmla="*/ 8744 h 10000"/>
                  <a:gd name="connsiteX66" fmla="*/ 4720 w 10000"/>
                  <a:gd name="connsiteY66" fmla="*/ 8922 h 10000"/>
                  <a:gd name="connsiteX67" fmla="*/ 4695 w 10000"/>
                  <a:gd name="connsiteY67" fmla="*/ 9069 h 10000"/>
                  <a:gd name="connsiteX68" fmla="*/ 4671 w 10000"/>
                  <a:gd name="connsiteY68" fmla="*/ 9232 h 10000"/>
                  <a:gd name="connsiteX69" fmla="*/ 4644 w 10000"/>
                  <a:gd name="connsiteY69" fmla="*/ 9365 h 10000"/>
                  <a:gd name="connsiteX70" fmla="*/ 4593 w 10000"/>
                  <a:gd name="connsiteY70" fmla="*/ 9498 h 10000"/>
                  <a:gd name="connsiteX71" fmla="*/ 4493 w 10000"/>
                  <a:gd name="connsiteY71" fmla="*/ 9616 h 10000"/>
                  <a:gd name="connsiteX72" fmla="*/ 4416 w 10000"/>
                  <a:gd name="connsiteY72" fmla="*/ 9734 h 10000"/>
                  <a:gd name="connsiteX73" fmla="*/ 4289 w 10000"/>
                  <a:gd name="connsiteY73" fmla="*/ 9838 h 10000"/>
                  <a:gd name="connsiteX74" fmla="*/ 3983 w 10000"/>
                  <a:gd name="connsiteY74" fmla="*/ 9897 h 10000"/>
                  <a:gd name="connsiteX75" fmla="*/ 3731 w 10000"/>
                  <a:gd name="connsiteY75" fmla="*/ 9941 h 10000"/>
                  <a:gd name="connsiteX76" fmla="*/ 3426 w 10000"/>
                  <a:gd name="connsiteY76" fmla="*/ 9985 h 10000"/>
                  <a:gd name="connsiteX77" fmla="*/ 3198 w 10000"/>
                  <a:gd name="connsiteY77" fmla="*/ 10000 h 10000"/>
                  <a:gd name="connsiteX78" fmla="*/ 2690 w 10000"/>
                  <a:gd name="connsiteY78" fmla="*/ 10000 h 10000"/>
                  <a:gd name="connsiteX79" fmla="*/ 2208 w 10000"/>
                  <a:gd name="connsiteY79" fmla="*/ 9985 h 10000"/>
                  <a:gd name="connsiteX80" fmla="*/ 1752 w 10000"/>
                  <a:gd name="connsiteY80" fmla="*/ 9941 h 10000"/>
                  <a:gd name="connsiteX81" fmla="*/ 1270 w 10000"/>
                  <a:gd name="connsiteY81" fmla="*/ 9911 h 10000"/>
                  <a:gd name="connsiteX82" fmla="*/ 990 w 10000"/>
                  <a:gd name="connsiteY82" fmla="*/ 9911 h 10000"/>
                  <a:gd name="connsiteX83" fmla="*/ 736 w 10000"/>
                  <a:gd name="connsiteY83" fmla="*/ 9911 h 10000"/>
                  <a:gd name="connsiteX84" fmla="*/ 457 w 10000"/>
                  <a:gd name="connsiteY84" fmla="*/ 9926 h 10000"/>
                  <a:gd name="connsiteX85" fmla="*/ 178 w 10000"/>
                  <a:gd name="connsiteY85" fmla="*/ 9970 h 10000"/>
                  <a:gd name="connsiteX86" fmla="*/ 102 w 10000"/>
                  <a:gd name="connsiteY86" fmla="*/ 9867 h 10000"/>
                  <a:gd name="connsiteX87" fmla="*/ 51 w 10000"/>
                  <a:gd name="connsiteY87" fmla="*/ 9793 h 10000"/>
                  <a:gd name="connsiteX88" fmla="*/ 0 w 10000"/>
                  <a:gd name="connsiteY88" fmla="*/ 9705 h 10000"/>
                  <a:gd name="connsiteX89" fmla="*/ 0 w 10000"/>
                  <a:gd name="connsiteY89" fmla="*/ 9601 h 10000"/>
                  <a:gd name="connsiteX90" fmla="*/ 51 w 10000"/>
                  <a:gd name="connsiteY90" fmla="*/ 9424 h 10000"/>
                  <a:gd name="connsiteX91" fmla="*/ 102 w 10000"/>
                  <a:gd name="connsiteY91" fmla="*/ 9202 h 10000"/>
                  <a:gd name="connsiteX92" fmla="*/ 151 w 10000"/>
                  <a:gd name="connsiteY92" fmla="*/ 8996 h 10000"/>
                  <a:gd name="connsiteX93" fmla="*/ 203 w 10000"/>
                  <a:gd name="connsiteY93" fmla="*/ 8759 h 10000"/>
                  <a:gd name="connsiteX94" fmla="*/ 228 w 10000"/>
                  <a:gd name="connsiteY94" fmla="*/ 8641 h 10000"/>
                  <a:gd name="connsiteX95" fmla="*/ 228 w 10000"/>
                  <a:gd name="connsiteY95" fmla="*/ 8538 h 10000"/>
                  <a:gd name="connsiteX96" fmla="*/ 203 w 10000"/>
                  <a:gd name="connsiteY96" fmla="*/ 8405 h 10000"/>
                  <a:gd name="connsiteX97" fmla="*/ 178 w 10000"/>
                  <a:gd name="connsiteY97" fmla="*/ 8287 h 10000"/>
                  <a:gd name="connsiteX98" fmla="*/ 431 w 10000"/>
                  <a:gd name="connsiteY98" fmla="*/ 8213 h 10000"/>
                  <a:gd name="connsiteX99" fmla="*/ 685 w 10000"/>
                  <a:gd name="connsiteY99" fmla="*/ 8139 h 10000"/>
                  <a:gd name="connsiteX100" fmla="*/ 939 w 10000"/>
                  <a:gd name="connsiteY100" fmla="*/ 8095 h 10000"/>
                  <a:gd name="connsiteX101" fmla="*/ 1218 w 10000"/>
                  <a:gd name="connsiteY101" fmla="*/ 8065 h 10000"/>
                  <a:gd name="connsiteX102" fmla="*/ 1725 w 10000"/>
                  <a:gd name="connsiteY102" fmla="*/ 8021 h 10000"/>
                  <a:gd name="connsiteX103" fmla="*/ 2234 w 10000"/>
                  <a:gd name="connsiteY103" fmla="*/ 7976 h 10000"/>
                  <a:gd name="connsiteX104" fmla="*/ 2462 w 10000"/>
                  <a:gd name="connsiteY104" fmla="*/ 7947 h 10000"/>
                  <a:gd name="connsiteX105" fmla="*/ 2690 w 10000"/>
                  <a:gd name="connsiteY105" fmla="*/ 7917 h 10000"/>
                  <a:gd name="connsiteX106" fmla="*/ 2892 w 10000"/>
                  <a:gd name="connsiteY106" fmla="*/ 7843 h 10000"/>
                  <a:gd name="connsiteX107" fmla="*/ 3096 w 10000"/>
                  <a:gd name="connsiteY107" fmla="*/ 7784 h 10000"/>
                  <a:gd name="connsiteX108" fmla="*/ 3274 w 10000"/>
                  <a:gd name="connsiteY108" fmla="*/ 7710 h 10000"/>
                  <a:gd name="connsiteX109" fmla="*/ 3426 w 10000"/>
                  <a:gd name="connsiteY109" fmla="*/ 7592 h 10000"/>
                  <a:gd name="connsiteX110" fmla="*/ 3579 w 10000"/>
                  <a:gd name="connsiteY110" fmla="*/ 7474 h 10000"/>
                  <a:gd name="connsiteX111" fmla="*/ 3680 w 10000"/>
                  <a:gd name="connsiteY111" fmla="*/ 7312 h 10000"/>
                  <a:gd name="connsiteX112" fmla="*/ 3477 w 10000"/>
                  <a:gd name="connsiteY112" fmla="*/ 7238 h 10000"/>
                  <a:gd name="connsiteX113" fmla="*/ 3299 w 10000"/>
                  <a:gd name="connsiteY113" fmla="*/ 7179 h 10000"/>
                  <a:gd name="connsiteX114" fmla="*/ 3147 w 10000"/>
                  <a:gd name="connsiteY114" fmla="*/ 7090 h 10000"/>
                  <a:gd name="connsiteX115" fmla="*/ 2995 w 10000"/>
                  <a:gd name="connsiteY115" fmla="*/ 6987 h 10000"/>
                  <a:gd name="connsiteX116" fmla="*/ 2892 w 10000"/>
                  <a:gd name="connsiteY116" fmla="*/ 6869 h 10000"/>
                  <a:gd name="connsiteX117" fmla="*/ 2843 w 10000"/>
                  <a:gd name="connsiteY117" fmla="*/ 6721 h 10000"/>
                  <a:gd name="connsiteX118" fmla="*/ 2817 w 10000"/>
                  <a:gd name="connsiteY118" fmla="*/ 6558 h 10000"/>
                  <a:gd name="connsiteX119" fmla="*/ 2843 w 10000"/>
                  <a:gd name="connsiteY119" fmla="*/ 6352 h 10000"/>
                  <a:gd name="connsiteX120" fmla="*/ 2716 w 10000"/>
                  <a:gd name="connsiteY120" fmla="*/ 6322 h 10000"/>
                  <a:gd name="connsiteX121" fmla="*/ 2564 w 10000"/>
                  <a:gd name="connsiteY121" fmla="*/ 6292 h 10000"/>
                  <a:gd name="connsiteX122" fmla="*/ 2386 w 10000"/>
                  <a:gd name="connsiteY122" fmla="*/ 6278 h 10000"/>
                  <a:gd name="connsiteX123" fmla="*/ 2208 w 10000"/>
                  <a:gd name="connsiteY123" fmla="*/ 6263 h 10000"/>
                  <a:gd name="connsiteX124" fmla="*/ 1853 w 10000"/>
                  <a:gd name="connsiteY124" fmla="*/ 6248 h 10000"/>
                  <a:gd name="connsiteX125" fmla="*/ 1472 w 10000"/>
                  <a:gd name="connsiteY125" fmla="*/ 6263 h 10000"/>
                  <a:gd name="connsiteX126" fmla="*/ 1143 w 10000"/>
                  <a:gd name="connsiteY126" fmla="*/ 6278 h 10000"/>
                  <a:gd name="connsiteX127" fmla="*/ 837 w 10000"/>
                  <a:gd name="connsiteY127" fmla="*/ 6278 h 10000"/>
                  <a:gd name="connsiteX128" fmla="*/ 585 w 10000"/>
                  <a:gd name="connsiteY128" fmla="*/ 6263 h 10000"/>
                  <a:gd name="connsiteX129" fmla="*/ 381 w 10000"/>
                  <a:gd name="connsiteY129" fmla="*/ 6233 h 10000"/>
                  <a:gd name="connsiteX130" fmla="*/ 633 w 10000"/>
                  <a:gd name="connsiteY130" fmla="*/ 5805 h 10000"/>
                  <a:gd name="connsiteX131" fmla="*/ 914 w 10000"/>
                  <a:gd name="connsiteY131" fmla="*/ 5391 h 10000"/>
                  <a:gd name="connsiteX132" fmla="*/ 1016 w 10000"/>
                  <a:gd name="connsiteY132" fmla="*/ 5170 h 10000"/>
                  <a:gd name="connsiteX133" fmla="*/ 1091 w 10000"/>
                  <a:gd name="connsiteY133" fmla="*/ 4963 h 10000"/>
                  <a:gd name="connsiteX134" fmla="*/ 1116 w 10000"/>
                  <a:gd name="connsiteY134" fmla="*/ 4860 h 10000"/>
                  <a:gd name="connsiteX135" fmla="*/ 1091 w 10000"/>
                  <a:gd name="connsiteY135" fmla="*/ 4756 h 10000"/>
                  <a:gd name="connsiteX136" fmla="*/ 1066 w 10000"/>
                  <a:gd name="connsiteY136" fmla="*/ 4653 h 10000"/>
                  <a:gd name="connsiteX137" fmla="*/ 990 w 10000"/>
                  <a:gd name="connsiteY137" fmla="*/ 4549 h 10000"/>
                  <a:gd name="connsiteX138" fmla="*/ 1270 w 10000"/>
                  <a:gd name="connsiteY138" fmla="*/ 4520 h 10000"/>
                  <a:gd name="connsiteX139" fmla="*/ 1472 w 10000"/>
                  <a:gd name="connsiteY139" fmla="*/ 4505 h 10000"/>
                  <a:gd name="connsiteX140" fmla="*/ 1650 w 10000"/>
                  <a:gd name="connsiteY140" fmla="*/ 4505 h 10000"/>
                  <a:gd name="connsiteX141" fmla="*/ 1802 w 10000"/>
                  <a:gd name="connsiteY141" fmla="*/ 4520 h 10000"/>
                  <a:gd name="connsiteX142" fmla="*/ 1929 w 10000"/>
                  <a:gd name="connsiteY142" fmla="*/ 4520 h 10000"/>
                  <a:gd name="connsiteX143" fmla="*/ 2081 w 10000"/>
                  <a:gd name="connsiteY143" fmla="*/ 4520 h 10000"/>
                  <a:gd name="connsiteX144" fmla="*/ 2234 w 10000"/>
                  <a:gd name="connsiteY144" fmla="*/ 4490 h 10000"/>
                  <a:gd name="connsiteX145" fmla="*/ 2436 w 10000"/>
                  <a:gd name="connsiteY145" fmla="*/ 4446 h 10000"/>
                  <a:gd name="connsiteX146" fmla="*/ 2436 w 10000"/>
                  <a:gd name="connsiteY146" fmla="*/ 4579 h 10000"/>
                  <a:gd name="connsiteX147" fmla="*/ 2436 w 10000"/>
                  <a:gd name="connsiteY147" fmla="*/ 4742 h 10000"/>
                  <a:gd name="connsiteX148" fmla="*/ 2436 w 10000"/>
                  <a:gd name="connsiteY148" fmla="*/ 4874 h 10000"/>
                  <a:gd name="connsiteX149" fmla="*/ 2436 w 10000"/>
                  <a:gd name="connsiteY149" fmla="*/ 5037 h 10000"/>
                  <a:gd name="connsiteX150" fmla="*/ 2665 w 10000"/>
                  <a:gd name="connsiteY150" fmla="*/ 5022 h 10000"/>
                  <a:gd name="connsiteX151" fmla="*/ 2817 w 10000"/>
                  <a:gd name="connsiteY151" fmla="*/ 5037 h 10000"/>
                  <a:gd name="connsiteX152" fmla="*/ 2944 w 10000"/>
                  <a:gd name="connsiteY152" fmla="*/ 5066 h 10000"/>
                  <a:gd name="connsiteX153" fmla="*/ 3071 w 10000"/>
                  <a:gd name="connsiteY153" fmla="*/ 5096 h 10000"/>
                  <a:gd name="connsiteX154" fmla="*/ 3173 w 10000"/>
                  <a:gd name="connsiteY154" fmla="*/ 5126 h 10000"/>
                  <a:gd name="connsiteX155" fmla="*/ 3299 w 10000"/>
                  <a:gd name="connsiteY155" fmla="*/ 5155 h 10000"/>
                  <a:gd name="connsiteX156" fmla="*/ 3452 w 10000"/>
                  <a:gd name="connsiteY156" fmla="*/ 5170 h 10000"/>
                  <a:gd name="connsiteX157" fmla="*/ 3680 w 10000"/>
                  <a:gd name="connsiteY157" fmla="*/ 5155 h 10000"/>
                  <a:gd name="connsiteX158" fmla="*/ 3757 w 10000"/>
                  <a:gd name="connsiteY158" fmla="*/ 5096 h 10000"/>
                  <a:gd name="connsiteX159" fmla="*/ 3832 w 10000"/>
                  <a:gd name="connsiteY159" fmla="*/ 5022 h 10000"/>
                  <a:gd name="connsiteX160" fmla="*/ 3857 w 10000"/>
                  <a:gd name="connsiteY160" fmla="*/ 4934 h 10000"/>
                  <a:gd name="connsiteX161" fmla="*/ 3884 w 10000"/>
                  <a:gd name="connsiteY161" fmla="*/ 4860 h 10000"/>
                  <a:gd name="connsiteX162" fmla="*/ 3908 w 10000"/>
                  <a:gd name="connsiteY162" fmla="*/ 4697 h 10000"/>
                  <a:gd name="connsiteX163" fmla="*/ 3884 w 10000"/>
                  <a:gd name="connsiteY163" fmla="*/ 4520 h 10000"/>
                  <a:gd name="connsiteX164" fmla="*/ 3807 w 10000"/>
                  <a:gd name="connsiteY164" fmla="*/ 4343 h 10000"/>
                  <a:gd name="connsiteX165" fmla="*/ 3731 w 10000"/>
                  <a:gd name="connsiteY165" fmla="*/ 4195 h 10000"/>
                  <a:gd name="connsiteX166" fmla="*/ 3604 w 10000"/>
                  <a:gd name="connsiteY166" fmla="*/ 4047 h 10000"/>
                  <a:gd name="connsiteX167" fmla="*/ 3477 w 10000"/>
                  <a:gd name="connsiteY167" fmla="*/ 3959 h 10000"/>
                  <a:gd name="connsiteX168" fmla="*/ 3629 w 10000"/>
                  <a:gd name="connsiteY168" fmla="*/ 3944 h 10000"/>
                  <a:gd name="connsiteX169" fmla="*/ 3757 w 10000"/>
                  <a:gd name="connsiteY169" fmla="*/ 3914 h 10000"/>
                  <a:gd name="connsiteX170" fmla="*/ 3857 w 10000"/>
                  <a:gd name="connsiteY170" fmla="*/ 3855 h 10000"/>
                  <a:gd name="connsiteX171" fmla="*/ 3983 w 10000"/>
                  <a:gd name="connsiteY171" fmla="*/ 3752 h 10000"/>
                  <a:gd name="connsiteX172" fmla="*/ 4111 w 10000"/>
                  <a:gd name="connsiteY172" fmla="*/ 3663 h 10000"/>
                  <a:gd name="connsiteX173" fmla="*/ 4213 w 10000"/>
                  <a:gd name="connsiteY173" fmla="*/ 3560 h 10000"/>
                  <a:gd name="connsiteX174" fmla="*/ 4289 w 10000"/>
                  <a:gd name="connsiteY174" fmla="*/ 3442 h 10000"/>
                  <a:gd name="connsiteX175" fmla="*/ 4366 w 10000"/>
                  <a:gd name="connsiteY175" fmla="*/ 3323 h 10000"/>
                  <a:gd name="connsiteX176" fmla="*/ 4416 w 10000"/>
                  <a:gd name="connsiteY176" fmla="*/ 3220 h 10000"/>
                  <a:gd name="connsiteX177" fmla="*/ 4441 w 10000"/>
                  <a:gd name="connsiteY177" fmla="*/ 3102 h 10000"/>
                  <a:gd name="connsiteX178" fmla="*/ 4468 w 10000"/>
                  <a:gd name="connsiteY178" fmla="*/ 3013 h 10000"/>
                  <a:gd name="connsiteX179" fmla="*/ 4441 w 10000"/>
                  <a:gd name="connsiteY179" fmla="*/ 2939 h 10000"/>
                  <a:gd name="connsiteX180" fmla="*/ 4416 w 10000"/>
                  <a:gd name="connsiteY180" fmla="*/ 2866 h 10000"/>
                  <a:gd name="connsiteX181" fmla="*/ 4340 w 10000"/>
                  <a:gd name="connsiteY181" fmla="*/ 2836 h 10000"/>
                  <a:gd name="connsiteX182" fmla="*/ 4239 w 10000"/>
                  <a:gd name="connsiteY182" fmla="*/ 2836 h 10000"/>
                  <a:gd name="connsiteX183" fmla="*/ 4111 w 10000"/>
                  <a:gd name="connsiteY183" fmla="*/ 2866 h 10000"/>
                  <a:gd name="connsiteX184" fmla="*/ 4213 w 10000"/>
                  <a:gd name="connsiteY184" fmla="*/ 2777 h 10000"/>
                  <a:gd name="connsiteX185" fmla="*/ 4265 w 10000"/>
                  <a:gd name="connsiteY185" fmla="*/ 2674 h 10000"/>
                  <a:gd name="connsiteX186" fmla="*/ 4289 w 10000"/>
                  <a:gd name="connsiteY186" fmla="*/ 2541 h 10000"/>
                  <a:gd name="connsiteX187" fmla="*/ 4289 w 10000"/>
                  <a:gd name="connsiteY187" fmla="*/ 2393 h 10000"/>
                  <a:gd name="connsiteX188" fmla="*/ 4314 w 10000"/>
                  <a:gd name="connsiteY188" fmla="*/ 2349 h 10000"/>
                  <a:gd name="connsiteX189" fmla="*/ 4366 w 10000"/>
                  <a:gd name="connsiteY189" fmla="*/ 2304 h 10000"/>
                  <a:gd name="connsiteX190" fmla="*/ 4416 w 10000"/>
                  <a:gd name="connsiteY190" fmla="*/ 2290 h 10000"/>
                  <a:gd name="connsiteX191" fmla="*/ 4493 w 10000"/>
                  <a:gd name="connsiteY191" fmla="*/ 2275 h 10000"/>
                  <a:gd name="connsiteX192" fmla="*/ 4720 w 10000"/>
                  <a:gd name="connsiteY192" fmla="*/ 2260 h 10000"/>
                  <a:gd name="connsiteX193" fmla="*/ 4923 w 10000"/>
                  <a:gd name="connsiteY193" fmla="*/ 2275 h 10000"/>
                  <a:gd name="connsiteX194" fmla="*/ 4898 w 10000"/>
                  <a:gd name="connsiteY194" fmla="*/ 2112 h 10000"/>
                  <a:gd name="connsiteX195" fmla="*/ 4848 w 10000"/>
                  <a:gd name="connsiteY195" fmla="*/ 1950 h 10000"/>
                  <a:gd name="connsiteX196" fmla="*/ 4771 w 10000"/>
                  <a:gd name="connsiteY196" fmla="*/ 1802 h 10000"/>
                  <a:gd name="connsiteX197" fmla="*/ 4671 w 10000"/>
                  <a:gd name="connsiteY197" fmla="*/ 1640 h 10000"/>
                  <a:gd name="connsiteX198" fmla="*/ 4416 w 10000"/>
                  <a:gd name="connsiteY198" fmla="*/ 1329 h 10000"/>
                  <a:gd name="connsiteX199" fmla="*/ 4162 w 10000"/>
                  <a:gd name="connsiteY199" fmla="*/ 1034 h 10000"/>
                  <a:gd name="connsiteX200" fmla="*/ 4035 w 10000"/>
                  <a:gd name="connsiteY200" fmla="*/ 901 h 10000"/>
                  <a:gd name="connsiteX201" fmla="*/ 3935 w 10000"/>
                  <a:gd name="connsiteY201" fmla="*/ 753 h 10000"/>
                  <a:gd name="connsiteX202" fmla="*/ 3857 w 10000"/>
                  <a:gd name="connsiteY202" fmla="*/ 620 h 10000"/>
                  <a:gd name="connsiteX203" fmla="*/ 3832 w 10000"/>
                  <a:gd name="connsiteY203" fmla="*/ 487 h 10000"/>
                  <a:gd name="connsiteX204" fmla="*/ 3807 w 10000"/>
                  <a:gd name="connsiteY204" fmla="*/ 355 h 10000"/>
                  <a:gd name="connsiteX205" fmla="*/ 3857 w 10000"/>
                  <a:gd name="connsiteY205" fmla="*/ 222 h 10000"/>
                  <a:gd name="connsiteX206" fmla="*/ 3884 w 10000"/>
                  <a:gd name="connsiteY206" fmla="*/ 162 h 10000"/>
                  <a:gd name="connsiteX207" fmla="*/ 3935 w 10000"/>
                  <a:gd name="connsiteY207" fmla="*/ 103 h 10000"/>
                  <a:gd name="connsiteX208" fmla="*/ 4011 w 10000"/>
                  <a:gd name="connsiteY208" fmla="*/ 59 h 10000"/>
                  <a:gd name="connsiteX209" fmla="*/ 4111 w 10000"/>
                  <a:gd name="connsiteY209" fmla="*/ 0 h 10000"/>
                  <a:gd name="connsiteX210" fmla="*/ 4289 w 10000"/>
                  <a:gd name="connsiteY210" fmla="*/ 0 h 10000"/>
                  <a:gd name="connsiteX211" fmla="*/ 4468 w 10000"/>
                  <a:gd name="connsiteY211" fmla="*/ 15 h 10000"/>
                  <a:gd name="connsiteX212" fmla="*/ 4644 w 10000"/>
                  <a:gd name="connsiteY212" fmla="*/ 44 h 10000"/>
                  <a:gd name="connsiteX213" fmla="*/ 4771 w 10000"/>
                  <a:gd name="connsiteY213" fmla="*/ 89 h 10000"/>
                  <a:gd name="connsiteX214" fmla="*/ 4975 w 10000"/>
                  <a:gd name="connsiteY214" fmla="*/ 192 h 10000"/>
                  <a:gd name="connsiteX215" fmla="*/ 5177 w 10000"/>
                  <a:gd name="connsiteY215" fmla="*/ 340 h 10000"/>
                  <a:gd name="connsiteX216" fmla="*/ 5329 w 10000"/>
                  <a:gd name="connsiteY216" fmla="*/ 473 h 10000"/>
                  <a:gd name="connsiteX217" fmla="*/ 5532 w 10000"/>
                  <a:gd name="connsiteY217" fmla="*/ 591 h 10000"/>
                  <a:gd name="connsiteX218" fmla="*/ 5660 w 10000"/>
                  <a:gd name="connsiteY218" fmla="*/ 650 h 10000"/>
                  <a:gd name="connsiteX219" fmla="*/ 5812 w 10000"/>
                  <a:gd name="connsiteY219" fmla="*/ 679 h 10000"/>
                  <a:gd name="connsiteX220" fmla="*/ 5965 w 10000"/>
                  <a:gd name="connsiteY220" fmla="*/ 709 h 10000"/>
                  <a:gd name="connsiteX221" fmla="*/ 6168 w 10000"/>
                  <a:gd name="connsiteY221" fmla="*/ 709 h 10000"/>
                  <a:gd name="connsiteX222" fmla="*/ 6168 w 10000"/>
                  <a:gd name="connsiteY222" fmla="*/ 768 h 10000"/>
                  <a:gd name="connsiteX223" fmla="*/ 6193 w 10000"/>
                  <a:gd name="connsiteY223" fmla="*/ 842 h 10000"/>
                  <a:gd name="connsiteX224" fmla="*/ 6243 w 10000"/>
                  <a:gd name="connsiteY224" fmla="*/ 916 h 10000"/>
                  <a:gd name="connsiteX225" fmla="*/ 6294 w 10000"/>
                  <a:gd name="connsiteY225" fmla="*/ 990 h 10000"/>
                  <a:gd name="connsiteX226" fmla="*/ 6369 w 10000"/>
                  <a:gd name="connsiteY226" fmla="*/ 1049 h 10000"/>
                  <a:gd name="connsiteX227" fmla="*/ 6471 w 10000"/>
                  <a:gd name="connsiteY227" fmla="*/ 1108 h 10000"/>
                  <a:gd name="connsiteX228" fmla="*/ 6598 w 10000"/>
                  <a:gd name="connsiteY228" fmla="*/ 1182 h 10000"/>
                  <a:gd name="connsiteX229" fmla="*/ 6700 w 10000"/>
                  <a:gd name="connsiteY229" fmla="*/ 1226 h 10000"/>
                  <a:gd name="connsiteX230" fmla="*/ 6802 w 10000"/>
                  <a:gd name="connsiteY230" fmla="*/ 1270 h 10000"/>
                  <a:gd name="connsiteX231" fmla="*/ 6903 w 10000"/>
                  <a:gd name="connsiteY231" fmla="*/ 1300 h 10000"/>
                  <a:gd name="connsiteX232" fmla="*/ 7005 w 10000"/>
                  <a:gd name="connsiteY232" fmla="*/ 1315 h 10000"/>
                  <a:gd name="connsiteX233" fmla="*/ 7132 w 10000"/>
                  <a:gd name="connsiteY233" fmla="*/ 1300 h 10000"/>
                  <a:gd name="connsiteX234" fmla="*/ 7234 w 10000"/>
                  <a:gd name="connsiteY234" fmla="*/ 1285 h 10000"/>
                  <a:gd name="connsiteX235" fmla="*/ 7309 w 10000"/>
                  <a:gd name="connsiteY235" fmla="*/ 1241 h 10000"/>
                  <a:gd name="connsiteX236" fmla="*/ 7361 w 10000"/>
                  <a:gd name="connsiteY236" fmla="*/ 1167 h 10000"/>
                  <a:gd name="connsiteX237" fmla="*/ 7385 w 10000"/>
                  <a:gd name="connsiteY237" fmla="*/ 1064 h 10000"/>
                  <a:gd name="connsiteX238" fmla="*/ 7766 w 10000"/>
                  <a:gd name="connsiteY238" fmla="*/ 1034 h 10000"/>
                  <a:gd name="connsiteX239" fmla="*/ 8121 w 10000"/>
                  <a:gd name="connsiteY239" fmla="*/ 1004 h 10000"/>
                  <a:gd name="connsiteX240" fmla="*/ 8427 w 10000"/>
                  <a:gd name="connsiteY240" fmla="*/ 990 h 10000"/>
                  <a:gd name="connsiteX241" fmla="*/ 8706 w 10000"/>
                  <a:gd name="connsiteY241" fmla="*/ 1004 h 10000"/>
                  <a:gd name="connsiteX242" fmla="*/ 8833 w 10000"/>
                  <a:gd name="connsiteY242" fmla="*/ 1019 h 10000"/>
                  <a:gd name="connsiteX243" fmla="*/ 8958 w 10000"/>
                  <a:gd name="connsiteY243" fmla="*/ 1034 h 10000"/>
                  <a:gd name="connsiteX244" fmla="*/ 9061 w 10000"/>
                  <a:gd name="connsiteY244" fmla="*/ 1064 h 10000"/>
                  <a:gd name="connsiteX245" fmla="*/ 9188 w 10000"/>
                  <a:gd name="connsiteY245" fmla="*/ 1108 h 10000"/>
                  <a:gd name="connsiteX246" fmla="*/ 9264 w 10000"/>
                  <a:gd name="connsiteY246" fmla="*/ 1182 h 10000"/>
                  <a:gd name="connsiteX247" fmla="*/ 9339 w 10000"/>
                  <a:gd name="connsiteY247" fmla="*/ 1241 h 10000"/>
                  <a:gd name="connsiteX248" fmla="*/ 9391 w 10000"/>
                  <a:gd name="connsiteY248" fmla="*/ 1329 h 10000"/>
                  <a:gd name="connsiteX249" fmla="*/ 9442 w 10000"/>
                  <a:gd name="connsiteY249" fmla="*/ 1433 h 10000"/>
                  <a:gd name="connsiteX250" fmla="*/ 9492 w 10000"/>
                  <a:gd name="connsiteY250" fmla="*/ 1551 h 10000"/>
                  <a:gd name="connsiteX251" fmla="*/ 9466 w 10000"/>
                  <a:gd name="connsiteY251" fmla="*/ 1625 h 10000"/>
                  <a:gd name="connsiteX252" fmla="*/ 9442 w 10000"/>
                  <a:gd name="connsiteY252" fmla="*/ 1684 h 10000"/>
                  <a:gd name="connsiteX253" fmla="*/ 9391 w 10000"/>
                  <a:gd name="connsiteY253" fmla="*/ 1758 h 10000"/>
                  <a:gd name="connsiteX254" fmla="*/ 9315 w 10000"/>
                  <a:gd name="connsiteY254" fmla="*/ 1802 h 10000"/>
                  <a:gd name="connsiteX255" fmla="*/ 9264 w 10000"/>
                  <a:gd name="connsiteY255" fmla="*/ 1861 h 10000"/>
                  <a:gd name="connsiteX256" fmla="*/ 9240 w 10000"/>
                  <a:gd name="connsiteY256" fmla="*/ 1935 h 10000"/>
                  <a:gd name="connsiteX257" fmla="*/ 9264 w 10000"/>
                  <a:gd name="connsiteY257" fmla="*/ 2024 h 10000"/>
                  <a:gd name="connsiteX258" fmla="*/ 9543 w 10000"/>
                  <a:gd name="connsiteY258" fmla="*/ 2157 h 10000"/>
                  <a:gd name="connsiteX259" fmla="*/ 9873 w 10000"/>
                  <a:gd name="connsiteY259" fmla="*/ 2275 h 10000"/>
                  <a:gd name="connsiteX260" fmla="*/ 10000 w 10000"/>
                  <a:gd name="connsiteY260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8984 w 10000"/>
                  <a:gd name="connsiteY9" fmla="*/ 3412 h 10000"/>
                  <a:gd name="connsiteX10" fmla="*/ 9188 w 10000"/>
                  <a:gd name="connsiteY10" fmla="*/ 3338 h 10000"/>
                  <a:gd name="connsiteX11" fmla="*/ 9415 w 10000"/>
                  <a:gd name="connsiteY11" fmla="*/ 3117 h 10000"/>
                  <a:gd name="connsiteX12" fmla="*/ 9442 w 10000"/>
                  <a:gd name="connsiteY12" fmla="*/ 3072 h 10000"/>
                  <a:gd name="connsiteX13" fmla="*/ 9466 w 10000"/>
                  <a:gd name="connsiteY13" fmla="*/ 3013 h 10000"/>
                  <a:gd name="connsiteX14" fmla="*/ 9466 w 10000"/>
                  <a:gd name="connsiteY14" fmla="*/ 2954 h 10000"/>
                  <a:gd name="connsiteX15" fmla="*/ 9442 w 10000"/>
                  <a:gd name="connsiteY15" fmla="*/ 2866 h 10000"/>
                  <a:gd name="connsiteX16" fmla="*/ 9264 w 10000"/>
                  <a:gd name="connsiteY16" fmla="*/ 2984 h 10000"/>
                  <a:gd name="connsiteX17" fmla="*/ 9061 w 10000"/>
                  <a:gd name="connsiteY17" fmla="*/ 3072 h 10000"/>
                  <a:gd name="connsiteX18" fmla="*/ 8197 w 10000"/>
                  <a:gd name="connsiteY18" fmla="*/ 3397 h 10000"/>
                  <a:gd name="connsiteX19" fmla="*/ 7716 w 10000"/>
                  <a:gd name="connsiteY19" fmla="*/ 3545 h 10000"/>
                  <a:gd name="connsiteX20" fmla="*/ 7234 w 10000"/>
                  <a:gd name="connsiteY20" fmla="*/ 3678 h 10000"/>
                  <a:gd name="connsiteX21" fmla="*/ 6548 w 10000"/>
                  <a:gd name="connsiteY21" fmla="*/ 3914 h 10000"/>
                  <a:gd name="connsiteX22" fmla="*/ 6345 w 10000"/>
                  <a:gd name="connsiteY22" fmla="*/ 4003 h 10000"/>
                  <a:gd name="connsiteX23" fmla="*/ 6143 w 10000"/>
                  <a:gd name="connsiteY23" fmla="*/ 4106 h 10000"/>
                  <a:gd name="connsiteX24" fmla="*/ 5938 w 10000"/>
                  <a:gd name="connsiteY24" fmla="*/ 4195 h 10000"/>
                  <a:gd name="connsiteX25" fmla="*/ 6091 w 10000"/>
                  <a:gd name="connsiteY25" fmla="*/ 4417 h 10000"/>
                  <a:gd name="connsiteX26" fmla="*/ 6369 w 10000"/>
                  <a:gd name="connsiteY26" fmla="*/ 5081 h 10000"/>
                  <a:gd name="connsiteX27" fmla="*/ 6421 w 10000"/>
                  <a:gd name="connsiteY27" fmla="*/ 5318 h 10000"/>
                  <a:gd name="connsiteX28" fmla="*/ 6447 w 10000"/>
                  <a:gd name="connsiteY28" fmla="*/ 5539 h 10000"/>
                  <a:gd name="connsiteX29" fmla="*/ 6471 w 10000"/>
                  <a:gd name="connsiteY29" fmla="*/ 5775 h 10000"/>
                  <a:gd name="connsiteX30" fmla="*/ 6471 w 10000"/>
                  <a:gd name="connsiteY30" fmla="*/ 5997 h 10000"/>
                  <a:gd name="connsiteX31" fmla="*/ 6447 w 10000"/>
                  <a:gd name="connsiteY31" fmla="*/ 6233 h 10000"/>
                  <a:gd name="connsiteX32" fmla="*/ 6396 w 10000"/>
                  <a:gd name="connsiteY32" fmla="*/ 6470 h 10000"/>
                  <a:gd name="connsiteX33" fmla="*/ 6345 w 10000"/>
                  <a:gd name="connsiteY33" fmla="*/ 6677 h 10000"/>
                  <a:gd name="connsiteX34" fmla="*/ 6269 w 10000"/>
                  <a:gd name="connsiteY34" fmla="*/ 6898 h 10000"/>
                  <a:gd name="connsiteX35" fmla="*/ 6168 w 10000"/>
                  <a:gd name="connsiteY35" fmla="*/ 7105 h 10000"/>
                  <a:gd name="connsiteX36" fmla="*/ 6041 w 10000"/>
                  <a:gd name="connsiteY36" fmla="*/ 7297 h 10000"/>
                  <a:gd name="connsiteX37" fmla="*/ 5888 w 10000"/>
                  <a:gd name="connsiteY37" fmla="*/ 7489 h 10000"/>
                  <a:gd name="connsiteX38" fmla="*/ 5735 w 10000"/>
                  <a:gd name="connsiteY38" fmla="*/ 7681 h 10000"/>
                  <a:gd name="connsiteX39" fmla="*/ 6471 w 10000"/>
                  <a:gd name="connsiteY39" fmla="*/ 7799 h 10000"/>
                  <a:gd name="connsiteX40" fmla="*/ 7234 w 10000"/>
                  <a:gd name="connsiteY40" fmla="*/ 7962 h 10000"/>
                  <a:gd name="connsiteX41" fmla="*/ 7385 w 10000"/>
                  <a:gd name="connsiteY41" fmla="*/ 8021 h 10000"/>
                  <a:gd name="connsiteX42" fmla="*/ 7512 w 10000"/>
                  <a:gd name="connsiteY42" fmla="*/ 8080 h 10000"/>
                  <a:gd name="connsiteX43" fmla="*/ 7639 w 10000"/>
                  <a:gd name="connsiteY43" fmla="*/ 8139 h 10000"/>
                  <a:gd name="connsiteX44" fmla="*/ 7716 w 10000"/>
                  <a:gd name="connsiteY44" fmla="*/ 8227 h 10000"/>
                  <a:gd name="connsiteX45" fmla="*/ 7741 w 10000"/>
                  <a:gd name="connsiteY45" fmla="*/ 8301 h 10000"/>
                  <a:gd name="connsiteX46" fmla="*/ 7741 w 10000"/>
                  <a:gd name="connsiteY46" fmla="*/ 8405 h 10000"/>
                  <a:gd name="connsiteX47" fmla="*/ 7691 w 10000"/>
                  <a:gd name="connsiteY47" fmla="*/ 8523 h 10000"/>
                  <a:gd name="connsiteX48" fmla="*/ 7614 w 10000"/>
                  <a:gd name="connsiteY48" fmla="*/ 8641 h 10000"/>
                  <a:gd name="connsiteX49" fmla="*/ 7284 w 10000"/>
                  <a:gd name="connsiteY49" fmla="*/ 8552 h 10000"/>
                  <a:gd name="connsiteX50" fmla="*/ 6979 w 10000"/>
                  <a:gd name="connsiteY50" fmla="*/ 8449 h 10000"/>
                  <a:gd name="connsiteX51" fmla="*/ 6674 w 10000"/>
                  <a:gd name="connsiteY51" fmla="*/ 8360 h 10000"/>
                  <a:gd name="connsiteX52" fmla="*/ 6369 w 10000"/>
                  <a:gd name="connsiteY52" fmla="*/ 8287 h 10000"/>
                  <a:gd name="connsiteX53" fmla="*/ 6243 w 10000"/>
                  <a:gd name="connsiteY53" fmla="*/ 8449 h 10000"/>
                  <a:gd name="connsiteX54" fmla="*/ 6143 w 10000"/>
                  <a:gd name="connsiteY54" fmla="*/ 8597 h 10000"/>
                  <a:gd name="connsiteX55" fmla="*/ 6091 w 10000"/>
                  <a:gd name="connsiteY55" fmla="*/ 8656 h 10000"/>
                  <a:gd name="connsiteX56" fmla="*/ 5989 w 10000"/>
                  <a:gd name="connsiteY56" fmla="*/ 8700 h 10000"/>
                  <a:gd name="connsiteX57" fmla="*/ 5914 w 10000"/>
                  <a:gd name="connsiteY57" fmla="*/ 8744 h 10000"/>
                  <a:gd name="connsiteX58" fmla="*/ 5838 w 10000"/>
                  <a:gd name="connsiteY58" fmla="*/ 8774 h 10000"/>
                  <a:gd name="connsiteX59" fmla="*/ 5761 w 10000"/>
                  <a:gd name="connsiteY59" fmla="*/ 8804 h 10000"/>
                  <a:gd name="connsiteX60" fmla="*/ 5660 w 10000"/>
                  <a:gd name="connsiteY60" fmla="*/ 8818 h 10000"/>
                  <a:gd name="connsiteX61" fmla="*/ 5532 w 10000"/>
                  <a:gd name="connsiteY61" fmla="*/ 8833 h 10000"/>
                  <a:gd name="connsiteX62" fmla="*/ 5406 w 10000"/>
                  <a:gd name="connsiteY62" fmla="*/ 8833 h 10000"/>
                  <a:gd name="connsiteX63" fmla="*/ 5102 w 10000"/>
                  <a:gd name="connsiteY63" fmla="*/ 8818 h 10000"/>
                  <a:gd name="connsiteX64" fmla="*/ 4720 w 10000"/>
                  <a:gd name="connsiteY64" fmla="*/ 8744 h 10000"/>
                  <a:gd name="connsiteX65" fmla="*/ 4720 w 10000"/>
                  <a:gd name="connsiteY65" fmla="*/ 8922 h 10000"/>
                  <a:gd name="connsiteX66" fmla="*/ 4695 w 10000"/>
                  <a:gd name="connsiteY66" fmla="*/ 9069 h 10000"/>
                  <a:gd name="connsiteX67" fmla="*/ 4671 w 10000"/>
                  <a:gd name="connsiteY67" fmla="*/ 9232 h 10000"/>
                  <a:gd name="connsiteX68" fmla="*/ 4644 w 10000"/>
                  <a:gd name="connsiteY68" fmla="*/ 9365 h 10000"/>
                  <a:gd name="connsiteX69" fmla="*/ 4593 w 10000"/>
                  <a:gd name="connsiteY69" fmla="*/ 9498 h 10000"/>
                  <a:gd name="connsiteX70" fmla="*/ 4493 w 10000"/>
                  <a:gd name="connsiteY70" fmla="*/ 9616 h 10000"/>
                  <a:gd name="connsiteX71" fmla="*/ 4416 w 10000"/>
                  <a:gd name="connsiteY71" fmla="*/ 9734 h 10000"/>
                  <a:gd name="connsiteX72" fmla="*/ 4289 w 10000"/>
                  <a:gd name="connsiteY72" fmla="*/ 9838 h 10000"/>
                  <a:gd name="connsiteX73" fmla="*/ 3983 w 10000"/>
                  <a:gd name="connsiteY73" fmla="*/ 9897 h 10000"/>
                  <a:gd name="connsiteX74" fmla="*/ 3731 w 10000"/>
                  <a:gd name="connsiteY74" fmla="*/ 9941 h 10000"/>
                  <a:gd name="connsiteX75" fmla="*/ 3426 w 10000"/>
                  <a:gd name="connsiteY75" fmla="*/ 9985 h 10000"/>
                  <a:gd name="connsiteX76" fmla="*/ 3198 w 10000"/>
                  <a:gd name="connsiteY76" fmla="*/ 10000 h 10000"/>
                  <a:gd name="connsiteX77" fmla="*/ 2690 w 10000"/>
                  <a:gd name="connsiteY77" fmla="*/ 10000 h 10000"/>
                  <a:gd name="connsiteX78" fmla="*/ 2208 w 10000"/>
                  <a:gd name="connsiteY78" fmla="*/ 9985 h 10000"/>
                  <a:gd name="connsiteX79" fmla="*/ 1752 w 10000"/>
                  <a:gd name="connsiteY79" fmla="*/ 9941 h 10000"/>
                  <a:gd name="connsiteX80" fmla="*/ 1270 w 10000"/>
                  <a:gd name="connsiteY80" fmla="*/ 9911 h 10000"/>
                  <a:gd name="connsiteX81" fmla="*/ 990 w 10000"/>
                  <a:gd name="connsiteY81" fmla="*/ 9911 h 10000"/>
                  <a:gd name="connsiteX82" fmla="*/ 736 w 10000"/>
                  <a:gd name="connsiteY82" fmla="*/ 9911 h 10000"/>
                  <a:gd name="connsiteX83" fmla="*/ 457 w 10000"/>
                  <a:gd name="connsiteY83" fmla="*/ 9926 h 10000"/>
                  <a:gd name="connsiteX84" fmla="*/ 178 w 10000"/>
                  <a:gd name="connsiteY84" fmla="*/ 9970 h 10000"/>
                  <a:gd name="connsiteX85" fmla="*/ 102 w 10000"/>
                  <a:gd name="connsiteY85" fmla="*/ 9867 h 10000"/>
                  <a:gd name="connsiteX86" fmla="*/ 51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1 w 10000"/>
                  <a:gd name="connsiteY89" fmla="*/ 9424 h 10000"/>
                  <a:gd name="connsiteX90" fmla="*/ 102 w 10000"/>
                  <a:gd name="connsiteY90" fmla="*/ 9202 h 10000"/>
                  <a:gd name="connsiteX91" fmla="*/ 151 w 10000"/>
                  <a:gd name="connsiteY91" fmla="*/ 8996 h 10000"/>
                  <a:gd name="connsiteX92" fmla="*/ 203 w 10000"/>
                  <a:gd name="connsiteY92" fmla="*/ 8759 h 10000"/>
                  <a:gd name="connsiteX93" fmla="*/ 228 w 10000"/>
                  <a:gd name="connsiteY93" fmla="*/ 8641 h 10000"/>
                  <a:gd name="connsiteX94" fmla="*/ 228 w 10000"/>
                  <a:gd name="connsiteY94" fmla="*/ 8538 h 10000"/>
                  <a:gd name="connsiteX95" fmla="*/ 203 w 10000"/>
                  <a:gd name="connsiteY95" fmla="*/ 8405 h 10000"/>
                  <a:gd name="connsiteX96" fmla="*/ 178 w 10000"/>
                  <a:gd name="connsiteY96" fmla="*/ 8287 h 10000"/>
                  <a:gd name="connsiteX97" fmla="*/ 431 w 10000"/>
                  <a:gd name="connsiteY97" fmla="*/ 8213 h 10000"/>
                  <a:gd name="connsiteX98" fmla="*/ 685 w 10000"/>
                  <a:gd name="connsiteY98" fmla="*/ 8139 h 10000"/>
                  <a:gd name="connsiteX99" fmla="*/ 939 w 10000"/>
                  <a:gd name="connsiteY99" fmla="*/ 8095 h 10000"/>
                  <a:gd name="connsiteX100" fmla="*/ 1218 w 10000"/>
                  <a:gd name="connsiteY100" fmla="*/ 8065 h 10000"/>
                  <a:gd name="connsiteX101" fmla="*/ 1725 w 10000"/>
                  <a:gd name="connsiteY101" fmla="*/ 8021 h 10000"/>
                  <a:gd name="connsiteX102" fmla="*/ 2234 w 10000"/>
                  <a:gd name="connsiteY102" fmla="*/ 7976 h 10000"/>
                  <a:gd name="connsiteX103" fmla="*/ 2462 w 10000"/>
                  <a:gd name="connsiteY103" fmla="*/ 7947 h 10000"/>
                  <a:gd name="connsiteX104" fmla="*/ 2690 w 10000"/>
                  <a:gd name="connsiteY104" fmla="*/ 7917 h 10000"/>
                  <a:gd name="connsiteX105" fmla="*/ 2892 w 10000"/>
                  <a:gd name="connsiteY105" fmla="*/ 7843 h 10000"/>
                  <a:gd name="connsiteX106" fmla="*/ 3096 w 10000"/>
                  <a:gd name="connsiteY106" fmla="*/ 7784 h 10000"/>
                  <a:gd name="connsiteX107" fmla="*/ 3274 w 10000"/>
                  <a:gd name="connsiteY107" fmla="*/ 7710 h 10000"/>
                  <a:gd name="connsiteX108" fmla="*/ 3426 w 10000"/>
                  <a:gd name="connsiteY108" fmla="*/ 7592 h 10000"/>
                  <a:gd name="connsiteX109" fmla="*/ 3579 w 10000"/>
                  <a:gd name="connsiteY109" fmla="*/ 7474 h 10000"/>
                  <a:gd name="connsiteX110" fmla="*/ 3680 w 10000"/>
                  <a:gd name="connsiteY110" fmla="*/ 7312 h 10000"/>
                  <a:gd name="connsiteX111" fmla="*/ 3477 w 10000"/>
                  <a:gd name="connsiteY111" fmla="*/ 7238 h 10000"/>
                  <a:gd name="connsiteX112" fmla="*/ 3299 w 10000"/>
                  <a:gd name="connsiteY112" fmla="*/ 7179 h 10000"/>
                  <a:gd name="connsiteX113" fmla="*/ 3147 w 10000"/>
                  <a:gd name="connsiteY113" fmla="*/ 7090 h 10000"/>
                  <a:gd name="connsiteX114" fmla="*/ 2995 w 10000"/>
                  <a:gd name="connsiteY114" fmla="*/ 6987 h 10000"/>
                  <a:gd name="connsiteX115" fmla="*/ 2892 w 10000"/>
                  <a:gd name="connsiteY115" fmla="*/ 6869 h 10000"/>
                  <a:gd name="connsiteX116" fmla="*/ 2843 w 10000"/>
                  <a:gd name="connsiteY116" fmla="*/ 6721 h 10000"/>
                  <a:gd name="connsiteX117" fmla="*/ 2817 w 10000"/>
                  <a:gd name="connsiteY117" fmla="*/ 6558 h 10000"/>
                  <a:gd name="connsiteX118" fmla="*/ 2843 w 10000"/>
                  <a:gd name="connsiteY118" fmla="*/ 6352 h 10000"/>
                  <a:gd name="connsiteX119" fmla="*/ 2716 w 10000"/>
                  <a:gd name="connsiteY119" fmla="*/ 6322 h 10000"/>
                  <a:gd name="connsiteX120" fmla="*/ 2564 w 10000"/>
                  <a:gd name="connsiteY120" fmla="*/ 6292 h 10000"/>
                  <a:gd name="connsiteX121" fmla="*/ 2386 w 10000"/>
                  <a:gd name="connsiteY121" fmla="*/ 6278 h 10000"/>
                  <a:gd name="connsiteX122" fmla="*/ 2208 w 10000"/>
                  <a:gd name="connsiteY122" fmla="*/ 6263 h 10000"/>
                  <a:gd name="connsiteX123" fmla="*/ 1853 w 10000"/>
                  <a:gd name="connsiteY123" fmla="*/ 6248 h 10000"/>
                  <a:gd name="connsiteX124" fmla="*/ 1472 w 10000"/>
                  <a:gd name="connsiteY124" fmla="*/ 6263 h 10000"/>
                  <a:gd name="connsiteX125" fmla="*/ 1143 w 10000"/>
                  <a:gd name="connsiteY125" fmla="*/ 6278 h 10000"/>
                  <a:gd name="connsiteX126" fmla="*/ 837 w 10000"/>
                  <a:gd name="connsiteY126" fmla="*/ 6278 h 10000"/>
                  <a:gd name="connsiteX127" fmla="*/ 585 w 10000"/>
                  <a:gd name="connsiteY127" fmla="*/ 6263 h 10000"/>
                  <a:gd name="connsiteX128" fmla="*/ 381 w 10000"/>
                  <a:gd name="connsiteY128" fmla="*/ 6233 h 10000"/>
                  <a:gd name="connsiteX129" fmla="*/ 633 w 10000"/>
                  <a:gd name="connsiteY129" fmla="*/ 5805 h 10000"/>
                  <a:gd name="connsiteX130" fmla="*/ 914 w 10000"/>
                  <a:gd name="connsiteY130" fmla="*/ 5391 h 10000"/>
                  <a:gd name="connsiteX131" fmla="*/ 1016 w 10000"/>
                  <a:gd name="connsiteY131" fmla="*/ 5170 h 10000"/>
                  <a:gd name="connsiteX132" fmla="*/ 1091 w 10000"/>
                  <a:gd name="connsiteY132" fmla="*/ 4963 h 10000"/>
                  <a:gd name="connsiteX133" fmla="*/ 1116 w 10000"/>
                  <a:gd name="connsiteY133" fmla="*/ 4860 h 10000"/>
                  <a:gd name="connsiteX134" fmla="*/ 1091 w 10000"/>
                  <a:gd name="connsiteY134" fmla="*/ 4756 h 10000"/>
                  <a:gd name="connsiteX135" fmla="*/ 1066 w 10000"/>
                  <a:gd name="connsiteY135" fmla="*/ 4653 h 10000"/>
                  <a:gd name="connsiteX136" fmla="*/ 990 w 10000"/>
                  <a:gd name="connsiteY136" fmla="*/ 4549 h 10000"/>
                  <a:gd name="connsiteX137" fmla="*/ 1270 w 10000"/>
                  <a:gd name="connsiteY137" fmla="*/ 4520 h 10000"/>
                  <a:gd name="connsiteX138" fmla="*/ 1472 w 10000"/>
                  <a:gd name="connsiteY138" fmla="*/ 4505 h 10000"/>
                  <a:gd name="connsiteX139" fmla="*/ 1650 w 10000"/>
                  <a:gd name="connsiteY139" fmla="*/ 4505 h 10000"/>
                  <a:gd name="connsiteX140" fmla="*/ 1802 w 10000"/>
                  <a:gd name="connsiteY140" fmla="*/ 4520 h 10000"/>
                  <a:gd name="connsiteX141" fmla="*/ 1929 w 10000"/>
                  <a:gd name="connsiteY141" fmla="*/ 4520 h 10000"/>
                  <a:gd name="connsiteX142" fmla="*/ 2081 w 10000"/>
                  <a:gd name="connsiteY142" fmla="*/ 4520 h 10000"/>
                  <a:gd name="connsiteX143" fmla="*/ 2234 w 10000"/>
                  <a:gd name="connsiteY143" fmla="*/ 4490 h 10000"/>
                  <a:gd name="connsiteX144" fmla="*/ 2436 w 10000"/>
                  <a:gd name="connsiteY144" fmla="*/ 4446 h 10000"/>
                  <a:gd name="connsiteX145" fmla="*/ 2436 w 10000"/>
                  <a:gd name="connsiteY145" fmla="*/ 4579 h 10000"/>
                  <a:gd name="connsiteX146" fmla="*/ 2436 w 10000"/>
                  <a:gd name="connsiteY146" fmla="*/ 4742 h 10000"/>
                  <a:gd name="connsiteX147" fmla="*/ 2436 w 10000"/>
                  <a:gd name="connsiteY147" fmla="*/ 4874 h 10000"/>
                  <a:gd name="connsiteX148" fmla="*/ 2436 w 10000"/>
                  <a:gd name="connsiteY148" fmla="*/ 5037 h 10000"/>
                  <a:gd name="connsiteX149" fmla="*/ 2665 w 10000"/>
                  <a:gd name="connsiteY149" fmla="*/ 5022 h 10000"/>
                  <a:gd name="connsiteX150" fmla="*/ 2817 w 10000"/>
                  <a:gd name="connsiteY150" fmla="*/ 5037 h 10000"/>
                  <a:gd name="connsiteX151" fmla="*/ 2944 w 10000"/>
                  <a:gd name="connsiteY151" fmla="*/ 5066 h 10000"/>
                  <a:gd name="connsiteX152" fmla="*/ 3071 w 10000"/>
                  <a:gd name="connsiteY152" fmla="*/ 5096 h 10000"/>
                  <a:gd name="connsiteX153" fmla="*/ 3173 w 10000"/>
                  <a:gd name="connsiteY153" fmla="*/ 5126 h 10000"/>
                  <a:gd name="connsiteX154" fmla="*/ 3299 w 10000"/>
                  <a:gd name="connsiteY154" fmla="*/ 5155 h 10000"/>
                  <a:gd name="connsiteX155" fmla="*/ 3452 w 10000"/>
                  <a:gd name="connsiteY155" fmla="*/ 5170 h 10000"/>
                  <a:gd name="connsiteX156" fmla="*/ 3680 w 10000"/>
                  <a:gd name="connsiteY156" fmla="*/ 5155 h 10000"/>
                  <a:gd name="connsiteX157" fmla="*/ 3757 w 10000"/>
                  <a:gd name="connsiteY157" fmla="*/ 5096 h 10000"/>
                  <a:gd name="connsiteX158" fmla="*/ 3832 w 10000"/>
                  <a:gd name="connsiteY158" fmla="*/ 5022 h 10000"/>
                  <a:gd name="connsiteX159" fmla="*/ 3857 w 10000"/>
                  <a:gd name="connsiteY159" fmla="*/ 4934 h 10000"/>
                  <a:gd name="connsiteX160" fmla="*/ 3884 w 10000"/>
                  <a:gd name="connsiteY160" fmla="*/ 4860 h 10000"/>
                  <a:gd name="connsiteX161" fmla="*/ 3908 w 10000"/>
                  <a:gd name="connsiteY161" fmla="*/ 4697 h 10000"/>
                  <a:gd name="connsiteX162" fmla="*/ 3884 w 10000"/>
                  <a:gd name="connsiteY162" fmla="*/ 4520 h 10000"/>
                  <a:gd name="connsiteX163" fmla="*/ 3807 w 10000"/>
                  <a:gd name="connsiteY163" fmla="*/ 4343 h 10000"/>
                  <a:gd name="connsiteX164" fmla="*/ 3731 w 10000"/>
                  <a:gd name="connsiteY164" fmla="*/ 4195 h 10000"/>
                  <a:gd name="connsiteX165" fmla="*/ 3604 w 10000"/>
                  <a:gd name="connsiteY165" fmla="*/ 4047 h 10000"/>
                  <a:gd name="connsiteX166" fmla="*/ 3477 w 10000"/>
                  <a:gd name="connsiteY166" fmla="*/ 3959 h 10000"/>
                  <a:gd name="connsiteX167" fmla="*/ 3629 w 10000"/>
                  <a:gd name="connsiteY167" fmla="*/ 3944 h 10000"/>
                  <a:gd name="connsiteX168" fmla="*/ 3757 w 10000"/>
                  <a:gd name="connsiteY168" fmla="*/ 3914 h 10000"/>
                  <a:gd name="connsiteX169" fmla="*/ 3857 w 10000"/>
                  <a:gd name="connsiteY169" fmla="*/ 3855 h 10000"/>
                  <a:gd name="connsiteX170" fmla="*/ 3983 w 10000"/>
                  <a:gd name="connsiteY170" fmla="*/ 3752 h 10000"/>
                  <a:gd name="connsiteX171" fmla="*/ 4111 w 10000"/>
                  <a:gd name="connsiteY171" fmla="*/ 3663 h 10000"/>
                  <a:gd name="connsiteX172" fmla="*/ 4213 w 10000"/>
                  <a:gd name="connsiteY172" fmla="*/ 3560 h 10000"/>
                  <a:gd name="connsiteX173" fmla="*/ 4289 w 10000"/>
                  <a:gd name="connsiteY173" fmla="*/ 3442 h 10000"/>
                  <a:gd name="connsiteX174" fmla="*/ 4366 w 10000"/>
                  <a:gd name="connsiteY174" fmla="*/ 3323 h 10000"/>
                  <a:gd name="connsiteX175" fmla="*/ 4416 w 10000"/>
                  <a:gd name="connsiteY175" fmla="*/ 3220 h 10000"/>
                  <a:gd name="connsiteX176" fmla="*/ 4441 w 10000"/>
                  <a:gd name="connsiteY176" fmla="*/ 3102 h 10000"/>
                  <a:gd name="connsiteX177" fmla="*/ 4468 w 10000"/>
                  <a:gd name="connsiteY177" fmla="*/ 3013 h 10000"/>
                  <a:gd name="connsiteX178" fmla="*/ 4441 w 10000"/>
                  <a:gd name="connsiteY178" fmla="*/ 2939 h 10000"/>
                  <a:gd name="connsiteX179" fmla="*/ 4416 w 10000"/>
                  <a:gd name="connsiteY179" fmla="*/ 2866 h 10000"/>
                  <a:gd name="connsiteX180" fmla="*/ 4340 w 10000"/>
                  <a:gd name="connsiteY180" fmla="*/ 2836 h 10000"/>
                  <a:gd name="connsiteX181" fmla="*/ 4239 w 10000"/>
                  <a:gd name="connsiteY181" fmla="*/ 2836 h 10000"/>
                  <a:gd name="connsiteX182" fmla="*/ 4111 w 10000"/>
                  <a:gd name="connsiteY182" fmla="*/ 2866 h 10000"/>
                  <a:gd name="connsiteX183" fmla="*/ 4213 w 10000"/>
                  <a:gd name="connsiteY183" fmla="*/ 2777 h 10000"/>
                  <a:gd name="connsiteX184" fmla="*/ 4265 w 10000"/>
                  <a:gd name="connsiteY184" fmla="*/ 2674 h 10000"/>
                  <a:gd name="connsiteX185" fmla="*/ 4289 w 10000"/>
                  <a:gd name="connsiteY185" fmla="*/ 2541 h 10000"/>
                  <a:gd name="connsiteX186" fmla="*/ 4289 w 10000"/>
                  <a:gd name="connsiteY186" fmla="*/ 2393 h 10000"/>
                  <a:gd name="connsiteX187" fmla="*/ 4314 w 10000"/>
                  <a:gd name="connsiteY187" fmla="*/ 2349 h 10000"/>
                  <a:gd name="connsiteX188" fmla="*/ 4366 w 10000"/>
                  <a:gd name="connsiteY188" fmla="*/ 2304 h 10000"/>
                  <a:gd name="connsiteX189" fmla="*/ 4416 w 10000"/>
                  <a:gd name="connsiteY189" fmla="*/ 2290 h 10000"/>
                  <a:gd name="connsiteX190" fmla="*/ 4493 w 10000"/>
                  <a:gd name="connsiteY190" fmla="*/ 2275 h 10000"/>
                  <a:gd name="connsiteX191" fmla="*/ 4720 w 10000"/>
                  <a:gd name="connsiteY191" fmla="*/ 2260 h 10000"/>
                  <a:gd name="connsiteX192" fmla="*/ 4923 w 10000"/>
                  <a:gd name="connsiteY192" fmla="*/ 2275 h 10000"/>
                  <a:gd name="connsiteX193" fmla="*/ 4898 w 10000"/>
                  <a:gd name="connsiteY193" fmla="*/ 2112 h 10000"/>
                  <a:gd name="connsiteX194" fmla="*/ 4848 w 10000"/>
                  <a:gd name="connsiteY194" fmla="*/ 1950 h 10000"/>
                  <a:gd name="connsiteX195" fmla="*/ 4771 w 10000"/>
                  <a:gd name="connsiteY195" fmla="*/ 1802 h 10000"/>
                  <a:gd name="connsiteX196" fmla="*/ 4671 w 10000"/>
                  <a:gd name="connsiteY196" fmla="*/ 1640 h 10000"/>
                  <a:gd name="connsiteX197" fmla="*/ 4416 w 10000"/>
                  <a:gd name="connsiteY197" fmla="*/ 1329 h 10000"/>
                  <a:gd name="connsiteX198" fmla="*/ 4162 w 10000"/>
                  <a:gd name="connsiteY198" fmla="*/ 1034 h 10000"/>
                  <a:gd name="connsiteX199" fmla="*/ 4035 w 10000"/>
                  <a:gd name="connsiteY199" fmla="*/ 901 h 10000"/>
                  <a:gd name="connsiteX200" fmla="*/ 3935 w 10000"/>
                  <a:gd name="connsiteY200" fmla="*/ 753 h 10000"/>
                  <a:gd name="connsiteX201" fmla="*/ 3857 w 10000"/>
                  <a:gd name="connsiteY201" fmla="*/ 620 h 10000"/>
                  <a:gd name="connsiteX202" fmla="*/ 3832 w 10000"/>
                  <a:gd name="connsiteY202" fmla="*/ 487 h 10000"/>
                  <a:gd name="connsiteX203" fmla="*/ 3807 w 10000"/>
                  <a:gd name="connsiteY203" fmla="*/ 355 h 10000"/>
                  <a:gd name="connsiteX204" fmla="*/ 3857 w 10000"/>
                  <a:gd name="connsiteY204" fmla="*/ 222 h 10000"/>
                  <a:gd name="connsiteX205" fmla="*/ 3884 w 10000"/>
                  <a:gd name="connsiteY205" fmla="*/ 162 h 10000"/>
                  <a:gd name="connsiteX206" fmla="*/ 3935 w 10000"/>
                  <a:gd name="connsiteY206" fmla="*/ 103 h 10000"/>
                  <a:gd name="connsiteX207" fmla="*/ 4011 w 10000"/>
                  <a:gd name="connsiteY207" fmla="*/ 59 h 10000"/>
                  <a:gd name="connsiteX208" fmla="*/ 4111 w 10000"/>
                  <a:gd name="connsiteY208" fmla="*/ 0 h 10000"/>
                  <a:gd name="connsiteX209" fmla="*/ 4289 w 10000"/>
                  <a:gd name="connsiteY209" fmla="*/ 0 h 10000"/>
                  <a:gd name="connsiteX210" fmla="*/ 4468 w 10000"/>
                  <a:gd name="connsiteY210" fmla="*/ 15 h 10000"/>
                  <a:gd name="connsiteX211" fmla="*/ 4644 w 10000"/>
                  <a:gd name="connsiteY211" fmla="*/ 44 h 10000"/>
                  <a:gd name="connsiteX212" fmla="*/ 4771 w 10000"/>
                  <a:gd name="connsiteY212" fmla="*/ 89 h 10000"/>
                  <a:gd name="connsiteX213" fmla="*/ 4975 w 10000"/>
                  <a:gd name="connsiteY213" fmla="*/ 192 h 10000"/>
                  <a:gd name="connsiteX214" fmla="*/ 5177 w 10000"/>
                  <a:gd name="connsiteY214" fmla="*/ 340 h 10000"/>
                  <a:gd name="connsiteX215" fmla="*/ 5329 w 10000"/>
                  <a:gd name="connsiteY215" fmla="*/ 473 h 10000"/>
                  <a:gd name="connsiteX216" fmla="*/ 5532 w 10000"/>
                  <a:gd name="connsiteY216" fmla="*/ 591 h 10000"/>
                  <a:gd name="connsiteX217" fmla="*/ 5660 w 10000"/>
                  <a:gd name="connsiteY217" fmla="*/ 650 h 10000"/>
                  <a:gd name="connsiteX218" fmla="*/ 5812 w 10000"/>
                  <a:gd name="connsiteY218" fmla="*/ 679 h 10000"/>
                  <a:gd name="connsiteX219" fmla="*/ 5965 w 10000"/>
                  <a:gd name="connsiteY219" fmla="*/ 709 h 10000"/>
                  <a:gd name="connsiteX220" fmla="*/ 6168 w 10000"/>
                  <a:gd name="connsiteY220" fmla="*/ 709 h 10000"/>
                  <a:gd name="connsiteX221" fmla="*/ 6168 w 10000"/>
                  <a:gd name="connsiteY221" fmla="*/ 768 h 10000"/>
                  <a:gd name="connsiteX222" fmla="*/ 6193 w 10000"/>
                  <a:gd name="connsiteY222" fmla="*/ 842 h 10000"/>
                  <a:gd name="connsiteX223" fmla="*/ 6243 w 10000"/>
                  <a:gd name="connsiteY223" fmla="*/ 916 h 10000"/>
                  <a:gd name="connsiteX224" fmla="*/ 6294 w 10000"/>
                  <a:gd name="connsiteY224" fmla="*/ 990 h 10000"/>
                  <a:gd name="connsiteX225" fmla="*/ 6369 w 10000"/>
                  <a:gd name="connsiteY225" fmla="*/ 1049 h 10000"/>
                  <a:gd name="connsiteX226" fmla="*/ 6471 w 10000"/>
                  <a:gd name="connsiteY226" fmla="*/ 1108 h 10000"/>
                  <a:gd name="connsiteX227" fmla="*/ 6598 w 10000"/>
                  <a:gd name="connsiteY227" fmla="*/ 1182 h 10000"/>
                  <a:gd name="connsiteX228" fmla="*/ 6700 w 10000"/>
                  <a:gd name="connsiteY228" fmla="*/ 1226 h 10000"/>
                  <a:gd name="connsiteX229" fmla="*/ 6802 w 10000"/>
                  <a:gd name="connsiteY229" fmla="*/ 1270 h 10000"/>
                  <a:gd name="connsiteX230" fmla="*/ 6903 w 10000"/>
                  <a:gd name="connsiteY230" fmla="*/ 1300 h 10000"/>
                  <a:gd name="connsiteX231" fmla="*/ 7005 w 10000"/>
                  <a:gd name="connsiteY231" fmla="*/ 1315 h 10000"/>
                  <a:gd name="connsiteX232" fmla="*/ 7132 w 10000"/>
                  <a:gd name="connsiteY232" fmla="*/ 1300 h 10000"/>
                  <a:gd name="connsiteX233" fmla="*/ 7234 w 10000"/>
                  <a:gd name="connsiteY233" fmla="*/ 1285 h 10000"/>
                  <a:gd name="connsiteX234" fmla="*/ 7309 w 10000"/>
                  <a:gd name="connsiteY234" fmla="*/ 1241 h 10000"/>
                  <a:gd name="connsiteX235" fmla="*/ 7361 w 10000"/>
                  <a:gd name="connsiteY235" fmla="*/ 1167 h 10000"/>
                  <a:gd name="connsiteX236" fmla="*/ 7385 w 10000"/>
                  <a:gd name="connsiteY236" fmla="*/ 1064 h 10000"/>
                  <a:gd name="connsiteX237" fmla="*/ 7766 w 10000"/>
                  <a:gd name="connsiteY237" fmla="*/ 1034 h 10000"/>
                  <a:gd name="connsiteX238" fmla="*/ 8121 w 10000"/>
                  <a:gd name="connsiteY238" fmla="*/ 1004 h 10000"/>
                  <a:gd name="connsiteX239" fmla="*/ 8427 w 10000"/>
                  <a:gd name="connsiteY239" fmla="*/ 990 h 10000"/>
                  <a:gd name="connsiteX240" fmla="*/ 8706 w 10000"/>
                  <a:gd name="connsiteY240" fmla="*/ 1004 h 10000"/>
                  <a:gd name="connsiteX241" fmla="*/ 8833 w 10000"/>
                  <a:gd name="connsiteY241" fmla="*/ 1019 h 10000"/>
                  <a:gd name="connsiteX242" fmla="*/ 8958 w 10000"/>
                  <a:gd name="connsiteY242" fmla="*/ 1034 h 10000"/>
                  <a:gd name="connsiteX243" fmla="*/ 9061 w 10000"/>
                  <a:gd name="connsiteY243" fmla="*/ 1064 h 10000"/>
                  <a:gd name="connsiteX244" fmla="*/ 9188 w 10000"/>
                  <a:gd name="connsiteY244" fmla="*/ 1108 h 10000"/>
                  <a:gd name="connsiteX245" fmla="*/ 9264 w 10000"/>
                  <a:gd name="connsiteY245" fmla="*/ 1182 h 10000"/>
                  <a:gd name="connsiteX246" fmla="*/ 9339 w 10000"/>
                  <a:gd name="connsiteY246" fmla="*/ 1241 h 10000"/>
                  <a:gd name="connsiteX247" fmla="*/ 9391 w 10000"/>
                  <a:gd name="connsiteY247" fmla="*/ 1329 h 10000"/>
                  <a:gd name="connsiteX248" fmla="*/ 9442 w 10000"/>
                  <a:gd name="connsiteY248" fmla="*/ 1433 h 10000"/>
                  <a:gd name="connsiteX249" fmla="*/ 9492 w 10000"/>
                  <a:gd name="connsiteY249" fmla="*/ 1551 h 10000"/>
                  <a:gd name="connsiteX250" fmla="*/ 9466 w 10000"/>
                  <a:gd name="connsiteY250" fmla="*/ 1625 h 10000"/>
                  <a:gd name="connsiteX251" fmla="*/ 9442 w 10000"/>
                  <a:gd name="connsiteY251" fmla="*/ 1684 h 10000"/>
                  <a:gd name="connsiteX252" fmla="*/ 9391 w 10000"/>
                  <a:gd name="connsiteY252" fmla="*/ 1758 h 10000"/>
                  <a:gd name="connsiteX253" fmla="*/ 9315 w 10000"/>
                  <a:gd name="connsiteY253" fmla="*/ 1802 h 10000"/>
                  <a:gd name="connsiteX254" fmla="*/ 9264 w 10000"/>
                  <a:gd name="connsiteY254" fmla="*/ 1861 h 10000"/>
                  <a:gd name="connsiteX255" fmla="*/ 9240 w 10000"/>
                  <a:gd name="connsiteY255" fmla="*/ 1935 h 10000"/>
                  <a:gd name="connsiteX256" fmla="*/ 9264 w 10000"/>
                  <a:gd name="connsiteY256" fmla="*/ 2024 h 10000"/>
                  <a:gd name="connsiteX257" fmla="*/ 9543 w 10000"/>
                  <a:gd name="connsiteY257" fmla="*/ 2157 h 10000"/>
                  <a:gd name="connsiteX258" fmla="*/ 9873 w 10000"/>
                  <a:gd name="connsiteY258" fmla="*/ 2275 h 10000"/>
                  <a:gd name="connsiteX259" fmla="*/ 10000 w 10000"/>
                  <a:gd name="connsiteY25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548 w 10000"/>
                  <a:gd name="connsiteY22" fmla="*/ 3914 h 10000"/>
                  <a:gd name="connsiteX23" fmla="*/ 6345 w 10000"/>
                  <a:gd name="connsiteY23" fmla="*/ 4003 h 10000"/>
                  <a:gd name="connsiteX24" fmla="*/ 6143 w 10000"/>
                  <a:gd name="connsiteY24" fmla="*/ 4106 h 10000"/>
                  <a:gd name="connsiteX25" fmla="*/ 5938 w 10000"/>
                  <a:gd name="connsiteY25" fmla="*/ 4195 h 10000"/>
                  <a:gd name="connsiteX26" fmla="*/ 6091 w 10000"/>
                  <a:gd name="connsiteY26" fmla="*/ 4417 h 10000"/>
                  <a:gd name="connsiteX27" fmla="*/ 6369 w 10000"/>
                  <a:gd name="connsiteY27" fmla="*/ 5081 h 10000"/>
                  <a:gd name="connsiteX28" fmla="*/ 6421 w 10000"/>
                  <a:gd name="connsiteY28" fmla="*/ 5318 h 10000"/>
                  <a:gd name="connsiteX29" fmla="*/ 6447 w 10000"/>
                  <a:gd name="connsiteY29" fmla="*/ 5539 h 10000"/>
                  <a:gd name="connsiteX30" fmla="*/ 6471 w 10000"/>
                  <a:gd name="connsiteY30" fmla="*/ 5775 h 10000"/>
                  <a:gd name="connsiteX31" fmla="*/ 6471 w 10000"/>
                  <a:gd name="connsiteY31" fmla="*/ 5997 h 10000"/>
                  <a:gd name="connsiteX32" fmla="*/ 6447 w 10000"/>
                  <a:gd name="connsiteY32" fmla="*/ 6233 h 10000"/>
                  <a:gd name="connsiteX33" fmla="*/ 6396 w 10000"/>
                  <a:gd name="connsiteY33" fmla="*/ 6470 h 10000"/>
                  <a:gd name="connsiteX34" fmla="*/ 6345 w 10000"/>
                  <a:gd name="connsiteY34" fmla="*/ 6677 h 10000"/>
                  <a:gd name="connsiteX35" fmla="*/ 6269 w 10000"/>
                  <a:gd name="connsiteY35" fmla="*/ 6898 h 10000"/>
                  <a:gd name="connsiteX36" fmla="*/ 6168 w 10000"/>
                  <a:gd name="connsiteY36" fmla="*/ 7105 h 10000"/>
                  <a:gd name="connsiteX37" fmla="*/ 6041 w 10000"/>
                  <a:gd name="connsiteY37" fmla="*/ 7297 h 10000"/>
                  <a:gd name="connsiteX38" fmla="*/ 5888 w 10000"/>
                  <a:gd name="connsiteY38" fmla="*/ 7489 h 10000"/>
                  <a:gd name="connsiteX39" fmla="*/ 5735 w 10000"/>
                  <a:gd name="connsiteY39" fmla="*/ 7681 h 10000"/>
                  <a:gd name="connsiteX40" fmla="*/ 6471 w 10000"/>
                  <a:gd name="connsiteY40" fmla="*/ 7799 h 10000"/>
                  <a:gd name="connsiteX41" fmla="*/ 7234 w 10000"/>
                  <a:gd name="connsiteY41" fmla="*/ 7962 h 10000"/>
                  <a:gd name="connsiteX42" fmla="*/ 7385 w 10000"/>
                  <a:gd name="connsiteY42" fmla="*/ 8021 h 10000"/>
                  <a:gd name="connsiteX43" fmla="*/ 7512 w 10000"/>
                  <a:gd name="connsiteY43" fmla="*/ 8080 h 10000"/>
                  <a:gd name="connsiteX44" fmla="*/ 7639 w 10000"/>
                  <a:gd name="connsiteY44" fmla="*/ 8139 h 10000"/>
                  <a:gd name="connsiteX45" fmla="*/ 7716 w 10000"/>
                  <a:gd name="connsiteY45" fmla="*/ 8227 h 10000"/>
                  <a:gd name="connsiteX46" fmla="*/ 7741 w 10000"/>
                  <a:gd name="connsiteY46" fmla="*/ 8301 h 10000"/>
                  <a:gd name="connsiteX47" fmla="*/ 7741 w 10000"/>
                  <a:gd name="connsiteY47" fmla="*/ 8405 h 10000"/>
                  <a:gd name="connsiteX48" fmla="*/ 7691 w 10000"/>
                  <a:gd name="connsiteY48" fmla="*/ 8523 h 10000"/>
                  <a:gd name="connsiteX49" fmla="*/ 7614 w 10000"/>
                  <a:gd name="connsiteY49" fmla="*/ 8641 h 10000"/>
                  <a:gd name="connsiteX50" fmla="*/ 7284 w 10000"/>
                  <a:gd name="connsiteY50" fmla="*/ 8552 h 10000"/>
                  <a:gd name="connsiteX51" fmla="*/ 6979 w 10000"/>
                  <a:gd name="connsiteY51" fmla="*/ 8449 h 10000"/>
                  <a:gd name="connsiteX52" fmla="*/ 6674 w 10000"/>
                  <a:gd name="connsiteY52" fmla="*/ 8360 h 10000"/>
                  <a:gd name="connsiteX53" fmla="*/ 6369 w 10000"/>
                  <a:gd name="connsiteY53" fmla="*/ 8287 h 10000"/>
                  <a:gd name="connsiteX54" fmla="*/ 6243 w 10000"/>
                  <a:gd name="connsiteY54" fmla="*/ 8449 h 10000"/>
                  <a:gd name="connsiteX55" fmla="*/ 6143 w 10000"/>
                  <a:gd name="connsiteY55" fmla="*/ 8597 h 10000"/>
                  <a:gd name="connsiteX56" fmla="*/ 6091 w 10000"/>
                  <a:gd name="connsiteY56" fmla="*/ 8656 h 10000"/>
                  <a:gd name="connsiteX57" fmla="*/ 5989 w 10000"/>
                  <a:gd name="connsiteY57" fmla="*/ 8700 h 10000"/>
                  <a:gd name="connsiteX58" fmla="*/ 5914 w 10000"/>
                  <a:gd name="connsiteY58" fmla="*/ 8744 h 10000"/>
                  <a:gd name="connsiteX59" fmla="*/ 5838 w 10000"/>
                  <a:gd name="connsiteY59" fmla="*/ 8774 h 10000"/>
                  <a:gd name="connsiteX60" fmla="*/ 5761 w 10000"/>
                  <a:gd name="connsiteY60" fmla="*/ 8804 h 10000"/>
                  <a:gd name="connsiteX61" fmla="*/ 5660 w 10000"/>
                  <a:gd name="connsiteY61" fmla="*/ 8818 h 10000"/>
                  <a:gd name="connsiteX62" fmla="*/ 5532 w 10000"/>
                  <a:gd name="connsiteY62" fmla="*/ 8833 h 10000"/>
                  <a:gd name="connsiteX63" fmla="*/ 5406 w 10000"/>
                  <a:gd name="connsiteY63" fmla="*/ 8833 h 10000"/>
                  <a:gd name="connsiteX64" fmla="*/ 5102 w 10000"/>
                  <a:gd name="connsiteY64" fmla="*/ 8818 h 10000"/>
                  <a:gd name="connsiteX65" fmla="*/ 4720 w 10000"/>
                  <a:gd name="connsiteY65" fmla="*/ 8744 h 10000"/>
                  <a:gd name="connsiteX66" fmla="*/ 4720 w 10000"/>
                  <a:gd name="connsiteY66" fmla="*/ 8922 h 10000"/>
                  <a:gd name="connsiteX67" fmla="*/ 4695 w 10000"/>
                  <a:gd name="connsiteY67" fmla="*/ 9069 h 10000"/>
                  <a:gd name="connsiteX68" fmla="*/ 4671 w 10000"/>
                  <a:gd name="connsiteY68" fmla="*/ 9232 h 10000"/>
                  <a:gd name="connsiteX69" fmla="*/ 4644 w 10000"/>
                  <a:gd name="connsiteY69" fmla="*/ 9365 h 10000"/>
                  <a:gd name="connsiteX70" fmla="*/ 4593 w 10000"/>
                  <a:gd name="connsiteY70" fmla="*/ 9498 h 10000"/>
                  <a:gd name="connsiteX71" fmla="*/ 4493 w 10000"/>
                  <a:gd name="connsiteY71" fmla="*/ 9616 h 10000"/>
                  <a:gd name="connsiteX72" fmla="*/ 4416 w 10000"/>
                  <a:gd name="connsiteY72" fmla="*/ 9734 h 10000"/>
                  <a:gd name="connsiteX73" fmla="*/ 4289 w 10000"/>
                  <a:gd name="connsiteY73" fmla="*/ 9838 h 10000"/>
                  <a:gd name="connsiteX74" fmla="*/ 3983 w 10000"/>
                  <a:gd name="connsiteY74" fmla="*/ 9897 h 10000"/>
                  <a:gd name="connsiteX75" fmla="*/ 3731 w 10000"/>
                  <a:gd name="connsiteY75" fmla="*/ 9941 h 10000"/>
                  <a:gd name="connsiteX76" fmla="*/ 3426 w 10000"/>
                  <a:gd name="connsiteY76" fmla="*/ 9985 h 10000"/>
                  <a:gd name="connsiteX77" fmla="*/ 3198 w 10000"/>
                  <a:gd name="connsiteY77" fmla="*/ 10000 h 10000"/>
                  <a:gd name="connsiteX78" fmla="*/ 2690 w 10000"/>
                  <a:gd name="connsiteY78" fmla="*/ 10000 h 10000"/>
                  <a:gd name="connsiteX79" fmla="*/ 2208 w 10000"/>
                  <a:gd name="connsiteY79" fmla="*/ 9985 h 10000"/>
                  <a:gd name="connsiteX80" fmla="*/ 1752 w 10000"/>
                  <a:gd name="connsiteY80" fmla="*/ 9941 h 10000"/>
                  <a:gd name="connsiteX81" fmla="*/ 1270 w 10000"/>
                  <a:gd name="connsiteY81" fmla="*/ 9911 h 10000"/>
                  <a:gd name="connsiteX82" fmla="*/ 990 w 10000"/>
                  <a:gd name="connsiteY82" fmla="*/ 9911 h 10000"/>
                  <a:gd name="connsiteX83" fmla="*/ 736 w 10000"/>
                  <a:gd name="connsiteY83" fmla="*/ 9911 h 10000"/>
                  <a:gd name="connsiteX84" fmla="*/ 457 w 10000"/>
                  <a:gd name="connsiteY84" fmla="*/ 9926 h 10000"/>
                  <a:gd name="connsiteX85" fmla="*/ 178 w 10000"/>
                  <a:gd name="connsiteY85" fmla="*/ 9970 h 10000"/>
                  <a:gd name="connsiteX86" fmla="*/ 102 w 10000"/>
                  <a:gd name="connsiteY86" fmla="*/ 9867 h 10000"/>
                  <a:gd name="connsiteX87" fmla="*/ 51 w 10000"/>
                  <a:gd name="connsiteY87" fmla="*/ 9793 h 10000"/>
                  <a:gd name="connsiteX88" fmla="*/ 0 w 10000"/>
                  <a:gd name="connsiteY88" fmla="*/ 9705 h 10000"/>
                  <a:gd name="connsiteX89" fmla="*/ 0 w 10000"/>
                  <a:gd name="connsiteY89" fmla="*/ 9601 h 10000"/>
                  <a:gd name="connsiteX90" fmla="*/ 51 w 10000"/>
                  <a:gd name="connsiteY90" fmla="*/ 9424 h 10000"/>
                  <a:gd name="connsiteX91" fmla="*/ 102 w 10000"/>
                  <a:gd name="connsiteY91" fmla="*/ 9202 h 10000"/>
                  <a:gd name="connsiteX92" fmla="*/ 151 w 10000"/>
                  <a:gd name="connsiteY92" fmla="*/ 8996 h 10000"/>
                  <a:gd name="connsiteX93" fmla="*/ 203 w 10000"/>
                  <a:gd name="connsiteY93" fmla="*/ 8759 h 10000"/>
                  <a:gd name="connsiteX94" fmla="*/ 228 w 10000"/>
                  <a:gd name="connsiteY94" fmla="*/ 8641 h 10000"/>
                  <a:gd name="connsiteX95" fmla="*/ 228 w 10000"/>
                  <a:gd name="connsiteY95" fmla="*/ 8538 h 10000"/>
                  <a:gd name="connsiteX96" fmla="*/ 203 w 10000"/>
                  <a:gd name="connsiteY96" fmla="*/ 8405 h 10000"/>
                  <a:gd name="connsiteX97" fmla="*/ 178 w 10000"/>
                  <a:gd name="connsiteY97" fmla="*/ 8287 h 10000"/>
                  <a:gd name="connsiteX98" fmla="*/ 431 w 10000"/>
                  <a:gd name="connsiteY98" fmla="*/ 8213 h 10000"/>
                  <a:gd name="connsiteX99" fmla="*/ 685 w 10000"/>
                  <a:gd name="connsiteY99" fmla="*/ 8139 h 10000"/>
                  <a:gd name="connsiteX100" fmla="*/ 939 w 10000"/>
                  <a:gd name="connsiteY100" fmla="*/ 8095 h 10000"/>
                  <a:gd name="connsiteX101" fmla="*/ 1218 w 10000"/>
                  <a:gd name="connsiteY101" fmla="*/ 8065 h 10000"/>
                  <a:gd name="connsiteX102" fmla="*/ 1725 w 10000"/>
                  <a:gd name="connsiteY102" fmla="*/ 8021 h 10000"/>
                  <a:gd name="connsiteX103" fmla="*/ 2234 w 10000"/>
                  <a:gd name="connsiteY103" fmla="*/ 7976 h 10000"/>
                  <a:gd name="connsiteX104" fmla="*/ 2462 w 10000"/>
                  <a:gd name="connsiteY104" fmla="*/ 7947 h 10000"/>
                  <a:gd name="connsiteX105" fmla="*/ 2690 w 10000"/>
                  <a:gd name="connsiteY105" fmla="*/ 7917 h 10000"/>
                  <a:gd name="connsiteX106" fmla="*/ 2892 w 10000"/>
                  <a:gd name="connsiteY106" fmla="*/ 7843 h 10000"/>
                  <a:gd name="connsiteX107" fmla="*/ 3096 w 10000"/>
                  <a:gd name="connsiteY107" fmla="*/ 7784 h 10000"/>
                  <a:gd name="connsiteX108" fmla="*/ 3274 w 10000"/>
                  <a:gd name="connsiteY108" fmla="*/ 7710 h 10000"/>
                  <a:gd name="connsiteX109" fmla="*/ 3426 w 10000"/>
                  <a:gd name="connsiteY109" fmla="*/ 7592 h 10000"/>
                  <a:gd name="connsiteX110" fmla="*/ 3579 w 10000"/>
                  <a:gd name="connsiteY110" fmla="*/ 7474 h 10000"/>
                  <a:gd name="connsiteX111" fmla="*/ 3680 w 10000"/>
                  <a:gd name="connsiteY111" fmla="*/ 7312 h 10000"/>
                  <a:gd name="connsiteX112" fmla="*/ 3477 w 10000"/>
                  <a:gd name="connsiteY112" fmla="*/ 7238 h 10000"/>
                  <a:gd name="connsiteX113" fmla="*/ 3299 w 10000"/>
                  <a:gd name="connsiteY113" fmla="*/ 7179 h 10000"/>
                  <a:gd name="connsiteX114" fmla="*/ 3147 w 10000"/>
                  <a:gd name="connsiteY114" fmla="*/ 7090 h 10000"/>
                  <a:gd name="connsiteX115" fmla="*/ 2995 w 10000"/>
                  <a:gd name="connsiteY115" fmla="*/ 6987 h 10000"/>
                  <a:gd name="connsiteX116" fmla="*/ 2892 w 10000"/>
                  <a:gd name="connsiteY116" fmla="*/ 6869 h 10000"/>
                  <a:gd name="connsiteX117" fmla="*/ 2843 w 10000"/>
                  <a:gd name="connsiteY117" fmla="*/ 6721 h 10000"/>
                  <a:gd name="connsiteX118" fmla="*/ 2817 w 10000"/>
                  <a:gd name="connsiteY118" fmla="*/ 6558 h 10000"/>
                  <a:gd name="connsiteX119" fmla="*/ 2843 w 10000"/>
                  <a:gd name="connsiteY119" fmla="*/ 6352 h 10000"/>
                  <a:gd name="connsiteX120" fmla="*/ 2716 w 10000"/>
                  <a:gd name="connsiteY120" fmla="*/ 6322 h 10000"/>
                  <a:gd name="connsiteX121" fmla="*/ 2564 w 10000"/>
                  <a:gd name="connsiteY121" fmla="*/ 6292 h 10000"/>
                  <a:gd name="connsiteX122" fmla="*/ 2386 w 10000"/>
                  <a:gd name="connsiteY122" fmla="*/ 6278 h 10000"/>
                  <a:gd name="connsiteX123" fmla="*/ 2208 w 10000"/>
                  <a:gd name="connsiteY123" fmla="*/ 6263 h 10000"/>
                  <a:gd name="connsiteX124" fmla="*/ 1853 w 10000"/>
                  <a:gd name="connsiteY124" fmla="*/ 6248 h 10000"/>
                  <a:gd name="connsiteX125" fmla="*/ 1472 w 10000"/>
                  <a:gd name="connsiteY125" fmla="*/ 6263 h 10000"/>
                  <a:gd name="connsiteX126" fmla="*/ 1143 w 10000"/>
                  <a:gd name="connsiteY126" fmla="*/ 6278 h 10000"/>
                  <a:gd name="connsiteX127" fmla="*/ 837 w 10000"/>
                  <a:gd name="connsiteY127" fmla="*/ 6278 h 10000"/>
                  <a:gd name="connsiteX128" fmla="*/ 585 w 10000"/>
                  <a:gd name="connsiteY128" fmla="*/ 6263 h 10000"/>
                  <a:gd name="connsiteX129" fmla="*/ 381 w 10000"/>
                  <a:gd name="connsiteY129" fmla="*/ 6233 h 10000"/>
                  <a:gd name="connsiteX130" fmla="*/ 633 w 10000"/>
                  <a:gd name="connsiteY130" fmla="*/ 5805 h 10000"/>
                  <a:gd name="connsiteX131" fmla="*/ 914 w 10000"/>
                  <a:gd name="connsiteY131" fmla="*/ 5391 h 10000"/>
                  <a:gd name="connsiteX132" fmla="*/ 1016 w 10000"/>
                  <a:gd name="connsiteY132" fmla="*/ 5170 h 10000"/>
                  <a:gd name="connsiteX133" fmla="*/ 1091 w 10000"/>
                  <a:gd name="connsiteY133" fmla="*/ 4963 h 10000"/>
                  <a:gd name="connsiteX134" fmla="*/ 1116 w 10000"/>
                  <a:gd name="connsiteY134" fmla="*/ 4860 h 10000"/>
                  <a:gd name="connsiteX135" fmla="*/ 1091 w 10000"/>
                  <a:gd name="connsiteY135" fmla="*/ 4756 h 10000"/>
                  <a:gd name="connsiteX136" fmla="*/ 1066 w 10000"/>
                  <a:gd name="connsiteY136" fmla="*/ 4653 h 10000"/>
                  <a:gd name="connsiteX137" fmla="*/ 990 w 10000"/>
                  <a:gd name="connsiteY137" fmla="*/ 4549 h 10000"/>
                  <a:gd name="connsiteX138" fmla="*/ 1270 w 10000"/>
                  <a:gd name="connsiteY138" fmla="*/ 4520 h 10000"/>
                  <a:gd name="connsiteX139" fmla="*/ 1472 w 10000"/>
                  <a:gd name="connsiteY139" fmla="*/ 4505 h 10000"/>
                  <a:gd name="connsiteX140" fmla="*/ 1650 w 10000"/>
                  <a:gd name="connsiteY140" fmla="*/ 4505 h 10000"/>
                  <a:gd name="connsiteX141" fmla="*/ 1802 w 10000"/>
                  <a:gd name="connsiteY141" fmla="*/ 4520 h 10000"/>
                  <a:gd name="connsiteX142" fmla="*/ 1929 w 10000"/>
                  <a:gd name="connsiteY142" fmla="*/ 4520 h 10000"/>
                  <a:gd name="connsiteX143" fmla="*/ 2081 w 10000"/>
                  <a:gd name="connsiteY143" fmla="*/ 4520 h 10000"/>
                  <a:gd name="connsiteX144" fmla="*/ 2234 w 10000"/>
                  <a:gd name="connsiteY144" fmla="*/ 4490 h 10000"/>
                  <a:gd name="connsiteX145" fmla="*/ 2436 w 10000"/>
                  <a:gd name="connsiteY145" fmla="*/ 4446 h 10000"/>
                  <a:gd name="connsiteX146" fmla="*/ 2436 w 10000"/>
                  <a:gd name="connsiteY146" fmla="*/ 4579 h 10000"/>
                  <a:gd name="connsiteX147" fmla="*/ 2436 w 10000"/>
                  <a:gd name="connsiteY147" fmla="*/ 4742 h 10000"/>
                  <a:gd name="connsiteX148" fmla="*/ 2436 w 10000"/>
                  <a:gd name="connsiteY148" fmla="*/ 4874 h 10000"/>
                  <a:gd name="connsiteX149" fmla="*/ 2436 w 10000"/>
                  <a:gd name="connsiteY149" fmla="*/ 5037 h 10000"/>
                  <a:gd name="connsiteX150" fmla="*/ 2665 w 10000"/>
                  <a:gd name="connsiteY150" fmla="*/ 5022 h 10000"/>
                  <a:gd name="connsiteX151" fmla="*/ 2817 w 10000"/>
                  <a:gd name="connsiteY151" fmla="*/ 5037 h 10000"/>
                  <a:gd name="connsiteX152" fmla="*/ 2944 w 10000"/>
                  <a:gd name="connsiteY152" fmla="*/ 5066 h 10000"/>
                  <a:gd name="connsiteX153" fmla="*/ 3071 w 10000"/>
                  <a:gd name="connsiteY153" fmla="*/ 5096 h 10000"/>
                  <a:gd name="connsiteX154" fmla="*/ 3173 w 10000"/>
                  <a:gd name="connsiteY154" fmla="*/ 5126 h 10000"/>
                  <a:gd name="connsiteX155" fmla="*/ 3299 w 10000"/>
                  <a:gd name="connsiteY155" fmla="*/ 5155 h 10000"/>
                  <a:gd name="connsiteX156" fmla="*/ 3452 w 10000"/>
                  <a:gd name="connsiteY156" fmla="*/ 5170 h 10000"/>
                  <a:gd name="connsiteX157" fmla="*/ 3680 w 10000"/>
                  <a:gd name="connsiteY157" fmla="*/ 5155 h 10000"/>
                  <a:gd name="connsiteX158" fmla="*/ 3757 w 10000"/>
                  <a:gd name="connsiteY158" fmla="*/ 5096 h 10000"/>
                  <a:gd name="connsiteX159" fmla="*/ 3832 w 10000"/>
                  <a:gd name="connsiteY159" fmla="*/ 5022 h 10000"/>
                  <a:gd name="connsiteX160" fmla="*/ 3857 w 10000"/>
                  <a:gd name="connsiteY160" fmla="*/ 4934 h 10000"/>
                  <a:gd name="connsiteX161" fmla="*/ 3884 w 10000"/>
                  <a:gd name="connsiteY161" fmla="*/ 4860 h 10000"/>
                  <a:gd name="connsiteX162" fmla="*/ 3908 w 10000"/>
                  <a:gd name="connsiteY162" fmla="*/ 4697 h 10000"/>
                  <a:gd name="connsiteX163" fmla="*/ 3884 w 10000"/>
                  <a:gd name="connsiteY163" fmla="*/ 4520 h 10000"/>
                  <a:gd name="connsiteX164" fmla="*/ 3807 w 10000"/>
                  <a:gd name="connsiteY164" fmla="*/ 4343 h 10000"/>
                  <a:gd name="connsiteX165" fmla="*/ 3731 w 10000"/>
                  <a:gd name="connsiteY165" fmla="*/ 4195 h 10000"/>
                  <a:gd name="connsiteX166" fmla="*/ 3604 w 10000"/>
                  <a:gd name="connsiteY166" fmla="*/ 4047 h 10000"/>
                  <a:gd name="connsiteX167" fmla="*/ 3477 w 10000"/>
                  <a:gd name="connsiteY167" fmla="*/ 3959 h 10000"/>
                  <a:gd name="connsiteX168" fmla="*/ 3629 w 10000"/>
                  <a:gd name="connsiteY168" fmla="*/ 3944 h 10000"/>
                  <a:gd name="connsiteX169" fmla="*/ 3757 w 10000"/>
                  <a:gd name="connsiteY169" fmla="*/ 3914 h 10000"/>
                  <a:gd name="connsiteX170" fmla="*/ 3857 w 10000"/>
                  <a:gd name="connsiteY170" fmla="*/ 3855 h 10000"/>
                  <a:gd name="connsiteX171" fmla="*/ 3983 w 10000"/>
                  <a:gd name="connsiteY171" fmla="*/ 3752 h 10000"/>
                  <a:gd name="connsiteX172" fmla="*/ 4111 w 10000"/>
                  <a:gd name="connsiteY172" fmla="*/ 3663 h 10000"/>
                  <a:gd name="connsiteX173" fmla="*/ 4213 w 10000"/>
                  <a:gd name="connsiteY173" fmla="*/ 3560 h 10000"/>
                  <a:gd name="connsiteX174" fmla="*/ 4289 w 10000"/>
                  <a:gd name="connsiteY174" fmla="*/ 3442 h 10000"/>
                  <a:gd name="connsiteX175" fmla="*/ 4366 w 10000"/>
                  <a:gd name="connsiteY175" fmla="*/ 3323 h 10000"/>
                  <a:gd name="connsiteX176" fmla="*/ 4416 w 10000"/>
                  <a:gd name="connsiteY176" fmla="*/ 3220 h 10000"/>
                  <a:gd name="connsiteX177" fmla="*/ 4441 w 10000"/>
                  <a:gd name="connsiteY177" fmla="*/ 3102 h 10000"/>
                  <a:gd name="connsiteX178" fmla="*/ 4468 w 10000"/>
                  <a:gd name="connsiteY178" fmla="*/ 3013 h 10000"/>
                  <a:gd name="connsiteX179" fmla="*/ 4441 w 10000"/>
                  <a:gd name="connsiteY179" fmla="*/ 2939 h 10000"/>
                  <a:gd name="connsiteX180" fmla="*/ 4416 w 10000"/>
                  <a:gd name="connsiteY180" fmla="*/ 2866 h 10000"/>
                  <a:gd name="connsiteX181" fmla="*/ 4340 w 10000"/>
                  <a:gd name="connsiteY181" fmla="*/ 2836 h 10000"/>
                  <a:gd name="connsiteX182" fmla="*/ 4239 w 10000"/>
                  <a:gd name="connsiteY182" fmla="*/ 2836 h 10000"/>
                  <a:gd name="connsiteX183" fmla="*/ 4111 w 10000"/>
                  <a:gd name="connsiteY183" fmla="*/ 2866 h 10000"/>
                  <a:gd name="connsiteX184" fmla="*/ 4213 w 10000"/>
                  <a:gd name="connsiteY184" fmla="*/ 2777 h 10000"/>
                  <a:gd name="connsiteX185" fmla="*/ 4265 w 10000"/>
                  <a:gd name="connsiteY185" fmla="*/ 2674 h 10000"/>
                  <a:gd name="connsiteX186" fmla="*/ 4289 w 10000"/>
                  <a:gd name="connsiteY186" fmla="*/ 2541 h 10000"/>
                  <a:gd name="connsiteX187" fmla="*/ 4289 w 10000"/>
                  <a:gd name="connsiteY187" fmla="*/ 2393 h 10000"/>
                  <a:gd name="connsiteX188" fmla="*/ 4314 w 10000"/>
                  <a:gd name="connsiteY188" fmla="*/ 2349 h 10000"/>
                  <a:gd name="connsiteX189" fmla="*/ 4366 w 10000"/>
                  <a:gd name="connsiteY189" fmla="*/ 2304 h 10000"/>
                  <a:gd name="connsiteX190" fmla="*/ 4416 w 10000"/>
                  <a:gd name="connsiteY190" fmla="*/ 2290 h 10000"/>
                  <a:gd name="connsiteX191" fmla="*/ 4493 w 10000"/>
                  <a:gd name="connsiteY191" fmla="*/ 2275 h 10000"/>
                  <a:gd name="connsiteX192" fmla="*/ 4720 w 10000"/>
                  <a:gd name="connsiteY192" fmla="*/ 2260 h 10000"/>
                  <a:gd name="connsiteX193" fmla="*/ 4923 w 10000"/>
                  <a:gd name="connsiteY193" fmla="*/ 2275 h 10000"/>
                  <a:gd name="connsiteX194" fmla="*/ 4898 w 10000"/>
                  <a:gd name="connsiteY194" fmla="*/ 2112 h 10000"/>
                  <a:gd name="connsiteX195" fmla="*/ 4848 w 10000"/>
                  <a:gd name="connsiteY195" fmla="*/ 1950 h 10000"/>
                  <a:gd name="connsiteX196" fmla="*/ 4771 w 10000"/>
                  <a:gd name="connsiteY196" fmla="*/ 1802 h 10000"/>
                  <a:gd name="connsiteX197" fmla="*/ 4671 w 10000"/>
                  <a:gd name="connsiteY197" fmla="*/ 1640 h 10000"/>
                  <a:gd name="connsiteX198" fmla="*/ 4416 w 10000"/>
                  <a:gd name="connsiteY198" fmla="*/ 1329 h 10000"/>
                  <a:gd name="connsiteX199" fmla="*/ 4162 w 10000"/>
                  <a:gd name="connsiteY199" fmla="*/ 1034 h 10000"/>
                  <a:gd name="connsiteX200" fmla="*/ 4035 w 10000"/>
                  <a:gd name="connsiteY200" fmla="*/ 901 h 10000"/>
                  <a:gd name="connsiteX201" fmla="*/ 3935 w 10000"/>
                  <a:gd name="connsiteY201" fmla="*/ 753 h 10000"/>
                  <a:gd name="connsiteX202" fmla="*/ 3857 w 10000"/>
                  <a:gd name="connsiteY202" fmla="*/ 620 h 10000"/>
                  <a:gd name="connsiteX203" fmla="*/ 3832 w 10000"/>
                  <a:gd name="connsiteY203" fmla="*/ 487 h 10000"/>
                  <a:gd name="connsiteX204" fmla="*/ 3807 w 10000"/>
                  <a:gd name="connsiteY204" fmla="*/ 355 h 10000"/>
                  <a:gd name="connsiteX205" fmla="*/ 3857 w 10000"/>
                  <a:gd name="connsiteY205" fmla="*/ 222 h 10000"/>
                  <a:gd name="connsiteX206" fmla="*/ 3884 w 10000"/>
                  <a:gd name="connsiteY206" fmla="*/ 162 h 10000"/>
                  <a:gd name="connsiteX207" fmla="*/ 3935 w 10000"/>
                  <a:gd name="connsiteY207" fmla="*/ 103 h 10000"/>
                  <a:gd name="connsiteX208" fmla="*/ 4011 w 10000"/>
                  <a:gd name="connsiteY208" fmla="*/ 59 h 10000"/>
                  <a:gd name="connsiteX209" fmla="*/ 4111 w 10000"/>
                  <a:gd name="connsiteY209" fmla="*/ 0 h 10000"/>
                  <a:gd name="connsiteX210" fmla="*/ 4289 w 10000"/>
                  <a:gd name="connsiteY210" fmla="*/ 0 h 10000"/>
                  <a:gd name="connsiteX211" fmla="*/ 4468 w 10000"/>
                  <a:gd name="connsiteY211" fmla="*/ 15 h 10000"/>
                  <a:gd name="connsiteX212" fmla="*/ 4644 w 10000"/>
                  <a:gd name="connsiteY212" fmla="*/ 44 h 10000"/>
                  <a:gd name="connsiteX213" fmla="*/ 4771 w 10000"/>
                  <a:gd name="connsiteY213" fmla="*/ 89 h 10000"/>
                  <a:gd name="connsiteX214" fmla="*/ 4975 w 10000"/>
                  <a:gd name="connsiteY214" fmla="*/ 192 h 10000"/>
                  <a:gd name="connsiteX215" fmla="*/ 5177 w 10000"/>
                  <a:gd name="connsiteY215" fmla="*/ 340 h 10000"/>
                  <a:gd name="connsiteX216" fmla="*/ 5329 w 10000"/>
                  <a:gd name="connsiteY216" fmla="*/ 473 h 10000"/>
                  <a:gd name="connsiteX217" fmla="*/ 5532 w 10000"/>
                  <a:gd name="connsiteY217" fmla="*/ 591 h 10000"/>
                  <a:gd name="connsiteX218" fmla="*/ 5660 w 10000"/>
                  <a:gd name="connsiteY218" fmla="*/ 650 h 10000"/>
                  <a:gd name="connsiteX219" fmla="*/ 5812 w 10000"/>
                  <a:gd name="connsiteY219" fmla="*/ 679 h 10000"/>
                  <a:gd name="connsiteX220" fmla="*/ 5965 w 10000"/>
                  <a:gd name="connsiteY220" fmla="*/ 709 h 10000"/>
                  <a:gd name="connsiteX221" fmla="*/ 6168 w 10000"/>
                  <a:gd name="connsiteY221" fmla="*/ 709 h 10000"/>
                  <a:gd name="connsiteX222" fmla="*/ 6168 w 10000"/>
                  <a:gd name="connsiteY222" fmla="*/ 768 h 10000"/>
                  <a:gd name="connsiteX223" fmla="*/ 6193 w 10000"/>
                  <a:gd name="connsiteY223" fmla="*/ 842 h 10000"/>
                  <a:gd name="connsiteX224" fmla="*/ 6243 w 10000"/>
                  <a:gd name="connsiteY224" fmla="*/ 916 h 10000"/>
                  <a:gd name="connsiteX225" fmla="*/ 6294 w 10000"/>
                  <a:gd name="connsiteY225" fmla="*/ 990 h 10000"/>
                  <a:gd name="connsiteX226" fmla="*/ 6369 w 10000"/>
                  <a:gd name="connsiteY226" fmla="*/ 1049 h 10000"/>
                  <a:gd name="connsiteX227" fmla="*/ 6471 w 10000"/>
                  <a:gd name="connsiteY227" fmla="*/ 1108 h 10000"/>
                  <a:gd name="connsiteX228" fmla="*/ 6598 w 10000"/>
                  <a:gd name="connsiteY228" fmla="*/ 1182 h 10000"/>
                  <a:gd name="connsiteX229" fmla="*/ 6700 w 10000"/>
                  <a:gd name="connsiteY229" fmla="*/ 1226 h 10000"/>
                  <a:gd name="connsiteX230" fmla="*/ 6802 w 10000"/>
                  <a:gd name="connsiteY230" fmla="*/ 1270 h 10000"/>
                  <a:gd name="connsiteX231" fmla="*/ 6903 w 10000"/>
                  <a:gd name="connsiteY231" fmla="*/ 1300 h 10000"/>
                  <a:gd name="connsiteX232" fmla="*/ 7005 w 10000"/>
                  <a:gd name="connsiteY232" fmla="*/ 1315 h 10000"/>
                  <a:gd name="connsiteX233" fmla="*/ 7132 w 10000"/>
                  <a:gd name="connsiteY233" fmla="*/ 1300 h 10000"/>
                  <a:gd name="connsiteX234" fmla="*/ 7234 w 10000"/>
                  <a:gd name="connsiteY234" fmla="*/ 1285 h 10000"/>
                  <a:gd name="connsiteX235" fmla="*/ 7309 w 10000"/>
                  <a:gd name="connsiteY235" fmla="*/ 1241 h 10000"/>
                  <a:gd name="connsiteX236" fmla="*/ 7361 w 10000"/>
                  <a:gd name="connsiteY236" fmla="*/ 1167 h 10000"/>
                  <a:gd name="connsiteX237" fmla="*/ 7385 w 10000"/>
                  <a:gd name="connsiteY237" fmla="*/ 1064 h 10000"/>
                  <a:gd name="connsiteX238" fmla="*/ 7766 w 10000"/>
                  <a:gd name="connsiteY238" fmla="*/ 1034 h 10000"/>
                  <a:gd name="connsiteX239" fmla="*/ 8121 w 10000"/>
                  <a:gd name="connsiteY239" fmla="*/ 1004 h 10000"/>
                  <a:gd name="connsiteX240" fmla="*/ 8427 w 10000"/>
                  <a:gd name="connsiteY240" fmla="*/ 990 h 10000"/>
                  <a:gd name="connsiteX241" fmla="*/ 8706 w 10000"/>
                  <a:gd name="connsiteY241" fmla="*/ 1004 h 10000"/>
                  <a:gd name="connsiteX242" fmla="*/ 8833 w 10000"/>
                  <a:gd name="connsiteY242" fmla="*/ 1019 h 10000"/>
                  <a:gd name="connsiteX243" fmla="*/ 8958 w 10000"/>
                  <a:gd name="connsiteY243" fmla="*/ 1034 h 10000"/>
                  <a:gd name="connsiteX244" fmla="*/ 9061 w 10000"/>
                  <a:gd name="connsiteY244" fmla="*/ 1064 h 10000"/>
                  <a:gd name="connsiteX245" fmla="*/ 9188 w 10000"/>
                  <a:gd name="connsiteY245" fmla="*/ 1108 h 10000"/>
                  <a:gd name="connsiteX246" fmla="*/ 9264 w 10000"/>
                  <a:gd name="connsiteY246" fmla="*/ 1182 h 10000"/>
                  <a:gd name="connsiteX247" fmla="*/ 9339 w 10000"/>
                  <a:gd name="connsiteY247" fmla="*/ 1241 h 10000"/>
                  <a:gd name="connsiteX248" fmla="*/ 9391 w 10000"/>
                  <a:gd name="connsiteY248" fmla="*/ 1329 h 10000"/>
                  <a:gd name="connsiteX249" fmla="*/ 9442 w 10000"/>
                  <a:gd name="connsiteY249" fmla="*/ 1433 h 10000"/>
                  <a:gd name="connsiteX250" fmla="*/ 9492 w 10000"/>
                  <a:gd name="connsiteY250" fmla="*/ 1551 h 10000"/>
                  <a:gd name="connsiteX251" fmla="*/ 9466 w 10000"/>
                  <a:gd name="connsiteY251" fmla="*/ 1625 h 10000"/>
                  <a:gd name="connsiteX252" fmla="*/ 9442 w 10000"/>
                  <a:gd name="connsiteY252" fmla="*/ 1684 h 10000"/>
                  <a:gd name="connsiteX253" fmla="*/ 9391 w 10000"/>
                  <a:gd name="connsiteY253" fmla="*/ 1758 h 10000"/>
                  <a:gd name="connsiteX254" fmla="*/ 9315 w 10000"/>
                  <a:gd name="connsiteY254" fmla="*/ 1802 h 10000"/>
                  <a:gd name="connsiteX255" fmla="*/ 9264 w 10000"/>
                  <a:gd name="connsiteY255" fmla="*/ 1861 h 10000"/>
                  <a:gd name="connsiteX256" fmla="*/ 9240 w 10000"/>
                  <a:gd name="connsiteY256" fmla="*/ 1935 h 10000"/>
                  <a:gd name="connsiteX257" fmla="*/ 9264 w 10000"/>
                  <a:gd name="connsiteY257" fmla="*/ 2024 h 10000"/>
                  <a:gd name="connsiteX258" fmla="*/ 9543 w 10000"/>
                  <a:gd name="connsiteY258" fmla="*/ 2157 h 10000"/>
                  <a:gd name="connsiteX259" fmla="*/ 9873 w 10000"/>
                  <a:gd name="connsiteY259" fmla="*/ 2275 h 10000"/>
                  <a:gd name="connsiteX260" fmla="*/ 10000 w 10000"/>
                  <a:gd name="connsiteY260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548 w 10000"/>
                  <a:gd name="connsiteY22" fmla="*/ 3914 h 10000"/>
                  <a:gd name="connsiteX23" fmla="*/ 6345 w 10000"/>
                  <a:gd name="connsiteY23" fmla="*/ 4003 h 10000"/>
                  <a:gd name="connsiteX24" fmla="*/ 6143 w 10000"/>
                  <a:gd name="connsiteY24" fmla="*/ 4106 h 10000"/>
                  <a:gd name="connsiteX25" fmla="*/ 5938 w 10000"/>
                  <a:gd name="connsiteY25" fmla="*/ 4195 h 10000"/>
                  <a:gd name="connsiteX26" fmla="*/ 6091 w 10000"/>
                  <a:gd name="connsiteY26" fmla="*/ 4417 h 10000"/>
                  <a:gd name="connsiteX27" fmla="*/ 6369 w 10000"/>
                  <a:gd name="connsiteY27" fmla="*/ 5081 h 10000"/>
                  <a:gd name="connsiteX28" fmla="*/ 6421 w 10000"/>
                  <a:gd name="connsiteY28" fmla="*/ 5318 h 10000"/>
                  <a:gd name="connsiteX29" fmla="*/ 6447 w 10000"/>
                  <a:gd name="connsiteY29" fmla="*/ 5539 h 10000"/>
                  <a:gd name="connsiteX30" fmla="*/ 6471 w 10000"/>
                  <a:gd name="connsiteY30" fmla="*/ 5775 h 10000"/>
                  <a:gd name="connsiteX31" fmla="*/ 6471 w 10000"/>
                  <a:gd name="connsiteY31" fmla="*/ 5997 h 10000"/>
                  <a:gd name="connsiteX32" fmla="*/ 6447 w 10000"/>
                  <a:gd name="connsiteY32" fmla="*/ 6233 h 10000"/>
                  <a:gd name="connsiteX33" fmla="*/ 6396 w 10000"/>
                  <a:gd name="connsiteY33" fmla="*/ 6470 h 10000"/>
                  <a:gd name="connsiteX34" fmla="*/ 6345 w 10000"/>
                  <a:gd name="connsiteY34" fmla="*/ 6677 h 10000"/>
                  <a:gd name="connsiteX35" fmla="*/ 6269 w 10000"/>
                  <a:gd name="connsiteY35" fmla="*/ 6898 h 10000"/>
                  <a:gd name="connsiteX36" fmla="*/ 6168 w 10000"/>
                  <a:gd name="connsiteY36" fmla="*/ 7105 h 10000"/>
                  <a:gd name="connsiteX37" fmla="*/ 6041 w 10000"/>
                  <a:gd name="connsiteY37" fmla="*/ 7297 h 10000"/>
                  <a:gd name="connsiteX38" fmla="*/ 5888 w 10000"/>
                  <a:gd name="connsiteY38" fmla="*/ 7489 h 10000"/>
                  <a:gd name="connsiteX39" fmla="*/ 5735 w 10000"/>
                  <a:gd name="connsiteY39" fmla="*/ 7681 h 10000"/>
                  <a:gd name="connsiteX40" fmla="*/ 6471 w 10000"/>
                  <a:gd name="connsiteY40" fmla="*/ 7799 h 10000"/>
                  <a:gd name="connsiteX41" fmla="*/ 7234 w 10000"/>
                  <a:gd name="connsiteY41" fmla="*/ 7962 h 10000"/>
                  <a:gd name="connsiteX42" fmla="*/ 7385 w 10000"/>
                  <a:gd name="connsiteY42" fmla="*/ 8021 h 10000"/>
                  <a:gd name="connsiteX43" fmla="*/ 7512 w 10000"/>
                  <a:gd name="connsiteY43" fmla="*/ 8080 h 10000"/>
                  <a:gd name="connsiteX44" fmla="*/ 7639 w 10000"/>
                  <a:gd name="connsiteY44" fmla="*/ 8139 h 10000"/>
                  <a:gd name="connsiteX45" fmla="*/ 7716 w 10000"/>
                  <a:gd name="connsiteY45" fmla="*/ 8227 h 10000"/>
                  <a:gd name="connsiteX46" fmla="*/ 7741 w 10000"/>
                  <a:gd name="connsiteY46" fmla="*/ 8301 h 10000"/>
                  <a:gd name="connsiteX47" fmla="*/ 7741 w 10000"/>
                  <a:gd name="connsiteY47" fmla="*/ 8405 h 10000"/>
                  <a:gd name="connsiteX48" fmla="*/ 7691 w 10000"/>
                  <a:gd name="connsiteY48" fmla="*/ 8523 h 10000"/>
                  <a:gd name="connsiteX49" fmla="*/ 7614 w 10000"/>
                  <a:gd name="connsiteY49" fmla="*/ 8641 h 10000"/>
                  <a:gd name="connsiteX50" fmla="*/ 7284 w 10000"/>
                  <a:gd name="connsiteY50" fmla="*/ 8552 h 10000"/>
                  <a:gd name="connsiteX51" fmla="*/ 6979 w 10000"/>
                  <a:gd name="connsiteY51" fmla="*/ 8449 h 10000"/>
                  <a:gd name="connsiteX52" fmla="*/ 6674 w 10000"/>
                  <a:gd name="connsiteY52" fmla="*/ 8360 h 10000"/>
                  <a:gd name="connsiteX53" fmla="*/ 6369 w 10000"/>
                  <a:gd name="connsiteY53" fmla="*/ 8287 h 10000"/>
                  <a:gd name="connsiteX54" fmla="*/ 6243 w 10000"/>
                  <a:gd name="connsiteY54" fmla="*/ 8449 h 10000"/>
                  <a:gd name="connsiteX55" fmla="*/ 6143 w 10000"/>
                  <a:gd name="connsiteY55" fmla="*/ 8597 h 10000"/>
                  <a:gd name="connsiteX56" fmla="*/ 6091 w 10000"/>
                  <a:gd name="connsiteY56" fmla="*/ 8656 h 10000"/>
                  <a:gd name="connsiteX57" fmla="*/ 5989 w 10000"/>
                  <a:gd name="connsiteY57" fmla="*/ 8700 h 10000"/>
                  <a:gd name="connsiteX58" fmla="*/ 5914 w 10000"/>
                  <a:gd name="connsiteY58" fmla="*/ 8744 h 10000"/>
                  <a:gd name="connsiteX59" fmla="*/ 5838 w 10000"/>
                  <a:gd name="connsiteY59" fmla="*/ 8774 h 10000"/>
                  <a:gd name="connsiteX60" fmla="*/ 5761 w 10000"/>
                  <a:gd name="connsiteY60" fmla="*/ 8804 h 10000"/>
                  <a:gd name="connsiteX61" fmla="*/ 5660 w 10000"/>
                  <a:gd name="connsiteY61" fmla="*/ 8818 h 10000"/>
                  <a:gd name="connsiteX62" fmla="*/ 5532 w 10000"/>
                  <a:gd name="connsiteY62" fmla="*/ 8833 h 10000"/>
                  <a:gd name="connsiteX63" fmla="*/ 5406 w 10000"/>
                  <a:gd name="connsiteY63" fmla="*/ 8833 h 10000"/>
                  <a:gd name="connsiteX64" fmla="*/ 5102 w 10000"/>
                  <a:gd name="connsiteY64" fmla="*/ 8818 h 10000"/>
                  <a:gd name="connsiteX65" fmla="*/ 4720 w 10000"/>
                  <a:gd name="connsiteY65" fmla="*/ 8744 h 10000"/>
                  <a:gd name="connsiteX66" fmla="*/ 4720 w 10000"/>
                  <a:gd name="connsiteY66" fmla="*/ 8922 h 10000"/>
                  <a:gd name="connsiteX67" fmla="*/ 4695 w 10000"/>
                  <a:gd name="connsiteY67" fmla="*/ 9069 h 10000"/>
                  <a:gd name="connsiteX68" fmla="*/ 4671 w 10000"/>
                  <a:gd name="connsiteY68" fmla="*/ 9232 h 10000"/>
                  <a:gd name="connsiteX69" fmla="*/ 4644 w 10000"/>
                  <a:gd name="connsiteY69" fmla="*/ 9365 h 10000"/>
                  <a:gd name="connsiteX70" fmla="*/ 4593 w 10000"/>
                  <a:gd name="connsiteY70" fmla="*/ 9498 h 10000"/>
                  <a:gd name="connsiteX71" fmla="*/ 4493 w 10000"/>
                  <a:gd name="connsiteY71" fmla="*/ 9616 h 10000"/>
                  <a:gd name="connsiteX72" fmla="*/ 4416 w 10000"/>
                  <a:gd name="connsiteY72" fmla="*/ 9734 h 10000"/>
                  <a:gd name="connsiteX73" fmla="*/ 4289 w 10000"/>
                  <a:gd name="connsiteY73" fmla="*/ 9838 h 10000"/>
                  <a:gd name="connsiteX74" fmla="*/ 3983 w 10000"/>
                  <a:gd name="connsiteY74" fmla="*/ 9897 h 10000"/>
                  <a:gd name="connsiteX75" fmla="*/ 3731 w 10000"/>
                  <a:gd name="connsiteY75" fmla="*/ 9941 h 10000"/>
                  <a:gd name="connsiteX76" fmla="*/ 3426 w 10000"/>
                  <a:gd name="connsiteY76" fmla="*/ 9985 h 10000"/>
                  <a:gd name="connsiteX77" fmla="*/ 3198 w 10000"/>
                  <a:gd name="connsiteY77" fmla="*/ 10000 h 10000"/>
                  <a:gd name="connsiteX78" fmla="*/ 2690 w 10000"/>
                  <a:gd name="connsiteY78" fmla="*/ 10000 h 10000"/>
                  <a:gd name="connsiteX79" fmla="*/ 2208 w 10000"/>
                  <a:gd name="connsiteY79" fmla="*/ 9985 h 10000"/>
                  <a:gd name="connsiteX80" fmla="*/ 1752 w 10000"/>
                  <a:gd name="connsiteY80" fmla="*/ 9941 h 10000"/>
                  <a:gd name="connsiteX81" fmla="*/ 1270 w 10000"/>
                  <a:gd name="connsiteY81" fmla="*/ 9911 h 10000"/>
                  <a:gd name="connsiteX82" fmla="*/ 990 w 10000"/>
                  <a:gd name="connsiteY82" fmla="*/ 9911 h 10000"/>
                  <a:gd name="connsiteX83" fmla="*/ 736 w 10000"/>
                  <a:gd name="connsiteY83" fmla="*/ 9911 h 10000"/>
                  <a:gd name="connsiteX84" fmla="*/ 457 w 10000"/>
                  <a:gd name="connsiteY84" fmla="*/ 9926 h 10000"/>
                  <a:gd name="connsiteX85" fmla="*/ 178 w 10000"/>
                  <a:gd name="connsiteY85" fmla="*/ 9970 h 10000"/>
                  <a:gd name="connsiteX86" fmla="*/ 102 w 10000"/>
                  <a:gd name="connsiteY86" fmla="*/ 9867 h 10000"/>
                  <a:gd name="connsiteX87" fmla="*/ 51 w 10000"/>
                  <a:gd name="connsiteY87" fmla="*/ 9793 h 10000"/>
                  <a:gd name="connsiteX88" fmla="*/ 0 w 10000"/>
                  <a:gd name="connsiteY88" fmla="*/ 9705 h 10000"/>
                  <a:gd name="connsiteX89" fmla="*/ 0 w 10000"/>
                  <a:gd name="connsiteY89" fmla="*/ 9601 h 10000"/>
                  <a:gd name="connsiteX90" fmla="*/ 51 w 10000"/>
                  <a:gd name="connsiteY90" fmla="*/ 9424 h 10000"/>
                  <a:gd name="connsiteX91" fmla="*/ 102 w 10000"/>
                  <a:gd name="connsiteY91" fmla="*/ 9202 h 10000"/>
                  <a:gd name="connsiteX92" fmla="*/ 151 w 10000"/>
                  <a:gd name="connsiteY92" fmla="*/ 8996 h 10000"/>
                  <a:gd name="connsiteX93" fmla="*/ 203 w 10000"/>
                  <a:gd name="connsiteY93" fmla="*/ 8759 h 10000"/>
                  <a:gd name="connsiteX94" fmla="*/ 228 w 10000"/>
                  <a:gd name="connsiteY94" fmla="*/ 8641 h 10000"/>
                  <a:gd name="connsiteX95" fmla="*/ 228 w 10000"/>
                  <a:gd name="connsiteY95" fmla="*/ 8538 h 10000"/>
                  <a:gd name="connsiteX96" fmla="*/ 203 w 10000"/>
                  <a:gd name="connsiteY96" fmla="*/ 8405 h 10000"/>
                  <a:gd name="connsiteX97" fmla="*/ 178 w 10000"/>
                  <a:gd name="connsiteY97" fmla="*/ 8287 h 10000"/>
                  <a:gd name="connsiteX98" fmla="*/ 431 w 10000"/>
                  <a:gd name="connsiteY98" fmla="*/ 8213 h 10000"/>
                  <a:gd name="connsiteX99" fmla="*/ 685 w 10000"/>
                  <a:gd name="connsiteY99" fmla="*/ 8139 h 10000"/>
                  <a:gd name="connsiteX100" fmla="*/ 939 w 10000"/>
                  <a:gd name="connsiteY100" fmla="*/ 8095 h 10000"/>
                  <a:gd name="connsiteX101" fmla="*/ 1218 w 10000"/>
                  <a:gd name="connsiteY101" fmla="*/ 8065 h 10000"/>
                  <a:gd name="connsiteX102" fmla="*/ 1725 w 10000"/>
                  <a:gd name="connsiteY102" fmla="*/ 8021 h 10000"/>
                  <a:gd name="connsiteX103" fmla="*/ 2234 w 10000"/>
                  <a:gd name="connsiteY103" fmla="*/ 7976 h 10000"/>
                  <a:gd name="connsiteX104" fmla="*/ 2462 w 10000"/>
                  <a:gd name="connsiteY104" fmla="*/ 7947 h 10000"/>
                  <a:gd name="connsiteX105" fmla="*/ 2690 w 10000"/>
                  <a:gd name="connsiteY105" fmla="*/ 7917 h 10000"/>
                  <a:gd name="connsiteX106" fmla="*/ 2892 w 10000"/>
                  <a:gd name="connsiteY106" fmla="*/ 7843 h 10000"/>
                  <a:gd name="connsiteX107" fmla="*/ 3096 w 10000"/>
                  <a:gd name="connsiteY107" fmla="*/ 7784 h 10000"/>
                  <a:gd name="connsiteX108" fmla="*/ 3274 w 10000"/>
                  <a:gd name="connsiteY108" fmla="*/ 7710 h 10000"/>
                  <a:gd name="connsiteX109" fmla="*/ 3426 w 10000"/>
                  <a:gd name="connsiteY109" fmla="*/ 7592 h 10000"/>
                  <a:gd name="connsiteX110" fmla="*/ 3579 w 10000"/>
                  <a:gd name="connsiteY110" fmla="*/ 7474 h 10000"/>
                  <a:gd name="connsiteX111" fmla="*/ 3680 w 10000"/>
                  <a:gd name="connsiteY111" fmla="*/ 7312 h 10000"/>
                  <a:gd name="connsiteX112" fmla="*/ 3477 w 10000"/>
                  <a:gd name="connsiteY112" fmla="*/ 7238 h 10000"/>
                  <a:gd name="connsiteX113" fmla="*/ 3299 w 10000"/>
                  <a:gd name="connsiteY113" fmla="*/ 7179 h 10000"/>
                  <a:gd name="connsiteX114" fmla="*/ 3147 w 10000"/>
                  <a:gd name="connsiteY114" fmla="*/ 7090 h 10000"/>
                  <a:gd name="connsiteX115" fmla="*/ 2995 w 10000"/>
                  <a:gd name="connsiteY115" fmla="*/ 6987 h 10000"/>
                  <a:gd name="connsiteX116" fmla="*/ 2892 w 10000"/>
                  <a:gd name="connsiteY116" fmla="*/ 6869 h 10000"/>
                  <a:gd name="connsiteX117" fmla="*/ 2843 w 10000"/>
                  <a:gd name="connsiteY117" fmla="*/ 6721 h 10000"/>
                  <a:gd name="connsiteX118" fmla="*/ 2817 w 10000"/>
                  <a:gd name="connsiteY118" fmla="*/ 6558 h 10000"/>
                  <a:gd name="connsiteX119" fmla="*/ 2843 w 10000"/>
                  <a:gd name="connsiteY119" fmla="*/ 6352 h 10000"/>
                  <a:gd name="connsiteX120" fmla="*/ 2716 w 10000"/>
                  <a:gd name="connsiteY120" fmla="*/ 6322 h 10000"/>
                  <a:gd name="connsiteX121" fmla="*/ 2564 w 10000"/>
                  <a:gd name="connsiteY121" fmla="*/ 6292 h 10000"/>
                  <a:gd name="connsiteX122" fmla="*/ 2386 w 10000"/>
                  <a:gd name="connsiteY122" fmla="*/ 6278 h 10000"/>
                  <a:gd name="connsiteX123" fmla="*/ 2208 w 10000"/>
                  <a:gd name="connsiteY123" fmla="*/ 6263 h 10000"/>
                  <a:gd name="connsiteX124" fmla="*/ 1853 w 10000"/>
                  <a:gd name="connsiteY124" fmla="*/ 6248 h 10000"/>
                  <a:gd name="connsiteX125" fmla="*/ 1472 w 10000"/>
                  <a:gd name="connsiteY125" fmla="*/ 6263 h 10000"/>
                  <a:gd name="connsiteX126" fmla="*/ 1143 w 10000"/>
                  <a:gd name="connsiteY126" fmla="*/ 6278 h 10000"/>
                  <a:gd name="connsiteX127" fmla="*/ 837 w 10000"/>
                  <a:gd name="connsiteY127" fmla="*/ 6278 h 10000"/>
                  <a:gd name="connsiteX128" fmla="*/ 585 w 10000"/>
                  <a:gd name="connsiteY128" fmla="*/ 6263 h 10000"/>
                  <a:gd name="connsiteX129" fmla="*/ 381 w 10000"/>
                  <a:gd name="connsiteY129" fmla="*/ 6233 h 10000"/>
                  <a:gd name="connsiteX130" fmla="*/ 633 w 10000"/>
                  <a:gd name="connsiteY130" fmla="*/ 5805 h 10000"/>
                  <a:gd name="connsiteX131" fmla="*/ 914 w 10000"/>
                  <a:gd name="connsiteY131" fmla="*/ 5391 h 10000"/>
                  <a:gd name="connsiteX132" fmla="*/ 1016 w 10000"/>
                  <a:gd name="connsiteY132" fmla="*/ 5170 h 10000"/>
                  <a:gd name="connsiteX133" fmla="*/ 1091 w 10000"/>
                  <a:gd name="connsiteY133" fmla="*/ 4963 h 10000"/>
                  <a:gd name="connsiteX134" fmla="*/ 1116 w 10000"/>
                  <a:gd name="connsiteY134" fmla="*/ 4860 h 10000"/>
                  <a:gd name="connsiteX135" fmla="*/ 1091 w 10000"/>
                  <a:gd name="connsiteY135" fmla="*/ 4756 h 10000"/>
                  <a:gd name="connsiteX136" fmla="*/ 1066 w 10000"/>
                  <a:gd name="connsiteY136" fmla="*/ 4653 h 10000"/>
                  <a:gd name="connsiteX137" fmla="*/ 990 w 10000"/>
                  <a:gd name="connsiteY137" fmla="*/ 4549 h 10000"/>
                  <a:gd name="connsiteX138" fmla="*/ 1270 w 10000"/>
                  <a:gd name="connsiteY138" fmla="*/ 4520 h 10000"/>
                  <a:gd name="connsiteX139" fmla="*/ 1472 w 10000"/>
                  <a:gd name="connsiteY139" fmla="*/ 4505 h 10000"/>
                  <a:gd name="connsiteX140" fmla="*/ 1650 w 10000"/>
                  <a:gd name="connsiteY140" fmla="*/ 4505 h 10000"/>
                  <a:gd name="connsiteX141" fmla="*/ 1802 w 10000"/>
                  <a:gd name="connsiteY141" fmla="*/ 4520 h 10000"/>
                  <a:gd name="connsiteX142" fmla="*/ 1929 w 10000"/>
                  <a:gd name="connsiteY142" fmla="*/ 4520 h 10000"/>
                  <a:gd name="connsiteX143" fmla="*/ 2081 w 10000"/>
                  <a:gd name="connsiteY143" fmla="*/ 4520 h 10000"/>
                  <a:gd name="connsiteX144" fmla="*/ 2234 w 10000"/>
                  <a:gd name="connsiteY144" fmla="*/ 4490 h 10000"/>
                  <a:gd name="connsiteX145" fmla="*/ 2436 w 10000"/>
                  <a:gd name="connsiteY145" fmla="*/ 4446 h 10000"/>
                  <a:gd name="connsiteX146" fmla="*/ 2436 w 10000"/>
                  <a:gd name="connsiteY146" fmla="*/ 4579 h 10000"/>
                  <a:gd name="connsiteX147" fmla="*/ 2436 w 10000"/>
                  <a:gd name="connsiteY147" fmla="*/ 4742 h 10000"/>
                  <a:gd name="connsiteX148" fmla="*/ 2436 w 10000"/>
                  <a:gd name="connsiteY148" fmla="*/ 4874 h 10000"/>
                  <a:gd name="connsiteX149" fmla="*/ 2436 w 10000"/>
                  <a:gd name="connsiteY149" fmla="*/ 5037 h 10000"/>
                  <a:gd name="connsiteX150" fmla="*/ 2665 w 10000"/>
                  <a:gd name="connsiteY150" fmla="*/ 5022 h 10000"/>
                  <a:gd name="connsiteX151" fmla="*/ 2817 w 10000"/>
                  <a:gd name="connsiteY151" fmla="*/ 5037 h 10000"/>
                  <a:gd name="connsiteX152" fmla="*/ 2944 w 10000"/>
                  <a:gd name="connsiteY152" fmla="*/ 5066 h 10000"/>
                  <a:gd name="connsiteX153" fmla="*/ 3071 w 10000"/>
                  <a:gd name="connsiteY153" fmla="*/ 5096 h 10000"/>
                  <a:gd name="connsiteX154" fmla="*/ 3173 w 10000"/>
                  <a:gd name="connsiteY154" fmla="*/ 5126 h 10000"/>
                  <a:gd name="connsiteX155" fmla="*/ 3299 w 10000"/>
                  <a:gd name="connsiteY155" fmla="*/ 5155 h 10000"/>
                  <a:gd name="connsiteX156" fmla="*/ 3452 w 10000"/>
                  <a:gd name="connsiteY156" fmla="*/ 5170 h 10000"/>
                  <a:gd name="connsiteX157" fmla="*/ 3680 w 10000"/>
                  <a:gd name="connsiteY157" fmla="*/ 5155 h 10000"/>
                  <a:gd name="connsiteX158" fmla="*/ 3757 w 10000"/>
                  <a:gd name="connsiteY158" fmla="*/ 5096 h 10000"/>
                  <a:gd name="connsiteX159" fmla="*/ 3832 w 10000"/>
                  <a:gd name="connsiteY159" fmla="*/ 5022 h 10000"/>
                  <a:gd name="connsiteX160" fmla="*/ 3857 w 10000"/>
                  <a:gd name="connsiteY160" fmla="*/ 4934 h 10000"/>
                  <a:gd name="connsiteX161" fmla="*/ 3884 w 10000"/>
                  <a:gd name="connsiteY161" fmla="*/ 4860 h 10000"/>
                  <a:gd name="connsiteX162" fmla="*/ 3908 w 10000"/>
                  <a:gd name="connsiteY162" fmla="*/ 4697 h 10000"/>
                  <a:gd name="connsiteX163" fmla="*/ 3884 w 10000"/>
                  <a:gd name="connsiteY163" fmla="*/ 4520 h 10000"/>
                  <a:gd name="connsiteX164" fmla="*/ 3807 w 10000"/>
                  <a:gd name="connsiteY164" fmla="*/ 4343 h 10000"/>
                  <a:gd name="connsiteX165" fmla="*/ 3731 w 10000"/>
                  <a:gd name="connsiteY165" fmla="*/ 4195 h 10000"/>
                  <a:gd name="connsiteX166" fmla="*/ 3604 w 10000"/>
                  <a:gd name="connsiteY166" fmla="*/ 4047 h 10000"/>
                  <a:gd name="connsiteX167" fmla="*/ 3477 w 10000"/>
                  <a:gd name="connsiteY167" fmla="*/ 3959 h 10000"/>
                  <a:gd name="connsiteX168" fmla="*/ 3629 w 10000"/>
                  <a:gd name="connsiteY168" fmla="*/ 3944 h 10000"/>
                  <a:gd name="connsiteX169" fmla="*/ 3757 w 10000"/>
                  <a:gd name="connsiteY169" fmla="*/ 3914 h 10000"/>
                  <a:gd name="connsiteX170" fmla="*/ 3857 w 10000"/>
                  <a:gd name="connsiteY170" fmla="*/ 3855 h 10000"/>
                  <a:gd name="connsiteX171" fmla="*/ 3983 w 10000"/>
                  <a:gd name="connsiteY171" fmla="*/ 3752 h 10000"/>
                  <a:gd name="connsiteX172" fmla="*/ 4111 w 10000"/>
                  <a:gd name="connsiteY172" fmla="*/ 3663 h 10000"/>
                  <a:gd name="connsiteX173" fmla="*/ 4213 w 10000"/>
                  <a:gd name="connsiteY173" fmla="*/ 3560 h 10000"/>
                  <a:gd name="connsiteX174" fmla="*/ 4289 w 10000"/>
                  <a:gd name="connsiteY174" fmla="*/ 3442 h 10000"/>
                  <a:gd name="connsiteX175" fmla="*/ 4366 w 10000"/>
                  <a:gd name="connsiteY175" fmla="*/ 3323 h 10000"/>
                  <a:gd name="connsiteX176" fmla="*/ 4416 w 10000"/>
                  <a:gd name="connsiteY176" fmla="*/ 3220 h 10000"/>
                  <a:gd name="connsiteX177" fmla="*/ 4441 w 10000"/>
                  <a:gd name="connsiteY177" fmla="*/ 3102 h 10000"/>
                  <a:gd name="connsiteX178" fmla="*/ 4468 w 10000"/>
                  <a:gd name="connsiteY178" fmla="*/ 3013 h 10000"/>
                  <a:gd name="connsiteX179" fmla="*/ 4441 w 10000"/>
                  <a:gd name="connsiteY179" fmla="*/ 2939 h 10000"/>
                  <a:gd name="connsiteX180" fmla="*/ 4416 w 10000"/>
                  <a:gd name="connsiteY180" fmla="*/ 2866 h 10000"/>
                  <a:gd name="connsiteX181" fmla="*/ 4340 w 10000"/>
                  <a:gd name="connsiteY181" fmla="*/ 2836 h 10000"/>
                  <a:gd name="connsiteX182" fmla="*/ 4239 w 10000"/>
                  <a:gd name="connsiteY182" fmla="*/ 2836 h 10000"/>
                  <a:gd name="connsiteX183" fmla="*/ 4111 w 10000"/>
                  <a:gd name="connsiteY183" fmla="*/ 2866 h 10000"/>
                  <a:gd name="connsiteX184" fmla="*/ 4213 w 10000"/>
                  <a:gd name="connsiteY184" fmla="*/ 2777 h 10000"/>
                  <a:gd name="connsiteX185" fmla="*/ 4265 w 10000"/>
                  <a:gd name="connsiteY185" fmla="*/ 2674 h 10000"/>
                  <a:gd name="connsiteX186" fmla="*/ 4289 w 10000"/>
                  <a:gd name="connsiteY186" fmla="*/ 2541 h 10000"/>
                  <a:gd name="connsiteX187" fmla="*/ 4289 w 10000"/>
                  <a:gd name="connsiteY187" fmla="*/ 2393 h 10000"/>
                  <a:gd name="connsiteX188" fmla="*/ 4314 w 10000"/>
                  <a:gd name="connsiteY188" fmla="*/ 2349 h 10000"/>
                  <a:gd name="connsiteX189" fmla="*/ 4366 w 10000"/>
                  <a:gd name="connsiteY189" fmla="*/ 2304 h 10000"/>
                  <a:gd name="connsiteX190" fmla="*/ 4416 w 10000"/>
                  <a:gd name="connsiteY190" fmla="*/ 2290 h 10000"/>
                  <a:gd name="connsiteX191" fmla="*/ 4493 w 10000"/>
                  <a:gd name="connsiteY191" fmla="*/ 2275 h 10000"/>
                  <a:gd name="connsiteX192" fmla="*/ 4720 w 10000"/>
                  <a:gd name="connsiteY192" fmla="*/ 2260 h 10000"/>
                  <a:gd name="connsiteX193" fmla="*/ 4923 w 10000"/>
                  <a:gd name="connsiteY193" fmla="*/ 2275 h 10000"/>
                  <a:gd name="connsiteX194" fmla="*/ 4898 w 10000"/>
                  <a:gd name="connsiteY194" fmla="*/ 2112 h 10000"/>
                  <a:gd name="connsiteX195" fmla="*/ 4848 w 10000"/>
                  <a:gd name="connsiteY195" fmla="*/ 1950 h 10000"/>
                  <a:gd name="connsiteX196" fmla="*/ 4771 w 10000"/>
                  <a:gd name="connsiteY196" fmla="*/ 1802 h 10000"/>
                  <a:gd name="connsiteX197" fmla="*/ 4671 w 10000"/>
                  <a:gd name="connsiteY197" fmla="*/ 1640 h 10000"/>
                  <a:gd name="connsiteX198" fmla="*/ 4416 w 10000"/>
                  <a:gd name="connsiteY198" fmla="*/ 1329 h 10000"/>
                  <a:gd name="connsiteX199" fmla="*/ 4162 w 10000"/>
                  <a:gd name="connsiteY199" fmla="*/ 1034 h 10000"/>
                  <a:gd name="connsiteX200" fmla="*/ 4035 w 10000"/>
                  <a:gd name="connsiteY200" fmla="*/ 901 h 10000"/>
                  <a:gd name="connsiteX201" fmla="*/ 3935 w 10000"/>
                  <a:gd name="connsiteY201" fmla="*/ 753 h 10000"/>
                  <a:gd name="connsiteX202" fmla="*/ 3857 w 10000"/>
                  <a:gd name="connsiteY202" fmla="*/ 620 h 10000"/>
                  <a:gd name="connsiteX203" fmla="*/ 3832 w 10000"/>
                  <a:gd name="connsiteY203" fmla="*/ 487 h 10000"/>
                  <a:gd name="connsiteX204" fmla="*/ 3807 w 10000"/>
                  <a:gd name="connsiteY204" fmla="*/ 355 h 10000"/>
                  <a:gd name="connsiteX205" fmla="*/ 3857 w 10000"/>
                  <a:gd name="connsiteY205" fmla="*/ 222 h 10000"/>
                  <a:gd name="connsiteX206" fmla="*/ 3884 w 10000"/>
                  <a:gd name="connsiteY206" fmla="*/ 162 h 10000"/>
                  <a:gd name="connsiteX207" fmla="*/ 3935 w 10000"/>
                  <a:gd name="connsiteY207" fmla="*/ 103 h 10000"/>
                  <a:gd name="connsiteX208" fmla="*/ 4011 w 10000"/>
                  <a:gd name="connsiteY208" fmla="*/ 59 h 10000"/>
                  <a:gd name="connsiteX209" fmla="*/ 4111 w 10000"/>
                  <a:gd name="connsiteY209" fmla="*/ 0 h 10000"/>
                  <a:gd name="connsiteX210" fmla="*/ 4289 w 10000"/>
                  <a:gd name="connsiteY210" fmla="*/ 0 h 10000"/>
                  <a:gd name="connsiteX211" fmla="*/ 4468 w 10000"/>
                  <a:gd name="connsiteY211" fmla="*/ 15 h 10000"/>
                  <a:gd name="connsiteX212" fmla="*/ 4644 w 10000"/>
                  <a:gd name="connsiteY212" fmla="*/ 44 h 10000"/>
                  <a:gd name="connsiteX213" fmla="*/ 4771 w 10000"/>
                  <a:gd name="connsiteY213" fmla="*/ 89 h 10000"/>
                  <a:gd name="connsiteX214" fmla="*/ 4975 w 10000"/>
                  <a:gd name="connsiteY214" fmla="*/ 192 h 10000"/>
                  <a:gd name="connsiteX215" fmla="*/ 5177 w 10000"/>
                  <a:gd name="connsiteY215" fmla="*/ 340 h 10000"/>
                  <a:gd name="connsiteX216" fmla="*/ 5329 w 10000"/>
                  <a:gd name="connsiteY216" fmla="*/ 473 h 10000"/>
                  <a:gd name="connsiteX217" fmla="*/ 5532 w 10000"/>
                  <a:gd name="connsiteY217" fmla="*/ 591 h 10000"/>
                  <a:gd name="connsiteX218" fmla="*/ 5660 w 10000"/>
                  <a:gd name="connsiteY218" fmla="*/ 650 h 10000"/>
                  <a:gd name="connsiteX219" fmla="*/ 5812 w 10000"/>
                  <a:gd name="connsiteY219" fmla="*/ 679 h 10000"/>
                  <a:gd name="connsiteX220" fmla="*/ 5965 w 10000"/>
                  <a:gd name="connsiteY220" fmla="*/ 709 h 10000"/>
                  <a:gd name="connsiteX221" fmla="*/ 6168 w 10000"/>
                  <a:gd name="connsiteY221" fmla="*/ 709 h 10000"/>
                  <a:gd name="connsiteX222" fmla="*/ 6168 w 10000"/>
                  <a:gd name="connsiteY222" fmla="*/ 768 h 10000"/>
                  <a:gd name="connsiteX223" fmla="*/ 6193 w 10000"/>
                  <a:gd name="connsiteY223" fmla="*/ 842 h 10000"/>
                  <a:gd name="connsiteX224" fmla="*/ 6243 w 10000"/>
                  <a:gd name="connsiteY224" fmla="*/ 916 h 10000"/>
                  <a:gd name="connsiteX225" fmla="*/ 6294 w 10000"/>
                  <a:gd name="connsiteY225" fmla="*/ 990 h 10000"/>
                  <a:gd name="connsiteX226" fmla="*/ 6369 w 10000"/>
                  <a:gd name="connsiteY226" fmla="*/ 1049 h 10000"/>
                  <a:gd name="connsiteX227" fmla="*/ 6471 w 10000"/>
                  <a:gd name="connsiteY227" fmla="*/ 1108 h 10000"/>
                  <a:gd name="connsiteX228" fmla="*/ 6598 w 10000"/>
                  <a:gd name="connsiteY228" fmla="*/ 1182 h 10000"/>
                  <a:gd name="connsiteX229" fmla="*/ 6700 w 10000"/>
                  <a:gd name="connsiteY229" fmla="*/ 1226 h 10000"/>
                  <a:gd name="connsiteX230" fmla="*/ 6802 w 10000"/>
                  <a:gd name="connsiteY230" fmla="*/ 1270 h 10000"/>
                  <a:gd name="connsiteX231" fmla="*/ 6903 w 10000"/>
                  <a:gd name="connsiteY231" fmla="*/ 1300 h 10000"/>
                  <a:gd name="connsiteX232" fmla="*/ 7005 w 10000"/>
                  <a:gd name="connsiteY232" fmla="*/ 1315 h 10000"/>
                  <a:gd name="connsiteX233" fmla="*/ 7132 w 10000"/>
                  <a:gd name="connsiteY233" fmla="*/ 1300 h 10000"/>
                  <a:gd name="connsiteX234" fmla="*/ 7234 w 10000"/>
                  <a:gd name="connsiteY234" fmla="*/ 1285 h 10000"/>
                  <a:gd name="connsiteX235" fmla="*/ 7309 w 10000"/>
                  <a:gd name="connsiteY235" fmla="*/ 1241 h 10000"/>
                  <a:gd name="connsiteX236" fmla="*/ 7361 w 10000"/>
                  <a:gd name="connsiteY236" fmla="*/ 1167 h 10000"/>
                  <a:gd name="connsiteX237" fmla="*/ 7385 w 10000"/>
                  <a:gd name="connsiteY237" fmla="*/ 1064 h 10000"/>
                  <a:gd name="connsiteX238" fmla="*/ 7766 w 10000"/>
                  <a:gd name="connsiteY238" fmla="*/ 1034 h 10000"/>
                  <a:gd name="connsiteX239" fmla="*/ 8121 w 10000"/>
                  <a:gd name="connsiteY239" fmla="*/ 1004 h 10000"/>
                  <a:gd name="connsiteX240" fmla="*/ 8427 w 10000"/>
                  <a:gd name="connsiteY240" fmla="*/ 990 h 10000"/>
                  <a:gd name="connsiteX241" fmla="*/ 8706 w 10000"/>
                  <a:gd name="connsiteY241" fmla="*/ 1004 h 10000"/>
                  <a:gd name="connsiteX242" fmla="*/ 8833 w 10000"/>
                  <a:gd name="connsiteY242" fmla="*/ 1019 h 10000"/>
                  <a:gd name="connsiteX243" fmla="*/ 8958 w 10000"/>
                  <a:gd name="connsiteY243" fmla="*/ 1034 h 10000"/>
                  <a:gd name="connsiteX244" fmla="*/ 9061 w 10000"/>
                  <a:gd name="connsiteY244" fmla="*/ 1064 h 10000"/>
                  <a:gd name="connsiteX245" fmla="*/ 9188 w 10000"/>
                  <a:gd name="connsiteY245" fmla="*/ 1108 h 10000"/>
                  <a:gd name="connsiteX246" fmla="*/ 9264 w 10000"/>
                  <a:gd name="connsiteY246" fmla="*/ 1182 h 10000"/>
                  <a:gd name="connsiteX247" fmla="*/ 9339 w 10000"/>
                  <a:gd name="connsiteY247" fmla="*/ 1241 h 10000"/>
                  <a:gd name="connsiteX248" fmla="*/ 9391 w 10000"/>
                  <a:gd name="connsiteY248" fmla="*/ 1329 h 10000"/>
                  <a:gd name="connsiteX249" fmla="*/ 9442 w 10000"/>
                  <a:gd name="connsiteY249" fmla="*/ 1433 h 10000"/>
                  <a:gd name="connsiteX250" fmla="*/ 9492 w 10000"/>
                  <a:gd name="connsiteY250" fmla="*/ 1551 h 10000"/>
                  <a:gd name="connsiteX251" fmla="*/ 9466 w 10000"/>
                  <a:gd name="connsiteY251" fmla="*/ 1625 h 10000"/>
                  <a:gd name="connsiteX252" fmla="*/ 9442 w 10000"/>
                  <a:gd name="connsiteY252" fmla="*/ 1684 h 10000"/>
                  <a:gd name="connsiteX253" fmla="*/ 9391 w 10000"/>
                  <a:gd name="connsiteY253" fmla="*/ 1758 h 10000"/>
                  <a:gd name="connsiteX254" fmla="*/ 9315 w 10000"/>
                  <a:gd name="connsiteY254" fmla="*/ 1802 h 10000"/>
                  <a:gd name="connsiteX255" fmla="*/ 9264 w 10000"/>
                  <a:gd name="connsiteY255" fmla="*/ 1861 h 10000"/>
                  <a:gd name="connsiteX256" fmla="*/ 9240 w 10000"/>
                  <a:gd name="connsiteY256" fmla="*/ 1935 h 10000"/>
                  <a:gd name="connsiteX257" fmla="*/ 9264 w 10000"/>
                  <a:gd name="connsiteY257" fmla="*/ 2024 h 10000"/>
                  <a:gd name="connsiteX258" fmla="*/ 9543 w 10000"/>
                  <a:gd name="connsiteY258" fmla="*/ 2157 h 10000"/>
                  <a:gd name="connsiteX259" fmla="*/ 9873 w 10000"/>
                  <a:gd name="connsiteY259" fmla="*/ 2275 h 10000"/>
                  <a:gd name="connsiteX260" fmla="*/ 10000 w 10000"/>
                  <a:gd name="connsiteY260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345 w 10000"/>
                  <a:gd name="connsiteY22" fmla="*/ 4003 h 10000"/>
                  <a:gd name="connsiteX23" fmla="*/ 6143 w 10000"/>
                  <a:gd name="connsiteY23" fmla="*/ 4106 h 10000"/>
                  <a:gd name="connsiteX24" fmla="*/ 5938 w 10000"/>
                  <a:gd name="connsiteY24" fmla="*/ 4195 h 10000"/>
                  <a:gd name="connsiteX25" fmla="*/ 6091 w 10000"/>
                  <a:gd name="connsiteY25" fmla="*/ 4417 h 10000"/>
                  <a:gd name="connsiteX26" fmla="*/ 6369 w 10000"/>
                  <a:gd name="connsiteY26" fmla="*/ 5081 h 10000"/>
                  <a:gd name="connsiteX27" fmla="*/ 6421 w 10000"/>
                  <a:gd name="connsiteY27" fmla="*/ 5318 h 10000"/>
                  <a:gd name="connsiteX28" fmla="*/ 6447 w 10000"/>
                  <a:gd name="connsiteY28" fmla="*/ 5539 h 10000"/>
                  <a:gd name="connsiteX29" fmla="*/ 6471 w 10000"/>
                  <a:gd name="connsiteY29" fmla="*/ 5775 h 10000"/>
                  <a:gd name="connsiteX30" fmla="*/ 6471 w 10000"/>
                  <a:gd name="connsiteY30" fmla="*/ 5997 h 10000"/>
                  <a:gd name="connsiteX31" fmla="*/ 6447 w 10000"/>
                  <a:gd name="connsiteY31" fmla="*/ 6233 h 10000"/>
                  <a:gd name="connsiteX32" fmla="*/ 6396 w 10000"/>
                  <a:gd name="connsiteY32" fmla="*/ 6470 h 10000"/>
                  <a:gd name="connsiteX33" fmla="*/ 6345 w 10000"/>
                  <a:gd name="connsiteY33" fmla="*/ 6677 h 10000"/>
                  <a:gd name="connsiteX34" fmla="*/ 6269 w 10000"/>
                  <a:gd name="connsiteY34" fmla="*/ 6898 h 10000"/>
                  <a:gd name="connsiteX35" fmla="*/ 6168 w 10000"/>
                  <a:gd name="connsiteY35" fmla="*/ 7105 h 10000"/>
                  <a:gd name="connsiteX36" fmla="*/ 6041 w 10000"/>
                  <a:gd name="connsiteY36" fmla="*/ 7297 h 10000"/>
                  <a:gd name="connsiteX37" fmla="*/ 5888 w 10000"/>
                  <a:gd name="connsiteY37" fmla="*/ 7489 h 10000"/>
                  <a:gd name="connsiteX38" fmla="*/ 5735 w 10000"/>
                  <a:gd name="connsiteY38" fmla="*/ 7681 h 10000"/>
                  <a:gd name="connsiteX39" fmla="*/ 6471 w 10000"/>
                  <a:gd name="connsiteY39" fmla="*/ 7799 h 10000"/>
                  <a:gd name="connsiteX40" fmla="*/ 7234 w 10000"/>
                  <a:gd name="connsiteY40" fmla="*/ 7962 h 10000"/>
                  <a:gd name="connsiteX41" fmla="*/ 7385 w 10000"/>
                  <a:gd name="connsiteY41" fmla="*/ 8021 h 10000"/>
                  <a:gd name="connsiteX42" fmla="*/ 7512 w 10000"/>
                  <a:gd name="connsiteY42" fmla="*/ 8080 h 10000"/>
                  <a:gd name="connsiteX43" fmla="*/ 7639 w 10000"/>
                  <a:gd name="connsiteY43" fmla="*/ 8139 h 10000"/>
                  <a:gd name="connsiteX44" fmla="*/ 7716 w 10000"/>
                  <a:gd name="connsiteY44" fmla="*/ 8227 h 10000"/>
                  <a:gd name="connsiteX45" fmla="*/ 7741 w 10000"/>
                  <a:gd name="connsiteY45" fmla="*/ 8301 h 10000"/>
                  <a:gd name="connsiteX46" fmla="*/ 7741 w 10000"/>
                  <a:gd name="connsiteY46" fmla="*/ 8405 h 10000"/>
                  <a:gd name="connsiteX47" fmla="*/ 7691 w 10000"/>
                  <a:gd name="connsiteY47" fmla="*/ 8523 h 10000"/>
                  <a:gd name="connsiteX48" fmla="*/ 7614 w 10000"/>
                  <a:gd name="connsiteY48" fmla="*/ 8641 h 10000"/>
                  <a:gd name="connsiteX49" fmla="*/ 7284 w 10000"/>
                  <a:gd name="connsiteY49" fmla="*/ 8552 h 10000"/>
                  <a:gd name="connsiteX50" fmla="*/ 6979 w 10000"/>
                  <a:gd name="connsiteY50" fmla="*/ 8449 h 10000"/>
                  <a:gd name="connsiteX51" fmla="*/ 6674 w 10000"/>
                  <a:gd name="connsiteY51" fmla="*/ 8360 h 10000"/>
                  <a:gd name="connsiteX52" fmla="*/ 6369 w 10000"/>
                  <a:gd name="connsiteY52" fmla="*/ 8287 h 10000"/>
                  <a:gd name="connsiteX53" fmla="*/ 6243 w 10000"/>
                  <a:gd name="connsiteY53" fmla="*/ 8449 h 10000"/>
                  <a:gd name="connsiteX54" fmla="*/ 6143 w 10000"/>
                  <a:gd name="connsiteY54" fmla="*/ 8597 h 10000"/>
                  <a:gd name="connsiteX55" fmla="*/ 6091 w 10000"/>
                  <a:gd name="connsiteY55" fmla="*/ 8656 h 10000"/>
                  <a:gd name="connsiteX56" fmla="*/ 5989 w 10000"/>
                  <a:gd name="connsiteY56" fmla="*/ 8700 h 10000"/>
                  <a:gd name="connsiteX57" fmla="*/ 5914 w 10000"/>
                  <a:gd name="connsiteY57" fmla="*/ 8744 h 10000"/>
                  <a:gd name="connsiteX58" fmla="*/ 5838 w 10000"/>
                  <a:gd name="connsiteY58" fmla="*/ 8774 h 10000"/>
                  <a:gd name="connsiteX59" fmla="*/ 5761 w 10000"/>
                  <a:gd name="connsiteY59" fmla="*/ 8804 h 10000"/>
                  <a:gd name="connsiteX60" fmla="*/ 5660 w 10000"/>
                  <a:gd name="connsiteY60" fmla="*/ 8818 h 10000"/>
                  <a:gd name="connsiteX61" fmla="*/ 5532 w 10000"/>
                  <a:gd name="connsiteY61" fmla="*/ 8833 h 10000"/>
                  <a:gd name="connsiteX62" fmla="*/ 5406 w 10000"/>
                  <a:gd name="connsiteY62" fmla="*/ 8833 h 10000"/>
                  <a:gd name="connsiteX63" fmla="*/ 5102 w 10000"/>
                  <a:gd name="connsiteY63" fmla="*/ 8818 h 10000"/>
                  <a:gd name="connsiteX64" fmla="*/ 4720 w 10000"/>
                  <a:gd name="connsiteY64" fmla="*/ 8744 h 10000"/>
                  <a:gd name="connsiteX65" fmla="*/ 4720 w 10000"/>
                  <a:gd name="connsiteY65" fmla="*/ 8922 h 10000"/>
                  <a:gd name="connsiteX66" fmla="*/ 4695 w 10000"/>
                  <a:gd name="connsiteY66" fmla="*/ 9069 h 10000"/>
                  <a:gd name="connsiteX67" fmla="*/ 4671 w 10000"/>
                  <a:gd name="connsiteY67" fmla="*/ 9232 h 10000"/>
                  <a:gd name="connsiteX68" fmla="*/ 4644 w 10000"/>
                  <a:gd name="connsiteY68" fmla="*/ 9365 h 10000"/>
                  <a:gd name="connsiteX69" fmla="*/ 4593 w 10000"/>
                  <a:gd name="connsiteY69" fmla="*/ 9498 h 10000"/>
                  <a:gd name="connsiteX70" fmla="*/ 4493 w 10000"/>
                  <a:gd name="connsiteY70" fmla="*/ 9616 h 10000"/>
                  <a:gd name="connsiteX71" fmla="*/ 4416 w 10000"/>
                  <a:gd name="connsiteY71" fmla="*/ 9734 h 10000"/>
                  <a:gd name="connsiteX72" fmla="*/ 4289 w 10000"/>
                  <a:gd name="connsiteY72" fmla="*/ 9838 h 10000"/>
                  <a:gd name="connsiteX73" fmla="*/ 3983 w 10000"/>
                  <a:gd name="connsiteY73" fmla="*/ 9897 h 10000"/>
                  <a:gd name="connsiteX74" fmla="*/ 3731 w 10000"/>
                  <a:gd name="connsiteY74" fmla="*/ 9941 h 10000"/>
                  <a:gd name="connsiteX75" fmla="*/ 3426 w 10000"/>
                  <a:gd name="connsiteY75" fmla="*/ 9985 h 10000"/>
                  <a:gd name="connsiteX76" fmla="*/ 3198 w 10000"/>
                  <a:gd name="connsiteY76" fmla="*/ 10000 h 10000"/>
                  <a:gd name="connsiteX77" fmla="*/ 2690 w 10000"/>
                  <a:gd name="connsiteY77" fmla="*/ 10000 h 10000"/>
                  <a:gd name="connsiteX78" fmla="*/ 2208 w 10000"/>
                  <a:gd name="connsiteY78" fmla="*/ 9985 h 10000"/>
                  <a:gd name="connsiteX79" fmla="*/ 1752 w 10000"/>
                  <a:gd name="connsiteY79" fmla="*/ 9941 h 10000"/>
                  <a:gd name="connsiteX80" fmla="*/ 1270 w 10000"/>
                  <a:gd name="connsiteY80" fmla="*/ 9911 h 10000"/>
                  <a:gd name="connsiteX81" fmla="*/ 990 w 10000"/>
                  <a:gd name="connsiteY81" fmla="*/ 9911 h 10000"/>
                  <a:gd name="connsiteX82" fmla="*/ 736 w 10000"/>
                  <a:gd name="connsiteY82" fmla="*/ 9911 h 10000"/>
                  <a:gd name="connsiteX83" fmla="*/ 457 w 10000"/>
                  <a:gd name="connsiteY83" fmla="*/ 9926 h 10000"/>
                  <a:gd name="connsiteX84" fmla="*/ 178 w 10000"/>
                  <a:gd name="connsiteY84" fmla="*/ 9970 h 10000"/>
                  <a:gd name="connsiteX85" fmla="*/ 102 w 10000"/>
                  <a:gd name="connsiteY85" fmla="*/ 9867 h 10000"/>
                  <a:gd name="connsiteX86" fmla="*/ 51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1 w 10000"/>
                  <a:gd name="connsiteY89" fmla="*/ 9424 h 10000"/>
                  <a:gd name="connsiteX90" fmla="*/ 102 w 10000"/>
                  <a:gd name="connsiteY90" fmla="*/ 9202 h 10000"/>
                  <a:gd name="connsiteX91" fmla="*/ 151 w 10000"/>
                  <a:gd name="connsiteY91" fmla="*/ 8996 h 10000"/>
                  <a:gd name="connsiteX92" fmla="*/ 203 w 10000"/>
                  <a:gd name="connsiteY92" fmla="*/ 8759 h 10000"/>
                  <a:gd name="connsiteX93" fmla="*/ 228 w 10000"/>
                  <a:gd name="connsiteY93" fmla="*/ 8641 h 10000"/>
                  <a:gd name="connsiteX94" fmla="*/ 228 w 10000"/>
                  <a:gd name="connsiteY94" fmla="*/ 8538 h 10000"/>
                  <a:gd name="connsiteX95" fmla="*/ 203 w 10000"/>
                  <a:gd name="connsiteY95" fmla="*/ 8405 h 10000"/>
                  <a:gd name="connsiteX96" fmla="*/ 178 w 10000"/>
                  <a:gd name="connsiteY96" fmla="*/ 8287 h 10000"/>
                  <a:gd name="connsiteX97" fmla="*/ 431 w 10000"/>
                  <a:gd name="connsiteY97" fmla="*/ 8213 h 10000"/>
                  <a:gd name="connsiteX98" fmla="*/ 685 w 10000"/>
                  <a:gd name="connsiteY98" fmla="*/ 8139 h 10000"/>
                  <a:gd name="connsiteX99" fmla="*/ 939 w 10000"/>
                  <a:gd name="connsiteY99" fmla="*/ 8095 h 10000"/>
                  <a:gd name="connsiteX100" fmla="*/ 1218 w 10000"/>
                  <a:gd name="connsiteY100" fmla="*/ 8065 h 10000"/>
                  <a:gd name="connsiteX101" fmla="*/ 1725 w 10000"/>
                  <a:gd name="connsiteY101" fmla="*/ 8021 h 10000"/>
                  <a:gd name="connsiteX102" fmla="*/ 2234 w 10000"/>
                  <a:gd name="connsiteY102" fmla="*/ 7976 h 10000"/>
                  <a:gd name="connsiteX103" fmla="*/ 2462 w 10000"/>
                  <a:gd name="connsiteY103" fmla="*/ 7947 h 10000"/>
                  <a:gd name="connsiteX104" fmla="*/ 2690 w 10000"/>
                  <a:gd name="connsiteY104" fmla="*/ 7917 h 10000"/>
                  <a:gd name="connsiteX105" fmla="*/ 2892 w 10000"/>
                  <a:gd name="connsiteY105" fmla="*/ 7843 h 10000"/>
                  <a:gd name="connsiteX106" fmla="*/ 3096 w 10000"/>
                  <a:gd name="connsiteY106" fmla="*/ 7784 h 10000"/>
                  <a:gd name="connsiteX107" fmla="*/ 3274 w 10000"/>
                  <a:gd name="connsiteY107" fmla="*/ 7710 h 10000"/>
                  <a:gd name="connsiteX108" fmla="*/ 3426 w 10000"/>
                  <a:gd name="connsiteY108" fmla="*/ 7592 h 10000"/>
                  <a:gd name="connsiteX109" fmla="*/ 3579 w 10000"/>
                  <a:gd name="connsiteY109" fmla="*/ 7474 h 10000"/>
                  <a:gd name="connsiteX110" fmla="*/ 3680 w 10000"/>
                  <a:gd name="connsiteY110" fmla="*/ 7312 h 10000"/>
                  <a:gd name="connsiteX111" fmla="*/ 3477 w 10000"/>
                  <a:gd name="connsiteY111" fmla="*/ 7238 h 10000"/>
                  <a:gd name="connsiteX112" fmla="*/ 3299 w 10000"/>
                  <a:gd name="connsiteY112" fmla="*/ 7179 h 10000"/>
                  <a:gd name="connsiteX113" fmla="*/ 3147 w 10000"/>
                  <a:gd name="connsiteY113" fmla="*/ 7090 h 10000"/>
                  <a:gd name="connsiteX114" fmla="*/ 2995 w 10000"/>
                  <a:gd name="connsiteY114" fmla="*/ 6987 h 10000"/>
                  <a:gd name="connsiteX115" fmla="*/ 2892 w 10000"/>
                  <a:gd name="connsiteY115" fmla="*/ 6869 h 10000"/>
                  <a:gd name="connsiteX116" fmla="*/ 2843 w 10000"/>
                  <a:gd name="connsiteY116" fmla="*/ 6721 h 10000"/>
                  <a:gd name="connsiteX117" fmla="*/ 2817 w 10000"/>
                  <a:gd name="connsiteY117" fmla="*/ 6558 h 10000"/>
                  <a:gd name="connsiteX118" fmla="*/ 2843 w 10000"/>
                  <a:gd name="connsiteY118" fmla="*/ 6352 h 10000"/>
                  <a:gd name="connsiteX119" fmla="*/ 2716 w 10000"/>
                  <a:gd name="connsiteY119" fmla="*/ 6322 h 10000"/>
                  <a:gd name="connsiteX120" fmla="*/ 2564 w 10000"/>
                  <a:gd name="connsiteY120" fmla="*/ 6292 h 10000"/>
                  <a:gd name="connsiteX121" fmla="*/ 2386 w 10000"/>
                  <a:gd name="connsiteY121" fmla="*/ 6278 h 10000"/>
                  <a:gd name="connsiteX122" fmla="*/ 2208 w 10000"/>
                  <a:gd name="connsiteY122" fmla="*/ 6263 h 10000"/>
                  <a:gd name="connsiteX123" fmla="*/ 1853 w 10000"/>
                  <a:gd name="connsiteY123" fmla="*/ 6248 h 10000"/>
                  <a:gd name="connsiteX124" fmla="*/ 1472 w 10000"/>
                  <a:gd name="connsiteY124" fmla="*/ 6263 h 10000"/>
                  <a:gd name="connsiteX125" fmla="*/ 1143 w 10000"/>
                  <a:gd name="connsiteY125" fmla="*/ 6278 h 10000"/>
                  <a:gd name="connsiteX126" fmla="*/ 837 w 10000"/>
                  <a:gd name="connsiteY126" fmla="*/ 6278 h 10000"/>
                  <a:gd name="connsiteX127" fmla="*/ 585 w 10000"/>
                  <a:gd name="connsiteY127" fmla="*/ 6263 h 10000"/>
                  <a:gd name="connsiteX128" fmla="*/ 381 w 10000"/>
                  <a:gd name="connsiteY128" fmla="*/ 6233 h 10000"/>
                  <a:gd name="connsiteX129" fmla="*/ 633 w 10000"/>
                  <a:gd name="connsiteY129" fmla="*/ 5805 h 10000"/>
                  <a:gd name="connsiteX130" fmla="*/ 914 w 10000"/>
                  <a:gd name="connsiteY130" fmla="*/ 5391 h 10000"/>
                  <a:gd name="connsiteX131" fmla="*/ 1016 w 10000"/>
                  <a:gd name="connsiteY131" fmla="*/ 5170 h 10000"/>
                  <a:gd name="connsiteX132" fmla="*/ 1091 w 10000"/>
                  <a:gd name="connsiteY132" fmla="*/ 4963 h 10000"/>
                  <a:gd name="connsiteX133" fmla="*/ 1116 w 10000"/>
                  <a:gd name="connsiteY133" fmla="*/ 4860 h 10000"/>
                  <a:gd name="connsiteX134" fmla="*/ 1091 w 10000"/>
                  <a:gd name="connsiteY134" fmla="*/ 4756 h 10000"/>
                  <a:gd name="connsiteX135" fmla="*/ 1066 w 10000"/>
                  <a:gd name="connsiteY135" fmla="*/ 4653 h 10000"/>
                  <a:gd name="connsiteX136" fmla="*/ 990 w 10000"/>
                  <a:gd name="connsiteY136" fmla="*/ 4549 h 10000"/>
                  <a:gd name="connsiteX137" fmla="*/ 1270 w 10000"/>
                  <a:gd name="connsiteY137" fmla="*/ 4520 h 10000"/>
                  <a:gd name="connsiteX138" fmla="*/ 1472 w 10000"/>
                  <a:gd name="connsiteY138" fmla="*/ 4505 h 10000"/>
                  <a:gd name="connsiteX139" fmla="*/ 1650 w 10000"/>
                  <a:gd name="connsiteY139" fmla="*/ 4505 h 10000"/>
                  <a:gd name="connsiteX140" fmla="*/ 1802 w 10000"/>
                  <a:gd name="connsiteY140" fmla="*/ 4520 h 10000"/>
                  <a:gd name="connsiteX141" fmla="*/ 1929 w 10000"/>
                  <a:gd name="connsiteY141" fmla="*/ 4520 h 10000"/>
                  <a:gd name="connsiteX142" fmla="*/ 2081 w 10000"/>
                  <a:gd name="connsiteY142" fmla="*/ 4520 h 10000"/>
                  <a:gd name="connsiteX143" fmla="*/ 2234 w 10000"/>
                  <a:gd name="connsiteY143" fmla="*/ 4490 h 10000"/>
                  <a:gd name="connsiteX144" fmla="*/ 2436 w 10000"/>
                  <a:gd name="connsiteY144" fmla="*/ 4446 h 10000"/>
                  <a:gd name="connsiteX145" fmla="*/ 2436 w 10000"/>
                  <a:gd name="connsiteY145" fmla="*/ 4579 h 10000"/>
                  <a:gd name="connsiteX146" fmla="*/ 2436 w 10000"/>
                  <a:gd name="connsiteY146" fmla="*/ 4742 h 10000"/>
                  <a:gd name="connsiteX147" fmla="*/ 2436 w 10000"/>
                  <a:gd name="connsiteY147" fmla="*/ 4874 h 10000"/>
                  <a:gd name="connsiteX148" fmla="*/ 2436 w 10000"/>
                  <a:gd name="connsiteY148" fmla="*/ 5037 h 10000"/>
                  <a:gd name="connsiteX149" fmla="*/ 2665 w 10000"/>
                  <a:gd name="connsiteY149" fmla="*/ 5022 h 10000"/>
                  <a:gd name="connsiteX150" fmla="*/ 2817 w 10000"/>
                  <a:gd name="connsiteY150" fmla="*/ 5037 h 10000"/>
                  <a:gd name="connsiteX151" fmla="*/ 2944 w 10000"/>
                  <a:gd name="connsiteY151" fmla="*/ 5066 h 10000"/>
                  <a:gd name="connsiteX152" fmla="*/ 3071 w 10000"/>
                  <a:gd name="connsiteY152" fmla="*/ 5096 h 10000"/>
                  <a:gd name="connsiteX153" fmla="*/ 3173 w 10000"/>
                  <a:gd name="connsiteY153" fmla="*/ 5126 h 10000"/>
                  <a:gd name="connsiteX154" fmla="*/ 3299 w 10000"/>
                  <a:gd name="connsiteY154" fmla="*/ 5155 h 10000"/>
                  <a:gd name="connsiteX155" fmla="*/ 3452 w 10000"/>
                  <a:gd name="connsiteY155" fmla="*/ 5170 h 10000"/>
                  <a:gd name="connsiteX156" fmla="*/ 3680 w 10000"/>
                  <a:gd name="connsiteY156" fmla="*/ 5155 h 10000"/>
                  <a:gd name="connsiteX157" fmla="*/ 3757 w 10000"/>
                  <a:gd name="connsiteY157" fmla="*/ 5096 h 10000"/>
                  <a:gd name="connsiteX158" fmla="*/ 3832 w 10000"/>
                  <a:gd name="connsiteY158" fmla="*/ 5022 h 10000"/>
                  <a:gd name="connsiteX159" fmla="*/ 3857 w 10000"/>
                  <a:gd name="connsiteY159" fmla="*/ 4934 h 10000"/>
                  <a:gd name="connsiteX160" fmla="*/ 3884 w 10000"/>
                  <a:gd name="connsiteY160" fmla="*/ 4860 h 10000"/>
                  <a:gd name="connsiteX161" fmla="*/ 3908 w 10000"/>
                  <a:gd name="connsiteY161" fmla="*/ 4697 h 10000"/>
                  <a:gd name="connsiteX162" fmla="*/ 3884 w 10000"/>
                  <a:gd name="connsiteY162" fmla="*/ 4520 h 10000"/>
                  <a:gd name="connsiteX163" fmla="*/ 3807 w 10000"/>
                  <a:gd name="connsiteY163" fmla="*/ 4343 h 10000"/>
                  <a:gd name="connsiteX164" fmla="*/ 3731 w 10000"/>
                  <a:gd name="connsiteY164" fmla="*/ 4195 h 10000"/>
                  <a:gd name="connsiteX165" fmla="*/ 3604 w 10000"/>
                  <a:gd name="connsiteY165" fmla="*/ 4047 h 10000"/>
                  <a:gd name="connsiteX166" fmla="*/ 3477 w 10000"/>
                  <a:gd name="connsiteY166" fmla="*/ 3959 h 10000"/>
                  <a:gd name="connsiteX167" fmla="*/ 3629 w 10000"/>
                  <a:gd name="connsiteY167" fmla="*/ 3944 h 10000"/>
                  <a:gd name="connsiteX168" fmla="*/ 3757 w 10000"/>
                  <a:gd name="connsiteY168" fmla="*/ 3914 h 10000"/>
                  <a:gd name="connsiteX169" fmla="*/ 3857 w 10000"/>
                  <a:gd name="connsiteY169" fmla="*/ 3855 h 10000"/>
                  <a:gd name="connsiteX170" fmla="*/ 3983 w 10000"/>
                  <a:gd name="connsiteY170" fmla="*/ 3752 h 10000"/>
                  <a:gd name="connsiteX171" fmla="*/ 4111 w 10000"/>
                  <a:gd name="connsiteY171" fmla="*/ 3663 h 10000"/>
                  <a:gd name="connsiteX172" fmla="*/ 4213 w 10000"/>
                  <a:gd name="connsiteY172" fmla="*/ 3560 h 10000"/>
                  <a:gd name="connsiteX173" fmla="*/ 4289 w 10000"/>
                  <a:gd name="connsiteY173" fmla="*/ 3442 h 10000"/>
                  <a:gd name="connsiteX174" fmla="*/ 4366 w 10000"/>
                  <a:gd name="connsiteY174" fmla="*/ 3323 h 10000"/>
                  <a:gd name="connsiteX175" fmla="*/ 4416 w 10000"/>
                  <a:gd name="connsiteY175" fmla="*/ 3220 h 10000"/>
                  <a:gd name="connsiteX176" fmla="*/ 4441 w 10000"/>
                  <a:gd name="connsiteY176" fmla="*/ 3102 h 10000"/>
                  <a:gd name="connsiteX177" fmla="*/ 4468 w 10000"/>
                  <a:gd name="connsiteY177" fmla="*/ 3013 h 10000"/>
                  <a:gd name="connsiteX178" fmla="*/ 4441 w 10000"/>
                  <a:gd name="connsiteY178" fmla="*/ 2939 h 10000"/>
                  <a:gd name="connsiteX179" fmla="*/ 4416 w 10000"/>
                  <a:gd name="connsiteY179" fmla="*/ 2866 h 10000"/>
                  <a:gd name="connsiteX180" fmla="*/ 4340 w 10000"/>
                  <a:gd name="connsiteY180" fmla="*/ 2836 h 10000"/>
                  <a:gd name="connsiteX181" fmla="*/ 4239 w 10000"/>
                  <a:gd name="connsiteY181" fmla="*/ 2836 h 10000"/>
                  <a:gd name="connsiteX182" fmla="*/ 4111 w 10000"/>
                  <a:gd name="connsiteY182" fmla="*/ 2866 h 10000"/>
                  <a:gd name="connsiteX183" fmla="*/ 4213 w 10000"/>
                  <a:gd name="connsiteY183" fmla="*/ 2777 h 10000"/>
                  <a:gd name="connsiteX184" fmla="*/ 4265 w 10000"/>
                  <a:gd name="connsiteY184" fmla="*/ 2674 h 10000"/>
                  <a:gd name="connsiteX185" fmla="*/ 4289 w 10000"/>
                  <a:gd name="connsiteY185" fmla="*/ 2541 h 10000"/>
                  <a:gd name="connsiteX186" fmla="*/ 4289 w 10000"/>
                  <a:gd name="connsiteY186" fmla="*/ 2393 h 10000"/>
                  <a:gd name="connsiteX187" fmla="*/ 4314 w 10000"/>
                  <a:gd name="connsiteY187" fmla="*/ 2349 h 10000"/>
                  <a:gd name="connsiteX188" fmla="*/ 4366 w 10000"/>
                  <a:gd name="connsiteY188" fmla="*/ 2304 h 10000"/>
                  <a:gd name="connsiteX189" fmla="*/ 4416 w 10000"/>
                  <a:gd name="connsiteY189" fmla="*/ 2290 h 10000"/>
                  <a:gd name="connsiteX190" fmla="*/ 4493 w 10000"/>
                  <a:gd name="connsiteY190" fmla="*/ 2275 h 10000"/>
                  <a:gd name="connsiteX191" fmla="*/ 4720 w 10000"/>
                  <a:gd name="connsiteY191" fmla="*/ 2260 h 10000"/>
                  <a:gd name="connsiteX192" fmla="*/ 4923 w 10000"/>
                  <a:gd name="connsiteY192" fmla="*/ 2275 h 10000"/>
                  <a:gd name="connsiteX193" fmla="*/ 4898 w 10000"/>
                  <a:gd name="connsiteY193" fmla="*/ 2112 h 10000"/>
                  <a:gd name="connsiteX194" fmla="*/ 4848 w 10000"/>
                  <a:gd name="connsiteY194" fmla="*/ 1950 h 10000"/>
                  <a:gd name="connsiteX195" fmla="*/ 4771 w 10000"/>
                  <a:gd name="connsiteY195" fmla="*/ 1802 h 10000"/>
                  <a:gd name="connsiteX196" fmla="*/ 4671 w 10000"/>
                  <a:gd name="connsiteY196" fmla="*/ 1640 h 10000"/>
                  <a:gd name="connsiteX197" fmla="*/ 4416 w 10000"/>
                  <a:gd name="connsiteY197" fmla="*/ 1329 h 10000"/>
                  <a:gd name="connsiteX198" fmla="*/ 4162 w 10000"/>
                  <a:gd name="connsiteY198" fmla="*/ 1034 h 10000"/>
                  <a:gd name="connsiteX199" fmla="*/ 4035 w 10000"/>
                  <a:gd name="connsiteY199" fmla="*/ 901 h 10000"/>
                  <a:gd name="connsiteX200" fmla="*/ 3935 w 10000"/>
                  <a:gd name="connsiteY200" fmla="*/ 753 h 10000"/>
                  <a:gd name="connsiteX201" fmla="*/ 3857 w 10000"/>
                  <a:gd name="connsiteY201" fmla="*/ 620 h 10000"/>
                  <a:gd name="connsiteX202" fmla="*/ 3832 w 10000"/>
                  <a:gd name="connsiteY202" fmla="*/ 487 h 10000"/>
                  <a:gd name="connsiteX203" fmla="*/ 3807 w 10000"/>
                  <a:gd name="connsiteY203" fmla="*/ 355 h 10000"/>
                  <a:gd name="connsiteX204" fmla="*/ 3857 w 10000"/>
                  <a:gd name="connsiteY204" fmla="*/ 222 h 10000"/>
                  <a:gd name="connsiteX205" fmla="*/ 3884 w 10000"/>
                  <a:gd name="connsiteY205" fmla="*/ 162 h 10000"/>
                  <a:gd name="connsiteX206" fmla="*/ 3935 w 10000"/>
                  <a:gd name="connsiteY206" fmla="*/ 103 h 10000"/>
                  <a:gd name="connsiteX207" fmla="*/ 4011 w 10000"/>
                  <a:gd name="connsiteY207" fmla="*/ 59 h 10000"/>
                  <a:gd name="connsiteX208" fmla="*/ 4111 w 10000"/>
                  <a:gd name="connsiteY208" fmla="*/ 0 h 10000"/>
                  <a:gd name="connsiteX209" fmla="*/ 4289 w 10000"/>
                  <a:gd name="connsiteY209" fmla="*/ 0 h 10000"/>
                  <a:gd name="connsiteX210" fmla="*/ 4468 w 10000"/>
                  <a:gd name="connsiteY210" fmla="*/ 15 h 10000"/>
                  <a:gd name="connsiteX211" fmla="*/ 4644 w 10000"/>
                  <a:gd name="connsiteY211" fmla="*/ 44 h 10000"/>
                  <a:gd name="connsiteX212" fmla="*/ 4771 w 10000"/>
                  <a:gd name="connsiteY212" fmla="*/ 89 h 10000"/>
                  <a:gd name="connsiteX213" fmla="*/ 4975 w 10000"/>
                  <a:gd name="connsiteY213" fmla="*/ 192 h 10000"/>
                  <a:gd name="connsiteX214" fmla="*/ 5177 w 10000"/>
                  <a:gd name="connsiteY214" fmla="*/ 340 h 10000"/>
                  <a:gd name="connsiteX215" fmla="*/ 5329 w 10000"/>
                  <a:gd name="connsiteY215" fmla="*/ 473 h 10000"/>
                  <a:gd name="connsiteX216" fmla="*/ 5532 w 10000"/>
                  <a:gd name="connsiteY216" fmla="*/ 591 h 10000"/>
                  <a:gd name="connsiteX217" fmla="*/ 5660 w 10000"/>
                  <a:gd name="connsiteY217" fmla="*/ 650 h 10000"/>
                  <a:gd name="connsiteX218" fmla="*/ 5812 w 10000"/>
                  <a:gd name="connsiteY218" fmla="*/ 679 h 10000"/>
                  <a:gd name="connsiteX219" fmla="*/ 5965 w 10000"/>
                  <a:gd name="connsiteY219" fmla="*/ 709 h 10000"/>
                  <a:gd name="connsiteX220" fmla="*/ 6168 w 10000"/>
                  <a:gd name="connsiteY220" fmla="*/ 709 h 10000"/>
                  <a:gd name="connsiteX221" fmla="*/ 6168 w 10000"/>
                  <a:gd name="connsiteY221" fmla="*/ 768 h 10000"/>
                  <a:gd name="connsiteX222" fmla="*/ 6193 w 10000"/>
                  <a:gd name="connsiteY222" fmla="*/ 842 h 10000"/>
                  <a:gd name="connsiteX223" fmla="*/ 6243 w 10000"/>
                  <a:gd name="connsiteY223" fmla="*/ 916 h 10000"/>
                  <a:gd name="connsiteX224" fmla="*/ 6294 w 10000"/>
                  <a:gd name="connsiteY224" fmla="*/ 990 h 10000"/>
                  <a:gd name="connsiteX225" fmla="*/ 6369 w 10000"/>
                  <a:gd name="connsiteY225" fmla="*/ 1049 h 10000"/>
                  <a:gd name="connsiteX226" fmla="*/ 6471 w 10000"/>
                  <a:gd name="connsiteY226" fmla="*/ 1108 h 10000"/>
                  <a:gd name="connsiteX227" fmla="*/ 6598 w 10000"/>
                  <a:gd name="connsiteY227" fmla="*/ 1182 h 10000"/>
                  <a:gd name="connsiteX228" fmla="*/ 6700 w 10000"/>
                  <a:gd name="connsiteY228" fmla="*/ 1226 h 10000"/>
                  <a:gd name="connsiteX229" fmla="*/ 6802 w 10000"/>
                  <a:gd name="connsiteY229" fmla="*/ 1270 h 10000"/>
                  <a:gd name="connsiteX230" fmla="*/ 6903 w 10000"/>
                  <a:gd name="connsiteY230" fmla="*/ 1300 h 10000"/>
                  <a:gd name="connsiteX231" fmla="*/ 7005 w 10000"/>
                  <a:gd name="connsiteY231" fmla="*/ 1315 h 10000"/>
                  <a:gd name="connsiteX232" fmla="*/ 7132 w 10000"/>
                  <a:gd name="connsiteY232" fmla="*/ 1300 h 10000"/>
                  <a:gd name="connsiteX233" fmla="*/ 7234 w 10000"/>
                  <a:gd name="connsiteY233" fmla="*/ 1285 h 10000"/>
                  <a:gd name="connsiteX234" fmla="*/ 7309 w 10000"/>
                  <a:gd name="connsiteY234" fmla="*/ 1241 h 10000"/>
                  <a:gd name="connsiteX235" fmla="*/ 7361 w 10000"/>
                  <a:gd name="connsiteY235" fmla="*/ 1167 h 10000"/>
                  <a:gd name="connsiteX236" fmla="*/ 7385 w 10000"/>
                  <a:gd name="connsiteY236" fmla="*/ 1064 h 10000"/>
                  <a:gd name="connsiteX237" fmla="*/ 7766 w 10000"/>
                  <a:gd name="connsiteY237" fmla="*/ 1034 h 10000"/>
                  <a:gd name="connsiteX238" fmla="*/ 8121 w 10000"/>
                  <a:gd name="connsiteY238" fmla="*/ 1004 h 10000"/>
                  <a:gd name="connsiteX239" fmla="*/ 8427 w 10000"/>
                  <a:gd name="connsiteY239" fmla="*/ 990 h 10000"/>
                  <a:gd name="connsiteX240" fmla="*/ 8706 w 10000"/>
                  <a:gd name="connsiteY240" fmla="*/ 1004 h 10000"/>
                  <a:gd name="connsiteX241" fmla="*/ 8833 w 10000"/>
                  <a:gd name="connsiteY241" fmla="*/ 1019 h 10000"/>
                  <a:gd name="connsiteX242" fmla="*/ 8958 w 10000"/>
                  <a:gd name="connsiteY242" fmla="*/ 1034 h 10000"/>
                  <a:gd name="connsiteX243" fmla="*/ 9061 w 10000"/>
                  <a:gd name="connsiteY243" fmla="*/ 1064 h 10000"/>
                  <a:gd name="connsiteX244" fmla="*/ 9188 w 10000"/>
                  <a:gd name="connsiteY244" fmla="*/ 1108 h 10000"/>
                  <a:gd name="connsiteX245" fmla="*/ 9264 w 10000"/>
                  <a:gd name="connsiteY245" fmla="*/ 1182 h 10000"/>
                  <a:gd name="connsiteX246" fmla="*/ 9339 w 10000"/>
                  <a:gd name="connsiteY246" fmla="*/ 1241 h 10000"/>
                  <a:gd name="connsiteX247" fmla="*/ 9391 w 10000"/>
                  <a:gd name="connsiteY247" fmla="*/ 1329 h 10000"/>
                  <a:gd name="connsiteX248" fmla="*/ 9442 w 10000"/>
                  <a:gd name="connsiteY248" fmla="*/ 1433 h 10000"/>
                  <a:gd name="connsiteX249" fmla="*/ 9492 w 10000"/>
                  <a:gd name="connsiteY249" fmla="*/ 1551 h 10000"/>
                  <a:gd name="connsiteX250" fmla="*/ 9466 w 10000"/>
                  <a:gd name="connsiteY250" fmla="*/ 1625 h 10000"/>
                  <a:gd name="connsiteX251" fmla="*/ 9442 w 10000"/>
                  <a:gd name="connsiteY251" fmla="*/ 1684 h 10000"/>
                  <a:gd name="connsiteX252" fmla="*/ 9391 w 10000"/>
                  <a:gd name="connsiteY252" fmla="*/ 1758 h 10000"/>
                  <a:gd name="connsiteX253" fmla="*/ 9315 w 10000"/>
                  <a:gd name="connsiteY253" fmla="*/ 1802 h 10000"/>
                  <a:gd name="connsiteX254" fmla="*/ 9264 w 10000"/>
                  <a:gd name="connsiteY254" fmla="*/ 1861 h 10000"/>
                  <a:gd name="connsiteX255" fmla="*/ 9240 w 10000"/>
                  <a:gd name="connsiteY255" fmla="*/ 1935 h 10000"/>
                  <a:gd name="connsiteX256" fmla="*/ 9264 w 10000"/>
                  <a:gd name="connsiteY256" fmla="*/ 2024 h 10000"/>
                  <a:gd name="connsiteX257" fmla="*/ 9543 w 10000"/>
                  <a:gd name="connsiteY257" fmla="*/ 2157 h 10000"/>
                  <a:gd name="connsiteX258" fmla="*/ 9873 w 10000"/>
                  <a:gd name="connsiteY258" fmla="*/ 2275 h 10000"/>
                  <a:gd name="connsiteX259" fmla="*/ 10000 w 10000"/>
                  <a:gd name="connsiteY25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345 w 10000"/>
                  <a:gd name="connsiteY22" fmla="*/ 4003 h 10000"/>
                  <a:gd name="connsiteX23" fmla="*/ 6143 w 10000"/>
                  <a:gd name="connsiteY23" fmla="*/ 4106 h 10000"/>
                  <a:gd name="connsiteX24" fmla="*/ 5938 w 10000"/>
                  <a:gd name="connsiteY24" fmla="*/ 4195 h 10000"/>
                  <a:gd name="connsiteX25" fmla="*/ 6091 w 10000"/>
                  <a:gd name="connsiteY25" fmla="*/ 4417 h 10000"/>
                  <a:gd name="connsiteX26" fmla="*/ 6369 w 10000"/>
                  <a:gd name="connsiteY26" fmla="*/ 5081 h 10000"/>
                  <a:gd name="connsiteX27" fmla="*/ 6421 w 10000"/>
                  <a:gd name="connsiteY27" fmla="*/ 5318 h 10000"/>
                  <a:gd name="connsiteX28" fmla="*/ 6447 w 10000"/>
                  <a:gd name="connsiteY28" fmla="*/ 5539 h 10000"/>
                  <a:gd name="connsiteX29" fmla="*/ 6471 w 10000"/>
                  <a:gd name="connsiteY29" fmla="*/ 5775 h 10000"/>
                  <a:gd name="connsiteX30" fmla="*/ 6471 w 10000"/>
                  <a:gd name="connsiteY30" fmla="*/ 5997 h 10000"/>
                  <a:gd name="connsiteX31" fmla="*/ 6447 w 10000"/>
                  <a:gd name="connsiteY31" fmla="*/ 6233 h 10000"/>
                  <a:gd name="connsiteX32" fmla="*/ 6396 w 10000"/>
                  <a:gd name="connsiteY32" fmla="*/ 6470 h 10000"/>
                  <a:gd name="connsiteX33" fmla="*/ 6345 w 10000"/>
                  <a:gd name="connsiteY33" fmla="*/ 6677 h 10000"/>
                  <a:gd name="connsiteX34" fmla="*/ 6269 w 10000"/>
                  <a:gd name="connsiteY34" fmla="*/ 6898 h 10000"/>
                  <a:gd name="connsiteX35" fmla="*/ 6168 w 10000"/>
                  <a:gd name="connsiteY35" fmla="*/ 7105 h 10000"/>
                  <a:gd name="connsiteX36" fmla="*/ 6041 w 10000"/>
                  <a:gd name="connsiteY36" fmla="*/ 7297 h 10000"/>
                  <a:gd name="connsiteX37" fmla="*/ 5888 w 10000"/>
                  <a:gd name="connsiteY37" fmla="*/ 7489 h 10000"/>
                  <a:gd name="connsiteX38" fmla="*/ 5735 w 10000"/>
                  <a:gd name="connsiteY38" fmla="*/ 7681 h 10000"/>
                  <a:gd name="connsiteX39" fmla="*/ 6471 w 10000"/>
                  <a:gd name="connsiteY39" fmla="*/ 7799 h 10000"/>
                  <a:gd name="connsiteX40" fmla="*/ 7234 w 10000"/>
                  <a:gd name="connsiteY40" fmla="*/ 7962 h 10000"/>
                  <a:gd name="connsiteX41" fmla="*/ 7385 w 10000"/>
                  <a:gd name="connsiteY41" fmla="*/ 8021 h 10000"/>
                  <a:gd name="connsiteX42" fmla="*/ 7512 w 10000"/>
                  <a:gd name="connsiteY42" fmla="*/ 8080 h 10000"/>
                  <a:gd name="connsiteX43" fmla="*/ 7639 w 10000"/>
                  <a:gd name="connsiteY43" fmla="*/ 8139 h 10000"/>
                  <a:gd name="connsiteX44" fmla="*/ 7716 w 10000"/>
                  <a:gd name="connsiteY44" fmla="*/ 8227 h 10000"/>
                  <a:gd name="connsiteX45" fmla="*/ 7741 w 10000"/>
                  <a:gd name="connsiteY45" fmla="*/ 8301 h 10000"/>
                  <a:gd name="connsiteX46" fmla="*/ 7741 w 10000"/>
                  <a:gd name="connsiteY46" fmla="*/ 8405 h 10000"/>
                  <a:gd name="connsiteX47" fmla="*/ 7691 w 10000"/>
                  <a:gd name="connsiteY47" fmla="*/ 8523 h 10000"/>
                  <a:gd name="connsiteX48" fmla="*/ 7614 w 10000"/>
                  <a:gd name="connsiteY48" fmla="*/ 8641 h 10000"/>
                  <a:gd name="connsiteX49" fmla="*/ 7284 w 10000"/>
                  <a:gd name="connsiteY49" fmla="*/ 8552 h 10000"/>
                  <a:gd name="connsiteX50" fmla="*/ 6979 w 10000"/>
                  <a:gd name="connsiteY50" fmla="*/ 8449 h 10000"/>
                  <a:gd name="connsiteX51" fmla="*/ 6674 w 10000"/>
                  <a:gd name="connsiteY51" fmla="*/ 8360 h 10000"/>
                  <a:gd name="connsiteX52" fmla="*/ 6369 w 10000"/>
                  <a:gd name="connsiteY52" fmla="*/ 8287 h 10000"/>
                  <a:gd name="connsiteX53" fmla="*/ 6243 w 10000"/>
                  <a:gd name="connsiteY53" fmla="*/ 8449 h 10000"/>
                  <a:gd name="connsiteX54" fmla="*/ 6143 w 10000"/>
                  <a:gd name="connsiteY54" fmla="*/ 8597 h 10000"/>
                  <a:gd name="connsiteX55" fmla="*/ 6091 w 10000"/>
                  <a:gd name="connsiteY55" fmla="*/ 8656 h 10000"/>
                  <a:gd name="connsiteX56" fmla="*/ 5989 w 10000"/>
                  <a:gd name="connsiteY56" fmla="*/ 8700 h 10000"/>
                  <a:gd name="connsiteX57" fmla="*/ 5914 w 10000"/>
                  <a:gd name="connsiteY57" fmla="*/ 8744 h 10000"/>
                  <a:gd name="connsiteX58" fmla="*/ 5838 w 10000"/>
                  <a:gd name="connsiteY58" fmla="*/ 8774 h 10000"/>
                  <a:gd name="connsiteX59" fmla="*/ 5761 w 10000"/>
                  <a:gd name="connsiteY59" fmla="*/ 8804 h 10000"/>
                  <a:gd name="connsiteX60" fmla="*/ 5660 w 10000"/>
                  <a:gd name="connsiteY60" fmla="*/ 8818 h 10000"/>
                  <a:gd name="connsiteX61" fmla="*/ 5532 w 10000"/>
                  <a:gd name="connsiteY61" fmla="*/ 8833 h 10000"/>
                  <a:gd name="connsiteX62" fmla="*/ 5406 w 10000"/>
                  <a:gd name="connsiteY62" fmla="*/ 8833 h 10000"/>
                  <a:gd name="connsiteX63" fmla="*/ 5102 w 10000"/>
                  <a:gd name="connsiteY63" fmla="*/ 8818 h 10000"/>
                  <a:gd name="connsiteX64" fmla="*/ 4720 w 10000"/>
                  <a:gd name="connsiteY64" fmla="*/ 8744 h 10000"/>
                  <a:gd name="connsiteX65" fmla="*/ 4720 w 10000"/>
                  <a:gd name="connsiteY65" fmla="*/ 8922 h 10000"/>
                  <a:gd name="connsiteX66" fmla="*/ 4695 w 10000"/>
                  <a:gd name="connsiteY66" fmla="*/ 9069 h 10000"/>
                  <a:gd name="connsiteX67" fmla="*/ 4671 w 10000"/>
                  <a:gd name="connsiteY67" fmla="*/ 9232 h 10000"/>
                  <a:gd name="connsiteX68" fmla="*/ 4644 w 10000"/>
                  <a:gd name="connsiteY68" fmla="*/ 9365 h 10000"/>
                  <a:gd name="connsiteX69" fmla="*/ 4593 w 10000"/>
                  <a:gd name="connsiteY69" fmla="*/ 9498 h 10000"/>
                  <a:gd name="connsiteX70" fmla="*/ 4493 w 10000"/>
                  <a:gd name="connsiteY70" fmla="*/ 9616 h 10000"/>
                  <a:gd name="connsiteX71" fmla="*/ 4416 w 10000"/>
                  <a:gd name="connsiteY71" fmla="*/ 9734 h 10000"/>
                  <a:gd name="connsiteX72" fmla="*/ 4289 w 10000"/>
                  <a:gd name="connsiteY72" fmla="*/ 9838 h 10000"/>
                  <a:gd name="connsiteX73" fmla="*/ 3983 w 10000"/>
                  <a:gd name="connsiteY73" fmla="*/ 9897 h 10000"/>
                  <a:gd name="connsiteX74" fmla="*/ 3731 w 10000"/>
                  <a:gd name="connsiteY74" fmla="*/ 9941 h 10000"/>
                  <a:gd name="connsiteX75" fmla="*/ 3426 w 10000"/>
                  <a:gd name="connsiteY75" fmla="*/ 9985 h 10000"/>
                  <a:gd name="connsiteX76" fmla="*/ 3198 w 10000"/>
                  <a:gd name="connsiteY76" fmla="*/ 10000 h 10000"/>
                  <a:gd name="connsiteX77" fmla="*/ 2690 w 10000"/>
                  <a:gd name="connsiteY77" fmla="*/ 10000 h 10000"/>
                  <a:gd name="connsiteX78" fmla="*/ 2208 w 10000"/>
                  <a:gd name="connsiteY78" fmla="*/ 9985 h 10000"/>
                  <a:gd name="connsiteX79" fmla="*/ 1752 w 10000"/>
                  <a:gd name="connsiteY79" fmla="*/ 9941 h 10000"/>
                  <a:gd name="connsiteX80" fmla="*/ 1270 w 10000"/>
                  <a:gd name="connsiteY80" fmla="*/ 9911 h 10000"/>
                  <a:gd name="connsiteX81" fmla="*/ 990 w 10000"/>
                  <a:gd name="connsiteY81" fmla="*/ 9911 h 10000"/>
                  <a:gd name="connsiteX82" fmla="*/ 736 w 10000"/>
                  <a:gd name="connsiteY82" fmla="*/ 9911 h 10000"/>
                  <a:gd name="connsiteX83" fmla="*/ 457 w 10000"/>
                  <a:gd name="connsiteY83" fmla="*/ 9926 h 10000"/>
                  <a:gd name="connsiteX84" fmla="*/ 178 w 10000"/>
                  <a:gd name="connsiteY84" fmla="*/ 9970 h 10000"/>
                  <a:gd name="connsiteX85" fmla="*/ 102 w 10000"/>
                  <a:gd name="connsiteY85" fmla="*/ 9867 h 10000"/>
                  <a:gd name="connsiteX86" fmla="*/ 51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1 w 10000"/>
                  <a:gd name="connsiteY89" fmla="*/ 9424 h 10000"/>
                  <a:gd name="connsiteX90" fmla="*/ 102 w 10000"/>
                  <a:gd name="connsiteY90" fmla="*/ 9202 h 10000"/>
                  <a:gd name="connsiteX91" fmla="*/ 151 w 10000"/>
                  <a:gd name="connsiteY91" fmla="*/ 8996 h 10000"/>
                  <a:gd name="connsiteX92" fmla="*/ 203 w 10000"/>
                  <a:gd name="connsiteY92" fmla="*/ 8759 h 10000"/>
                  <a:gd name="connsiteX93" fmla="*/ 228 w 10000"/>
                  <a:gd name="connsiteY93" fmla="*/ 8641 h 10000"/>
                  <a:gd name="connsiteX94" fmla="*/ 228 w 10000"/>
                  <a:gd name="connsiteY94" fmla="*/ 8538 h 10000"/>
                  <a:gd name="connsiteX95" fmla="*/ 203 w 10000"/>
                  <a:gd name="connsiteY95" fmla="*/ 8405 h 10000"/>
                  <a:gd name="connsiteX96" fmla="*/ 178 w 10000"/>
                  <a:gd name="connsiteY96" fmla="*/ 8287 h 10000"/>
                  <a:gd name="connsiteX97" fmla="*/ 431 w 10000"/>
                  <a:gd name="connsiteY97" fmla="*/ 8213 h 10000"/>
                  <a:gd name="connsiteX98" fmla="*/ 685 w 10000"/>
                  <a:gd name="connsiteY98" fmla="*/ 8139 h 10000"/>
                  <a:gd name="connsiteX99" fmla="*/ 939 w 10000"/>
                  <a:gd name="connsiteY99" fmla="*/ 8095 h 10000"/>
                  <a:gd name="connsiteX100" fmla="*/ 1218 w 10000"/>
                  <a:gd name="connsiteY100" fmla="*/ 8065 h 10000"/>
                  <a:gd name="connsiteX101" fmla="*/ 1725 w 10000"/>
                  <a:gd name="connsiteY101" fmla="*/ 8021 h 10000"/>
                  <a:gd name="connsiteX102" fmla="*/ 2234 w 10000"/>
                  <a:gd name="connsiteY102" fmla="*/ 7976 h 10000"/>
                  <a:gd name="connsiteX103" fmla="*/ 2462 w 10000"/>
                  <a:gd name="connsiteY103" fmla="*/ 7947 h 10000"/>
                  <a:gd name="connsiteX104" fmla="*/ 2690 w 10000"/>
                  <a:gd name="connsiteY104" fmla="*/ 7917 h 10000"/>
                  <a:gd name="connsiteX105" fmla="*/ 2892 w 10000"/>
                  <a:gd name="connsiteY105" fmla="*/ 7843 h 10000"/>
                  <a:gd name="connsiteX106" fmla="*/ 3096 w 10000"/>
                  <a:gd name="connsiteY106" fmla="*/ 7784 h 10000"/>
                  <a:gd name="connsiteX107" fmla="*/ 3274 w 10000"/>
                  <a:gd name="connsiteY107" fmla="*/ 7710 h 10000"/>
                  <a:gd name="connsiteX108" fmla="*/ 3426 w 10000"/>
                  <a:gd name="connsiteY108" fmla="*/ 7592 h 10000"/>
                  <a:gd name="connsiteX109" fmla="*/ 3579 w 10000"/>
                  <a:gd name="connsiteY109" fmla="*/ 7474 h 10000"/>
                  <a:gd name="connsiteX110" fmla="*/ 3680 w 10000"/>
                  <a:gd name="connsiteY110" fmla="*/ 7312 h 10000"/>
                  <a:gd name="connsiteX111" fmla="*/ 3477 w 10000"/>
                  <a:gd name="connsiteY111" fmla="*/ 7238 h 10000"/>
                  <a:gd name="connsiteX112" fmla="*/ 3299 w 10000"/>
                  <a:gd name="connsiteY112" fmla="*/ 7179 h 10000"/>
                  <a:gd name="connsiteX113" fmla="*/ 3147 w 10000"/>
                  <a:gd name="connsiteY113" fmla="*/ 7090 h 10000"/>
                  <a:gd name="connsiteX114" fmla="*/ 2995 w 10000"/>
                  <a:gd name="connsiteY114" fmla="*/ 6987 h 10000"/>
                  <a:gd name="connsiteX115" fmla="*/ 2892 w 10000"/>
                  <a:gd name="connsiteY115" fmla="*/ 6869 h 10000"/>
                  <a:gd name="connsiteX116" fmla="*/ 2843 w 10000"/>
                  <a:gd name="connsiteY116" fmla="*/ 6721 h 10000"/>
                  <a:gd name="connsiteX117" fmla="*/ 2817 w 10000"/>
                  <a:gd name="connsiteY117" fmla="*/ 6558 h 10000"/>
                  <a:gd name="connsiteX118" fmla="*/ 2843 w 10000"/>
                  <a:gd name="connsiteY118" fmla="*/ 6352 h 10000"/>
                  <a:gd name="connsiteX119" fmla="*/ 2716 w 10000"/>
                  <a:gd name="connsiteY119" fmla="*/ 6322 h 10000"/>
                  <a:gd name="connsiteX120" fmla="*/ 2564 w 10000"/>
                  <a:gd name="connsiteY120" fmla="*/ 6292 h 10000"/>
                  <a:gd name="connsiteX121" fmla="*/ 2386 w 10000"/>
                  <a:gd name="connsiteY121" fmla="*/ 6278 h 10000"/>
                  <a:gd name="connsiteX122" fmla="*/ 2208 w 10000"/>
                  <a:gd name="connsiteY122" fmla="*/ 6263 h 10000"/>
                  <a:gd name="connsiteX123" fmla="*/ 1853 w 10000"/>
                  <a:gd name="connsiteY123" fmla="*/ 6248 h 10000"/>
                  <a:gd name="connsiteX124" fmla="*/ 1472 w 10000"/>
                  <a:gd name="connsiteY124" fmla="*/ 6263 h 10000"/>
                  <a:gd name="connsiteX125" fmla="*/ 1143 w 10000"/>
                  <a:gd name="connsiteY125" fmla="*/ 6278 h 10000"/>
                  <a:gd name="connsiteX126" fmla="*/ 837 w 10000"/>
                  <a:gd name="connsiteY126" fmla="*/ 6278 h 10000"/>
                  <a:gd name="connsiteX127" fmla="*/ 585 w 10000"/>
                  <a:gd name="connsiteY127" fmla="*/ 6263 h 10000"/>
                  <a:gd name="connsiteX128" fmla="*/ 381 w 10000"/>
                  <a:gd name="connsiteY128" fmla="*/ 6233 h 10000"/>
                  <a:gd name="connsiteX129" fmla="*/ 633 w 10000"/>
                  <a:gd name="connsiteY129" fmla="*/ 5805 h 10000"/>
                  <a:gd name="connsiteX130" fmla="*/ 914 w 10000"/>
                  <a:gd name="connsiteY130" fmla="*/ 5391 h 10000"/>
                  <a:gd name="connsiteX131" fmla="*/ 1016 w 10000"/>
                  <a:gd name="connsiteY131" fmla="*/ 5170 h 10000"/>
                  <a:gd name="connsiteX132" fmla="*/ 1091 w 10000"/>
                  <a:gd name="connsiteY132" fmla="*/ 4963 h 10000"/>
                  <a:gd name="connsiteX133" fmla="*/ 1116 w 10000"/>
                  <a:gd name="connsiteY133" fmla="*/ 4860 h 10000"/>
                  <a:gd name="connsiteX134" fmla="*/ 1091 w 10000"/>
                  <a:gd name="connsiteY134" fmla="*/ 4756 h 10000"/>
                  <a:gd name="connsiteX135" fmla="*/ 1066 w 10000"/>
                  <a:gd name="connsiteY135" fmla="*/ 4653 h 10000"/>
                  <a:gd name="connsiteX136" fmla="*/ 990 w 10000"/>
                  <a:gd name="connsiteY136" fmla="*/ 4549 h 10000"/>
                  <a:gd name="connsiteX137" fmla="*/ 1270 w 10000"/>
                  <a:gd name="connsiteY137" fmla="*/ 4520 h 10000"/>
                  <a:gd name="connsiteX138" fmla="*/ 1472 w 10000"/>
                  <a:gd name="connsiteY138" fmla="*/ 4505 h 10000"/>
                  <a:gd name="connsiteX139" fmla="*/ 1650 w 10000"/>
                  <a:gd name="connsiteY139" fmla="*/ 4505 h 10000"/>
                  <a:gd name="connsiteX140" fmla="*/ 1802 w 10000"/>
                  <a:gd name="connsiteY140" fmla="*/ 4520 h 10000"/>
                  <a:gd name="connsiteX141" fmla="*/ 1929 w 10000"/>
                  <a:gd name="connsiteY141" fmla="*/ 4520 h 10000"/>
                  <a:gd name="connsiteX142" fmla="*/ 2081 w 10000"/>
                  <a:gd name="connsiteY142" fmla="*/ 4520 h 10000"/>
                  <a:gd name="connsiteX143" fmla="*/ 2234 w 10000"/>
                  <a:gd name="connsiteY143" fmla="*/ 4490 h 10000"/>
                  <a:gd name="connsiteX144" fmla="*/ 2436 w 10000"/>
                  <a:gd name="connsiteY144" fmla="*/ 4446 h 10000"/>
                  <a:gd name="connsiteX145" fmla="*/ 2436 w 10000"/>
                  <a:gd name="connsiteY145" fmla="*/ 4579 h 10000"/>
                  <a:gd name="connsiteX146" fmla="*/ 2436 w 10000"/>
                  <a:gd name="connsiteY146" fmla="*/ 4742 h 10000"/>
                  <a:gd name="connsiteX147" fmla="*/ 2436 w 10000"/>
                  <a:gd name="connsiteY147" fmla="*/ 4874 h 10000"/>
                  <a:gd name="connsiteX148" fmla="*/ 2436 w 10000"/>
                  <a:gd name="connsiteY148" fmla="*/ 5037 h 10000"/>
                  <a:gd name="connsiteX149" fmla="*/ 2665 w 10000"/>
                  <a:gd name="connsiteY149" fmla="*/ 5022 h 10000"/>
                  <a:gd name="connsiteX150" fmla="*/ 2817 w 10000"/>
                  <a:gd name="connsiteY150" fmla="*/ 5037 h 10000"/>
                  <a:gd name="connsiteX151" fmla="*/ 2944 w 10000"/>
                  <a:gd name="connsiteY151" fmla="*/ 5066 h 10000"/>
                  <a:gd name="connsiteX152" fmla="*/ 3071 w 10000"/>
                  <a:gd name="connsiteY152" fmla="*/ 5096 h 10000"/>
                  <a:gd name="connsiteX153" fmla="*/ 3173 w 10000"/>
                  <a:gd name="connsiteY153" fmla="*/ 5126 h 10000"/>
                  <a:gd name="connsiteX154" fmla="*/ 3299 w 10000"/>
                  <a:gd name="connsiteY154" fmla="*/ 5155 h 10000"/>
                  <a:gd name="connsiteX155" fmla="*/ 3452 w 10000"/>
                  <a:gd name="connsiteY155" fmla="*/ 5170 h 10000"/>
                  <a:gd name="connsiteX156" fmla="*/ 3680 w 10000"/>
                  <a:gd name="connsiteY156" fmla="*/ 5155 h 10000"/>
                  <a:gd name="connsiteX157" fmla="*/ 3757 w 10000"/>
                  <a:gd name="connsiteY157" fmla="*/ 5096 h 10000"/>
                  <a:gd name="connsiteX158" fmla="*/ 3832 w 10000"/>
                  <a:gd name="connsiteY158" fmla="*/ 5022 h 10000"/>
                  <a:gd name="connsiteX159" fmla="*/ 3857 w 10000"/>
                  <a:gd name="connsiteY159" fmla="*/ 4934 h 10000"/>
                  <a:gd name="connsiteX160" fmla="*/ 3884 w 10000"/>
                  <a:gd name="connsiteY160" fmla="*/ 4860 h 10000"/>
                  <a:gd name="connsiteX161" fmla="*/ 3908 w 10000"/>
                  <a:gd name="connsiteY161" fmla="*/ 4697 h 10000"/>
                  <a:gd name="connsiteX162" fmla="*/ 3884 w 10000"/>
                  <a:gd name="connsiteY162" fmla="*/ 4520 h 10000"/>
                  <a:gd name="connsiteX163" fmla="*/ 3807 w 10000"/>
                  <a:gd name="connsiteY163" fmla="*/ 4343 h 10000"/>
                  <a:gd name="connsiteX164" fmla="*/ 3731 w 10000"/>
                  <a:gd name="connsiteY164" fmla="*/ 4195 h 10000"/>
                  <a:gd name="connsiteX165" fmla="*/ 3604 w 10000"/>
                  <a:gd name="connsiteY165" fmla="*/ 4047 h 10000"/>
                  <a:gd name="connsiteX166" fmla="*/ 3477 w 10000"/>
                  <a:gd name="connsiteY166" fmla="*/ 3959 h 10000"/>
                  <a:gd name="connsiteX167" fmla="*/ 3629 w 10000"/>
                  <a:gd name="connsiteY167" fmla="*/ 3944 h 10000"/>
                  <a:gd name="connsiteX168" fmla="*/ 3757 w 10000"/>
                  <a:gd name="connsiteY168" fmla="*/ 3914 h 10000"/>
                  <a:gd name="connsiteX169" fmla="*/ 3857 w 10000"/>
                  <a:gd name="connsiteY169" fmla="*/ 3855 h 10000"/>
                  <a:gd name="connsiteX170" fmla="*/ 3983 w 10000"/>
                  <a:gd name="connsiteY170" fmla="*/ 3752 h 10000"/>
                  <a:gd name="connsiteX171" fmla="*/ 4111 w 10000"/>
                  <a:gd name="connsiteY171" fmla="*/ 3663 h 10000"/>
                  <a:gd name="connsiteX172" fmla="*/ 4213 w 10000"/>
                  <a:gd name="connsiteY172" fmla="*/ 3560 h 10000"/>
                  <a:gd name="connsiteX173" fmla="*/ 4289 w 10000"/>
                  <a:gd name="connsiteY173" fmla="*/ 3442 h 10000"/>
                  <a:gd name="connsiteX174" fmla="*/ 4366 w 10000"/>
                  <a:gd name="connsiteY174" fmla="*/ 3323 h 10000"/>
                  <a:gd name="connsiteX175" fmla="*/ 4416 w 10000"/>
                  <a:gd name="connsiteY175" fmla="*/ 3220 h 10000"/>
                  <a:gd name="connsiteX176" fmla="*/ 4441 w 10000"/>
                  <a:gd name="connsiteY176" fmla="*/ 3102 h 10000"/>
                  <a:gd name="connsiteX177" fmla="*/ 4468 w 10000"/>
                  <a:gd name="connsiteY177" fmla="*/ 3013 h 10000"/>
                  <a:gd name="connsiteX178" fmla="*/ 4441 w 10000"/>
                  <a:gd name="connsiteY178" fmla="*/ 2939 h 10000"/>
                  <a:gd name="connsiteX179" fmla="*/ 4416 w 10000"/>
                  <a:gd name="connsiteY179" fmla="*/ 2866 h 10000"/>
                  <a:gd name="connsiteX180" fmla="*/ 4340 w 10000"/>
                  <a:gd name="connsiteY180" fmla="*/ 2836 h 10000"/>
                  <a:gd name="connsiteX181" fmla="*/ 4239 w 10000"/>
                  <a:gd name="connsiteY181" fmla="*/ 2836 h 10000"/>
                  <a:gd name="connsiteX182" fmla="*/ 4111 w 10000"/>
                  <a:gd name="connsiteY182" fmla="*/ 2866 h 10000"/>
                  <a:gd name="connsiteX183" fmla="*/ 4213 w 10000"/>
                  <a:gd name="connsiteY183" fmla="*/ 2777 h 10000"/>
                  <a:gd name="connsiteX184" fmla="*/ 4265 w 10000"/>
                  <a:gd name="connsiteY184" fmla="*/ 2674 h 10000"/>
                  <a:gd name="connsiteX185" fmla="*/ 4289 w 10000"/>
                  <a:gd name="connsiteY185" fmla="*/ 2541 h 10000"/>
                  <a:gd name="connsiteX186" fmla="*/ 4289 w 10000"/>
                  <a:gd name="connsiteY186" fmla="*/ 2393 h 10000"/>
                  <a:gd name="connsiteX187" fmla="*/ 4314 w 10000"/>
                  <a:gd name="connsiteY187" fmla="*/ 2349 h 10000"/>
                  <a:gd name="connsiteX188" fmla="*/ 4366 w 10000"/>
                  <a:gd name="connsiteY188" fmla="*/ 2304 h 10000"/>
                  <a:gd name="connsiteX189" fmla="*/ 4416 w 10000"/>
                  <a:gd name="connsiteY189" fmla="*/ 2290 h 10000"/>
                  <a:gd name="connsiteX190" fmla="*/ 4493 w 10000"/>
                  <a:gd name="connsiteY190" fmla="*/ 2275 h 10000"/>
                  <a:gd name="connsiteX191" fmla="*/ 4720 w 10000"/>
                  <a:gd name="connsiteY191" fmla="*/ 2260 h 10000"/>
                  <a:gd name="connsiteX192" fmla="*/ 4923 w 10000"/>
                  <a:gd name="connsiteY192" fmla="*/ 2275 h 10000"/>
                  <a:gd name="connsiteX193" fmla="*/ 4898 w 10000"/>
                  <a:gd name="connsiteY193" fmla="*/ 2112 h 10000"/>
                  <a:gd name="connsiteX194" fmla="*/ 4848 w 10000"/>
                  <a:gd name="connsiteY194" fmla="*/ 1950 h 10000"/>
                  <a:gd name="connsiteX195" fmla="*/ 4771 w 10000"/>
                  <a:gd name="connsiteY195" fmla="*/ 1802 h 10000"/>
                  <a:gd name="connsiteX196" fmla="*/ 4671 w 10000"/>
                  <a:gd name="connsiteY196" fmla="*/ 1640 h 10000"/>
                  <a:gd name="connsiteX197" fmla="*/ 4416 w 10000"/>
                  <a:gd name="connsiteY197" fmla="*/ 1329 h 10000"/>
                  <a:gd name="connsiteX198" fmla="*/ 4162 w 10000"/>
                  <a:gd name="connsiteY198" fmla="*/ 1034 h 10000"/>
                  <a:gd name="connsiteX199" fmla="*/ 4035 w 10000"/>
                  <a:gd name="connsiteY199" fmla="*/ 901 h 10000"/>
                  <a:gd name="connsiteX200" fmla="*/ 3935 w 10000"/>
                  <a:gd name="connsiteY200" fmla="*/ 753 h 10000"/>
                  <a:gd name="connsiteX201" fmla="*/ 3857 w 10000"/>
                  <a:gd name="connsiteY201" fmla="*/ 620 h 10000"/>
                  <a:gd name="connsiteX202" fmla="*/ 3832 w 10000"/>
                  <a:gd name="connsiteY202" fmla="*/ 487 h 10000"/>
                  <a:gd name="connsiteX203" fmla="*/ 3807 w 10000"/>
                  <a:gd name="connsiteY203" fmla="*/ 355 h 10000"/>
                  <a:gd name="connsiteX204" fmla="*/ 3857 w 10000"/>
                  <a:gd name="connsiteY204" fmla="*/ 222 h 10000"/>
                  <a:gd name="connsiteX205" fmla="*/ 3884 w 10000"/>
                  <a:gd name="connsiteY205" fmla="*/ 162 h 10000"/>
                  <a:gd name="connsiteX206" fmla="*/ 3935 w 10000"/>
                  <a:gd name="connsiteY206" fmla="*/ 103 h 10000"/>
                  <a:gd name="connsiteX207" fmla="*/ 4011 w 10000"/>
                  <a:gd name="connsiteY207" fmla="*/ 59 h 10000"/>
                  <a:gd name="connsiteX208" fmla="*/ 4111 w 10000"/>
                  <a:gd name="connsiteY208" fmla="*/ 0 h 10000"/>
                  <a:gd name="connsiteX209" fmla="*/ 4289 w 10000"/>
                  <a:gd name="connsiteY209" fmla="*/ 0 h 10000"/>
                  <a:gd name="connsiteX210" fmla="*/ 4468 w 10000"/>
                  <a:gd name="connsiteY210" fmla="*/ 15 h 10000"/>
                  <a:gd name="connsiteX211" fmla="*/ 4644 w 10000"/>
                  <a:gd name="connsiteY211" fmla="*/ 44 h 10000"/>
                  <a:gd name="connsiteX212" fmla="*/ 4771 w 10000"/>
                  <a:gd name="connsiteY212" fmla="*/ 89 h 10000"/>
                  <a:gd name="connsiteX213" fmla="*/ 4975 w 10000"/>
                  <a:gd name="connsiteY213" fmla="*/ 192 h 10000"/>
                  <a:gd name="connsiteX214" fmla="*/ 5177 w 10000"/>
                  <a:gd name="connsiteY214" fmla="*/ 340 h 10000"/>
                  <a:gd name="connsiteX215" fmla="*/ 5329 w 10000"/>
                  <a:gd name="connsiteY215" fmla="*/ 473 h 10000"/>
                  <a:gd name="connsiteX216" fmla="*/ 5532 w 10000"/>
                  <a:gd name="connsiteY216" fmla="*/ 591 h 10000"/>
                  <a:gd name="connsiteX217" fmla="*/ 5660 w 10000"/>
                  <a:gd name="connsiteY217" fmla="*/ 650 h 10000"/>
                  <a:gd name="connsiteX218" fmla="*/ 5812 w 10000"/>
                  <a:gd name="connsiteY218" fmla="*/ 679 h 10000"/>
                  <a:gd name="connsiteX219" fmla="*/ 5965 w 10000"/>
                  <a:gd name="connsiteY219" fmla="*/ 709 h 10000"/>
                  <a:gd name="connsiteX220" fmla="*/ 6168 w 10000"/>
                  <a:gd name="connsiteY220" fmla="*/ 709 h 10000"/>
                  <a:gd name="connsiteX221" fmla="*/ 6168 w 10000"/>
                  <a:gd name="connsiteY221" fmla="*/ 768 h 10000"/>
                  <a:gd name="connsiteX222" fmla="*/ 6193 w 10000"/>
                  <a:gd name="connsiteY222" fmla="*/ 842 h 10000"/>
                  <a:gd name="connsiteX223" fmla="*/ 6243 w 10000"/>
                  <a:gd name="connsiteY223" fmla="*/ 916 h 10000"/>
                  <a:gd name="connsiteX224" fmla="*/ 6294 w 10000"/>
                  <a:gd name="connsiteY224" fmla="*/ 990 h 10000"/>
                  <a:gd name="connsiteX225" fmla="*/ 6369 w 10000"/>
                  <a:gd name="connsiteY225" fmla="*/ 1049 h 10000"/>
                  <a:gd name="connsiteX226" fmla="*/ 6471 w 10000"/>
                  <a:gd name="connsiteY226" fmla="*/ 1108 h 10000"/>
                  <a:gd name="connsiteX227" fmla="*/ 6598 w 10000"/>
                  <a:gd name="connsiteY227" fmla="*/ 1182 h 10000"/>
                  <a:gd name="connsiteX228" fmla="*/ 6700 w 10000"/>
                  <a:gd name="connsiteY228" fmla="*/ 1226 h 10000"/>
                  <a:gd name="connsiteX229" fmla="*/ 6802 w 10000"/>
                  <a:gd name="connsiteY229" fmla="*/ 1270 h 10000"/>
                  <a:gd name="connsiteX230" fmla="*/ 6903 w 10000"/>
                  <a:gd name="connsiteY230" fmla="*/ 1300 h 10000"/>
                  <a:gd name="connsiteX231" fmla="*/ 7005 w 10000"/>
                  <a:gd name="connsiteY231" fmla="*/ 1315 h 10000"/>
                  <a:gd name="connsiteX232" fmla="*/ 7132 w 10000"/>
                  <a:gd name="connsiteY232" fmla="*/ 1300 h 10000"/>
                  <a:gd name="connsiteX233" fmla="*/ 7234 w 10000"/>
                  <a:gd name="connsiteY233" fmla="*/ 1285 h 10000"/>
                  <a:gd name="connsiteX234" fmla="*/ 7309 w 10000"/>
                  <a:gd name="connsiteY234" fmla="*/ 1241 h 10000"/>
                  <a:gd name="connsiteX235" fmla="*/ 7361 w 10000"/>
                  <a:gd name="connsiteY235" fmla="*/ 1167 h 10000"/>
                  <a:gd name="connsiteX236" fmla="*/ 7385 w 10000"/>
                  <a:gd name="connsiteY236" fmla="*/ 1064 h 10000"/>
                  <a:gd name="connsiteX237" fmla="*/ 7766 w 10000"/>
                  <a:gd name="connsiteY237" fmla="*/ 1034 h 10000"/>
                  <a:gd name="connsiteX238" fmla="*/ 8121 w 10000"/>
                  <a:gd name="connsiteY238" fmla="*/ 1004 h 10000"/>
                  <a:gd name="connsiteX239" fmla="*/ 8427 w 10000"/>
                  <a:gd name="connsiteY239" fmla="*/ 990 h 10000"/>
                  <a:gd name="connsiteX240" fmla="*/ 8706 w 10000"/>
                  <a:gd name="connsiteY240" fmla="*/ 1004 h 10000"/>
                  <a:gd name="connsiteX241" fmla="*/ 8833 w 10000"/>
                  <a:gd name="connsiteY241" fmla="*/ 1019 h 10000"/>
                  <a:gd name="connsiteX242" fmla="*/ 8958 w 10000"/>
                  <a:gd name="connsiteY242" fmla="*/ 1034 h 10000"/>
                  <a:gd name="connsiteX243" fmla="*/ 9061 w 10000"/>
                  <a:gd name="connsiteY243" fmla="*/ 1064 h 10000"/>
                  <a:gd name="connsiteX244" fmla="*/ 9188 w 10000"/>
                  <a:gd name="connsiteY244" fmla="*/ 1108 h 10000"/>
                  <a:gd name="connsiteX245" fmla="*/ 9264 w 10000"/>
                  <a:gd name="connsiteY245" fmla="*/ 1182 h 10000"/>
                  <a:gd name="connsiteX246" fmla="*/ 9339 w 10000"/>
                  <a:gd name="connsiteY246" fmla="*/ 1241 h 10000"/>
                  <a:gd name="connsiteX247" fmla="*/ 9391 w 10000"/>
                  <a:gd name="connsiteY247" fmla="*/ 1329 h 10000"/>
                  <a:gd name="connsiteX248" fmla="*/ 9442 w 10000"/>
                  <a:gd name="connsiteY248" fmla="*/ 1433 h 10000"/>
                  <a:gd name="connsiteX249" fmla="*/ 9492 w 10000"/>
                  <a:gd name="connsiteY249" fmla="*/ 1551 h 10000"/>
                  <a:gd name="connsiteX250" fmla="*/ 9466 w 10000"/>
                  <a:gd name="connsiteY250" fmla="*/ 1625 h 10000"/>
                  <a:gd name="connsiteX251" fmla="*/ 9442 w 10000"/>
                  <a:gd name="connsiteY251" fmla="*/ 1684 h 10000"/>
                  <a:gd name="connsiteX252" fmla="*/ 9391 w 10000"/>
                  <a:gd name="connsiteY252" fmla="*/ 1758 h 10000"/>
                  <a:gd name="connsiteX253" fmla="*/ 9315 w 10000"/>
                  <a:gd name="connsiteY253" fmla="*/ 1802 h 10000"/>
                  <a:gd name="connsiteX254" fmla="*/ 9264 w 10000"/>
                  <a:gd name="connsiteY254" fmla="*/ 1861 h 10000"/>
                  <a:gd name="connsiteX255" fmla="*/ 9240 w 10000"/>
                  <a:gd name="connsiteY255" fmla="*/ 1935 h 10000"/>
                  <a:gd name="connsiteX256" fmla="*/ 9264 w 10000"/>
                  <a:gd name="connsiteY256" fmla="*/ 2024 h 10000"/>
                  <a:gd name="connsiteX257" fmla="*/ 9543 w 10000"/>
                  <a:gd name="connsiteY257" fmla="*/ 2157 h 10000"/>
                  <a:gd name="connsiteX258" fmla="*/ 9873 w 10000"/>
                  <a:gd name="connsiteY258" fmla="*/ 2275 h 10000"/>
                  <a:gd name="connsiteX259" fmla="*/ 10000 w 10000"/>
                  <a:gd name="connsiteY25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345 w 10000"/>
                  <a:gd name="connsiteY22" fmla="*/ 4003 h 10000"/>
                  <a:gd name="connsiteX23" fmla="*/ 6143 w 10000"/>
                  <a:gd name="connsiteY23" fmla="*/ 4106 h 10000"/>
                  <a:gd name="connsiteX24" fmla="*/ 5938 w 10000"/>
                  <a:gd name="connsiteY24" fmla="*/ 4195 h 10000"/>
                  <a:gd name="connsiteX25" fmla="*/ 6091 w 10000"/>
                  <a:gd name="connsiteY25" fmla="*/ 4417 h 10000"/>
                  <a:gd name="connsiteX26" fmla="*/ 6369 w 10000"/>
                  <a:gd name="connsiteY26" fmla="*/ 5081 h 10000"/>
                  <a:gd name="connsiteX27" fmla="*/ 6421 w 10000"/>
                  <a:gd name="connsiteY27" fmla="*/ 5318 h 10000"/>
                  <a:gd name="connsiteX28" fmla="*/ 6447 w 10000"/>
                  <a:gd name="connsiteY28" fmla="*/ 5539 h 10000"/>
                  <a:gd name="connsiteX29" fmla="*/ 6471 w 10000"/>
                  <a:gd name="connsiteY29" fmla="*/ 5775 h 10000"/>
                  <a:gd name="connsiteX30" fmla="*/ 6471 w 10000"/>
                  <a:gd name="connsiteY30" fmla="*/ 5997 h 10000"/>
                  <a:gd name="connsiteX31" fmla="*/ 6447 w 10000"/>
                  <a:gd name="connsiteY31" fmla="*/ 6233 h 10000"/>
                  <a:gd name="connsiteX32" fmla="*/ 6396 w 10000"/>
                  <a:gd name="connsiteY32" fmla="*/ 6470 h 10000"/>
                  <a:gd name="connsiteX33" fmla="*/ 6345 w 10000"/>
                  <a:gd name="connsiteY33" fmla="*/ 6677 h 10000"/>
                  <a:gd name="connsiteX34" fmla="*/ 6269 w 10000"/>
                  <a:gd name="connsiteY34" fmla="*/ 6898 h 10000"/>
                  <a:gd name="connsiteX35" fmla="*/ 6168 w 10000"/>
                  <a:gd name="connsiteY35" fmla="*/ 7105 h 10000"/>
                  <a:gd name="connsiteX36" fmla="*/ 6041 w 10000"/>
                  <a:gd name="connsiteY36" fmla="*/ 7297 h 10000"/>
                  <a:gd name="connsiteX37" fmla="*/ 5888 w 10000"/>
                  <a:gd name="connsiteY37" fmla="*/ 7489 h 10000"/>
                  <a:gd name="connsiteX38" fmla="*/ 5735 w 10000"/>
                  <a:gd name="connsiteY38" fmla="*/ 7681 h 10000"/>
                  <a:gd name="connsiteX39" fmla="*/ 6471 w 10000"/>
                  <a:gd name="connsiteY39" fmla="*/ 7799 h 10000"/>
                  <a:gd name="connsiteX40" fmla="*/ 7234 w 10000"/>
                  <a:gd name="connsiteY40" fmla="*/ 7962 h 10000"/>
                  <a:gd name="connsiteX41" fmla="*/ 7385 w 10000"/>
                  <a:gd name="connsiteY41" fmla="*/ 8021 h 10000"/>
                  <a:gd name="connsiteX42" fmla="*/ 7512 w 10000"/>
                  <a:gd name="connsiteY42" fmla="*/ 8080 h 10000"/>
                  <a:gd name="connsiteX43" fmla="*/ 7639 w 10000"/>
                  <a:gd name="connsiteY43" fmla="*/ 8139 h 10000"/>
                  <a:gd name="connsiteX44" fmla="*/ 7716 w 10000"/>
                  <a:gd name="connsiteY44" fmla="*/ 8227 h 10000"/>
                  <a:gd name="connsiteX45" fmla="*/ 7741 w 10000"/>
                  <a:gd name="connsiteY45" fmla="*/ 8301 h 10000"/>
                  <a:gd name="connsiteX46" fmla="*/ 7741 w 10000"/>
                  <a:gd name="connsiteY46" fmla="*/ 8405 h 10000"/>
                  <a:gd name="connsiteX47" fmla="*/ 7691 w 10000"/>
                  <a:gd name="connsiteY47" fmla="*/ 8523 h 10000"/>
                  <a:gd name="connsiteX48" fmla="*/ 7614 w 10000"/>
                  <a:gd name="connsiteY48" fmla="*/ 8641 h 10000"/>
                  <a:gd name="connsiteX49" fmla="*/ 7284 w 10000"/>
                  <a:gd name="connsiteY49" fmla="*/ 8552 h 10000"/>
                  <a:gd name="connsiteX50" fmla="*/ 6979 w 10000"/>
                  <a:gd name="connsiteY50" fmla="*/ 8449 h 10000"/>
                  <a:gd name="connsiteX51" fmla="*/ 6674 w 10000"/>
                  <a:gd name="connsiteY51" fmla="*/ 8360 h 10000"/>
                  <a:gd name="connsiteX52" fmla="*/ 6369 w 10000"/>
                  <a:gd name="connsiteY52" fmla="*/ 8287 h 10000"/>
                  <a:gd name="connsiteX53" fmla="*/ 6243 w 10000"/>
                  <a:gd name="connsiteY53" fmla="*/ 8449 h 10000"/>
                  <a:gd name="connsiteX54" fmla="*/ 6143 w 10000"/>
                  <a:gd name="connsiteY54" fmla="*/ 8597 h 10000"/>
                  <a:gd name="connsiteX55" fmla="*/ 6091 w 10000"/>
                  <a:gd name="connsiteY55" fmla="*/ 8656 h 10000"/>
                  <a:gd name="connsiteX56" fmla="*/ 5989 w 10000"/>
                  <a:gd name="connsiteY56" fmla="*/ 8700 h 10000"/>
                  <a:gd name="connsiteX57" fmla="*/ 5914 w 10000"/>
                  <a:gd name="connsiteY57" fmla="*/ 8744 h 10000"/>
                  <a:gd name="connsiteX58" fmla="*/ 5838 w 10000"/>
                  <a:gd name="connsiteY58" fmla="*/ 8774 h 10000"/>
                  <a:gd name="connsiteX59" fmla="*/ 5761 w 10000"/>
                  <a:gd name="connsiteY59" fmla="*/ 8804 h 10000"/>
                  <a:gd name="connsiteX60" fmla="*/ 5660 w 10000"/>
                  <a:gd name="connsiteY60" fmla="*/ 8818 h 10000"/>
                  <a:gd name="connsiteX61" fmla="*/ 5532 w 10000"/>
                  <a:gd name="connsiteY61" fmla="*/ 8833 h 10000"/>
                  <a:gd name="connsiteX62" fmla="*/ 5406 w 10000"/>
                  <a:gd name="connsiteY62" fmla="*/ 8833 h 10000"/>
                  <a:gd name="connsiteX63" fmla="*/ 5102 w 10000"/>
                  <a:gd name="connsiteY63" fmla="*/ 8818 h 10000"/>
                  <a:gd name="connsiteX64" fmla="*/ 4720 w 10000"/>
                  <a:gd name="connsiteY64" fmla="*/ 8744 h 10000"/>
                  <a:gd name="connsiteX65" fmla="*/ 4720 w 10000"/>
                  <a:gd name="connsiteY65" fmla="*/ 8922 h 10000"/>
                  <a:gd name="connsiteX66" fmla="*/ 4695 w 10000"/>
                  <a:gd name="connsiteY66" fmla="*/ 9069 h 10000"/>
                  <a:gd name="connsiteX67" fmla="*/ 4671 w 10000"/>
                  <a:gd name="connsiteY67" fmla="*/ 9232 h 10000"/>
                  <a:gd name="connsiteX68" fmla="*/ 4644 w 10000"/>
                  <a:gd name="connsiteY68" fmla="*/ 9365 h 10000"/>
                  <a:gd name="connsiteX69" fmla="*/ 4593 w 10000"/>
                  <a:gd name="connsiteY69" fmla="*/ 9498 h 10000"/>
                  <a:gd name="connsiteX70" fmla="*/ 4493 w 10000"/>
                  <a:gd name="connsiteY70" fmla="*/ 9616 h 10000"/>
                  <a:gd name="connsiteX71" fmla="*/ 4416 w 10000"/>
                  <a:gd name="connsiteY71" fmla="*/ 9734 h 10000"/>
                  <a:gd name="connsiteX72" fmla="*/ 4289 w 10000"/>
                  <a:gd name="connsiteY72" fmla="*/ 9838 h 10000"/>
                  <a:gd name="connsiteX73" fmla="*/ 3983 w 10000"/>
                  <a:gd name="connsiteY73" fmla="*/ 9897 h 10000"/>
                  <a:gd name="connsiteX74" fmla="*/ 3731 w 10000"/>
                  <a:gd name="connsiteY74" fmla="*/ 9941 h 10000"/>
                  <a:gd name="connsiteX75" fmla="*/ 3426 w 10000"/>
                  <a:gd name="connsiteY75" fmla="*/ 9985 h 10000"/>
                  <a:gd name="connsiteX76" fmla="*/ 3198 w 10000"/>
                  <a:gd name="connsiteY76" fmla="*/ 10000 h 10000"/>
                  <a:gd name="connsiteX77" fmla="*/ 2690 w 10000"/>
                  <a:gd name="connsiteY77" fmla="*/ 10000 h 10000"/>
                  <a:gd name="connsiteX78" fmla="*/ 2208 w 10000"/>
                  <a:gd name="connsiteY78" fmla="*/ 9985 h 10000"/>
                  <a:gd name="connsiteX79" fmla="*/ 1752 w 10000"/>
                  <a:gd name="connsiteY79" fmla="*/ 9941 h 10000"/>
                  <a:gd name="connsiteX80" fmla="*/ 1270 w 10000"/>
                  <a:gd name="connsiteY80" fmla="*/ 9911 h 10000"/>
                  <a:gd name="connsiteX81" fmla="*/ 990 w 10000"/>
                  <a:gd name="connsiteY81" fmla="*/ 9911 h 10000"/>
                  <a:gd name="connsiteX82" fmla="*/ 736 w 10000"/>
                  <a:gd name="connsiteY82" fmla="*/ 9911 h 10000"/>
                  <a:gd name="connsiteX83" fmla="*/ 457 w 10000"/>
                  <a:gd name="connsiteY83" fmla="*/ 9926 h 10000"/>
                  <a:gd name="connsiteX84" fmla="*/ 178 w 10000"/>
                  <a:gd name="connsiteY84" fmla="*/ 9970 h 10000"/>
                  <a:gd name="connsiteX85" fmla="*/ 102 w 10000"/>
                  <a:gd name="connsiteY85" fmla="*/ 9867 h 10000"/>
                  <a:gd name="connsiteX86" fmla="*/ 51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1 w 10000"/>
                  <a:gd name="connsiteY89" fmla="*/ 9424 h 10000"/>
                  <a:gd name="connsiteX90" fmla="*/ 102 w 10000"/>
                  <a:gd name="connsiteY90" fmla="*/ 9202 h 10000"/>
                  <a:gd name="connsiteX91" fmla="*/ 151 w 10000"/>
                  <a:gd name="connsiteY91" fmla="*/ 8996 h 10000"/>
                  <a:gd name="connsiteX92" fmla="*/ 203 w 10000"/>
                  <a:gd name="connsiteY92" fmla="*/ 8759 h 10000"/>
                  <a:gd name="connsiteX93" fmla="*/ 228 w 10000"/>
                  <a:gd name="connsiteY93" fmla="*/ 8641 h 10000"/>
                  <a:gd name="connsiteX94" fmla="*/ 228 w 10000"/>
                  <a:gd name="connsiteY94" fmla="*/ 8538 h 10000"/>
                  <a:gd name="connsiteX95" fmla="*/ 203 w 10000"/>
                  <a:gd name="connsiteY95" fmla="*/ 8405 h 10000"/>
                  <a:gd name="connsiteX96" fmla="*/ 178 w 10000"/>
                  <a:gd name="connsiteY96" fmla="*/ 8287 h 10000"/>
                  <a:gd name="connsiteX97" fmla="*/ 431 w 10000"/>
                  <a:gd name="connsiteY97" fmla="*/ 8213 h 10000"/>
                  <a:gd name="connsiteX98" fmla="*/ 685 w 10000"/>
                  <a:gd name="connsiteY98" fmla="*/ 8139 h 10000"/>
                  <a:gd name="connsiteX99" fmla="*/ 939 w 10000"/>
                  <a:gd name="connsiteY99" fmla="*/ 8095 h 10000"/>
                  <a:gd name="connsiteX100" fmla="*/ 1218 w 10000"/>
                  <a:gd name="connsiteY100" fmla="*/ 8065 h 10000"/>
                  <a:gd name="connsiteX101" fmla="*/ 1725 w 10000"/>
                  <a:gd name="connsiteY101" fmla="*/ 8021 h 10000"/>
                  <a:gd name="connsiteX102" fmla="*/ 2234 w 10000"/>
                  <a:gd name="connsiteY102" fmla="*/ 7976 h 10000"/>
                  <a:gd name="connsiteX103" fmla="*/ 2462 w 10000"/>
                  <a:gd name="connsiteY103" fmla="*/ 7947 h 10000"/>
                  <a:gd name="connsiteX104" fmla="*/ 2690 w 10000"/>
                  <a:gd name="connsiteY104" fmla="*/ 7917 h 10000"/>
                  <a:gd name="connsiteX105" fmla="*/ 2892 w 10000"/>
                  <a:gd name="connsiteY105" fmla="*/ 7843 h 10000"/>
                  <a:gd name="connsiteX106" fmla="*/ 3096 w 10000"/>
                  <a:gd name="connsiteY106" fmla="*/ 7784 h 10000"/>
                  <a:gd name="connsiteX107" fmla="*/ 3274 w 10000"/>
                  <a:gd name="connsiteY107" fmla="*/ 7710 h 10000"/>
                  <a:gd name="connsiteX108" fmla="*/ 3426 w 10000"/>
                  <a:gd name="connsiteY108" fmla="*/ 7592 h 10000"/>
                  <a:gd name="connsiteX109" fmla="*/ 3579 w 10000"/>
                  <a:gd name="connsiteY109" fmla="*/ 7474 h 10000"/>
                  <a:gd name="connsiteX110" fmla="*/ 3680 w 10000"/>
                  <a:gd name="connsiteY110" fmla="*/ 7312 h 10000"/>
                  <a:gd name="connsiteX111" fmla="*/ 3477 w 10000"/>
                  <a:gd name="connsiteY111" fmla="*/ 7238 h 10000"/>
                  <a:gd name="connsiteX112" fmla="*/ 3299 w 10000"/>
                  <a:gd name="connsiteY112" fmla="*/ 7179 h 10000"/>
                  <a:gd name="connsiteX113" fmla="*/ 3147 w 10000"/>
                  <a:gd name="connsiteY113" fmla="*/ 7090 h 10000"/>
                  <a:gd name="connsiteX114" fmla="*/ 2995 w 10000"/>
                  <a:gd name="connsiteY114" fmla="*/ 6987 h 10000"/>
                  <a:gd name="connsiteX115" fmla="*/ 2892 w 10000"/>
                  <a:gd name="connsiteY115" fmla="*/ 6869 h 10000"/>
                  <a:gd name="connsiteX116" fmla="*/ 2843 w 10000"/>
                  <a:gd name="connsiteY116" fmla="*/ 6721 h 10000"/>
                  <a:gd name="connsiteX117" fmla="*/ 2817 w 10000"/>
                  <a:gd name="connsiteY117" fmla="*/ 6558 h 10000"/>
                  <a:gd name="connsiteX118" fmla="*/ 2843 w 10000"/>
                  <a:gd name="connsiteY118" fmla="*/ 6352 h 10000"/>
                  <a:gd name="connsiteX119" fmla="*/ 2716 w 10000"/>
                  <a:gd name="connsiteY119" fmla="*/ 6322 h 10000"/>
                  <a:gd name="connsiteX120" fmla="*/ 2564 w 10000"/>
                  <a:gd name="connsiteY120" fmla="*/ 6292 h 10000"/>
                  <a:gd name="connsiteX121" fmla="*/ 2386 w 10000"/>
                  <a:gd name="connsiteY121" fmla="*/ 6278 h 10000"/>
                  <a:gd name="connsiteX122" fmla="*/ 2208 w 10000"/>
                  <a:gd name="connsiteY122" fmla="*/ 6263 h 10000"/>
                  <a:gd name="connsiteX123" fmla="*/ 1853 w 10000"/>
                  <a:gd name="connsiteY123" fmla="*/ 6248 h 10000"/>
                  <a:gd name="connsiteX124" fmla="*/ 1472 w 10000"/>
                  <a:gd name="connsiteY124" fmla="*/ 6263 h 10000"/>
                  <a:gd name="connsiteX125" fmla="*/ 1143 w 10000"/>
                  <a:gd name="connsiteY125" fmla="*/ 6278 h 10000"/>
                  <a:gd name="connsiteX126" fmla="*/ 837 w 10000"/>
                  <a:gd name="connsiteY126" fmla="*/ 6278 h 10000"/>
                  <a:gd name="connsiteX127" fmla="*/ 585 w 10000"/>
                  <a:gd name="connsiteY127" fmla="*/ 6263 h 10000"/>
                  <a:gd name="connsiteX128" fmla="*/ 381 w 10000"/>
                  <a:gd name="connsiteY128" fmla="*/ 6233 h 10000"/>
                  <a:gd name="connsiteX129" fmla="*/ 633 w 10000"/>
                  <a:gd name="connsiteY129" fmla="*/ 5805 h 10000"/>
                  <a:gd name="connsiteX130" fmla="*/ 914 w 10000"/>
                  <a:gd name="connsiteY130" fmla="*/ 5391 h 10000"/>
                  <a:gd name="connsiteX131" fmla="*/ 1016 w 10000"/>
                  <a:gd name="connsiteY131" fmla="*/ 5170 h 10000"/>
                  <a:gd name="connsiteX132" fmla="*/ 1091 w 10000"/>
                  <a:gd name="connsiteY132" fmla="*/ 4963 h 10000"/>
                  <a:gd name="connsiteX133" fmla="*/ 1116 w 10000"/>
                  <a:gd name="connsiteY133" fmla="*/ 4860 h 10000"/>
                  <a:gd name="connsiteX134" fmla="*/ 1091 w 10000"/>
                  <a:gd name="connsiteY134" fmla="*/ 4756 h 10000"/>
                  <a:gd name="connsiteX135" fmla="*/ 1066 w 10000"/>
                  <a:gd name="connsiteY135" fmla="*/ 4653 h 10000"/>
                  <a:gd name="connsiteX136" fmla="*/ 990 w 10000"/>
                  <a:gd name="connsiteY136" fmla="*/ 4549 h 10000"/>
                  <a:gd name="connsiteX137" fmla="*/ 1270 w 10000"/>
                  <a:gd name="connsiteY137" fmla="*/ 4520 h 10000"/>
                  <a:gd name="connsiteX138" fmla="*/ 1472 w 10000"/>
                  <a:gd name="connsiteY138" fmla="*/ 4505 h 10000"/>
                  <a:gd name="connsiteX139" fmla="*/ 1650 w 10000"/>
                  <a:gd name="connsiteY139" fmla="*/ 4505 h 10000"/>
                  <a:gd name="connsiteX140" fmla="*/ 1802 w 10000"/>
                  <a:gd name="connsiteY140" fmla="*/ 4520 h 10000"/>
                  <a:gd name="connsiteX141" fmla="*/ 1929 w 10000"/>
                  <a:gd name="connsiteY141" fmla="*/ 4520 h 10000"/>
                  <a:gd name="connsiteX142" fmla="*/ 2081 w 10000"/>
                  <a:gd name="connsiteY142" fmla="*/ 4520 h 10000"/>
                  <a:gd name="connsiteX143" fmla="*/ 2234 w 10000"/>
                  <a:gd name="connsiteY143" fmla="*/ 4490 h 10000"/>
                  <a:gd name="connsiteX144" fmla="*/ 2436 w 10000"/>
                  <a:gd name="connsiteY144" fmla="*/ 4446 h 10000"/>
                  <a:gd name="connsiteX145" fmla="*/ 2436 w 10000"/>
                  <a:gd name="connsiteY145" fmla="*/ 4579 h 10000"/>
                  <a:gd name="connsiteX146" fmla="*/ 2436 w 10000"/>
                  <a:gd name="connsiteY146" fmla="*/ 4742 h 10000"/>
                  <a:gd name="connsiteX147" fmla="*/ 2436 w 10000"/>
                  <a:gd name="connsiteY147" fmla="*/ 4874 h 10000"/>
                  <a:gd name="connsiteX148" fmla="*/ 2436 w 10000"/>
                  <a:gd name="connsiteY148" fmla="*/ 5037 h 10000"/>
                  <a:gd name="connsiteX149" fmla="*/ 2665 w 10000"/>
                  <a:gd name="connsiteY149" fmla="*/ 5022 h 10000"/>
                  <a:gd name="connsiteX150" fmla="*/ 2817 w 10000"/>
                  <a:gd name="connsiteY150" fmla="*/ 5037 h 10000"/>
                  <a:gd name="connsiteX151" fmla="*/ 2944 w 10000"/>
                  <a:gd name="connsiteY151" fmla="*/ 5066 h 10000"/>
                  <a:gd name="connsiteX152" fmla="*/ 3071 w 10000"/>
                  <a:gd name="connsiteY152" fmla="*/ 5096 h 10000"/>
                  <a:gd name="connsiteX153" fmla="*/ 3173 w 10000"/>
                  <a:gd name="connsiteY153" fmla="*/ 5126 h 10000"/>
                  <a:gd name="connsiteX154" fmla="*/ 3299 w 10000"/>
                  <a:gd name="connsiteY154" fmla="*/ 5155 h 10000"/>
                  <a:gd name="connsiteX155" fmla="*/ 3452 w 10000"/>
                  <a:gd name="connsiteY155" fmla="*/ 5170 h 10000"/>
                  <a:gd name="connsiteX156" fmla="*/ 3680 w 10000"/>
                  <a:gd name="connsiteY156" fmla="*/ 5155 h 10000"/>
                  <a:gd name="connsiteX157" fmla="*/ 3757 w 10000"/>
                  <a:gd name="connsiteY157" fmla="*/ 5096 h 10000"/>
                  <a:gd name="connsiteX158" fmla="*/ 3832 w 10000"/>
                  <a:gd name="connsiteY158" fmla="*/ 5022 h 10000"/>
                  <a:gd name="connsiteX159" fmla="*/ 3857 w 10000"/>
                  <a:gd name="connsiteY159" fmla="*/ 4934 h 10000"/>
                  <a:gd name="connsiteX160" fmla="*/ 3884 w 10000"/>
                  <a:gd name="connsiteY160" fmla="*/ 4860 h 10000"/>
                  <a:gd name="connsiteX161" fmla="*/ 3908 w 10000"/>
                  <a:gd name="connsiteY161" fmla="*/ 4697 h 10000"/>
                  <a:gd name="connsiteX162" fmla="*/ 3884 w 10000"/>
                  <a:gd name="connsiteY162" fmla="*/ 4520 h 10000"/>
                  <a:gd name="connsiteX163" fmla="*/ 3807 w 10000"/>
                  <a:gd name="connsiteY163" fmla="*/ 4343 h 10000"/>
                  <a:gd name="connsiteX164" fmla="*/ 3731 w 10000"/>
                  <a:gd name="connsiteY164" fmla="*/ 4195 h 10000"/>
                  <a:gd name="connsiteX165" fmla="*/ 3604 w 10000"/>
                  <a:gd name="connsiteY165" fmla="*/ 4047 h 10000"/>
                  <a:gd name="connsiteX166" fmla="*/ 3477 w 10000"/>
                  <a:gd name="connsiteY166" fmla="*/ 3959 h 10000"/>
                  <a:gd name="connsiteX167" fmla="*/ 3629 w 10000"/>
                  <a:gd name="connsiteY167" fmla="*/ 3944 h 10000"/>
                  <a:gd name="connsiteX168" fmla="*/ 3757 w 10000"/>
                  <a:gd name="connsiteY168" fmla="*/ 3914 h 10000"/>
                  <a:gd name="connsiteX169" fmla="*/ 3857 w 10000"/>
                  <a:gd name="connsiteY169" fmla="*/ 3855 h 10000"/>
                  <a:gd name="connsiteX170" fmla="*/ 3983 w 10000"/>
                  <a:gd name="connsiteY170" fmla="*/ 3752 h 10000"/>
                  <a:gd name="connsiteX171" fmla="*/ 4111 w 10000"/>
                  <a:gd name="connsiteY171" fmla="*/ 3663 h 10000"/>
                  <a:gd name="connsiteX172" fmla="*/ 4213 w 10000"/>
                  <a:gd name="connsiteY172" fmla="*/ 3560 h 10000"/>
                  <a:gd name="connsiteX173" fmla="*/ 4289 w 10000"/>
                  <a:gd name="connsiteY173" fmla="*/ 3442 h 10000"/>
                  <a:gd name="connsiteX174" fmla="*/ 4366 w 10000"/>
                  <a:gd name="connsiteY174" fmla="*/ 3323 h 10000"/>
                  <a:gd name="connsiteX175" fmla="*/ 4416 w 10000"/>
                  <a:gd name="connsiteY175" fmla="*/ 3220 h 10000"/>
                  <a:gd name="connsiteX176" fmla="*/ 4441 w 10000"/>
                  <a:gd name="connsiteY176" fmla="*/ 3102 h 10000"/>
                  <a:gd name="connsiteX177" fmla="*/ 4468 w 10000"/>
                  <a:gd name="connsiteY177" fmla="*/ 3013 h 10000"/>
                  <a:gd name="connsiteX178" fmla="*/ 4441 w 10000"/>
                  <a:gd name="connsiteY178" fmla="*/ 2939 h 10000"/>
                  <a:gd name="connsiteX179" fmla="*/ 4416 w 10000"/>
                  <a:gd name="connsiteY179" fmla="*/ 2866 h 10000"/>
                  <a:gd name="connsiteX180" fmla="*/ 4340 w 10000"/>
                  <a:gd name="connsiteY180" fmla="*/ 2836 h 10000"/>
                  <a:gd name="connsiteX181" fmla="*/ 4239 w 10000"/>
                  <a:gd name="connsiteY181" fmla="*/ 2836 h 10000"/>
                  <a:gd name="connsiteX182" fmla="*/ 4111 w 10000"/>
                  <a:gd name="connsiteY182" fmla="*/ 2866 h 10000"/>
                  <a:gd name="connsiteX183" fmla="*/ 4213 w 10000"/>
                  <a:gd name="connsiteY183" fmla="*/ 2777 h 10000"/>
                  <a:gd name="connsiteX184" fmla="*/ 4265 w 10000"/>
                  <a:gd name="connsiteY184" fmla="*/ 2674 h 10000"/>
                  <a:gd name="connsiteX185" fmla="*/ 4289 w 10000"/>
                  <a:gd name="connsiteY185" fmla="*/ 2541 h 10000"/>
                  <a:gd name="connsiteX186" fmla="*/ 4289 w 10000"/>
                  <a:gd name="connsiteY186" fmla="*/ 2393 h 10000"/>
                  <a:gd name="connsiteX187" fmla="*/ 4314 w 10000"/>
                  <a:gd name="connsiteY187" fmla="*/ 2349 h 10000"/>
                  <a:gd name="connsiteX188" fmla="*/ 4366 w 10000"/>
                  <a:gd name="connsiteY188" fmla="*/ 2304 h 10000"/>
                  <a:gd name="connsiteX189" fmla="*/ 4416 w 10000"/>
                  <a:gd name="connsiteY189" fmla="*/ 2290 h 10000"/>
                  <a:gd name="connsiteX190" fmla="*/ 4493 w 10000"/>
                  <a:gd name="connsiteY190" fmla="*/ 2275 h 10000"/>
                  <a:gd name="connsiteX191" fmla="*/ 4720 w 10000"/>
                  <a:gd name="connsiteY191" fmla="*/ 2260 h 10000"/>
                  <a:gd name="connsiteX192" fmla="*/ 4923 w 10000"/>
                  <a:gd name="connsiteY192" fmla="*/ 2275 h 10000"/>
                  <a:gd name="connsiteX193" fmla="*/ 4898 w 10000"/>
                  <a:gd name="connsiteY193" fmla="*/ 2112 h 10000"/>
                  <a:gd name="connsiteX194" fmla="*/ 4848 w 10000"/>
                  <a:gd name="connsiteY194" fmla="*/ 1950 h 10000"/>
                  <a:gd name="connsiteX195" fmla="*/ 4771 w 10000"/>
                  <a:gd name="connsiteY195" fmla="*/ 1802 h 10000"/>
                  <a:gd name="connsiteX196" fmla="*/ 4671 w 10000"/>
                  <a:gd name="connsiteY196" fmla="*/ 1640 h 10000"/>
                  <a:gd name="connsiteX197" fmla="*/ 4416 w 10000"/>
                  <a:gd name="connsiteY197" fmla="*/ 1329 h 10000"/>
                  <a:gd name="connsiteX198" fmla="*/ 4162 w 10000"/>
                  <a:gd name="connsiteY198" fmla="*/ 1034 h 10000"/>
                  <a:gd name="connsiteX199" fmla="*/ 4035 w 10000"/>
                  <a:gd name="connsiteY199" fmla="*/ 901 h 10000"/>
                  <a:gd name="connsiteX200" fmla="*/ 3935 w 10000"/>
                  <a:gd name="connsiteY200" fmla="*/ 753 h 10000"/>
                  <a:gd name="connsiteX201" fmla="*/ 3857 w 10000"/>
                  <a:gd name="connsiteY201" fmla="*/ 620 h 10000"/>
                  <a:gd name="connsiteX202" fmla="*/ 3832 w 10000"/>
                  <a:gd name="connsiteY202" fmla="*/ 487 h 10000"/>
                  <a:gd name="connsiteX203" fmla="*/ 3807 w 10000"/>
                  <a:gd name="connsiteY203" fmla="*/ 355 h 10000"/>
                  <a:gd name="connsiteX204" fmla="*/ 3857 w 10000"/>
                  <a:gd name="connsiteY204" fmla="*/ 222 h 10000"/>
                  <a:gd name="connsiteX205" fmla="*/ 3884 w 10000"/>
                  <a:gd name="connsiteY205" fmla="*/ 162 h 10000"/>
                  <a:gd name="connsiteX206" fmla="*/ 3935 w 10000"/>
                  <a:gd name="connsiteY206" fmla="*/ 103 h 10000"/>
                  <a:gd name="connsiteX207" fmla="*/ 4011 w 10000"/>
                  <a:gd name="connsiteY207" fmla="*/ 59 h 10000"/>
                  <a:gd name="connsiteX208" fmla="*/ 4111 w 10000"/>
                  <a:gd name="connsiteY208" fmla="*/ 0 h 10000"/>
                  <a:gd name="connsiteX209" fmla="*/ 4289 w 10000"/>
                  <a:gd name="connsiteY209" fmla="*/ 0 h 10000"/>
                  <a:gd name="connsiteX210" fmla="*/ 4468 w 10000"/>
                  <a:gd name="connsiteY210" fmla="*/ 15 h 10000"/>
                  <a:gd name="connsiteX211" fmla="*/ 4644 w 10000"/>
                  <a:gd name="connsiteY211" fmla="*/ 44 h 10000"/>
                  <a:gd name="connsiteX212" fmla="*/ 4771 w 10000"/>
                  <a:gd name="connsiteY212" fmla="*/ 89 h 10000"/>
                  <a:gd name="connsiteX213" fmla="*/ 4975 w 10000"/>
                  <a:gd name="connsiteY213" fmla="*/ 192 h 10000"/>
                  <a:gd name="connsiteX214" fmla="*/ 5177 w 10000"/>
                  <a:gd name="connsiteY214" fmla="*/ 340 h 10000"/>
                  <a:gd name="connsiteX215" fmla="*/ 5329 w 10000"/>
                  <a:gd name="connsiteY215" fmla="*/ 473 h 10000"/>
                  <a:gd name="connsiteX216" fmla="*/ 5532 w 10000"/>
                  <a:gd name="connsiteY216" fmla="*/ 591 h 10000"/>
                  <a:gd name="connsiteX217" fmla="*/ 5660 w 10000"/>
                  <a:gd name="connsiteY217" fmla="*/ 650 h 10000"/>
                  <a:gd name="connsiteX218" fmla="*/ 5812 w 10000"/>
                  <a:gd name="connsiteY218" fmla="*/ 679 h 10000"/>
                  <a:gd name="connsiteX219" fmla="*/ 5965 w 10000"/>
                  <a:gd name="connsiteY219" fmla="*/ 709 h 10000"/>
                  <a:gd name="connsiteX220" fmla="*/ 6168 w 10000"/>
                  <a:gd name="connsiteY220" fmla="*/ 709 h 10000"/>
                  <a:gd name="connsiteX221" fmla="*/ 6168 w 10000"/>
                  <a:gd name="connsiteY221" fmla="*/ 768 h 10000"/>
                  <a:gd name="connsiteX222" fmla="*/ 6193 w 10000"/>
                  <a:gd name="connsiteY222" fmla="*/ 842 h 10000"/>
                  <a:gd name="connsiteX223" fmla="*/ 6243 w 10000"/>
                  <a:gd name="connsiteY223" fmla="*/ 916 h 10000"/>
                  <a:gd name="connsiteX224" fmla="*/ 6294 w 10000"/>
                  <a:gd name="connsiteY224" fmla="*/ 990 h 10000"/>
                  <a:gd name="connsiteX225" fmla="*/ 6369 w 10000"/>
                  <a:gd name="connsiteY225" fmla="*/ 1049 h 10000"/>
                  <a:gd name="connsiteX226" fmla="*/ 6471 w 10000"/>
                  <a:gd name="connsiteY226" fmla="*/ 1108 h 10000"/>
                  <a:gd name="connsiteX227" fmla="*/ 6598 w 10000"/>
                  <a:gd name="connsiteY227" fmla="*/ 1182 h 10000"/>
                  <a:gd name="connsiteX228" fmla="*/ 6700 w 10000"/>
                  <a:gd name="connsiteY228" fmla="*/ 1226 h 10000"/>
                  <a:gd name="connsiteX229" fmla="*/ 6802 w 10000"/>
                  <a:gd name="connsiteY229" fmla="*/ 1270 h 10000"/>
                  <a:gd name="connsiteX230" fmla="*/ 6903 w 10000"/>
                  <a:gd name="connsiteY230" fmla="*/ 1300 h 10000"/>
                  <a:gd name="connsiteX231" fmla="*/ 7005 w 10000"/>
                  <a:gd name="connsiteY231" fmla="*/ 1315 h 10000"/>
                  <a:gd name="connsiteX232" fmla="*/ 7132 w 10000"/>
                  <a:gd name="connsiteY232" fmla="*/ 1300 h 10000"/>
                  <a:gd name="connsiteX233" fmla="*/ 7234 w 10000"/>
                  <a:gd name="connsiteY233" fmla="*/ 1285 h 10000"/>
                  <a:gd name="connsiteX234" fmla="*/ 7309 w 10000"/>
                  <a:gd name="connsiteY234" fmla="*/ 1241 h 10000"/>
                  <a:gd name="connsiteX235" fmla="*/ 7361 w 10000"/>
                  <a:gd name="connsiteY235" fmla="*/ 1167 h 10000"/>
                  <a:gd name="connsiteX236" fmla="*/ 7385 w 10000"/>
                  <a:gd name="connsiteY236" fmla="*/ 1064 h 10000"/>
                  <a:gd name="connsiteX237" fmla="*/ 7766 w 10000"/>
                  <a:gd name="connsiteY237" fmla="*/ 1034 h 10000"/>
                  <a:gd name="connsiteX238" fmla="*/ 8121 w 10000"/>
                  <a:gd name="connsiteY238" fmla="*/ 1004 h 10000"/>
                  <a:gd name="connsiteX239" fmla="*/ 8427 w 10000"/>
                  <a:gd name="connsiteY239" fmla="*/ 990 h 10000"/>
                  <a:gd name="connsiteX240" fmla="*/ 8706 w 10000"/>
                  <a:gd name="connsiteY240" fmla="*/ 1004 h 10000"/>
                  <a:gd name="connsiteX241" fmla="*/ 8833 w 10000"/>
                  <a:gd name="connsiteY241" fmla="*/ 1019 h 10000"/>
                  <a:gd name="connsiteX242" fmla="*/ 8958 w 10000"/>
                  <a:gd name="connsiteY242" fmla="*/ 1034 h 10000"/>
                  <a:gd name="connsiteX243" fmla="*/ 9061 w 10000"/>
                  <a:gd name="connsiteY243" fmla="*/ 1064 h 10000"/>
                  <a:gd name="connsiteX244" fmla="*/ 9188 w 10000"/>
                  <a:gd name="connsiteY244" fmla="*/ 1108 h 10000"/>
                  <a:gd name="connsiteX245" fmla="*/ 9264 w 10000"/>
                  <a:gd name="connsiteY245" fmla="*/ 1182 h 10000"/>
                  <a:gd name="connsiteX246" fmla="*/ 9339 w 10000"/>
                  <a:gd name="connsiteY246" fmla="*/ 1241 h 10000"/>
                  <a:gd name="connsiteX247" fmla="*/ 9391 w 10000"/>
                  <a:gd name="connsiteY247" fmla="*/ 1329 h 10000"/>
                  <a:gd name="connsiteX248" fmla="*/ 9442 w 10000"/>
                  <a:gd name="connsiteY248" fmla="*/ 1433 h 10000"/>
                  <a:gd name="connsiteX249" fmla="*/ 9492 w 10000"/>
                  <a:gd name="connsiteY249" fmla="*/ 1551 h 10000"/>
                  <a:gd name="connsiteX250" fmla="*/ 9466 w 10000"/>
                  <a:gd name="connsiteY250" fmla="*/ 1625 h 10000"/>
                  <a:gd name="connsiteX251" fmla="*/ 9442 w 10000"/>
                  <a:gd name="connsiteY251" fmla="*/ 1684 h 10000"/>
                  <a:gd name="connsiteX252" fmla="*/ 9391 w 10000"/>
                  <a:gd name="connsiteY252" fmla="*/ 1758 h 10000"/>
                  <a:gd name="connsiteX253" fmla="*/ 9315 w 10000"/>
                  <a:gd name="connsiteY253" fmla="*/ 1802 h 10000"/>
                  <a:gd name="connsiteX254" fmla="*/ 9264 w 10000"/>
                  <a:gd name="connsiteY254" fmla="*/ 1861 h 10000"/>
                  <a:gd name="connsiteX255" fmla="*/ 9240 w 10000"/>
                  <a:gd name="connsiteY255" fmla="*/ 1935 h 10000"/>
                  <a:gd name="connsiteX256" fmla="*/ 9264 w 10000"/>
                  <a:gd name="connsiteY256" fmla="*/ 2024 h 10000"/>
                  <a:gd name="connsiteX257" fmla="*/ 9543 w 10000"/>
                  <a:gd name="connsiteY257" fmla="*/ 2157 h 10000"/>
                  <a:gd name="connsiteX258" fmla="*/ 9873 w 10000"/>
                  <a:gd name="connsiteY258" fmla="*/ 2275 h 10000"/>
                  <a:gd name="connsiteX259" fmla="*/ 10000 w 10000"/>
                  <a:gd name="connsiteY25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6345 w 10000"/>
                  <a:gd name="connsiteY21" fmla="*/ 4003 h 10000"/>
                  <a:gd name="connsiteX22" fmla="*/ 6143 w 10000"/>
                  <a:gd name="connsiteY22" fmla="*/ 4106 h 10000"/>
                  <a:gd name="connsiteX23" fmla="*/ 5938 w 10000"/>
                  <a:gd name="connsiteY23" fmla="*/ 4195 h 10000"/>
                  <a:gd name="connsiteX24" fmla="*/ 6091 w 10000"/>
                  <a:gd name="connsiteY24" fmla="*/ 4417 h 10000"/>
                  <a:gd name="connsiteX25" fmla="*/ 6369 w 10000"/>
                  <a:gd name="connsiteY25" fmla="*/ 5081 h 10000"/>
                  <a:gd name="connsiteX26" fmla="*/ 6421 w 10000"/>
                  <a:gd name="connsiteY26" fmla="*/ 5318 h 10000"/>
                  <a:gd name="connsiteX27" fmla="*/ 6447 w 10000"/>
                  <a:gd name="connsiteY27" fmla="*/ 5539 h 10000"/>
                  <a:gd name="connsiteX28" fmla="*/ 6471 w 10000"/>
                  <a:gd name="connsiteY28" fmla="*/ 5775 h 10000"/>
                  <a:gd name="connsiteX29" fmla="*/ 6471 w 10000"/>
                  <a:gd name="connsiteY29" fmla="*/ 5997 h 10000"/>
                  <a:gd name="connsiteX30" fmla="*/ 6447 w 10000"/>
                  <a:gd name="connsiteY30" fmla="*/ 6233 h 10000"/>
                  <a:gd name="connsiteX31" fmla="*/ 6396 w 10000"/>
                  <a:gd name="connsiteY31" fmla="*/ 6470 h 10000"/>
                  <a:gd name="connsiteX32" fmla="*/ 6345 w 10000"/>
                  <a:gd name="connsiteY32" fmla="*/ 6677 h 10000"/>
                  <a:gd name="connsiteX33" fmla="*/ 6269 w 10000"/>
                  <a:gd name="connsiteY33" fmla="*/ 6898 h 10000"/>
                  <a:gd name="connsiteX34" fmla="*/ 6168 w 10000"/>
                  <a:gd name="connsiteY34" fmla="*/ 7105 h 10000"/>
                  <a:gd name="connsiteX35" fmla="*/ 6041 w 10000"/>
                  <a:gd name="connsiteY35" fmla="*/ 7297 h 10000"/>
                  <a:gd name="connsiteX36" fmla="*/ 5888 w 10000"/>
                  <a:gd name="connsiteY36" fmla="*/ 7489 h 10000"/>
                  <a:gd name="connsiteX37" fmla="*/ 5735 w 10000"/>
                  <a:gd name="connsiteY37" fmla="*/ 7681 h 10000"/>
                  <a:gd name="connsiteX38" fmla="*/ 6471 w 10000"/>
                  <a:gd name="connsiteY38" fmla="*/ 7799 h 10000"/>
                  <a:gd name="connsiteX39" fmla="*/ 7234 w 10000"/>
                  <a:gd name="connsiteY39" fmla="*/ 7962 h 10000"/>
                  <a:gd name="connsiteX40" fmla="*/ 7385 w 10000"/>
                  <a:gd name="connsiteY40" fmla="*/ 8021 h 10000"/>
                  <a:gd name="connsiteX41" fmla="*/ 7512 w 10000"/>
                  <a:gd name="connsiteY41" fmla="*/ 8080 h 10000"/>
                  <a:gd name="connsiteX42" fmla="*/ 7639 w 10000"/>
                  <a:gd name="connsiteY42" fmla="*/ 8139 h 10000"/>
                  <a:gd name="connsiteX43" fmla="*/ 7716 w 10000"/>
                  <a:gd name="connsiteY43" fmla="*/ 8227 h 10000"/>
                  <a:gd name="connsiteX44" fmla="*/ 7741 w 10000"/>
                  <a:gd name="connsiteY44" fmla="*/ 8301 h 10000"/>
                  <a:gd name="connsiteX45" fmla="*/ 7741 w 10000"/>
                  <a:gd name="connsiteY45" fmla="*/ 8405 h 10000"/>
                  <a:gd name="connsiteX46" fmla="*/ 7691 w 10000"/>
                  <a:gd name="connsiteY46" fmla="*/ 8523 h 10000"/>
                  <a:gd name="connsiteX47" fmla="*/ 7614 w 10000"/>
                  <a:gd name="connsiteY47" fmla="*/ 8641 h 10000"/>
                  <a:gd name="connsiteX48" fmla="*/ 7284 w 10000"/>
                  <a:gd name="connsiteY48" fmla="*/ 8552 h 10000"/>
                  <a:gd name="connsiteX49" fmla="*/ 6979 w 10000"/>
                  <a:gd name="connsiteY49" fmla="*/ 8449 h 10000"/>
                  <a:gd name="connsiteX50" fmla="*/ 6674 w 10000"/>
                  <a:gd name="connsiteY50" fmla="*/ 8360 h 10000"/>
                  <a:gd name="connsiteX51" fmla="*/ 6369 w 10000"/>
                  <a:gd name="connsiteY51" fmla="*/ 8287 h 10000"/>
                  <a:gd name="connsiteX52" fmla="*/ 6243 w 10000"/>
                  <a:gd name="connsiteY52" fmla="*/ 8449 h 10000"/>
                  <a:gd name="connsiteX53" fmla="*/ 6143 w 10000"/>
                  <a:gd name="connsiteY53" fmla="*/ 8597 h 10000"/>
                  <a:gd name="connsiteX54" fmla="*/ 6091 w 10000"/>
                  <a:gd name="connsiteY54" fmla="*/ 8656 h 10000"/>
                  <a:gd name="connsiteX55" fmla="*/ 5989 w 10000"/>
                  <a:gd name="connsiteY55" fmla="*/ 8700 h 10000"/>
                  <a:gd name="connsiteX56" fmla="*/ 5914 w 10000"/>
                  <a:gd name="connsiteY56" fmla="*/ 8744 h 10000"/>
                  <a:gd name="connsiteX57" fmla="*/ 5838 w 10000"/>
                  <a:gd name="connsiteY57" fmla="*/ 8774 h 10000"/>
                  <a:gd name="connsiteX58" fmla="*/ 5761 w 10000"/>
                  <a:gd name="connsiteY58" fmla="*/ 8804 h 10000"/>
                  <a:gd name="connsiteX59" fmla="*/ 5660 w 10000"/>
                  <a:gd name="connsiteY59" fmla="*/ 8818 h 10000"/>
                  <a:gd name="connsiteX60" fmla="*/ 5532 w 10000"/>
                  <a:gd name="connsiteY60" fmla="*/ 8833 h 10000"/>
                  <a:gd name="connsiteX61" fmla="*/ 5406 w 10000"/>
                  <a:gd name="connsiteY61" fmla="*/ 8833 h 10000"/>
                  <a:gd name="connsiteX62" fmla="*/ 5102 w 10000"/>
                  <a:gd name="connsiteY62" fmla="*/ 8818 h 10000"/>
                  <a:gd name="connsiteX63" fmla="*/ 4720 w 10000"/>
                  <a:gd name="connsiteY63" fmla="*/ 8744 h 10000"/>
                  <a:gd name="connsiteX64" fmla="*/ 4720 w 10000"/>
                  <a:gd name="connsiteY64" fmla="*/ 8922 h 10000"/>
                  <a:gd name="connsiteX65" fmla="*/ 4695 w 10000"/>
                  <a:gd name="connsiteY65" fmla="*/ 9069 h 10000"/>
                  <a:gd name="connsiteX66" fmla="*/ 4671 w 10000"/>
                  <a:gd name="connsiteY66" fmla="*/ 9232 h 10000"/>
                  <a:gd name="connsiteX67" fmla="*/ 4644 w 10000"/>
                  <a:gd name="connsiteY67" fmla="*/ 9365 h 10000"/>
                  <a:gd name="connsiteX68" fmla="*/ 4593 w 10000"/>
                  <a:gd name="connsiteY68" fmla="*/ 9498 h 10000"/>
                  <a:gd name="connsiteX69" fmla="*/ 4493 w 10000"/>
                  <a:gd name="connsiteY69" fmla="*/ 9616 h 10000"/>
                  <a:gd name="connsiteX70" fmla="*/ 4416 w 10000"/>
                  <a:gd name="connsiteY70" fmla="*/ 9734 h 10000"/>
                  <a:gd name="connsiteX71" fmla="*/ 4289 w 10000"/>
                  <a:gd name="connsiteY71" fmla="*/ 9838 h 10000"/>
                  <a:gd name="connsiteX72" fmla="*/ 3983 w 10000"/>
                  <a:gd name="connsiteY72" fmla="*/ 9897 h 10000"/>
                  <a:gd name="connsiteX73" fmla="*/ 3731 w 10000"/>
                  <a:gd name="connsiteY73" fmla="*/ 9941 h 10000"/>
                  <a:gd name="connsiteX74" fmla="*/ 3426 w 10000"/>
                  <a:gd name="connsiteY74" fmla="*/ 9985 h 10000"/>
                  <a:gd name="connsiteX75" fmla="*/ 3198 w 10000"/>
                  <a:gd name="connsiteY75" fmla="*/ 10000 h 10000"/>
                  <a:gd name="connsiteX76" fmla="*/ 2690 w 10000"/>
                  <a:gd name="connsiteY76" fmla="*/ 10000 h 10000"/>
                  <a:gd name="connsiteX77" fmla="*/ 2208 w 10000"/>
                  <a:gd name="connsiteY77" fmla="*/ 9985 h 10000"/>
                  <a:gd name="connsiteX78" fmla="*/ 1752 w 10000"/>
                  <a:gd name="connsiteY78" fmla="*/ 9941 h 10000"/>
                  <a:gd name="connsiteX79" fmla="*/ 1270 w 10000"/>
                  <a:gd name="connsiteY79" fmla="*/ 9911 h 10000"/>
                  <a:gd name="connsiteX80" fmla="*/ 990 w 10000"/>
                  <a:gd name="connsiteY80" fmla="*/ 9911 h 10000"/>
                  <a:gd name="connsiteX81" fmla="*/ 736 w 10000"/>
                  <a:gd name="connsiteY81" fmla="*/ 9911 h 10000"/>
                  <a:gd name="connsiteX82" fmla="*/ 457 w 10000"/>
                  <a:gd name="connsiteY82" fmla="*/ 9926 h 10000"/>
                  <a:gd name="connsiteX83" fmla="*/ 178 w 10000"/>
                  <a:gd name="connsiteY83" fmla="*/ 9970 h 10000"/>
                  <a:gd name="connsiteX84" fmla="*/ 102 w 10000"/>
                  <a:gd name="connsiteY84" fmla="*/ 9867 h 10000"/>
                  <a:gd name="connsiteX85" fmla="*/ 51 w 10000"/>
                  <a:gd name="connsiteY85" fmla="*/ 9793 h 10000"/>
                  <a:gd name="connsiteX86" fmla="*/ 0 w 10000"/>
                  <a:gd name="connsiteY86" fmla="*/ 9705 h 10000"/>
                  <a:gd name="connsiteX87" fmla="*/ 0 w 10000"/>
                  <a:gd name="connsiteY87" fmla="*/ 9601 h 10000"/>
                  <a:gd name="connsiteX88" fmla="*/ 51 w 10000"/>
                  <a:gd name="connsiteY88" fmla="*/ 9424 h 10000"/>
                  <a:gd name="connsiteX89" fmla="*/ 102 w 10000"/>
                  <a:gd name="connsiteY89" fmla="*/ 9202 h 10000"/>
                  <a:gd name="connsiteX90" fmla="*/ 151 w 10000"/>
                  <a:gd name="connsiteY90" fmla="*/ 8996 h 10000"/>
                  <a:gd name="connsiteX91" fmla="*/ 203 w 10000"/>
                  <a:gd name="connsiteY91" fmla="*/ 8759 h 10000"/>
                  <a:gd name="connsiteX92" fmla="*/ 228 w 10000"/>
                  <a:gd name="connsiteY92" fmla="*/ 8641 h 10000"/>
                  <a:gd name="connsiteX93" fmla="*/ 228 w 10000"/>
                  <a:gd name="connsiteY93" fmla="*/ 8538 h 10000"/>
                  <a:gd name="connsiteX94" fmla="*/ 203 w 10000"/>
                  <a:gd name="connsiteY94" fmla="*/ 8405 h 10000"/>
                  <a:gd name="connsiteX95" fmla="*/ 178 w 10000"/>
                  <a:gd name="connsiteY95" fmla="*/ 8287 h 10000"/>
                  <a:gd name="connsiteX96" fmla="*/ 431 w 10000"/>
                  <a:gd name="connsiteY96" fmla="*/ 8213 h 10000"/>
                  <a:gd name="connsiteX97" fmla="*/ 685 w 10000"/>
                  <a:gd name="connsiteY97" fmla="*/ 8139 h 10000"/>
                  <a:gd name="connsiteX98" fmla="*/ 939 w 10000"/>
                  <a:gd name="connsiteY98" fmla="*/ 8095 h 10000"/>
                  <a:gd name="connsiteX99" fmla="*/ 1218 w 10000"/>
                  <a:gd name="connsiteY99" fmla="*/ 8065 h 10000"/>
                  <a:gd name="connsiteX100" fmla="*/ 1725 w 10000"/>
                  <a:gd name="connsiteY100" fmla="*/ 8021 h 10000"/>
                  <a:gd name="connsiteX101" fmla="*/ 2234 w 10000"/>
                  <a:gd name="connsiteY101" fmla="*/ 7976 h 10000"/>
                  <a:gd name="connsiteX102" fmla="*/ 2462 w 10000"/>
                  <a:gd name="connsiteY102" fmla="*/ 7947 h 10000"/>
                  <a:gd name="connsiteX103" fmla="*/ 2690 w 10000"/>
                  <a:gd name="connsiteY103" fmla="*/ 7917 h 10000"/>
                  <a:gd name="connsiteX104" fmla="*/ 2892 w 10000"/>
                  <a:gd name="connsiteY104" fmla="*/ 7843 h 10000"/>
                  <a:gd name="connsiteX105" fmla="*/ 3096 w 10000"/>
                  <a:gd name="connsiteY105" fmla="*/ 7784 h 10000"/>
                  <a:gd name="connsiteX106" fmla="*/ 3274 w 10000"/>
                  <a:gd name="connsiteY106" fmla="*/ 7710 h 10000"/>
                  <a:gd name="connsiteX107" fmla="*/ 3426 w 10000"/>
                  <a:gd name="connsiteY107" fmla="*/ 7592 h 10000"/>
                  <a:gd name="connsiteX108" fmla="*/ 3579 w 10000"/>
                  <a:gd name="connsiteY108" fmla="*/ 7474 h 10000"/>
                  <a:gd name="connsiteX109" fmla="*/ 3680 w 10000"/>
                  <a:gd name="connsiteY109" fmla="*/ 7312 h 10000"/>
                  <a:gd name="connsiteX110" fmla="*/ 3477 w 10000"/>
                  <a:gd name="connsiteY110" fmla="*/ 7238 h 10000"/>
                  <a:gd name="connsiteX111" fmla="*/ 3299 w 10000"/>
                  <a:gd name="connsiteY111" fmla="*/ 7179 h 10000"/>
                  <a:gd name="connsiteX112" fmla="*/ 3147 w 10000"/>
                  <a:gd name="connsiteY112" fmla="*/ 7090 h 10000"/>
                  <a:gd name="connsiteX113" fmla="*/ 2995 w 10000"/>
                  <a:gd name="connsiteY113" fmla="*/ 6987 h 10000"/>
                  <a:gd name="connsiteX114" fmla="*/ 2892 w 10000"/>
                  <a:gd name="connsiteY114" fmla="*/ 6869 h 10000"/>
                  <a:gd name="connsiteX115" fmla="*/ 2843 w 10000"/>
                  <a:gd name="connsiteY115" fmla="*/ 6721 h 10000"/>
                  <a:gd name="connsiteX116" fmla="*/ 2817 w 10000"/>
                  <a:gd name="connsiteY116" fmla="*/ 6558 h 10000"/>
                  <a:gd name="connsiteX117" fmla="*/ 2843 w 10000"/>
                  <a:gd name="connsiteY117" fmla="*/ 6352 h 10000"/>
                  <a:gd name="connsiteX118" fmla="*/ 2716 w 10000"/>
                  <a:gd name="connsiteY118" fmla="*/ 6322 h 10000"/>
                  <a:gd name="connsiteX119" fmla="*/ 2564 w 10000"/>
                  <a:gd name="connsiteY119" fmla="*/ 6292 h 10000"/>
                  <a:gd name="connsiteX120" fmla="*/ 2386 w 10000"/>
                  <a:gd name="connsiteY120" fmla="*/ 6278 h 10000"/>
                  <a:gd name="connsiteX121" fmla="*/ 2208 w 10000"/>
                  <a:gd name="connsiteY121" fmla="*/ 6263 h 10000"/>
                  <a:gd name="connsiteX122" fmla="*/ 1853 w 10000"/>
                  <a:gd name="connsiteY122" fmla="*/ 6248 h 10000"/>
                  <a:gd name="connsiteX123" fmla="*/ 1472 w 10000"/>
                  <a:gd name="connsiteY123" fmla="*/ 6263 h 10000"/>
                  <a:gd name="connsiteX124" fmla="*/ 1143 w 10000"/>
                  <a:gd name="connsiteY124" fmla="*/ 6278 h 10000"/>
                  <a:gd name="connsiteX125" fmla="*/ 837 w 10000"/>
                  <a:gd name="connsiteY125" fmla="*/ 6278 h 10000"/>
                  <a:gd name="connsiteX126" fmla="*/ 585 w 10000"/>
                  <a:gd name="connsiteY126" fmla="*/ 6263 h 10000"/>
                  <a:gd name="connsiteX127" fmla="*/ 381 w 10000"/>
                  <a:gd name="connsiteY127" fmla="*/ 6233 h 10000"/>
                  <a:gd name="connsiteX128" fmla="*/ 633 w 10000"/>
                  <a:gd name="connsiteY128" fmla="*/ 5805 h 10000"/>
                  <a:gd name="connsiteX129" fmla="*/ 914 w 10000"/>
                  <a:gd name="connsiteY129" fmla="*/ 5391 h 10000"/>
                  <a:gd name="connsiteX130" fmla="*/ 1016 w 10000"/>
                  <a:gd name="connsiteY130" fmla="*/ 5170 h 10000"/>
                  <a:gd name="connsiteX131" fmla="*/ 1091 w 10000"/>
                  <a:gd name="connsiteY131" fmla="*/ 4963 h 10000"/>
                  <a:gd name="connsiteX132" fmla="*/ 1116 w 10000"/>
                  <a:gd name="connsiteY132" fmla="*/ 4860 h 10000"/>
                  <a:gd name="connsiteX133" fmla="*/ 1091 w 10000"/>
                  <a:gd name="connsiteY133" fmla="*/ 4756 h 10000"/>
                  <a:gd name="connsiteX134" fmla="*/ 1066 w 10000"/>
                  <a:gd name="connsiteY134" fmla="*/ 4653 h 10000"/>
                  <a:gd name="connsiteX135" fmla="*/ 990 w 10000"/>
                  <a:gd name="connsiteY135" fmla="*/ 4549 h 10000"/>
                  <a:gd name="connsiteX136" fmla="*/ 1270 w 10000"/>
                  <a:gd name="connsiteY136" fmla="*/ 4520 h 10000"/>
                  <a:gd name="connsiteX137" fmla="*/ 1472 w 10000"/>
                  <a:gd name="connsiteY137" fmla="*/ 4505 h 10000"/>
                  <a:gd name="connsiteX138" fmla="*/ 1650 w 10000"/>
                  <a:gd name="connsiteY138" fmla="*/ 4505 h 10000"/>
                  <a:gd name="connsiteX139" fmla="*/ 1802 w 10000"/>
                  <a:gd name="connsiteY139" fmla="*/ 4520 h 10000"/>
                  <a:gd name="connsiteX140" fmla="*/ 1929 w 10000"/>
                  <a:gd name="connsiteY140" fmla="*/ 4520 h 10000"/>
                  <a:gd name="connsiteX141" fmla="*/ 2081 w 10000"/>
                  <a:gd name="connsiteY141" fmla="*/ 4520 h 10000"/>
                  <a:gd name="connsiteX142" fmla="*/ 2234 w 10000"/>
                  <a:gd name="connsiteY142" fmla="*/ 4490 h 10000"/>
                  <a:gd name="connsiteX143" fmla="*/ 2436 w 10000"/>
                  <a:gd name="connsiteY143" fmla="*/ 4446 h 10000"/>
                  <a:gd name="connsiteX144" fmla="*/ 2436 w 10000"/>
                  <a:gd name="connsiteY144" fmla="*/ 4579 h 10000"/>
                  <a:gd name="connsiteX145" fmla="*/ 2436 w 10000"/>
                  <a:gd name="connsiteY145" fmla="*/ 4742 h 10000"/>
                  <a:gd name="connsiteX146" fmla="*/ 2436 w 10000"/>
                  <a:gd name="connsiteY146" fmla="*/ 4874 h 10000"/>
                  <a:gd name="connsiteX147" fmla="*/ 2436 w 10000"/>
                  <a:gd name="connsiteY147" fmla="*/ 5037 h 10000"/>
                  <a:gd name="connsiteX148" fmla="*/ 2665 w 10000"/>
                  <a:gd name="connsiteY148" fmla="*/ 5022 h 10000"/>
                  <a:gd name="connsiteX149" fmla="*/ 2817 w 10000"/>
                  <a:gd name="connsiteY149" fmla="*/ 5037 h 10000"/>
                  <a:gd name="connsiteX150" fmla="*/ 2944 w 10000"/>
                  <a:gd name="connsiteY150" fmla="*/ 5066 h 10000"/>
                  <a:gd name="connsiteX151" fmla="*/ 3071 w 10000"/>
                  <a:gd name="connsiteY151" fmla="*/ 5096 h 10000"/>
                  <a:gd name="connsiteX152" fmla="*/ 3173 w 10000"/>
                  <a:gd name="connsiteY152" fmla="*/ 5126 h 10000"/>
                  <a:gd name="connsiteX153" fmla="*/ 3299 w 10000"/>
                  <a:gd name="connsiteY153" fmla="*/ 5155 h 10000"/>
                  <a:gd name="connsiteX154" fmla="*/ 3452 w 10000"/>
                  <a:gd name="connsiteY154" fmla="*/ 5170 h 10000"/>
                  <a:gd name="connsiteX155" fmla="*/ 3680 w 10000"/>
                  <a:gd name="connsiteY155" fmla="*/ 5155 h 10000"/>
                  <a:gd name="connsiteX156" fmla="*/ 3757 w 10000"/>
                  <a:gd name="connsiteY156" fmla="*/ 5096 h 10000"/>
                  <a:gd name="connsiteX157" fmla="*/ 3832 w 10000"/>
                  <a:gd name="connsiteY157" fmla="*/ 5022 h 10000"/>
                  <a:gd name="connsiteX158" fmla="*/ 3857 w 10000"/>
                  <a:gd name="connsiteY158" fmla="*/ 4934 h 10000"/>
                  <a:gd name="connsiteX159" fmla="*/ 3884 w 10000"/>
                  <a:gd name="connsiteY159" fmla="*/ 4860 h 10000"/>
                  <a:gd name="connsiteX160" fmla="*/ 3908 w 10000"/>
                  <a:gd name="connsiteY160" fmla="*/ 4697 h 10000"/>
                  <a:gd name="connsiteX161" fmla="*/ 3884 w 10000"/>
                  <a:gd name="connsiteY161" fmla="*/ 4520 h 10000"/>
                  <a:gd name="connsiteX162" fmla="*/ 3807 w 10000"/>
                  <a:gd name="connsiteY162" fmla="*/ 4343 h 10000"/>
                  <a:gd name="connsiteX163" fmla="*/ 3731 w 10000"/>
                  <a:gd name="connsiteY163" fmla="*/ 4195 h 10000"/>
                  <a:gd name="connsiteX164" fmla="*/ 3604 w 10000"/>
                  <a:gd name="connsiteY164" fmla="*/ 4047 h 10000"/>
                  <a:gd name="connsiteX165" fmla="*/ 3477 w 10000"/>
                  <a:gd name="connsiteY165" fmla="*/ 3959 h 10000"/>
                  <a:gd name="connsiteX166" fmla="*/ 3629 w 10000"/>
                  <a:gd name="connsiteY166" fmla="*/ 3944 h 10000"/>
                  <a:gd name="connsiteX167" fmla="*/ 3757 w 10000"/>
                  <a:gd name="connsiteY167" fmla="*/ 3914 h 10000"/>
                  <a:gd name="connsiteX168" fmla="*/ 3857 w 10000"/>
                  <a:gd name="connsiteY168" fmla="*/ 3855 h 10000"/>
                  <a:gd name="connsiteX169" fmla="*/ 3983 w 10000"/>
                  <a:gd name="connsiteY169" fmla="*/ 3752 h 10000"/>
                  <a:gd name="connsiteX170" fmla="*/ 4111 w 10000"/>
                  <a:gd name="connsiteY170" fmla="*/ 3663 h 10000"/>
                  <a:gd name="connsiteX171" fmla="*/ 4213 w 10000"/>
                  <a:gd name="connsiteY171" fmla="*/ 3560 h 10000"/>
                  <a:gd name="connsiteX172" fmla="*/ 4289 w 10000"/>
                  <a:gd name="connsiteY172" fmla="*/ 3442 h 10000"/>
                  <a:gd name="connsiteX173" fmla="*/ 4366 w 10000"/>
                  <a:gd name="connsiteY173" fmla="*/ 3323 h 10000"/>
                  <a:gd name="connsiteX174" fmla="*/ 4416 w 10000"/>
                  <a:gd name="connsiteY174" fmla="*/ 3220 h 10000"/>
                  <a:gd name="connsiteX175" fmla="*/ 4441 w 10000"/>
                  <a:gd name="connsiteY175" fmla="*/ 3102 h 10000"/>
                  <a:gd name="connsiteX176" fmla="*/ 4468 w 10000"/>
                  <a:gd name="connsiteY176" fmla="*/ 3013 h 10000"/>
                  <a:gd name="connsiteX177" fmla="*/ 4441 w 10000"/>
                  <a:gd name="connsiteY177" fmla="*/ 2939 h 10000"/>
                  <a:gd name="connsiteX178" fmla="*/ 4416 w 10000"/>
                  <a:gd name="connsiteY178" fmla="*/ 2866 h 10000"/>
                  <a:gd name="connsiteX179" fmla="*/ 4340 w 10000"/>
                  <a:gd name="connsiteY179" fmla="*/ 2836 h 10000"/>
                  <a:gd name="connsiteX180" fmla="*/ 4239 w 10000"/>
                  <a:gd name="connsiteY180" fmla="*/ 2836 h 10000"/>
                  <a:gd name="connsiteX181" fmla="*/ 4111 w 10000"/>
                  <a:gd name="connsiteY181" fmla="*/ 2866 h 10000"/>
                  <a:gd name="connsiteX182" fmla="*/ 4213 w 10000"/>
                  <a:gd name="connsiteY182" fmla="*/ 2777 h 10000"/>
                  <a:gd name="connsiteX183" fmla="*/ 4265 w 10000"/>
                  <a:gd name="connsiteY183" fmla="*/ 2674 h 10000"/>
                  <a:gd name="connsiteX184" fmla="*/ 4289 w 10000"/>
                  <a:gd name="connsiteY184" fmla="*/ 2541 h 10000"/>
                  <a:gd name="connsiteX185" fmla="*/ 4289 w 10000"/>
                  <a:gd name="connsiteY185" fmla="*/ 2393 h 10000"/>
                  <a:gd name="connsiteX186" fmla="*/ 4314 w 10000"/>
                  <a:gd name="connsiteY186" fmla="*/ 2349 h 10000"/>
                  <a:gd name="connsiteX187" fmla="*/ 4366 w 10000"/>
                  <a:gd name="connsiteY187" fmla="*/ 2304 h 10000"/>
                  <a:gd name="connsiteX188" fmla="*/ 4416 w 10000"/>
                  <a:gd name="connsiteY188" fmla="*/ 2290 h 10000"/>
                  <a:gd name="connsiteX189" fmla="*/ 4493 w 10000"/>
                  <a:gd name="connsiteY189" fmla="*/ 2275 h 10000"/>
                  <a:gd name="connsiteX190" fmla="*/ 4720 w 10000"/>
                  <a:gd name="connsiteY190" fmla="*/ 2260 h 10000"/>
                  <a:gd name="connsiteX191" fmla="*/ 4923 w 10000"/>
                  <a:gd name="connsiteY191" fmla="*/ 2275 h 10000"/>
                  <a:gd name="connsiteX192" fmla="*/ 4898 w 10000"/>
                  <a:gd name="connsiteY192" fmla="*/ 2112 h 10000"/>
                  <a:gd name="connsiteX193" fmla="*/ 4848 w 10000"/>
                  <a:gd name="connsiteY193" fmla="*/ 1950 h 10000"/>
                  <a:gd name="connsiteX194" fmla="*/ 4771 w 10000"/>
                  <a:gd name="connsiteY194" fmla="*/ 1802 h 10000"/>
                  <a:gd name="connsiteX195" fmla="*/ 4671 w 10000"/>
                  <a:gd name="connsiteY195" fmla="*/ 1640 h 10000"/>
                  <a:gd name="connsiteX196" fmla="*/ 4416 w 10000"/>
                  <a:gd name="connsiteY196" fmla="*/ 1329 h 10000"/>
                  <a:gd name="connsiteX197" fmla="*/ 4162 w 10000"/>
                  <a:gd name="connsiteY197" fmla="*/ 1034 h 10000"/>
                  <a:gd name="connsiteX198" fmla="*/ 4035 w 10000"/>
                  <a:gd name="connsiteY198" fmla="*/ 901 h 10000"/>
                  <a:gd name="connsiteX199" fmla="*/ 3935 w 10000"/>
                  <a:gd name="connsiteY199" fmla="*/ 753 h 10000"/>
                  <a:gd name="connsiteX200" fmla="*/ 3857 w 10000"/>
                  <a:gd name="connsiteY200" fmla="*/ 620 h 10000"/>
                  <a:gd name="connsiteX201" fmla="*/ 3832 w 10000"/>
                  <a:gd name="connsiteY201" fmla="*/ 487 h 10000"/>
                  <a:gd name="connsiteX202" fmla="*/ 3807 w 10000"/>
                  <a:gd name="connsiteY202" fmla="*/ 355 h 10000"/>
                  <a:gd name="connsiteX203" fmla="*/ 3857 w 10000"/>
                  <a:gd name="connsiteY203" fmla="*/ 222 h 10000"/>
                  <a:gd name="connsiteX204" fmla="*/ 3884 w 10000"/>
                  <a:gd name="connsiteY204" fmla="*/ 162 h 10000"/>
                  <a:gd name="connsiteX205" fmla="*/ 3935 w 10000"/>
                  <a:gd name="connsiteY205" fmla="*/ 103 h 10000"/>
                  <a:gd name="connsiteX206" fmla="*/ 4011 w 10000"/>
                  <a:gd name="connsiteY206" fmla="*/ 59 h 10000"/>
                  <a:gd name="connsiteX207" fmla="*/ 4111 w 10000"/>
                  <a:gd name="connsiteY207" fmla="*/ 0 h 10000"/>
                  <a:gd name="connsiteX208" fmla="*/ 4289 w 10000"/>
                  <a:gd name="connsiteY208" fmla="*/ 0 h 10000"/>
                  <a:gd name="connsiteX209" fmla="*/ 4468 w 10000"/>
                  <a:gd name="connsiteY209" fmla="*/ 15 h 10000"/>
                  <a:gd name="connsiteX210" fmla="*/ 4644 w 10000"/>
                  <a:gd name="connsiteY210" fmla="*/ 44 h 10000"/>
                  <a:gd name="connsiteX211" fmla="*/ 4771 w 10000"/>
                  <a:gd name="connsiteY211" fmla="*/ 89 h 10000"/>
                  <a:gd name="connsiteX212" fmla="*/ 4975 w 10000"/>
                  <a:gd name="connsiteY212" fmla="*/ 192 h 10000"/>
                  <a:gd name="connsiteX213" fmla="*/ 5177 w 10000"/>
                  <a:gd name="connsiteY213" fmla="*/ 340 h 10000"/>
                  <a:gd name="connsiteX214" fmla="*/ 5329 w 10000"/>
                  <a:gd name="connsiteY214" fmla="*/ 473 h 10000"/>
                  <a:gd name="connsiteX215" fmla="*/ 5532 w 10000"/>
                  <a:gd name="connsiteY215" fmla="*/ 591 h 10000"/>
                  <a:gd name="connsiteX216" fmla="*/ 5660 w 10000"/>
                  <a:gd name="connsiteY216" fmla="*/ 650 h 10000"/>
                  <a:gd name="connsiteX217" fmla="*/ 5812 w 10000"/>
                  <a:gd name="connsiteY217" fmla="*/ 679 h 10000"/>
                  <a:gd name="connsiteX218" fmla="*/ 5965 w 10000"/>
                  <a:gd name="connsiteY218" fmla="*/ 709 h 10000"/>
                  <a:gd name="connsiteX219" fmla="*/ 6168 w 10000"/>
                  <a:gd name="connsiteY219" fmla="*/ 709 h 10000"/>
                  <a:gd name="connsiteX220" fmla="*/ 6168 w 10000"/>
                  <a:gd name="connsiteY220" fmla="*/ 768 h 10000"/>
                  <a:gd name="connsiteX221" fmla="*/ 6193 w 10000"/>
                  <a:gd name="connsiteY221" fmla="*/ 842 h 10000"/>
                  <a:gd name="connsiteX222" fmla="*/ 6243 w 10000"/>
                  <a:gd name="connsiteY222" fmla="*/ 916 h 10000"/>
                  <a:gd name="connsiteX223" fmla="*/ 6294 w 10000"/>
                  <a:gd name="connsiteY223" fmla="*/ 990 h 10000"/>
                  <a:gd name="connsiteX224" fmla="*/ 6369 w 10000"/>
                  <a:gd name="connsiteY224" fmla="*/ 1049 h 10000"/>
                  <a:gd name="connsiteX225" fmla="*/ 6471 w 10000"/>
                  <a:gd name="connsiteY225" fmla="*/ 1108 h 10000"/>
                  <a:gd name="connsiteX226" fmla="*/ 6598 w 10000"/>
                  <a:gd name="connsiteY226" fmla="*/ 1182 h 10000"/>
                  <a:gd name="connsiteX227" fmla="*/ 6700 w 10000"/>
                  <a:gd name="connsiteY227" fmla="*/ 1226 h 10000"/>
                  <a:gd name="connsiteX228" fmla="*/ 6802 w 10000"/>
                  <a:gd name="connsiteY228" fmla="*/ 1270 h 10000"/>
                  <a:gd name="connsiteX229" fmla="*/ 6903 w 10000"/>
                  <a:gd name="connsiteY229" fmla="*/ 1300 h 10000"/>
                  <a:gd name="connsiteX230" fmla="*/ 7005 w 10000"/>
                  <a:gd name="connsiteY230" fmla="*/ 1315 h 10000"/>
                  <a:gd name="connsiteX231" fmla="*/ 7132 w 10000"/>
                  <a:gd name="connsiteY231" fmla="*/ 1300 h 10000"/>
                  <a:gd name="connsiteX232" fmla="*/ 7234 w 10000"/>
                  <a:gd name="connsiteY232" fmla="*/ 1285 h 10000"/>
                  <a:gd name="connsiteX233" fmla="*/ 7309 w 10000"/>
                  <a:gd name="connsiteY233" fmla="*/ 1241 h 10000"/>
                  <a:gd name="connsiteX234" fmla="*/ 7361 w 10000"/>
                  <a:gd name="connsiteY234" fmla="*/ 1167 h 10000"/>
                  <a:gd name="connsiteX235" fmla="*/ 7385 w 10000"/>
                  <a:gd name="connsiteY235" fmla="*/ 1064 h 10000"/>
                  <a:gd name="connsiteX236" fmla="*/ 7766 w 10000"/>
                  <a:gd name="connsiteY236" fmla="*/ 1034 h 10000"/>
                  <a:gd name="connsiteX237" fmla="*/ 8121 w 10000"/>
                  <a:gd name="connsiteY237" fmla="*/ 1004 h 10000"/>
                  <a:gd name="connsiteX238" fmla="*/ 8427 w 10000"/>
                  <a:gd name="connsiteY238" fmla="*/ 990 h 10000"/>
                  <a:gd name="connsiteX239" fmla="*/ 8706 w 10000"/>
                  <a:gd name="connsiteY239" fmla="*/ 1004 h 10000"/>
                  <a:gd name="connsiteX240" fmla="*/ 8833 w 10000"/>
                  <a:gd name="connsiteY240" fmla="*/ 1019 h 10000"/>
                  <a:gd name="connsiteX241" fmla="*/ 8958 w 10000"/>
                  <a:gd name="connsiteY241" fmla="*/ 1034 h 10000"/>
                  <a:gd name="connsiteX242" fmla="*/ 9061 w 10000"/>
                  <a:gd name="connsiteY242" fmla="*/ 1064 h 10000"/>
                  <a:gd name="connsiteX243" fmla="*/ 9188 w 10000"/>
                  <a:gd name="connsiteY243" fmla="*/ 1108 h 10000"/>
                  <a:gd name="connsiteX244" fmla="*/ 9264 w 10000"/>
                  <a:gd name="connsiteY244" fmla="*/ 1182 h 10000"/>
                  <a:gd name="connsiteX245" fmla="*/ 9339 w 10000"/>
                  <a:gd name="connsiteY245" fmla="*/ 1241 h 10000"/>
                  <a:gd name="connsiteX246" fmla="*/ 9391 w 10000"/>
                  <a:gd name="connsiteY246" fmla="*/ 1329 h 10000"/>
                  <a:gd name="connsiteX247" fmla="*/ 9442 w 10000"/>
                  <a:gd name="connsiteY247" fmla="*/ 1433 h 10000"/>
                  <a:gd name="connsiteX248" fmla="*/ 9492 w 10000"/>
                  <a:gd name="connsiteY248" fmla="*/ 1551 h 10000"/>
                  <a:gd name="connsiteX249" fmla="*/ 9466 w 10000"/>
                  <a:gd name="connsiteY249" fmla="*/ 1625 h 10000"/>
                  <a:gd name="connsiteX250" fmla="*/ 9442 w 10000"/>
                  <a:gd name="connsiteY250" fmla="*/ 1684 h 10000"/>
                  <a:gd name="connsiteX251" fmla="*/ 9391 w 10000"/>
                  <a:gd name="connsiteY251" fmla="*/ 1758 h 10000"/>
                  <a:gd name="connsiteX252" fmla="*/ 9315 w 10000"/>
                  <a:gd name="connsiteY252" fmla="*/ 1802 h 10000"/>
                  <a:gd name="connsiteX253" fmla="*/ 9264 w 10000"/>
                  <a:gd name="connsiteY253" fmla="*/ 1861 h 10000"/>
                  <a:gd name="connsiteX254" fmla="*/ 9240 w 10000"/>
                  <a:gd name="connsiteY254" fmla="*/ 1935 h 10000"/>
                  <a:gd name="connsiteX255" fmla="*/ 9264 w 10000"/>
                  <a:gd name="connsiteY255" fmla="*/ 2024 h 10000"/>
                  <a:gd name="connsiteX256" fmla="*/ 9543 w 10000"/>
                  <a:gd name="connsiteY256" fmla="*/ 2157 h 10000"/>
                  <a:gd name="connsiteX257" fmla="*/ 9873 w 10000"/>
                  <a:gd name="connsiteY257" fmla="*/ 2275 h 10000"/>
                  <a:gd name="connsiteX258" fmla="*/ 10000 w 10000"/>
                  <a:gd name="connsiteY258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7383 w 10000"/>
                  <a:gd name="connsiteY8" fmla="*/ 3894 h 10000"/>
                  <a:gd name="connsiteX9" fmla="*/ 8984 w 10000"/>
                  <a:gd name="connsiteY9" fmla="*/ 3412 h 10000"/>
                  <a:gd name="connsiteX10" fmla="*/ 9188 w 10000"/>
                  <a:gd name="connsiteY10" fmla="*/ 3338 h 10000"/>
                  <a:gd name="connsiteX11" fmla="*/ 9415 w 10000"/>
                  <a:gd name="connsiteY11" fmla="*/ 3117 h 10000"/>
                  <a:gd name="connsiteX12" fmla="*/ 9442 w 10000"/>
                  <a:gd name="connsiteY12" fmla="*/ 3072 h 10000"/>
                  <a:gd name="connsiteX13" fmla="*/ 9466 w 10000"/>
                  <a:gd name="connsiteY13" fmla="*/ 3013 h 10000"/>
                  <a:gd name="connsiteX14" fmla="*/ 9466 w 10000"/>
                  <a:gd name="connsiteY14" fmla="*/ 2954 h 10000"/>
                  <a:gd name="connsiteX15" fmla="*/ 9442 w 10000"/>
                  <a:gd name="connsiteY15" fmla="*/ 2866 h 10000"/>
                  <a:gd name="connsiteX16" fmla="*/ 9264 w 10000"/>
                  <a:gd name="connsiteY16" fmla="*/ 2984 h 10000"/>
                  <a:gd name="connsiteX17" fmla="*/ 9061 w 10000"/>
                  <a:gd name="connsiteY17" fmla="*/ 3072 h 10000"/>
                  <a:gd name="connsiteX18" fmla="*/ 8197 w 10000"/>
                  <a:gd name="connsiteY18" fmla="*/ 3397 h 10000"/>
                  <a:gd name="connsiteX19" fmla="*/ 7716 w 10000"/>
                  <a:gd name="connsiteY19" fmla="*/ 3545 h 10000"/>
                  <a:gd name="connsiteX20" fmla="*/ 6345 w 10000"/>
                  <a:gd name="connsiteY20" fmla="*/ 4003 h 10000"/>
                  <a:gd name="connsiteX21" fmla="*/ 6143 w 10000"/>
                  <a:gd name="connsiteY21" fmla="*/ 4106 h 10000"/>
                  <a:gd name="connsiteX22" fmla="*/ 5938 w 10000"/>
                  <a:gd name="connsiteY22" fmla="*/ 4195 h 10000"/>
                  <a:gd name="connsiteX23" fmla="*/ 6091 w 10000"/>
                  <a:gd name="connsiteY23" fmla="*/ 4417 h 10000"/>
                  <a:gd name="connsiteX24" fmla="*/ 6369 w 10000"/>
                  <a:gd name="connsiteY24" fmla="*/ 5081 h 10000"/>
                  <a:gd name="connsiteX25" fmla="*/ 6421 w 10000"/>
                  <a:gd name="connsiteY25" fmla="*/ 5318 h 10000"/>
                  <a:gd name="connsiteX26" fmla="*/ 6447 w 10000"/>
                  <a:gd name="connsiteY26" fmla="*/ 5539 h 10000"/>
                  <a:gd name="connsiteX27" fmla="*/ 6471 w 10000"/>
                  <a:gd name="connsiteY27" fmla="*/ 5775 h 10000"/>
                  <a:gd name="connsiteX28" fmla="*/ 6471 w 10000"/>
                  <a:gd name="connsiteY28" fmla="*/ 5997 h 10000"/>
                  <a:gd name="connsiteX29" fmla="*/ 6447 w 10000"/>
                  <a:gd name="connsiteY29" fmla="*/ 6233 h 10000"/>
                  <a:gd name="connsiteX30" fmla="*/ 6396 w 10000"/>
                  <a:gd name="connsiteY30" fmla="*/ 6470 h 10000"/>
                  <a:gd name="connsiteX31" fmla="*/ 6345 w 10000"/>
                  <a:gd name="connsiteY31" fmla="*/ 6677 h 10000"/>
                  <a:gd name="connsiteX32" fmla="*/ 6269 w 10000"/>
                  <a:gd name="connsiteY32" fmla="*/ 6898 h 10000"/>
                  <a:gd name="connsiteX33" fmla="*/ 6168 w 10000"/>
                  <a:gd name="connsiteY33" fmla="*/ 7105 h 10000"/>
                  <a:gd name="connsiteX34" fmla="*/ 6041 w 10000"/>
                  <a:gd name="connsiteY34" fmla="*/ 7297 h 10000"/>
                  <a:gd name="connsiteX35" fmla="*/ 5888 w 10000"/>
                  <a:gd name="connsiteY35" fmla="*/ 7489 h 10000"/>
                  <a:gd name="connsiteX36" fmla="*/ 5735 w 10000"/>
                  <a:gd name="connsiteY36" fmla="*/ 7681 h 10000"/>
                  <a:gd name="connsiteX37" fmla="*/ 6471 w 10000"/>
                  <a:gd name="connsiteY37" fmla="*/ 7799 h 10000"/>
                  <a:gd name="connsiteX38" fmla="*/ 7234 w 10000"/>
                  <a:gd name="connsiteY38" fmla="*/ 7962 h 10000"/>
                  <a:gd name="connsiteX39" fmla="*/ 7385 w 10000"/>
                  <a:gd name="connsiteY39" fmla="*/ 8021 h 10000"/>
                  <a:gd name="connsiteX40" fmla="*/ 7512 w 10000"/>
                  <a:gd name="connsiteY40" fmla="*/ 8080 h 10000"/>
                  <a:gd name="connsiteX41" fmla="*/ 7639 w 10000"/>
                  <a:gd name="connsiteY41" fmla="*/ 8139 h 10000"/>
                  <a:gd name="connsiteX42" fmla="*/ 7716 w 10000"/>
                  <a:gd name="connsiteY42" fmla="*/ 8227 h 10000"/>
                  <a:gd name="connsiteX43" fmla="*/ 7741 w 10000"/>
                  <a:gd name="connsiteY43" fmla="*/ 8301 h 10000"/>
                  <a:gd name="connsiteX44" fmla="*/ 7741 w 10000"/>
                  <a:gd name="connsiteY44" fmla="*/ 8405 h 10000"/>
                  <a:gd name="connsiteX45" fmla="*/ 7691 w 10000"/>
                  <a:gd name="connsiteY45" fmla="*/ 8523 h 10000"/>
                  <a:gd name="connsiteX46" fmla="*/ 7614 w 10000"/>
                  <a:gd name="connsiteY46" fmla="*/ 8641 h 10000"/>
                  <a:gd name="connsiteX47" fmla="*/ 7284 w 10000"/>
                  <a:gd name="connsiteY47" fmla="*/ 8552 h 10000"/>
                  <a:gd name="connsiteX48" fmla="*/ 6979 w 10000"/>
                  <a:gd name="connsiteY48" fmla="*/ 8449 h 10000"/>
                  <a:gd name="connsiteX49" fmla="*/ 6674 w 10000"/>
                  <a:gd name="connsiteY49" fmla="*/ 8360 h 10000"/>
                  <a:gd name="connsiteX50" fmla="*/ 6369 w 10000"/>
                  <a:gd name="connsiteY50" fmla="*/ 8287 h 10000"/>
                  <a:gd name="connsiteX51" fmla="*/ 6243 w 10000"/>
                  <a:gd name="connsiteY51" fmla="*/ 8449 h 10000"/>
                  <a:gd name="connsiteX52" fmla="*/ 6143 w 10000"/>
                  <a:gd name="connsiteY52" fmla="*/ 8597 h 10000"/>
                  <a:gd name="connsiteX53" fmla="*/ 6091 w 10000"/>
                  <a:gd name="connsiteY53" fmla="*/ 8656 h 10000"/>
                  <a:gd name="connsiteX54" fmla="*/ 5989 w 10000"/>
                  <a:gd name="connsiteY54" fmla="*/ 8700 h 10000"/>
                  <a:gd name="connsiteX55" fmla="*/ 5914 w 10000"/>
                  <a:gd name="connsiteY55" fmla="*/ 8744 h 10000"/>
                  <a:gd name="connsiteX56" fmla="*/ 5838 w 10000"/>
                  <a:gd name="connsiteY56" fmla="*/ 8774 h 10000"/>
                  <a:gd name="connsiteX57" fmla="*/ 5761 w 10000"/>
                  <a:gd name="connsiteY57" fmla="*/ 8804 h 10000"/>
                  <a:gd name="connsiteX58" fmla="*/ 5660 w 10000"/>
                  <a:gd name="connsiteY58" fmla="*/ 8818 h 10000"/>
                  <a:gd name="connsiteX59" fmla="*/ 5532 w 10000"/>
                  <a:gd name="connsiteY59" fmla="*/ 8833 h 10000"/>
                  <a:gd name="connsiteX60" fmla="*/ 5406 w 10000"/>
                  <a:gd name="connsiteY60" fmla="*/ 8833 h 10000"/>
                  <a:gd name="connsiteX61" fmla="*/ 5102 w 10000"/>
                  <a:gd name="connsiteY61" fmla="*/ 8818 h 10000"/>
                  <a:gd name="connsiteX62" fmla="*/ 4720 w 10000"/>
                  <a:gd name="connsiteY62" fmla="*/ 8744 h 10000"/>
                  <a:gd name="connsiteX63" fmla="*/ 4720 w 10000"/>
                  <a:gd name="connsiteY63" fmla="*/ 8922 h 10000"/>
                  <a:gd name="connsiteX64" fmla="*/ 4695 w 10000"/>
                  <a:gd name="connsiteY64" fmla="*/ 9069 h 10000"/>
                  <a:gd name="connsiteX65" fmla="*/ 4671 w 10000"/>
                  <a:gd name="connsiteY65" fmla="*/ 9232 h 10000"/>
                  <a:gd name="connsiteX66" fmla="*/ 4644 w 10000"/>
                  <a:gd name="connsiteY66" fmla="*/ 9365 h 10000"/>
                  <a:gd name="connsiteX67" fmla="*/ 4593 w 10000"/>
                  <a:gd name="connsiteY67" fmla="*/ 9498 h 10000"/>
                  <a:gd name="connsiteX68" fmla="*/ 4493 w 10000"/>
                  <a:gd name="connsiteY68" fmla="*/ 9616 h 10000"/>
                  <a:gd name="connsiteX69" fmla="*/ 4416 w 10000"/>
                  <a:gd name="connsiteY69" fmla="*/ 9734 h 10000"/>
                  <a:gd name="connsiteX70" fmla="*/ 4289 w 10000"/>
                  <a:gd name="connsiteY70" fmla="*/ 9838 h 10000"/>
                  <a:gd name="connsiteX71" fmla="*/ 3983 w 10000"/>
                  <a:gd name="connsiteY71" fmla="*/ 9897 h 10000"/>
                  <a:gd name="connsiteX72" fmla="*/ 3731 w 10000"/>
                  <a:gd name="connsiteY72" fmla="*/ 9941 h 10000"/>
                  <a:gd name="connsiteX73" fmla="*/ 3426 w 10000"/>
                  <a:gd name="connsiteY73" fmla="*/ 9985 h 10000"/>
                  <a:gd name="connsiteX74" fmla="*/ 3198 w 10000"/>
                  <a:gd name="connsiteY74" fmla="*/ 10000 h 10000"/>
                  <a:gd name="connsiteX75" fmla="*/ 2690 w 10000"/>
                  <a:gd name="connsiteY75" fmla="*/ 10000 h 10000"/>
                  <a:gd name="connsiteX76" fmla="*/ 2208 w 10000"/>
                  <a:gd name="connsiteY76" fmla="*/ 9985 h 10000"/>
                  <a:gd name="connsiteX77" fmla="*/ 1752 w 10000"/>
                  <a:gd name="connsiteY77" fmla="*/ 9941 h 10000"/>
                  <a:gd name="connsiteX78" fmla="*/ 1270 w 10000"/>
                  <a:gd name="connsiteY78" fmla="*/ 9911 h 10000"/>
                  <a:gd name="connsiteX79" fmla="*/ 990 w 10000"/>
                  <a:gd name="connsiteY79" fmla="*/ 9911 h 10000"/>
                  <a:gd name="connsiteX80" fmla="*/ 736 w 10000"/>
                  <a:gd name="connsiteY80" fmla="*/ 9911 h 10000"/>
                  <a:gd name="connsiteX81" fmla="*/ 457 w 10000"/>
                  <a:gd name="connsiteY81" fmla="*/ 9926 h 10000"/>
                  <a:gd name="connsiteX82" fmla="*/ 178 w 10000"/>
                  <a:gd name="connsiteY82" fmla="*/ 9970 h 10000"/>
                  <a:gd name="connsiteX83" fmla="*/ 102 w 10000"/>
                  <a:gd name="connsiteY83" fmla="*/ 9867 h 10000"/>
                  <a:gd name="connsiteX84" fmla="*/ 51 w 10000"/>
                  <a:gd name="connsiteY84" fmla="*/ 9793 h 10000"/>
                  <a:gd name="connsiteX85" fmla="*/ 0 w 10000"/>
                  <a:gd name="connsiteY85" fmla="*/ 9705 h 10000"/>
                  <a:gd name="connsiteX86" fmla="*/ 0 w 10000"/>
                  <a:gd name="connsiteY86" fmla="*/ 9601 h 10000"/>
                  <a:gd name="connsiteX87" fmla="*/ 51 w 10000"/>
                  <a:gd name="connsiteY87" fmla="*/ 9424 h 10000"/>
                  <a:gd name="connsiteX88" fmla="*/ 102 w 10000"/>
                  <a:gd name="connsiteY88" fmla="*/ 9202 h 10000"/>
                  <a:gd name="connsiteX89" fmla="*/ 151 w 10000"/>
                  <a:gd name="connsiteY89" fmla="*/ 8996 h 10000"/>
                  <a:gd name="connsiteX90" fmla="*/ 203 w 10000"/>
                  <a:gd name="connsiteY90" fmla="*/ 8759 h 10000"/>
                  <a:gd name="connsiteX91" fmla="*/ 228 w 10000"/>
                  <a:gd name="connsiteY91" fmla="*/ 8641 h 10000"/>
                  <a:gd name="connsiteX92" fmla="*/ 228 w 10000"/>
                  <a:gd name="connsiteY92" fmla="*/ 8538 h 10000"/>
                  <a:gd name="connsiteX93" fmla="*/ 203 w 10000"/>
                  <a:gd name="connsiteY93" fmla="*/ 8405 h 10000"/>
                  <a:gd name="connsiteX94" fmla="*/ 178 w 10000"/>
                  <a:gd name="connsiteY94" fmla="*/ 8287 h 10000"/>
                  <a:gd name="connsiteX95" fmla="*/ 431 w 10000"/>
                  <a:gd name="connsiteY95" fmla="*/ 8213 h 10000"/>
                  <a:gd name="connsiteX96" fmla="*/ 685 w 10000"/>
                  <a:gd name="connsiteY96" fmla="*/ 8139 h 10000"/>
                  <a:gd name="connsiteX97" fmla="*/ 939 w 10000"/>
                  <a:gd name="connsiteY97" fmla="*/ 8095 h 10000"/>
                  <a:gd name="connsiteX98" fmla="*/ 1218 w 10000"/>
                  <a:gd name="connsiteY98" fmla="*/ 8065 h 10000"/>
                  <a:gd name="connsiteX99" fmla="*/ 1725 w 10000"/>
                  <a:gd name="connsiteY99" fmla="*/ 8021 h 10000"/>
                  <a:gd name="connsiteX100" fmla="*/ 2234 w 10000"/>
                  <a:gd name="connsiteY100" fmla="*/ 7976 h 10000"/>
                  <a:gd name="connsiteX101" fmla="*/ 2462 w 10000"/>
                  <a:gd name="connsiteY101" fmla="*/ 7947 h 10000"/>
                  <a:gd name="connsiteX102" fmla="*/ 2690 w 10000"/>
                  <a:gd name="connsiteY102" fmla="*/ 7917 h 10000"/>
                  <a:gd name="connsiteX103" fmla="*/ 2892 w 10000"/>
                  <a:gd name="connsiteY103" fmla="*/ 7843 h 10000"/>
                  <a:gd name="connsiteX104" fmla="*/ 3096 w 10000"/>
                  <a:gd name="connsiteY104" fmla="*/ 7784 h 10000"/>
                  <a:gd name="connsiteX105" fmla="*/ 3274 w 10000"/>
                  <a:gd name="connsiteY105" fmla="*/ 7710 h 10000"/>
                  <a:gd name="connsiteX106" fmla="*/ 3426 w 10000"/>
                  <a:gd name="connsiteY106" fmla="*/ 7592 h 10000"/>
                  <a:gd name="connsiteX107" fmla="*/ 3579 w 10000"/>
                  <a:gd name="connsiteY107" fmla="*/ 7474 h 10000"/>
                  <a:gd name="connsiteX108" fmla="*/ 3680 w 10000"/>
                  <a:gd name="connsiteY108" fmla="*/ 7312 h 10000"/>
                  <a:gd name="connsiteX109" fmla="*/ 3477 w 10000"/>
                  <a:gd name="connsiteY109" fmla="*/ 7238 h 10000"/>
                  <a:gd name="connsiteX110" fmla="*/ 3299 w 10000"/>
                  <a:gd name="connsiteY110" fmla="*/ 7179 h 10000"/>
                  <a:gd name="connsiteX111" fmla="*/ 3147 w 10000"/>
                  <a:gd name="connsiteY111" fmla="*/ 7090 h 10000"/>
                  <a:gd name="connsiteX112" fmla="*/ 2995 w 10000"/>
                  <a:gd name="connsiteY112" fmla="*/ 6987 h 10000"/>
                  <a:gd name="connsiteX113" fmla="*/ 2892 w 10000"/>
                  <a:gd name="connsiteY113" fmla="*/ 6869 h 10000"/>
                  <a:gd name="connsiteX114" fmla="*/ 2843 w 10000"/>
                  <a:gd name="connsiteY114" fmla="*/ 6721 h 10000"/>
                  <a:gd name="connsiteX115" fmla="*/ 2817 w 10000"/>
                  <a:gd name="connsiteY115" fmla="*/ 6558 h 10000"/>
                  <a:gd name="connsiteX116" fmla="*/ 2843 w 10000"/>
                  <a:gd name="connsiteY116" fmla="*/ 6352 h 10000"/>
                  <a:gd name="connsiteX117" fmla="*/ 2716 w 10000"/>
                  <a:gd name="connsiteY117" fmla="*/ 6322 h 10000"/>
                  <a:gd name="connsiteX118" fmla="*/ 2564 w 10000"/>
                  <a:gd name="connsiteY118" fmla="*/ 6292 h 10000"/>
                  <a:gd name="connsiteX119" fmla="*/ 2386 w 10000"/>
                  <a:gd name="connsiteY119" fmla="*/ 6278 h 10000"/>
                  <a:gd name="connsiteX120" fmla="*/ 2208 w 10000"/>
                  <a:gd name="connsiteY120" fmla="*/ 6263 h 10000"/>
                  <a:gd name="connsiteX121" fmla="*/ 1853 w 10000"/>
                  <a:gd name="connsiteY121" fmla="*/ 6248 h 10000"/>
                  <a:gd name="connsiteX122" fmla="*/ 1472 w 10000"/>
                  <a:gd name="connsiteY122" fmla="*/ 6263 h 10000"/>
                  <a:gd name="connsiteX123" fmla="*/ 1143 w 10000"/>
                  <a:gd name="connsiteY123" fmla="*/ 6278 h 10000"/>
                  <a:gd name="connsiteX124" fmla="*/ 837 w 10000"/>
                  <a:gd name="connsiteY124" fmla="*/ 6278 h 10000"/>
                  <a:gd name="connsiteX125" fmla="*/ 585 w 10000"/>
                  <a:gd name="connsiteY125" fmla="*/ 6263 h 10000"/>
                  <a:gd name="connsiteX126" fmla="*/ 381 w 10000"/>
                  <a:gd name="connsiteY126" fmla="*/ 6233 h 10000"/>
                  <a:gd name="connsiteX127" fmla="*/ 633 w 10000"/>
                  <a:gd name="connsiteY127" fmla="*/ 5805 h 10000"/>
                  <a:gd name="connsiteX128" fmla="*/ 914 w 10000"/>
                  <a:gd name="connsiteY128" fmla="*/ 5391 h 10000"/>
                  <a:gd name="connsiteX129" fmla="*/ 1016 w 10000"/>
                  <a:gd name="connsiteY129" fmla="*/ 5170 h 10000"/>
                  <a:gd name="connsiteX130" fmla="*/ 1091 w 10000"/>
                  <a:gd name="connsiteY130" fmla="*/ 4963 h 10000"/>
                  <a:gd name="connsiteX131" fmla="*/ 1116 w 10000"/>
                  <a:gd name="connsiteY131" fmla="*/ 4860 h 10000"/>
                  <a:gd name="connsiteX132" fmla="*/ 1091 w 10000"/>
                  <a:gd name="connsiteY132" fmla="*/ 4756 h 10000"/>
                  <a:gd name="connsiteX133" fmla="*/ 1066 w 10000"/>
                  <a:gd name="connsiteY133" fmla="*/ 4653 h 10000"/>
                  <a:gd name="connsiteX134" fmla="*/ 990 w 10000"/>
                  <a:gd name="connsiteY134" fmla="*/ 4549 h 10000"/>
                  <a:gd name="connsiteX135" fmla="*/ 1270 w 10000"/>
                  <a:gd name="connsiteY135" fmla="*/ 4520 h 10000"/>
                  <a:gd name="connsiteX136" fmla="*/ 1472 w 10000"/>
                  <a:gd name="connsiteY136" fmla="*/ 4505 h 10000"/>
                  <a:gd name="connsiteX137" fmla="*/ 1650 w 10000"/>
                  <a:gd name="connsiteY137" fmla="*/ 4505 h 10000"/>
                  <a:gd name="connsiteX138" fmla="*/ 1802 w 10000"/>
                  <a:gd name="connsiteY138" fmla="*/ 4520 h 10000"/>
                  <a:gd name="connsiteX139" fmla="*/ 1929 w 10000"/>
                  <a:gd name="connsiteY139" fmla="*/ 4520 h 10000"/>
                  <a:gd name="connsiteX140" fmla="*/ 2081 w 10000"/>
                  <a:gd name="connsiteY140" fmla="*/ 4520 h 10000"/>
                  <a:gd name="connsiteX141" fmla="*/ 2234 w 10000"/>
                  <a:gd name="connsiteY141" fmla="*/ 4490 h 10000"/>
                  <a:gd name="connsiteX142" fmla="*/ 2436 w 10000"/>
                  <a:gd name="connsiteY142" fmla="*/ 4446 h 10000"/>
                  <a:gd name="connsiteX143" fmla="*/ 2436 w 10000"/>
                  <a:gd name="connsiteY143" fmla="*/ 4579 h 10000"/>
                  <a:gd name="connsiteX144" fmla="*/ 2436 w 10000"/>
                  <a:gd name="connsiteY144" fmla="*/ 4742 h 10000"/>
                  <a:gd name="connsiteX145" fmla="*/ 2436 w 10000"/>
                  <a:gd name="connsiteY145" fmla="*/ 4874 h 10000"/>
                  <a:gd name="connsiteX146" fmla="*/ 2436 w 10000"/>
                  <a:gd name="connsiteY146" fmla="*/ 5037 h 10000"/>
                  <a:gd name="connsiteX147" fmla="*/ 2665 w 10000"/>
                  <a:gd name="connsiteY147" fmla="*/ 5022 h 10000"/>
                  <a:gd name="connsiteX148" fmla="*/ 2817 w 10000"/>
                  <a:gd name="connsiteY148" fmla="*/ 5037 h 10000"/>
                  <a:gd name="connsiteX149" fmla="*/ 2944 w 10000"/>
                  <a:gd name="connsiteY149" fmla="*/ 5066 h 10000"/>
                  <a:gd name="connsiteX150" fmla="*/ 3071 w 10000"/>
                  <a:gd name="connsiteY150" fmla="*/ 5096 h 10000"/>
                  <a:gd name="connsiteX151" fmla="*/ 3173 w 10000"/>
                  <a:gd name="connsiteY151" fmla="*/ 5126 h 10000"/>
                  <a:gd name="connsiteX152" fmla="*/ 3299 w 10000"/>
                  <a:gd name="connsiteY152" fmla="*/ 5155 h 10000"/>
                  <a:gd name="connsiteX153" fmla="*/ 3452 w 10000"/>
                  <a:gd name="connsiteY153" fmla="*/ 5170 h 10000"/>
                  <a:gd name="connsiteX154" fmla="*/ 3680 w 10000"/>
                  <a:gd name="connsiteY154" fmla="*/ 5155 h 10000"/>
                  <a:gd name="connsiteX155" fmla="*/ 3757 w 10000"/>
                  <a:gd name="connsiteY155" fmla="*/ 5096 h 10000"/>
                  <a:gd name="connsiteX156" fmla="*/ 3832 w 10000"/>
                  <a:gd name="connsiteY156" fmla="*/ 5022 h 10000"/>
                  <a:gd name="connsiteX157" fmla="*/ 3857 w 10000"/>
                  <a:gd name="connsiteY157" fmla="*/ 4934 h 10000"/>
                  <a:gd name="connsiteX158" fmla="*/ 3884 w 10000"/>
                  <a:gd name="connsiteY158" fmla="*/ 4860 h 10000"/>
                  <a:gd name="connsiteX159" fmla="*/ 3908 w 10000"/>
                  <a:gd name="connsiteY159" fmla="*/ 4697 h 10000"/>
                  <a:gd name="connsiteX160" fmla="*/ 3884 w 10000"/>
                  <a:gd name="connsiteY160" fmla="*/ 4520 h 10000"/>
                  <a:gd name="connsiteX161" fmla="*/ 3807 w 10000"/>
                  <a:gd name="connsiteY161" fmla="*/ 4343 h 10000"/>
                  <a:gd name="connsiteX162" fmla="*/ 3731 w 10000"/>
                  <a:gd name="connsiteY162" fmla="*/ 4195 h 10000"/>
                  <a:gd name="connsiteX163" fmla="*/ 3604 w 10000"/>
                  <a:gd name="connsiteY163" fmla="*/ 4047 h 10000"/>
                  <a:gd name="connsiteX164" fmla="*/ 3477 w 10000"/>
                  <a:gd name="connsiteY164" fmla="*/ 3959 h 10000"/>
                  <a:gd name="connsiteX165" fmla="*/ 3629 w 10000"/>
                  <a:gd name="connsiteY165" fmla="*/ 3944 h 10000"/>
                  <a:gd name="connsiteX166" fmla="*/ 3757 w 10000"/>
                  <a:gd name="connsiteY166" fmla="*/ 3914 h 10000"/>
                  <a:gd name="connsiteX167" fmla="*/ 3857 w 10000"/>
                  <a:gd name="connsiteY167" fmla="*/ 3855 h 10000"/>
                  <a:gd name="connsiteX168" fmla="*/ 3983 w 10000"/>
                  <a:gd name="connsiteY168" fmla="*/ 3752 h 10000"/>
                  <a:gd name="connsiteX169" fmla="*/ 4111 w 10000"/>
                  <a:gd name="connsiteY169" fmla="*/ 3663 h 10000"/>
                  <a:gd name="connsiteX170" fmla="*/ 4213 w 10000"/>
                  <a:gd name="connsiteY170" fmla="*/ 3560 h 10000"/>
                  <a:gd name="connsiteX171" fmla="*/ 4289 w 10000"/>
                  <a:gd name="connsiteY171" fmla="*/ 3442 h 10000"/>
                  <a:gd name="connsiteX172" fmla="*/ 4366 w 10000"/>
                  <a:gd name="connsiteY172" fmla="*/ 3323 h 10000"/>
                  <a:gd name="connsiteX173" fmla="*/ 4416 w 10000"/>
                  <a:gd name="connsiteY173" fmla="*/ 3220 h 10000"/>
                  <a:gd name="connsiteX174" fmla="*/ 4441 w 10000"/>
                  <a:gd name="connsiteY174" fmla="*/ 3102 h 10000"/>
                  <a:gd name="connsiteX175" fmla="*/ 4468 w 10000"/>
                  <a:gd name="connsiteY175" fmla="*/ 3013 h 10000"/>
                  <a:gd name="connsiteX176" fmla="*/ 4441 w 10000"/>
                  <a:gd name="connsiteY176" fmla="*/ 2939 h 10000"/>
                  <a:gd name="connsiteX177" fmla="*/ 4416 w 10000"/>
                  <a:gd name="connsiteY177" fmla="*/ 2866 h 10000"/>
                  <a:gd name="connsiteX178" fmla="*/ 4340 w 10000"/>
                  <a:gd name="connsiteY178" fmla="*/ 2836 h 10000"/>
                  <a:gd name="connsiteX179" fmla="*/ 4239 w 10000"/>
                  <a:gd name="connsiteY179" fmla="*/ 2836 h 10000"/>
                  <a:gd name="connsiteX180" fmla="*/ 4111 w 10000"/>
                  <a:gd name="connsiteY180" fmla="*/ 2866 h 10000"/>
                  <a:gd name="connsiteX181" fmla="*/ 4213 w 10000"/>
                  <a:gd name="connsiteY181" fmla="*/ 2777 h 10000"/>
                  <a:gd name="connsiteX182" fmla="*/ 4265 w 10000"/>
                  <a:gd name="connsiteY182" fmla="*/ 2674 h 10000"/>
                  <a:gd name="connsiteX183" fmla="*/ 4289 w 10000"/>
                  <a:gd name="connsiteY183" fmla="*/ 2541 h 10000"/>
                  <a:gd name="connsiteX184" fmla="*/ 4289 w 10000"/>
                  <a:gd name="connsiteY184" fmla="*/ 2393 h 10000"/>
                  <a:gd name="connsiteX185" fmla="*/ 4314 w 10000"/>
                  <a:gd name="connsiteY185" fmla="*/ 2349 h 10000"/>
                  <a:gd name="connsiteX186" fmla="*/ 4366 w 10000"/>
                  <a:gd name="connsiteY186" fmla="*/ 2304 h 10000"/>
                  <a:gd name="connsiteX187" fmla="*/ 4416 w 10000"/>
                  <a:gd name="connsiteY187" fmla="*/ 2290 h 10000"/>
                  <a:gd name="connsiteX188" fmla="*/ 4493 w 10000"/>
                  <a:gd name="connsiteY188" fmla="*/ 2275 h 10000"/>
                  <a:gd name="connsiteX189" fmla="*/ 4720 w 10000"/>
                  <a:gd name="connsiteY189" fmla="*/ 2260 h 10000"/>
                  <a:gd name="connsiteX190" fmla="*/ 4923 w 10000"/>
                  <a:gd name="connsiteY190" fmla="*/ 2275 h 10000"/>
                  <a:gd name="connsiteX191" fmla="*/ 4898 w 10000"/>
                  <a:gd name="connsiteY191" fmla="*/ 2112 h 10000"/>
                  <a:gd name="connsiteX192" fmla="*/ 4848 w 10000"/>
                  <a:gd name="connsiteY192" fmla="*/ 1950 h 10000"/>
                  <a:gd name="connsiteX193" fmla="*/ 4771 w 10000"/>
                  <a:gd name="connsiteY193" fmla="*/ 1802 h 10000"/>
                  <a:gd name="connsiteX194" fmla="*/ 4671 w 10000"/>
                  <a:gd name="connsiteY194" fmla="*/ 1640 h 10000"/>
                  <a:gd name="connsiteX195" fmla="*/ 4416 w 10000"/>
                  <a:gd name="connsiteY195" fmla="*/ 1329 h 10000"/>
                  <a:gd name="connsiteX196" fmla="*/ 4162 w 10000"/>
                  <a:gd name="connsiteY196" fmla="*/ 1034 h 10000"/>
                  <a:gd name="connsiteX197" fmla="*/ 4035 w 10000"/>
                  <a:gd name="connsiteY197" fmla="*/ 901 h 10000"/>
                  <a:gd name="connsiteX198" fmla="*/ 3935 w 10000"/>
                  <a:gd name="connsiteY198" fmla="*/ 753 h 10000"/>
                  <a:gd name="connsiteX199" fmla="*/ 3857 w 10000"/>
                  <a:gd name="connsiteY199" fmla="*/ 620 h 10000"/>
                  <a:gd name="connsiteX200" fmla="*/ 3832 w 10000"/>
                  <a:gd name="connsiteY200" fmla="*/ 487 h 10000"/>
                  <a:gd name="connsiteX201" fmla="*/ 3807 w 10000"/>
                  <a:gd name="connsiteY201" fmla="*/ 355 h 10000"/>
                  <a:gd name="connsiteX202" fmla="*/ 3857 w 10000"/>
                  <a:gd name="connsiteY202" fmla="*/ 222 h 10000"/>
                  <a:gd name="connsiteX203" fmla="*/ 3884 w 10000"/>
                  <a:gd name="connsiteY203" fmla="*/ 162 h 10000"/>
                  <a:gd name="connsiteX204" fmla="*/ 3935 w 10000"/>
                  <a:gd name="connsiteY204" fmla="*/ 103 h 10000"/>
                  <a:gd name="connsiteX205" fmla="*/ 4011 w 10000"/>
                  <a:gd name="connsiteY205" fmla="*/ 59 h 10000"/>
                  <a:gd name="connsiteX206" fmla="*/ 4111 w 10000"/>
                  <a:gd name="connsiteY206" fmla="*/ 0 h 10000"/>
                  <a:gd name="connsiteX207" fmla="*/ 4289 w 10000"/>
                  <a:gd name="connsiteY207" fmla="*/ 0 h 10000"/>
                  <a:gd name="connsiteX208" fmla="*/ 4468 w 10000"/>
                  <a:gd name="connsiteY208" fmla="*/ 15 h 10000"/>
                  <a:gd name="connsiteX209" fmla="*/ 4644 w 10000"/>
                  <a:gd name="connsiteY209" fmla="*/ 44 h 10000"/>
                  <a:gd name="connsiteX210" fmla="*/ 4771 w 10000"/>
                  <a:gd name="connsiteY210" fmla="*/ 89 h 10000"/>
                  <a:gd name="connsiteX211" fmla="*/ 4975 w 10000"/>
                  <a:gd name="connsiteY211" fmla="*/ 192 h 10000"/>
                  <a:gd name="connsiteX212" fmla="*/ 5177 w 10000"/>
                  <a:gd name="connsiteY212" fmla="*/ 340 h 10000"/>
                  <a:gd name="connsiteX213" fmla="*/ 5329 w 10000"/>
                  <a:gd name="connsiteY213" fmla="*/ 473 h 10000"/>
                  <a:gd name="connsiteX214" fmla="*/ 5532 w 10000"/>
                  <a:gd name="connsiteY214" fmla="*/ 591 h 10000"/>
                  <a:gd name="connsiteX215" fmla="*/ 5660 w 10000"/>
                  <a:gd name="connsiteY215" fmla="*/ 650 h 10000"/>
                  <a:gd name="connsiteX216" fmla="*/ 5812 w 10000"/>
                  <a:gd name="connsiteY216" fmla="*/ 679 h 10000"/>
                  <a:gd name="connsiteX217" fmla="*/ 5965 w 10000"/>
                  <a:gd name="connsiteY217" fmla="*/ 709 h 10000"/>
                  <a:gd name="connsiteX218" fmla="*/ 6168 w 10000"/>
                  <a:gd name="connsiteY218" fmla="*/ 709 h 10000"/>
                  <a:gd name="connsiteX219" fmla="*/ 6168 w 10000"/>
                  <a:gd name="connsiteY219" fmla="*/ 768 h 10000"/>
                  <a:gd name="connsiteX220" fmla="*/ 6193 w 10000"/>
                  <a:gd name="connsiteY220" fmla="*/ 842 h 10000"/>
                  <a:gd name="connsiteX221" fmla="*/ 6243 w 10000"/>
                  <a:gd name="connsiteY221" fmla="*/ 916 h 10000"/>
                  <a:gd name="connsiteX222" fmla="*/ 6294 w 10000"/>
                  <a:gd name="connsiteY222" fmla="*/ 990 h 10000"/>
                  <a:gd name="connsiteX223" fmla="*/ 6369 w 10000"/>
                  <a:gd name="connsiteY223" fmla="*/ 1049 h 10000"/>
                  <a:gd name="connsiteX224" fmla="*/ 6471 w 10000"/>
                  <a:gd name="connsiteY224" fmla="*/ 1108 h 10000"/>
                  <a:gd name="connsiteX225" fmla="*/ 6598 w 10000"/>
                  <a:gd name="connsiteY225" fmla="*/ 1182 h 10000"/>
                  <a:gd name="connsiteX226" fmla="*/ 6700 w 10000"/>
                  <a:gd name="connsiteY226" fmla="*/ 1226 h 10000"/>
                  <a:gd name="connsiteX227" fmla="*/ 6802 w 10000"/>
                  <a:gd name="connsiteY227" fmla="*/ 1270 h 10000"/>
                  <a:gd name="connsiteX228" fmla="*/ 6903 w 10000"/>
                  <a:gd name="connsiteY228" fmla="*/ 1300 h 10000"/>
                  <a:gd name="connsiteX229" fmla="*/ 7005 w 10000"/>
                  <a:gd name="connsiteY229" fmla="*/ 1315 h 10000"/>
                  <a:gd name="connsiteX230" fmla="*/ 7132 w 10000"/>
                  <a:gd name="connsiteY230" fmla="*/ 1300 h 10000"/>
                  <a:gd name="connsiteX231" fmla="*/ 7234 w 10000"/>
                  <a:gd name="connsiteY231" fmla="*/ 1285 h 10000"/>
                  <a:gd name="connsiteX232" fmla="*/ 7309 w 10000"/>
                  <a:gd name="connsiteY232" fmla="*/ 1241 h 10000"/>
                  <a:gd name="connsiteX233" fmla="*/ 7361 w 10000"/>
                  <a:gd name="connsiteY233" fmla="*/ 1167 h 10000"/>
                  <a:gd name="connsiteX234" fmla="*/ 7385 w 10000"/>
                  <a:gd name="connsiteY234" fmla="*/ 1064 h 10000"/>
                  <a:gd name="connsiteX235" fmla="*/ 7766 w 10000"/>
                  <a:gd name="connsiteY235" fmla="*/ 1034 h 10000"/>
                  <a:gd name="connsiteX236" fmla="*/ 8121 w 10000"/>
                  <a:gd name="connsiteY236" fmla="*/ 1004 h 10000"/>
                  <a:gd name="connsiteX237" fmla="*/ 8427 w 10000"/>
                  <a:gd name="connsiteY237" fmla="*/ 990 h 10000"/>
                  <a:gd name="connsiteX238" fmla="*/ 8706 w 10000"/>
                  <a:gd name="connsiteY238" fmla="*/ 1004 h 10000"/>
                  <a:gd name="connsiteX239" fmla="*/ 8833 w 10000"/>
                  <a:gd name="connsiteY239" fmla="*/ 1019 h 10000"/>
                  <a:gd name="connsiteX240" fmla="*/ 8958 w 10000"/>
                  <a:gd name="connsiteY240" fmla="*/ 1034 h 10000"/>
                  <a:gd name="connsiteX241" fmla="*/ 9061 w 10000"/>
                  <a:gd name="connsiteY241" fmla="*/ 1064 h 10000"/>
                  <a:gd name="connsiteX242" fmla="*/ 9188 w 10000"/>
                  <a:gd name="connsiteY242" fmla="*/ 1108 h 10000"/>
                  <a:gd name="connsiteX243" fmla="*/ 9264 w 10000"/>
                  <a:gd name="connsiteY243" fmla="*/ 1182 h 10000"/>
                  <a:gd name="connsiteX244" fmla="*/ 9339 w 10000"/>
                  <a:gd name="connsiteY244" fmla="*/ 1241 h 10000"/>
                  <a:gd name="connsiteX245" fmla="*/ 9391 w 10000"/>
                  <a:gd name="connsiteY245" fmla="*/ 1329 h 10000"/>
                  <a:gd name="connsiteX246" fmla="*/ 9442 w 10000"/>
                  <a:gd name="connsiteY246" fmla="*/ 1433 h 10000"/>
                  <a:gd name="connsiteX247" fmla="*/ 9492 w 10000"/>
                  <a:gd name="connsiteY247" fmla="*/ 1551 h 10000"/>
                  <a:gd name="connsiteX248" fmla="*/ 9466 w 10000"/>
                  <a:gd name="connsiteY248" fmla="*/ 1625 h 10000"/>
                  <a:gd name="connsiteX249" fmla="*/ 9442 w 10000"/>
                  <a:gd name="connsiteY249" fmla="*/ 1684 h 10000"/>
                  <a:gd name="connsiteX250" fmla="*/ 9391 w 10000"/>
                  <a:gd name="connsiteY250" fmla="*/ 1758 h 10000"/>
                  <a:gd name="connsiteX251" fmla="*/ 9315 w 10000"/>
                  <a:gd name="connsiteY251" fmla="*/ 1802 h 10000"/>
                  <a:gd name="connsiteX252" fmla="*/ 9264 w 10000"/>
                  <a:gd name="connsiteY252" fmla="*/ 1861 h 10000"/>
                  <a:gd name="connsiteX253" fmla="*/ 9240 w 10000"/>
                  <a:gd name="connsiteY253" fmla="*/ 1935 h 10000"/>
                  <a:gd name="connsiteX254" fmla="*/ 9264 w 10000"/>
                  <a:gd name="connsiteY254" fmla="*/ 2024 h 10000"/>
                  <a:gd name="connsiteX255" fmla="*/ 9543 w 10000"/>
                  <a:gd name="connsiteY255" fmla="*/ 2157 h 10000"/>
                  <a:gd name="connsiteX256" fmla="*/ 9873 w 10000"/>
                  <a:gd name="connsiteY256" fmla="*/ 2275 h 10000"/>
                  <a:gd name="connsiteX257" fmla="*/ 10000 w 10000"/>
                  <a:gd name="connsiteY257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7383 w 10000"/>
                  <a:gd name="connsiteY8" fmla="*/ 3894 h 10000"/>
                  <a:gd name="connsiteX9" fmla="*/ 8984 w 10000"/>
                  <a:gd name="connsiteY9" fmla="*/ 3412 h 10000"/>
                  <a:gd name="connsiteX10" fmla="*/ 9188 w 10000"/>
                  <a:gd name="connsiteY10" fmla="*/ 3338 h 10000"/>
                  <a:gd name="connsiteX11" fmla="*/ 9415 w 10000"/>
                  <a:gd name="connsiteY11" fmla="*/ 3117 h 10000"/>
                  <a:gd name="connsiteX12" fmla="*/ 9442 w 10000"/>
                  <a:gd name="connsiteY12" fmla="*/ 3072 h 10000"/>
                  <a:gd name="connsiteX13" fmla="*/ 9466 w 10000"/>
                  <a:gd name="connsiteY13" fmla="*/ 3013 h 10000"/>
                  <a:gd name="connsiteX14" fmla="*/ 9466 w 10000"/>
                  <a:gd name="connsiteY14" fmla="*/ 2954 h 10000"/>
                  <a:gd name="connsiteX15" fmla="*/ 9442 w 10000"/>
                  <a:gd name="connsiteY15" fmla="*/ 2866 h 10000"/>
                  <a:gd name="connsiteX16" fmla="*/ 9264 w 10000"/>
                  <a:gd name="connsiteY16" fmla="*/ 2984 h 10000"/>
                  <a:gd name="connsiteX17" fmla="*/ 9061 w 10000"/>
                  <a:gd name="connsiteY17" fmla="*/ 3072 h 10000"/>
                  <a:gd name="connsiteX18" fmla="*/ 8197 w 10000"/>
                  <a:gd name="connsiteY18" fmla="*/ 3397 h 10000"/>
                  <a:gd name="connsiteX19" fmla="*/ 7716 w 10000"/>
                  <a:gd name="connsiteY19" fmla="*/ 3545 h 10000"/>
                  <a:gd name="connsiteX20" fmla="*/ 6345 w 10000"/>
                  <a:gd name="connsiteY20" fmla="*/ 4003 h 10000"/>
                  <a:gd name="connsiteX21" fmla="*/ 6143 w 10000"/>
                  <a:gd name="connsiteY21" fmla="*/ 4106 h 10000"/>
                  <a:gd name="connsiteX22" fmla="*/ 5938 w 10000"/>
                  <a:gd name="connsiteY22" fmla="*/ 4195 h 10000"/>
                  <a:gd name="connsiteX23" fmla="*/ 6091 w 10000"/>
                  <a:gd name="connsiteY23" fmla="*/ 4417 h 10000"/>
                  <a:gd name="connsiteX24" fmla="*/ 6421 w 10000"/>
                  <a:gd name="connsiteY24" fmla="*/ 5318 h 10000"/>
                  <a:gd name="connsiteX25" fmla="*/ 6447 w 10000"/>
                  <a:gd name="connsiteY25" fmla="*/ 5539 h 10000"/>
                  <a:gd name="connsiteX26" fmla="*/ 6471 w 10000"/>
                  <a:gd name="connsiteY26" fmla="*/ 5775 h 10000"/>
                  <a:gd name="connsiteX27" fmla="*/ 6471 w 10000"/>
                  <a:gd name="connsiteY27" fmla="*/ 5997 h 10000"/>
                  <a:gd name="connsiteX28" fmla="*/ 6447 w 10000"/>
                  <a:gd name="connsiteY28" fmla="*/ 6233 h 10000"/>
                  <a:gd name="connsiteX29" fmla="*/ 6396 w 10000"/>
                  <a:gd name="connsiteY29" fmla="*/ 6470 h 10000"/>
                  <a:gd name="connsiteX30" fmla="*/ 6345 w 10000"/>
                  <a:gd name="connsiteY30" fmla="*/ 6677 h 10000"/>
                  <a:gd name="connsiteX31" fmla="*/ 6269 w 10000"/>
                  <a:gd name="connsiteY31" fmla="*/ 6898 h 10000"/>
                  <a:gd name="connsiteX32" fmla="*/ 6168 w 10000"/>
                  <a:gd name="connsiteY32" fmla="*/ 7105 h 10000"/>
                  <a:gd name="connsiteX33" fmla="*/ 6041 w 10000"/>
                  <a:gd name="connsiteY33" fmla="*/ 7297 h 10000"/>
                  <a:gd name="connsiteX34" fmla="*/ 5888 w 10000"/>
                  <a:gd name="connsiteY34" fmla="*/ 7489 h 10000"/>
                  <a:gd name="connsiteX35" fmla="*/ 5735 w 10000"/>
                  <a:gd name="connsiteY35" fmla="*/ 7681 h 10000"/>
                  <a:gd name="connsiteX36" fmla="*/ 6471 w 10000"/>
                  <a:gd name="connsiteY36" fmla="*/ 7799 h 10000"/>
                  <a:gd name="connsiteX37" fmla="*/ 7234 w 10000"/>
                  <a:gd name="connsiteY37" fmla="*/ 7962 h 10000"/>
                  <a:gd name="connsiteX38" fmla="*/ 7385 w 10000"/>
                  <a:gd name="connsiteY38" fmla="*/ 8021 h 10000"/>
                  <a:gd name="connsiteX39" fmla="*/ 7512 w 10000"/>
                  <a:gd name="connsiteY39" fmla="*/ 8080 h 10000"/>
                  <a:gd name="connsiteX40" fmla="*/ 7639 w 10000"/>
                  <a:gd name="connsiteY40" fmla="*/ 8139 h 10000"/>
                  <a:gd name="connsiteX41" fmla="*/ 7716 w 10000"/>
                  <a:gd name="connsiteY41" fmla="*/ 8227 h 10000"/>
                  <a:gd name="connsiteX42" fmla="*/ 7741 w 10000"/>
                  <a:gd name="connsiteY42" fmla="*/ 8301 h 10000"/>
                  <a:gd name="connsiteX43" fmla="*/ 7741 w 10000"/>
                  <a:gd name="connsiteY43" fmla="*/ 8405 h 10000"/>
                  <a:gd name="connsiteX44" fmla="*/ 7691 w 10000"/>
                  <a:gd name="connsiteY44" fmla="*/ 8523 h 10000"/>
                  <a:gd name="connsiteX45" fmla="*/ 7614 w 10000"/>
                  <a:gd name="connsiteY45" fmla="*/ 8641 h 10000"/>
                  <a:gd name="connsiteX46" fmla="*/ 7284 w 10000"/>
                  <a:gd name="connsiteY46" fmla="*/ 8552 h 10000"/>
                  <a:gd name="connsiteX47" fmla="*/ 6979 w 10000"/>
                  <a:gd name="connsiteY47" fmla="*/ 8449 h 10000"/>
                  <a:gd name="connsiteX48" fmla="*/ 6674 w 10000"/>
                  <a:gd name="connsiteY48" fmla="*/ 8360 h 10000"/>
                  <a:gd name="connsiteX49" fmla="*/ 6369 w 10000"/>
                  <a:gd name="connsiteY49" fmla="*/ 8287 h 10000"/>
                  <a:gd name="connsiteX50" fmla="*/ 6243 w 10000"/>
                  <a:gd name="connsiteY50" fmla="*/ 8449 h 10000"/>
                  <a:gd name="connsiteX51" fmla="*/ 6143 w 10000"/>
                  <a:gd name="connsiteY51" fmla="*/ 8597 h 10000"/>
                  <a:gd name="connsiteX52" fmla="*/ 6091 w 10000"/>
                  <a:gd name="connsiteY52" fmla="*/ 8656 h 10000"/>
                  <a:gd name="connsiteX53" fmla="*/ 5989 w 10000"/>
                  <a:gd name="connsiteY53" fmla="*/ 8700 h 10000"/>
                  <a:gd name="connsiteX54" fmla="*/ 5914 w 10000"/>
                  <a:gd name="connsiteY54" fmla="*/ 8744 h 10000"/>
                  <a:gd name="connsiteX55" fmla="*/ 5838 w 10000"/>
                  <a:gd name="connsiteY55" fmla="*/ 8774 h 10000"/>
                  <a:gd name="connsiteX56" fmla="*/ 5761 w 10000"/>
                  <a:gd name="connsiteY56" fmla="*/ 8804 h 10000"/>
                  <a:gd name="connsiteX57" fmla="*/ 5660 w 10000"/>
                  <a:gd name="connsiteY57" fmla="*/ 8818 h 10000"/>
                  <a:gd name="connsiteX58" fmla="*/ 5532 w 10000"/>
                  <a:gd name="connsiteY58" fmla="*/ 8833 h 10000"/>
                  <a:gd name="connsiteX59" fmla="*/ 5406 w 10000"/>
                  <a:gd name="connsiteY59" fmla="*/ 8833 h 10000"/>
                  <a:gd name="connsiteX60" fmla="*/ 5102 w 10000"/>
                  <a:gd name="connsiteY60" fmla="*/ 8818 h 10000"/>
                  <a:gd name="connsiteX61" fmla="*/ 4720 w 10000"/>
                  <a:gd name="connsiteY61" fmla="*/ 8744 h 10000"/>
                  <a:gd name="connsiteX62" fmla="*/ 4720 w 10000"/>
                  <a:gd name="connsiteY62" fmla="*/ 8922 h 10000"/>
                  <a:gd name="connsiteX63" fmla="*/ 4695 w 10000"/>
                  <a:gd name="connsiteY63" fmla="*/ 9069 h 10000"/>
                  <a:gd name="connsiteX64" fmla="*/ 4671 w 10000"/>
                  <a:gd name="connsiteY64" fmla="*/ 9232 h 10000"/>
                  <a:gd name="connsiteX65" fmla="*/ 4644 w 10000"/>
                  <a:gd name="connsiteY65" fmla="*/ 9365 h 10000"/>
                  <a:gd name="connsiteX66" fmla="*/ 4593 w 10000"/>
                  <a:gd name="connsiteY66" fmla="*/ 9498 h 10000"/>
                  <a:gd name="connsiteX67" fmla="*/ 4493 w 10000"/>
                  <a:gd name="connsiteY67" fmla="*/ 9616 h 10000"/>
                  <a:gd name="connsiteX68" fmla="*/ 4416 w 10000"/>
                  <a:gd name="connsiteY68" fmla="*/ 9734 h 10000"/>
                  <a:gd name="connsiteX69" fmla="*/ 4289 w 10000"/>
                  <a:gd name="connsiteY69" fmla="*/ 9838 h 10000"/>
                  <a:gd name="connsiteX70" fmla="*/ 3983 w 10000"/>
                  <a:gd name="connsiteY70" fmla="*/ 9897 h 10000"/>
                  <a:gd name="connsiteX71" fmla="*/ 3731 w 10000"/>
                  <a:gd name="connsiteY71" fmla="*/ 9941 h 10000"/>
                  <a:gd name="connsiteX72" fmla="*/ 3426 w 10000"/>
                  <a:gd name="connsiteY72" fmla="*/ 9985 h 10000"/>
                  <a:gd name="connsiteX73" fmla="*/ 3198 w 10000"/>
                  <a:gd name="connsiteY73" fmla="*/ 10000 h 10000"/>
                  <a:gd name="connsiteX74" fmla="*/ 2690 w 10000"/>
                  <a:gd name="connsiteY74" fmla="*/ 10000 h 10000"/>
                  <a:gd name="connsiteX75" fmla="*/ 2208 w 10000"/>
                  <a:gd name="connsiteY75" fmla="*/ 9985 h 10000"/>
                  <a:gd name="connsiteX76" fmla="*/ 1752 w 10000"/>
                  <a:gd name="connsiteY76" fmla="*/ 9941 h 10000"/>
                  <a:gd name="connsiteX77" fmla="*/ 1270 w 10000"/>
                  <a:gd name="connsiteY77" fmla="*/ 9911 h 10000"/>
                  <a:gd name="connsiteX78" fmla="*/ 990 w 10000"/>
                  <a:gd name="connsiteY78" fmla="*/ 9911 h 10000"/>
                  <a:gd name="connsiteX79" fmla="*/ 736 w 10000"/>
                  <a:gd name="connsiteY79" fmla="*/ 9911 h 10000"/>
                  <a:gd name="connsiteX80" fmla="*/ 457 w 10000"/>
                  <a:gd name="connsiteY80" fmla="*/ 9926 h 10000"/>
                  <a:gd name="connsiteX81" fmla="*/ 178 w 10000"/>
                  <a:gd name="connsiteY81" fmla="*/ 9970 h 10000"/>
                  <a:gd name="connsiteX82" fmla="*/ 102 w 10000"/>
                  <a:gd name="connsiteY82" fmla="*/ 9867 h 10000"/>
                  <a:gd name="connsiteX83" fmla="*/ 51 w 10000"/>
                  <a:gd name="connsiteY83" fmla="*/ 9793 h 10000"/>
                  <a:gd name="connsiteX84" fmla="*/ 0 w 10000"/>
                  <a:gd name="connsiteY84" fmla="*/ 9705 h 10000"/>
                  <a:gd name="connsiteX85" fmla="*/ 0 w 10000"/>
                  <a:gd name="connsiteY85" fmla="*/ 9601 h 10000"/>
                  <a:gd name="connsiteX86" fmla="*/ 51 w 10000"/>
                  <a:gd name="connsiteY86" fmla="*/ 9424 h 10000"/>
                  <a:gd name="connsiteX87" fmla="*/ 102 w 10000"/>
                  <a:gd name="connsiteY87" fmla="*/ 9202 h 10000"/>
                  <a:gd name="connsiteX88" fmla="*/ 151 w 10000"/>
                  <a:gd name="connsiteY88" fmla="*/ 8996 h 10000"/>
                  <a:gd name="connsiteX89" fmla="*/ 203 w 10000"/>
                  <a:gd name="connsiteY89" fmla="*/ 8759 h 10000"/>
                  <a:gd name="connsiteX90" fmla="*/ 228 w 10000"/>
                  <a:gd name="connsiteY90" fmla="*/ 8641 h 10000"/>
                  <a:gd name="connsiteX91" fmla="*/ 228 w 10000"/>
                  <a:gd name="connsiteY91" fmla="*/ 8538 h 10000"/>
                  <a:gd name="connsiteX92" fmla="*/ 203 w 10000"/>
                  <a:gd name="connsiteY92" fmla="*/ 8405 h 10000"/>
                  <a:gd name="connsiteX93" fmla="*/ 178 w 10000"/>
                  <a:gd name="connsiteY93" fmla="*/ 8287 h 10000"/>
                  <a:gd name="connsiteX94" fmla="*/ 431 w 10000"/>
                  <a:gd name="connsiteY94" fmla="*/ 8213 h 10000"/>
                  <a:gd name="connsiteX95" fmla="*/ 685 w 10000"/>
                  <a:gd name="connsiteY95" fmla="*/ 8139 h 10000"/>
                  <a:gd name="connsiteX96" fmla="*/ 939 w 10000"/>
                  <a:gd name="connsiteY96" fmla="*/ 8095 h 10000"/>
                  <a:gd name="connsiteX97" fmla="*/ 1218 w 10000"/>
                  <a:gd name="connsiteY97" fmla="*/ 8065 h 10000"/>
                  <a:gd name="connsiteX98" fmla="*/ 1725 w 10000"/>
                  <a:gd name="connsiteY98" fmla="*/ 8021 h 10000"/>
                  <a:gd name="connsiteX99" fmla="*/ 2234 w 10000"/>
                  <a:gd name="connsiteY99" fmla="*/ 7976 h 10000"/>
                  <a:gd name="connsiteX100" fmla="*/ 2462 w 10000"/>
                  <a:gd name="connsiteY100" fmla="*/ 7947 h 10000"/>
                  <a:gd name="connsiteX101" fmla="*/ 2690 w 10000"/>
                  <a:gd name="connsiteY101" fmla="*/ 7917 h 10000"/>
                  <a:gd name="connsiteX102" fmla="*/ 2892 w 10000"/>
                  <a:gd name="connsiteY102" fmla="*/ 7843 h 10000"/>
                  <a:gd name="connsiteX103" fmla="*/ 3096 w 10000"/>
                  <a:gd name="connsiteY103" fmla="*/ 7784 h 10000"/>
                  <a:gd name="connsiteX104" fmla="*/ 3274 w 10000"/>
                  <a:gd name="connsiteY104" fmla="*/ 7710 h 10000"/>
                  <a:gd name="connsiteX105" fmla="*/ 3426 w 10000"/>
                  <a:gd name="connsiteY105" fmla="*/ 7592 h 10000"/>
                  <a:gd name="connsiteX106" fmla="*/ 3579 w 10000"/>
                  <a:gd name="connsiteY106" fmla="*/ 7474 h 10000"/>
                  <a:gd name="connsiteX107" fmla="*/ 3680 w 10000"/>
                  <a:gd name="connsiteY107" fmla="*/ 7312 h 10000"/>
                  <a:gd name="connsiteX108" fmla="*/ 3477 w 10000"/>
                  <a:gd name="connsiteY108" fmla="*/ 7238 h 10000"/>
                  <a:gd name="connsiteX109" fmla="*/ 3299 w 10000"/>
                  <a:gd name="connsiteY109" fmla="*/ 7179 h 10000"/>
                  <a:gd name="connsiteX110" fmla="*/ 3147 w 10000"/>
                  <a:gd name="connsiteY110" fmla="*/ 7090 h 10000"/>
                  <a:gd name="connsiteX111" fmla="*/ 2995 w 10000"/>
                  <a:gd name="connsiteY111" fmla="*/ 6987 h 10000"/>
                  <a:gd name="connsiteX112" fmla="*/ 2892 w 10000"/>
                  <a:gd name="connsiteY112" fmla="*/ 6869 h 10000"/>
                  <a:gd name="connsiteX113" fmla="*/ 2843 w 10000"/>
                  <a:gd name="connsiteY113" fmla="*/ 6721 h 10000"/>
                  <a:gd name="connsiteX114" fmla="*/ 2817 w 10000"/>
                  <a:gd name="connsiteY114" fmla="*/ 6558 h 10000"/>
                  <a:gd name="connsiteX115" fmla="*/ 2843 w 10000"/>
                  <a:gd name="connsiteY115" fmla="*/ 6352 h 10000"/>
                  <a:gd name="connsiteX116" fmla="*/ 2716 w 10000"/>
                  <a:gd name="connsiteY116" fmla="*/ 6322 h 10000"/>
                  <a:gd name="connsiteX117" fmla="*/ 2564 w 10000"/>
                  <a:gd name="connsiteY117" fmla="*/ 6292 h 10000"/>
                  <a:gd name="connsiteX118" fmla="*/ 2386 w 10000"/>
                  <a:gd name="connsiteY118" fmla="*/ 6278 h 10000"/>
                  <a:gd name="connsiteX119" fmla="*/ 2208 w 10000"/>
                  <a:gd name="connsiteY119" fmla="*/ 6263 h 10000"/>
                  <a:gd name="connsiteX120" fmla="*/ 1853 w 10000"/>
                  <a:gd name="connsiteY120" fmla="*/ 6248 h 10000"/>
                  <a:gd name="connsiteX121" fmla="*/ 1472 w 10000"/>
                  <a:gd name="connsiteY121" fmla="*/ 6263 h 10000"/>
                  <a:gd name="connsiteX122" fmla="*/ 1143 w 10000"/>
                  <a:gd name="connsiteY122" fmla="*/ 6278 h 10000"/>
                  <a:gd name="connsiteX123" fmla="*/ 837 w 10000"/>
                  <a:gd name="connsiteY123" fmla="*/ 6278 h 10000"/>
                  <a:gd name="connsiteX124" fmla="*/ 585 w 10000"/>
                  <a:gd name="connsiteY124" fmla="*/ 6263 h 10000"/>
                  <a:gd name="connsiteX125" fmla="*/ 381 w 10000"/>
                  <a:gd name="connsiteY125" fmla="*/ 6233 h 10000"/>
                  <a:gd name="connsiteX126" fmla="*/ 633 w 10000"/>
                  <a:gd name="connsiteY126" fmla="*/ 5805 h 10000"/>
                  <a:gd name="connsiteX127" fmla="*/ 914 w 10000"/>
                  <a:gd name="connsiteY127" fmla="*/ 5391 h 10000"/>
                  <a:gd name="connsiteX128" fmla="*/ 1016 w 10000"/>
                  <a:gd name="connsiteY128" fmla="*/ 5170 h 10000"/>
                  <a:gd name="connsiteX129" fmla="*/ 1091 w 10000"/>
                  <a:gd name="connsiteY129" fmla="*/ 4963 h 10000"/>
                  <a:gd name="connsiteX130" fmla="*/ 1116 w 10000"/>
                  <a:gd name="connsiteY130" fmla="*/ 4860 h 10000"/>
                  <a:gd name="connsiteX131" fmla="*/ 1091 w 10000"/>
                  <a:gd name="connsiteY131" fmla="*/ 4756 h 10000"/>
                  <a:gd name="connsiteX132" fmla="*/ 1066 w 10000"/>
                  <a:gd name="connsiteY132" fmla="*/ 4653 h 10000"/>
                  <a:gd name="connsiteX133" fmla="*/ 990 w 10000"/>
                  <a:gd name="connsiteY133" fmla="*/ 4549 h 10000"/>
                  <a:gd name="connsiteX134" fmla="*/ 1270 w 10000"/>
                  <a:gd name="connsiteY134" fmla="*/ 4520 h 10000"/>
                  <a:gd name="connsiteX135" fmla="*/ 1472 w 10000"/>
                  <a:gd name="connsiteY135" fmla="*/ 4505 h 10000"/>
                  <a:gd name="connsiteX136" fmla="*/ 1650 w 10000"/>
                  <a:gd name="connsiteY136" fmla="*/ 4505 h 10000"/>
                  <a:gd name="connsiteX137" fmla="*/ 1802 w 10000"/>
                  <a:gd name="connsiteY137" fmla="*/ 4520 h 10000"/>
                  <a:gd name="connsiteX138" fmla="*/ 1929 w 10000"/>
                  <a:gd name="connsiteY138" fmla="*/ 4520 h 10000"/>
                  <a:gd name="connsiteX139" fmla="*/ 2081 w 10000"/>
                  <a:gd name="connsiteY139" fmla="*/ 4520 h 10000"/>
                  <a:gd name="connsiteX140" fmla="*/ 2234 w 10000"/>
                  <a:gd name="connsiteY140" fmla="*/ 4490 h 10000"/>
                  <a:gd name="connsiteX141" fmla="*/ 2436 w 10000"/>
                  <a:gd name="connsiteY141" fmla="*/ 4446 h 10000"/>
                  <a:gd name="connsiteX142" fmla="*/ 2436 w 10000"/>
                  <a:gd name="connsiteY142" fmla="*/ 4579 h 10000"/>
                  <a:gd name="connsiteX143" fmla="*/ 2436 w 10000"/>
                  <a:gd name="connsiteY143" fmla="*/ 4742 h 10000"/>
                  <a:gd name="connsiteX144" fmla="*/ 2436 w 10000"/>
                  <a:gd name="connsiteY144" fmla="*/ 4874 h 10000"/>
                  <a:gd name="connsiteX145" fmla="*/ 2436 w 10000"/>
                  <a:gd name="connsiteY145" fmla="*/ 5037 h 10000"/>
                  <a:gd name="connsiteX146" fmla="*/ 2665 w 10000"/>
                  <a:gd name="connsiteY146" fmla="*/ 5022 h 10000"/>
                  <a:gd name="connsiteX147" fmla="*/ 2817 w 10000"/>
                  <a:gd name="connsiteY147" fmla="*/ 5037 h 10000"/>
                  <a:gd name="connsiteX148" fmla="*/ 2944 w 10000"/>
                  <a:gd name="connsiteY148" fmla="*/ 5066 h 10000"/>
                  <a:gd name="connsiteX149" fmla="*/ 3071 w 10000"/>
                  <a:gd name="connsiteY149" fmla="*/ 5096 h 10000"/>
                  <a:gd name="connsiteX150" fmla="*/ 3173 w 10000"/>
                  <a:gd name="connsiteY150" fmla="*/ 5126 h 10000"/>
                  <a:gd name="connsiteX151" fmla="*/ 3299 w 10000"/>
                  <a:gd name="connsiteY151" fmla="*/ 5155 h 10000"/>
                  <a:gd name="connsiteX152" fmla="*/ 3452 w 10000"/>
                  <a:gd name="connsiteY152" fmla="*/ 5170 h 10000"/>
                  <a:gd name="connsiteX153" fmla="*/ 3680 w 10000"/>
                  <a:gd name="connsiteY153" fmla="*/ 5155 h 10000"/>
                  <a:gd name="connsiteX154" fmla="*/ 3757 w 10000"/>
                  <a:gd name="connsiteY154" fmla="*/ 5096 h 10000"/>
                  <a:gd name="connsiteX155" fmla="*/ 3832 w 10000"/>
                  <a:gd name="connsiteY155" fmla="*/ 5022 h 10000"/>
                  <a:gd name="connsiteX156" fmla="*/ 3857 w 10000"/>
                  <a:gd name="connsiteY156" fmla="*/ 4934 h 10000"/>
                  <a:gd name="connsiteX157" fmla="*/ 3884 w 10000"/>
                  <a:gd name="connsiteY157" fmla="*/ 4860 h 10000"/>
                  <a:gd name="connsiteX158" fmla="*/ 3908 w 10000"/>
                  <a:gd name="connsiteY158" fmla="*/ 4697 h 10000"/>
                  <a:gd name="connsiteX159" fmla="*/ 3884 w 10000"/>
                  <a:gd name="connsiteY159" fmla="*/ 4520 h 10000"/>
                  <a:gd name="connsiteX160" fmla="*/ 3807 w 10000"/>
                  <a:gd name="connsiteY160" fmla="*/ 4343 h 10000"/>
                  <a:gd name="connsiteX161" fmla="*/ 3731 w 10000"/>
                  <a:gd name="connsiteY161" fmla="*/ 4195 h 10000"/>
                  <a:gd name="connsiteX162" fmla="*/ 3604 w 10000"/>
                  <a:gd name="connsiteY162" fmla="*/ 4047 h 10000"/>
                  <a:gd name="connsiteX163" fmla="*/ 3477 w 10000"/>
                  <a:gd name="connsiteY163" fmla="*/ 3959 h 10000"/>
                  <a:gd name="connsiteX164" fmla="*/ 3629 w 10000"/>
                  <a:gd name="connsiteY164" fmla="*/ 3944 h 10000"/>
                  <a:gd name="connsiteX165" fmla="*/ 3757 w 10000"/>
                  <a:gd name="connsiteY165" fmla="*/ 3914 h 10000"/>
                  <a:gd name="connsiteX166" fmla="*/ 3857 w 10000"/>
                  <a:gd name="connsiteY166" fmla="*/ 3855 h 10000"/>
                  <a:gd name="connsiteX167" fmla="*/ 3983 w 10000"/>
                  <a:gd name="connsiteY167" fmla="*/ 3752 h 10000"/>
                  <a:gd name="connsiteX168" fmla="*/ 4111 w 10000"/>
                  <a:gd name="connsiteY168" fmla="*/ 3663 h 10000"/>
                  <a:gd name="connsiteX169" fmla="*/ 4213 w 10000"/>
                  <a:gd name="connsiteY169" fmla="*/ 3560 h 10000"/>
                  <a:gd name="connsiteX170" fmla="*/ 4289 w 10000"/>
                  <a:gd name="connsiteY170" fmla="*/ 3442 h 10000"/>
                  <a:gd name="connsiteX171" fmla="*/ 4366 w 10000"/>
                  <a:gd name="connsiteY171" fmla="*/ 3323 h 10000"/>
                  <a:gd name="connsiteX172" fmla="*/ 4416 w 10000"/>
                  <a:gd name="connsiteY172" fmla="*/ 3220 h 10000"/>
                  <a:gd name="connsiteX173" fmla="*/ 4441 w 10000"/>
                  <a:gd name="connsiteY173" fmla="*/ 3102 h 10000"/>
                  <a:gd name="connsiteX174" fmla="*/ 4468 w 10000"/>
                  <a:gd name="connsiteY174" fmla="*/ 3013 h 10000"/>
                  <a:gd name="connsiteX175" fmla="*/ 4441 w 10000"/>
                  <a:gd name="connsiteY175" fmla="*/ 2939 h 10000"/>
                  <a:gd name="connsiteX176" fmla="*/ 4416 w 10000"/>
                  <a:gd name="connsiteY176" fmla="*/ 2866 h 10000"/>
                  <a:gd name="connsiteX177" fmla="*/ 4340 w 10000"/>
                  <a:gd name="connsiteY177" fmla="*/ 2836 h 10000"/>
                  <a:gd name="connsiteX178" fmla="*/ 4239 w 10000"/>
                  <a:gd name="connsiteY178" fmla="*/ 2836 h 10000"/>
                  <a:gd name="connsiteX179" fmla="*/ 4111 w 10000"/>
                  <a:gd name="connsiteY179" fmla="*/ 2866 h 10000"/>
                  <a:gd name="connsiteX180" fmla="*/ 4213 w 10000"/>
                  <a:gd name="connsiteY180" fmla="*/ 2777 h 10000"/>
                  <a:gd name="connsiteX181" fmla="*/ 4265 w 10000"/>
                  <a:gd name="connsiteY181" fmla="*/ 2674 h 10000"/>
                  <a:gd name="connsiteX182" fmla="*/ 4289 w 10000"/>
                  <a:gd name="connsiteY182" fmla="*/ 2541 h 10000"/>
                  <a:gd name="connsiteX183" fmla="*/ 4289 w 10000"/>
                  <a:gd name="connsiteY183" fmla="*/ 2393 h 10000"/>
                  <a:gd name="connsiteX184" fmla="*/ 4314 w 10000"/>
                  <a:gd name="connsiteY184" fmla="*/ 2349 h 10000"/>
                  <a:gd name="connsiteX185" fmla="*/ 4366 w 10000"/>
                  <a:gd name="connsiteY185" fmla="*/ 2304 h 10000"/>
                  <a:gd name="connsiteX186" fmla="*/ 4416 w 10000"/>
                  <a:gd name="connsiteY186" fmla="*/ 2290 h 10000"/>
                  <a:gd name="connsiteX187" fmla="*/ 4493 w 10000"/>
                  <a:gd name="connsiteY187" fmla="*/ 2275 h 10000"/>
                  <a:gd name="connsiteX188" fmla="*/ 4720 w 10000"/>
                  <a:gd name="connsiteY188" fmla="*/ 2260 h 10000"/>
                  <a:gd name="connsiteX189" fmla="*/ 4923 w 10000"/>
                  <a:gd name="connsiteY189" fmla="*/ 2275 h 10000"/>
                  <a:gd name="connsiteX190" fmla="*/ 4898 w 10000"/>
                  <a:gd name="connsiteY190" fmla="*/ 2112 h 10000"/>
                  <a:gd name="connsiteX191" fmla="*/ 4848 w 10000"/>
                  <a:gd name="connsiteY191" fmla="*/ 1950 h 10000"/>
                  <a:gd name="connsiteX192" fmla="*/ 4771 w 10000"/>
                  <a:gd name="connsiteY192" fmla="*/ 1802 h 10000"/>
                  <a:gd name="connsiteX193" fmla="*/ 4671 w 10000"/>
                  <a:gd name="connsiteY193" fmla="*/ 1640 h 10000"/>
                  <a:gd name="connsiteX194" fmla="*/ 4416 w 10000"/>
                  <a:gd name="connsiteY194" fmla="*/ 1329 h 10000"/>
                  <a:gd name="connsiteX195" fmla="*/ 4162 w 10000"/>
                  <a:gd name="connsiteY195" fmla="*/ 1034 h 10000"/>
                  <a:gd name="connsiteX196" fmla="*/ 4035 w 10000"/>
                  <a:gd name="connsiteY196" fmla="*/ 901 h 10000"/>
                  <a:gd name="connsiteX197" fmla="*/ 3935 w 10000"/>
                  <a:gd name="connsiteY197" fmla="*/ 753 h 10000"/>
                  <a:gd name="connsiteX198" fmla="*/ 3857 w 10000"/>
                  <a:gd name="connsiteY198" fmla="*/ 620 h 10000"/>
                  <a:gd name="connsiteX199" fmla="*/ 3832 w 10000"/>
                  <a:gd name="connsiteY199" fmla="*/ 487 h 10000"/>
                  <a:gd name="connsiteX200" fmla="*/ 3807 w 10000"/>
                  <a:gd name="connsiteY200" fmla="*/ 355 h 10000"/>
                  <a:gd name="connsiteX201" fmla="*/ 3857 w 10000"/>
                  <a:gd name="connsiteY201" fmla="*/ 222 h 10000"/>
                  <a:gd name="connsiteX202" fmla="*/ 3884 w 10000"/>
                  <a:gd name="connsiteY202" fmla="*/ 162 h 10000"/>
                  <a:gd name="connsiteX203" fmla="*/ 3935 w 10000"/>
                  <a:gd name="connsiteY203" fmla="*/ 103 h 10000"/>
                  <a:gd name="connsiteX204" fmla="*/ 4011 w 10000"/>
                  <a:gd name="connsiteY204" fmla="*/ 59 h 10000"/>
                  <a:gd name="connsiteX205" fmla="*/ 4111 w 10000"/>
                  <a:gd name="connsiteY205" fmla="*/ 0 h 10000"/>
                  <a:gd name="connsiteX206" fmla="*/ 4289 w 10000"/>
                  <a:gd name="connsiteY206" fmla="*/ 0 h 10000"/>
                  <a:gd name="connsiteX207" fmla="*/ 4468 w 10000"/>
                  <a:gd name="connsiteY207" fmla="*/ 15 h 10000"/>
                  <a:gd name="connsiteX208" fmla="*/ 4644 w 10000"/>
                  <a:gd name="connsiteY208" fmla="*/ 44 h 10000"/>
                  <a:gd name="connsiteX209" fmla="*/ 4771 w 10000"/>
                  <a:gd name="connsiteY209" fmla="*/ 89 h 10000"/>
                  <a:gd name="connsiteX210" fmla="*/ 4975 w 10000"/>
                  <a:gd name="connsiteY210" fmla="*/ 192 h 10000"/>
                  <a:gd name="connsiteX211" fmla="*/ 5177 w 10000"/>
                  <a:gd name="connsiteY211" fmla="*/ 340 h 10000"/>
                  <a:gd name="connsiteX212" fmla="*/ 5329 w 10000"/>
                  <a:gd name="connsiteY212" fmla="*/ 473 h 10000"/>
                  <a:gd name="connsiteX213" fmla="*/ 5532 w 10000"/>
                  <a:gd name="connsiteY213" fmla="*/ 591 h 10000"/>
                  <a:gd name="connsiteX214" fmla="*/ 5660 w 10000"/>
                  <a:gd name="connsiteY214" fmla="*/ 650 h 10000"/>
                  <a:gd name="connsiteX215" fmla="*/ 5812 w 10000"/>
                  <a:gd name="connsiteY215" fmla="*/ 679 h 10000"/>
                  <a:gd name="connsiteX216" fmla="*/ 5965 w 10000"/>
                  <a:gd name="connsiteY216" fmla="*/ 709 h 10000"/>
                  <a:gd name="connsiteX217" fmla="*/ 6168 w 10000"/>
                  <a:gd name="connsiteY217" fmla="*/ 709 h 10000"/>
                  <a:gd name="connsiteX218" fmla="*/ 6168 w 10000"/>
                  <a:gd name="connsiteY218" fmla="*/ 768 h 10000"/>
                  <a:gd name="connsiteX219" fmla="*/ 6193 w 10000"/>
                  <a:gd name="connsiteY219" fmla="*/ 842 h 10000"/>
                  <a:gd name="connsiteX220" fmla="*/ 6243 w 10000"/>
                  <a:gd name="connsiteY220" fmla="*/ 916 h 10000"/>
                  <a:gd name="connsiteX221" fmla="*/ 6294 w 10000"/>
                  <a:gd name="connsiteY221" fmla="*/ 990 h 10000"/>
                  <a:gd name="connsiteX222" fmla="*/ 6369 w 10000"/>
                  <a:gd name="connsiteY222" fmla="*/ 1049 h 10000"/>
                  <a:gd name="connsiteX223" fmla="*/ 6471 w 10000"/>
                  <a:gd name="connsiteY223" fmla="*/ 1108 h 10000"/>
                  <a:gd name="connsiteX224" fmla="*/ 6598 w 10000"/>
                  <a:gd name="connsiteY224" fmla="*/ 1182 h 10000"/>
                  <a:gd name="connsiteX225" fmla="*/ 6700 w 10000"/>
                  <a:gd name="connsiteY225" fmla="*/ 1226 h 10000"/>
                  <a:gd name="connsiteX226" fmla="*/ 6802 w 10000"/>
                  <a:gd name="connsiteY226" fmla="*/ 1270 h 10000"/>
                  <a:gd name="connsiteX227" fmla="*/ 6903 w 10000"/>
                  <a:gd name="connsiteY227" fmla="*/ 1300 h 10000"/>
                  <a:gd name="connsiteX228" fmla="*/ 7005 w 10000"/>
                  <a:gd name="connsiteY228" fmla="*/ 1315 h 10000"/>
                  <a:gd name="connsiteX229" fmla="*/ 7132 w 10000"/>
                  <a:gd name="connsiteY229" fmla="*/ 1300 h 10000"/>
                  <a:gd name="connsiteX230" fmla="*/ 7234 w 10000"/>
                  <a:gd name="connsiteY230" fmla="*/ 1285 h 10000"/>
                  <a:gd name="connsiteX231" fmla="*/ 7309 w 10000"/>
                  <a:gd name="connsiteY231" fmla="*/ 1241 h 10000"/>
                  <a:gd name="connsiteX232" fmla="*/ 7361 w 10000"/>
                  <a:gd name="connsiteY232" fmla="*/ 1167 h 10000"/>
                  <a:gd name="connsiteX233" fmla="*/ 7385 w 10000"/>
                  <a:gd name="connsiteY233" fmla="*/ 1064 h 10000"/>
                  <a:gd name="connsiteX234" fmla="*/ 7766 w 10000"/>
                  <a:gd name="connsiteY234" fmla="*/ 1034 h 10000"/>
                  <a:gd name="connsiteX235" fmla="*/ 8121 w 10000"/>
                  <a:gd name="connsiteY235" fmla="*/ 1004 h 10000"/>
                  <a:gd name="connsiteX236" fmla="*/ 8427 w 10000"/>
                  <a:gd name="connsiteY236" fmla="*/ 990 h 10000"/>
                  <a:gd name="connsiteX237" fmla="*/ 8706 w 10000"/>
                  <a:gd name="connsiteY237" fmla="*/ 1004 h 10000"/>
                  <a:gd name="connsiteX238" fmla="*/ 8833 w 10000"/>
                  <a:gd name="connsiteY238" fmla="*/ 1019 h 10000"/>
                  <a:gd name="connsiteX239" fmla="*/ 8958 w 10000"/>
                  <a:gd name="connsiteY239" fmla="*/ 1034 h 10000"/>
                  <a:gd name="connsiteX240" fmla="*/ 9061 w 10000"/>
                  <a:gd name="connsiteY240" fmla="*/ 1064 h 10000"/>
                  <a:gd name="connsiteX241" fmla="*/ 9188 w 10000"/>
                  <a:gd name="connsiteY241" fmla="*/ 1108 h 10000"/>
                  <a:gd name="connsiteX242" fmla="*/ 9264 w 10000"/>
                  <a:gd name="connsiteY242" fmla="*/ 1182 h 10000"/>
                  <a:gd name="connsiteX243" fmla="*/ 9339 w 10000"/>
                  <a:gd name="connsiteY243" fmla="*/ 1241 h 10000"/>
                  <a:gd name="connsiteX244" fmla="*/ 9391 w 10000"/>
                  <a:gd name="connsiteY244" fmla="*/ 1329 h 10000"/>
                  <a:gd name="connsiteX245" fmla="*/ 9442 w 10000"/>
                  <a:gd name="connsiteY245" fmla="*/ 1433 h 10000"/>
                  <a:gd name="connsiteX246" fmla="*/ 9492 w 10000"/>
                  <a:gd name="connsiteY246" fmla="*/ 1551 h 10000"/>
                  <a:gd name="connsiteX247" fmla="*/ 9466 w 10000"/>
                  <a:gd name="connsiteY247" fmla="*/ 1625 h 10000"/>
                  <a:gd name="connsiteX248" fmla="*/ 9442 w 10000"/>
                  <a:gd name="connsiteY248" fmla="*/ 1684 h 10000"/>
                  <a:gd name="connsiteX249" fmla="*/ 9391 w 10000"/>
                  <a:gd name="connsiteY249" fmla="*/ 1758 h 10000"/>
                  <a:gd name="connsiteX250" fmla="*/ 9315 w 10000"/>
                  <a:gd name="connsiteY250" fmla="*/ 1802 h 10000"/>
                  <a:gd name="connsiteX251" fmla="*/ 9264 w 10000"/>
                  <a:gd name="connsiteY251" fmla="*/ 1861 h 10000"/>
                  <a:gd name="connsiteX252" fmla="*/ 9240 w 10000"/>
                  <a:gd name="connsiteY252" fmla="*/ 1935 h 10000"/>
                  <a:gd name="connsiteX253" fmla="*/ 9264 w 10000"/>
                  <a:gd name="connsiteY253" fmla="*/ 2024 h 10000"/>
                  <a:gd name="connsiteX254" fmla="*/ 9543 w 10000"/>
                  <a:gd name="connsiteY254" fmla="*/ 2157 h 10000"/>
                  <a:gd name="connsiteX255" fmla="*/ 9873 w 10000"/>
                  <a:gd name="connsiteY255" fmla="*/ 2275 h 10000"/>
                  <a:gd name="connsiteX256" fmla="*/ 10000 w 10000"/>
                  <a:gd name="connsiteY256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369 w 10000"/>
                  <a:gd name="connsiteY6" fmla="*/ 4313 h 10000"/>
                  <a:gd name="connsiteX7" fmla="*/ 7383 w 10000"/>
                  <a:gd name="connsiteY7" fmla="*/ 3894 h 10000"/>
                  <a:gd name="connsiteX8" fmla="*/ 8984 w 10000"/>
                  <a:gd name="connsiteY8" fmla="*/ 3412 h 10000"/>
                  <a:gd name="connsiteX9" fmla="*/ 9188 w 10000"/>
                  <a:gd name="connsiteY9" fmla="*/ 3338 h 10000"/>
                  <a:gd name="connsiteX10" fmla="*/ 9415 w 10000"/>
                  <a:gd name="connsiteY10" fmla="*/ 3117 h 10000"/>
                  <a:gd name="connsiteX11" fmla="*/ 9442 w 10000"/>
                  <a:gd name="connsiteY11" fmla="*/ 3072 h 10000"/>
                  <a:gd name="connsiteX12" fmla="*/ 9466 w 10000"/>
                  <a:gd name="connsiteY12" fmla="*/ 3013 h 10000"/>
                  <a:gd name="connsiteX13" fmla="*/ 9466 w 10000"/>
                  <a:gd name="connsiteY13" fmla="*/ 2954 h 10000"/>
                  <a:gd name="connsiteX14" fmla="*/ 9442 w 10000"/>
                  <a:gd name="connsiteY14" fmla="*/ 2866 h 10000"/>
                  <a:gd name="connsiteX15" fmla="*/ 9264 w 10000"/>
                  <a:gd name="connsiteY15" fmla="*/ 2984 h 10000"/>
                  <a:gd name="connsiteX16" fmla="*/ 9061 w 10000"/>
                  <a:gd name="connsiteY16" fmla="*/ 3072 h 10000"/>
                  <a:gd name="connsiteX17" fmla="*/ 8197 w 10000"/>
                  <a:gd name="connsiteY17" fmla="*/ 3397 h 10000"/>
                  <a:gd name="connsiteX18" fmla="*/ 7716 w 10000"/>
                  <a:gd name="connsiteY18" fmla="*/ 3545 h 10000"/>
                  <a:gd name="connsiteX19" fmla="*/ 6345 w 10000"/>
                  <a:gd name="connsiteY19" fmla="*/ 4003 h 10000"/>
                  <a:gd name="connsiteX20" fmla="*/ 6143 w 10000"/>
                  <a:gd name="connsiteY20" fmla="*/ 4106 h 10000"/>
                  <a:gd name="connsiteX21" fmla="*/ 5938 w 10000"/>
                  <a:gd name="connsiteY21" fmla="*/ 4195 h 10000"/>
                  <a:gd name="connsiteX22" fmla="*/ 6091 w 10000"/>
                  <a:gd name="connsiteY22" fmla="*/ 4417 h 10000"/>
                  <a:gd name="connsiteX23" fmla="*/ 6421 w 10000"/>
                  <a:gd name="connsiteY23" fmla="*/ 5318 h 10000"/>
                  <a:gd name="connsiteX24" fmla="*/ 6447 w 10000"/>
                  <a:gd name="connsiteY24" fmla="*/ 5539 h 10000"/>
                  <a:gd name="connsiteX25" fmla="*/ 6471 w 10000"/>
                  <a:gd name="connsiteY25" fmla="*/ 5775 h 10000"/>
                  <a:gd name="connsiteX26" fmla="*/ 6471 w 10000"/>
                  <a:gd name="connsiteY26" fmla="*/ 5997 h 10000"/>
                  <a:gd name="connsiteX27" fmla="*/ 6447 w 10000"/>
                  <a:gd name="connsiteY27" fmla="*/ 6233 h 10000"/>
                  <a:gd name="connsiteX28" fmla="*/ 6396 w 10000"/>
                  <a:gd name="connsiteY28" fmla="*/ 6470 h 10000"/>
                  <a:gd name="connsiteX29" fmla="*/ 6345 w 10000"/>
                  <a:gd name="connsiteY29" fmla="*/ 6677 h 10000"/>
                  <a:gd name="connsiteX30" fmla="*/ 6269 w 10000"/>
                  <a:gd name="connsiteY30" fmla="*/ 6898 h 10000"/>
                  <a:gd name="connsiteX31" fmla="*/ 6168 w 10000"/>
                  <a:gd name="connsiteY31" fmla="*/ 7105 h 10000"/>
                  <a:gd name="connsiteX32" fmla="*/ 6041 w 10000"/>
                  <a:gd name="connsiteY32" fmla="*/ 7297 h 10000"/>
                  <a:gd name="connsiteX33" fmla="*/ 5888 w 10000"/>
                  <a:gd name="connsiteY33" fmla="*/ 7489 h 10000"/>
                  <a:gd name="connsiteX34" fmla="*/ 5735 w 10000"/>
                  <a:gd name="connsiteY34" fmla="*/ 7681 h 10000"/>
                  <a:gd name="connsiteX35" fmla="*/ 6471 w 10000"/>
                  <a:gd name="connsiteY35" fmla="*/ 7799 h 10000"/>
                  <a:gd name="connsiteX36" fmla="*/ 7234 w 10000"/>
                  <a:gd name="connsiteY36" fmla="*/ 7962 h 10000"/>
                  <a:gd name="connsiteX37" fmla="*/ 7385 w 10000"/>
                  <a:gd name="connsiteY37" fmla="*/ 8021 h 10000"/>
                  <a:gd name="connsiteX38" fmla="*/ 7512 w 10000"/>
                  <a:gd name="connsiteY38" fmla="*/ 8080 h 10000"/>
                  <a:gd name="connsiteX39" fmla="*/ 7639 w 10000"/>
                  <a:gd name="connsiteY39" fmla="*/ 8139 h 10000"/>
                  <a:gd name="connsiteX40" fmla="*/ 7716 w 10000"/>
                  <a:gd name="connsiteY40" fmla="*/ 8227 h 10000"/>
                  <a:gd name="connsiteX41" fmla="*/ 7741 w 10000"/>
                  <a:gd name="connsiteY41" fmla="*/ 8301 h 10000"/>
                  <a:gd name="connsiteX42" fmla="*/ 7741 w 10000"/>
                  <a:gd name="connsiteY42" fmla="*/ 8405 h 10000"/>
                  <a:gd name="connsiteX43" fmla="*/ 7691 w 10000"/>
                  <a:gd name="connsiteY43" fmla="*/ 8523 h 10000"/>
                  <a:gd name="connsiteX44" fmla="*/ 7614 w 10000"/>
                  <a:gd name="connsiteY44" fmla="*/ 8641 h 10000"/>
                  <a:gd name="connsiteX45" fmla="*/ 7284 w 10000"/>
                  <a:gd name="connsiteY45" fmla="*/ 8552 h 10000"/>
                  <a:gd name="connsiteX46" fmla="*/ 6979 w 10000"/>
                  <a:gd name="connsiteY46" fmla="*/ 8449 h 10000"/>
                  <a:gd name="connsiteX47" fmla="*/ 6674 w 10000"/>
                  <a:gd name="connsiteY47" fmla="*/ 8360 h 10000"/>
                  <a:gd name="connsiteX48" fmla="*/ 6369 w 10000"/>
                  <a:gd name="connsiteY48" fmla="*/ 8287 h 10000"/>
                  <a:gd name="connsiteX49" fmla="*/ 6243 w 10000"/>
                  <a:gd name="connsiteY49" fmla="*/ 8449 h 10000"/>
                  <a:gd name="connsiteX50" fmla="*/ 6143 w 10000"/>
                  <a:gd name="connsiteY50" fmla="*/ 8597 h 10000"/>
                  <a:gd name="connsiteX51" fmla="*/ 6091 w 10000"/>
                  <a:gd name="connsiteY51" fmla="*/ 8656 h 10000"/>
                  <a:gd name="connsiteX52" fmla="*/ 5989 w 10000"/>
                  <a:gd name="connsiteY52" fmla="*/ 8700 h 10000"/>
                  <a:gd name="connsiteX53" fmla="*/ 5914 w 10000"/>
                  <a:gd name="connsiteY53" fmla="*/ 8744 h 10000"/>
                  <a:gd name="connsiteX54" fmla="*/ 5838 w 10000"/>
                  <a:gd name="connsiteY54" fmla="*/ 8774 h 10000"/>
                  <a:gd name="connsiteX55" fmla="*/ 5761 w 10000"/>
                  <a:gd name="connsiteY55" fmla="*/ 8804 h 10000"/>
                  <a:gd name="connsiteX56" fmla="*/ 5660 w 10000"/>
                  <a:gd name="connsiteY56" fmla="*/ 8818 h 10000"/>
                  <a:gd name="connsiteX57" fmla="*/ 5532 w 10000"/>
                  <a:gd name="connsiteY57" fmla="*/ 8833 h 10000"/>
                  <a:gd name="connsiteX58" fmla="*/ 5406 w 10000"/>
                  <a:gd name="connsiteY58" fmla="*/ 8833 h 10000"/>
                  <a:gd name="connsiteX59" fmla="*/ 5102 w 10000"/>
                  <a:gd name="connsiteY59" fmla="*/ 8818 h 10000"/>
                  <a:gd name="connsiteX60" fmla="*/ 4720 w 10000"/>
                  <a:gd name="connsiteY60" fmla="*/ 8744 h 10000"/>
                  <a:gd name="connsiteX61" fmla="*/ 4720 w 10000"/>
                  <a:gd name="connsiteY61" fmla="*/ 8922 h 10000"/>
                  <a:gd name="connsiteX62" fmla="*/ 4695 w 10000"/>
                  <a:gd name="connsiteY62" fmla="*/ 9069 h 10000"/>
                  <a:gd name="connsiteX63" fmla="*/ 4671 w 10000"/>
                  <a:gd name="connsiteY63" fmla="*/ 9232 h 10000"/>
                  <a:gd name="connsiteX64" fmla="*/ 4644 w 10000"/>
                  <a:gd name="connsiteY64" fmla="*/ 9365 h 10000"/>
                  <a:gd name="connsiteX65" fmla="*/ 4593 w 10000"/>
                  <a:gd name="connsiteY65" fmla="*/ 9498 h 10000"/>
                  <a:gd name="connsiteX66" fmla="*/ 4493 w 10000"/>
                  <a:gd name="connsiteY66" fmla="*/ 9616 h 10000"/>
                  <a:gd name="connsiteX67" fmla="*/ 4416 w 10000"/>
                  <a:gd name="connsiteY67" fmla="*/ 9734 h 10000"/>
                  <a:gd name="connsiteX68" fmla="*/ 4289 w 10000"/>
                  <a:gd name="connsiteY68" fmla="*/ 9838 h 10000"/>
                  <a:gd name="connsiteX69" fmla="*/ 3983 w 10000"/>
                  <a:gd name="connsiteY69" fmla="*/ 9897 h 10000"/>
                  <a:gd name="connsiteX70" fmla="*/ 3731 w 10000"/>
                  <a:gd name="connsiteY70" fmla="*/ 9941 h 10000"/>
                  <a:gd name="connsiteX71" fmla="*/ 3426 w 10000"/>
                  <a:gd name="connsiteY71" fmla="*/ 9985 h 10000"/>
                  <a:gd name="connsiteX72" fmla="*/ 3198 w 10000"/>
                  <a:gd name="connsiteY72" fmla="*/ 10000 h 10000"/>
                  <a:gd name="connsiteX73" fmla="*/ 2690 w 10000"/>
                  <a:gd name="connsiteY73" fmla="*/ 10000 h 10000"/>
                  <a:gd name="connsiteX74" fmla="*/ 2208 w 10000"/>
                  <a:gd name="connsiteY74" fmla="*/ 9985 h 10000"/>
                  <a:gd name="connsiteX75" fmla="*/ 1752 w 10000"/>
                  <a:gd name="connsiteY75" fmla="*/ 9941 h 10000"/>
                  <a:gd name="connsiteX76" fmla="*/ 1270 w 10000"/>
                  <a:gd name="connsiteY76" fmla="*/ 9911 h 10000"/>
                  <a:gd name="connsiteX77" fmla="*/ 990 w 10000"/>
                  <a:gd name="connsiteY77" fmla="*/ 9911 h 10000"/>
                  <a:gd name="connsiteX78" fmla="*/ 736 w 10000"/>
                  <a:gd name="connsiteY78" fmla="*/ 9911 h 10000"/>
                  <a:gd name="connsiteX79" fmla="*/ 457 w 10000"/>
                  <a:gd name="connsiteY79" fmla="*/ 9926 h 10000"/>
                  <a:gd name="connsiteX80" fmla="*/ 178 w 10000"/>
                  <a:gd name="connsiteY80" fmla="*/ 9970 h 10000"/>
                  <a:gd name="connsiteX81" fmla="*/ 102 w 10000"/>
                  <a:gd name="connsiteY81" fmla="*/ 9867 h 10000"/>
                  <a:gd name="connsiteX82" fmla="*/ 51 w 10000"/>
                  <a:gd name="connsiteY82" fmla="*/ 9793 h 10000"/>
                  <a:gd name="connsiteX83" fmla="*/ 0 w 10000"/>
                  <a:gd name="connsiteY83" fmla="*/ 9705 h 10000"/>
                  <a:gd name="connsiteX84" fmla="*/ 0 w 10000"/>
                  <a:gd name="connsiteY84" fmla="*/ 9601 h 10000"/>
                  <a:gd name="connsiteX85" fmla="*/ 51 w 10000"/>
                  <a:gd name="connsiteY85" fmla="*/ 9424 h 10000"/>
                  <a:gd name="connsiteX86" fmla="*/ 102 w 10000"/>
                  <a:gd name="connsiteY86" fmla="*/ 9202 h 10000"/>
                  <a:gd name="connsiteX87" fmla="*/ 151 w 10000"/>
                  <a:gd name="connsiteY87" fmla="*/ 8996 h 10000"/>
                  <a:gd name="connsiteX88" fmla="*/ 203 w 10000"/>
                  <a:gd name="connsiteY88" fmla="*/ 8759 h 10000"/>
                  <a:gd name="connsiteX89" fmla="*/ 228 w 10000"/>
                  <a:gd name="connsiteY89" fmla="*/ 8641 h 10000"/>
                  <a:gd name="connsiteX90" fmla="*/ 228 w 10000"/>
                  <a:gd name="connsiteY90" fmla="*/ 8538 h 10000"/>
                  <a:gd name="connsiteX91" fmla="*/ 203 w 10000"/>
                  <a:gd name="connsiteY91" fmla="*/ 8405 h 10000"/>
                  <a:gd name="connsiteX92" fmla="*/ 178 w 10000"/>
                  <a:gd name="connsiteY92" fmla="*/ 8287 h 10000"/>
                  <a:gd name="connsiteX93" fmla="*/ 431 w 10000"/>
                  <a:gd name="connsiteY93" fmla="*/ 8213 h 10000"/>
                  <a:gd name="connsiteX94" fmla="*/ 685 w 10000"/>
                  <a:gd name="connsiteY94" fmla="*/ 8139 h 10000"/>
                  <a:gd name="connsiteX95" fmla="*/ 939 w 10000"/>
                  <a:gd name="connsiteY95" fmla="*/ 8095 h 10000"/>
                  <a:gd name="connsiteX96" fmla="*/ 1218 w 10000"/>
                  <a:gd name="connsiteY96" fmla="*/ 8065 h 10000"/>
                  <a:gd name="connsiteX97" fmla="*/ 1725 w 10000"/>
                  <a:gd name="connsiteY97" fmla="*/ 8021 h 10000"/>
                  <a:gd name="connsiteX98" fmla="*/ 2234 w 10000"/>
                  <a:gd name="connsiteY98" fmla="*/ 7976 h 10000"/>
                  <a:gd name="connsiteX99" fmla="*/ 2462 w 10000"/>
                  <a:gd name="connsiteY99" fmla="*/ 7947 h 10000"/>
                  <a:gd name="connsiteX100" fmla="*/ 2690 w 10000"/>
                  <a:gd name="connsiteY100" fmla="*/ 7917 h 10000"/>
                  <a:gd name="connsiteX101" fmla="*/ 2892 w 10000"/>
                  <a:gd name="connsiteY101" fmla="*/ 7843 h 10000"/>
                  <a:gd name="connsiteX102" fmla="*/ 3096 w 10000"/>
                  <a:gd name="connsiteY102" fmla="*/ 7784 h 10000"/>
                  <a:gd name="connsiteX103" fmla="*/ 3274 w 10000"/>
                  <a:gd name="connsiteY103" fmla="*/ 7710 h 10000"/>
                  <a:gd name="connsiteX104" fmla="*/ 3426 w 10000"/>
                  <a:gd name="connsiteY104" fmla="*/ 7592 h 10000"/>
                  <a:gd name="connsiteX105" fmla="*/ 3579 w 10000"/>
                  <a:gd name="connsiteY105" fmla="*/ 7474 h 10000"/>
                  <a:gd name="connsiteX106" fmla="*/ 3680 w 10000"/>
                  <a:gd name="connsiteY106" fmla="*/ 7312 h 10000"/>
                  <a:gd name="connsiteX107" fmla="*/ 3477 w 10000"/>
                  <a:gd name="connsiteY107" fmla="*/ 7238 h 10000"/>
                  <a:gd name="connsiteX108" fmla="*/ 3299 w 10000"/>
                  <a:gd name="connsiteY108" fmla="*/ 7179 h 10000"/>
                  <a:gd name="connsiteX109" fmla="*/ 3147 w 10000"/>
                  <a:gd name="connsiteY109" fmla="*/ 7090 h 10000"/>
                  <a:gd name="connsiteX110" fmla="*/ 2995 w 10000"/>
                  <a:gd name="connsiteY110" fmla="*/ 6987 h 10000"/>
                  <a:gd name="connsiteX111" fmla="*/ 2892 w 10000"/>
                  <a:gd name="connsiteY111" fmla="*/ 6869 h 10000"/>
                  <a:gd name="connsiteX112" fmla="*/ 2843 w 10000"/>
                  <a:gd name="connsiteY112" fmla="*/ 6721 h 10000"/>
                  <a:gd name="connsiteX113" fmla="*/ 2817 w 10000"/>
                  <a:gd name="connsiteY113" fmla="*/ 6558 h 10000"/>
                  <a:gd name="connsiteX114" fmla="*/ 2843 w 10000"/>
                  <a:gd name="connsiteY114" fmla="*/ 6352 h 10000"/>
                  <a:gd name="connsiteX115" fmla="*/ 2716 w 10000"/>
                  <a:gd name="connsiteY115" fmla="*/ 6322 h 10000"/>
                  <a:gd name="connsiteX116" fmla="*/ 2564 w 10000"/>
                  <a:gd name="connsiteY116" fmla="*/ 6292 h 10000"/>
                  <a:gd name="connsiteX117" fmla="*/ 2386 w 10000"/>
                  <a:gd name="connsiteY117" fmla="*/ 6278 h 10000"/>
                  <a:gd name="connsiteX118" fmla="*/ 2208 w 10000"/>
                  <a:gd name="connsiteY118" fmla="*/ 6263 h 10000"/>
                  <a:gd name="connsiteX119" fmla="*/ 1853 w 10000"/>
                  <a:gd name="connsiteY119" fmla="*/ 6248 h 10000"/>
                  <a:gd name="connsiteX120" fmla="*/ 1472 w 10000"/>
                  <a:gd name="connsiteY120" fmla="*/ 6263 h 10000"/>
                  <a:gd name="connsiteX121" fmla="*/ 1143 w 10000"/>
                  <a:gd name="connsiteY121" fmla="*/ 6278 h 10000"/>
                  <a:gd name="connsiteX122" fmla="*/ 837 w 10000"/>
                  <a:gd name="connsiteY122" fmla="*/ 6278 h 10000"/>
                  <a:gd name="connsiteX123" fmla="*/ 585 w 10000"/>
                  <a:gd name="connsiteY123" fmla="*/ 6263 h 10000"/>
                  <a:gd name="connsiteX124" fmla="*/ 381 w 10000"/>
                  <a:gd name="connsiteY124" fmla="*/ 6233 h 10000"/>
                  <a:gd name="connsiteX125" fmla="*/ 633 w 10000"/>
                  <a:gd name="connsiteY125" fmla="*/ 5805 h 10000"/>
                  <a:gd name="connsiteX126" fmla="*/ 914 w 10000"/>
                  <a:gd name="connsiteY126" fmla="*/ 5391 h 10000"/>
                  <a:gd name="connsiteX127" fmla="*/ 1016 w 10000"/>
                  <a:gd name="connsiteY127" fmla="*/ 5170 h 10000"/>
                  <a:gd name="connsiteX128" fmla="*/ 1091 w 10000"/>
                  <a:gd name="connsiteY128" fmla="*/ 4963 h 10000"/>
                  <a:gd name="connsiteX129" fmla="*/ 1116 w 10000"/>
                  <a:gd name="connsiteY129" fmla="*/ 4860 h 10000"/>
                  <a:gd name="connsiteX130" fmla="*/ 1091 w 10000"/>
                  <a:gd name="connsiteY130" fmla="*/ 4756 h 10000"/>
                  <a:gd name="connsiteX131" fmla="*/ 1066 w 10000"/>
                  <a:gd name="connsiteY131" fmla="*/ 4653 h 10000"/>
                  <a:gd name="connsiteX132" fmla="*/ 990 w 10000"/>
                  <a:gd name="connsiteY132" fmla="*/ 4549 h 10000"/>
                  <a:gd name="connsiteX133" fmla="*/ 1270 w 10000"/>
                  <a:gd name="connsiteY133" fmla="*/ 4520 h 10000"/>
                  <a:gd name="connsiteX134" fmla="*/ 1472 w 10000"/>
                  <a:gd name="connsiteY134" fmla="*/ 4505 h 10000"/>
                  <a:gd name="connsiteX135" fmla="*/ 1650 w 10000"/>
                  <a:gd name="connsiteY135" fmla="*/ 4505 h 10000"/>
                  <a:gd name="connsiteX136" fmla="*/ 1802 w 10000"/>
                  <a:gd name="connsiteY136" fmla="*/ 4520 h 10000"/>
                  <a:gd name="connsiteX137" fmla="*/ 1929 w 10000"/>
                  <a:gd name="connsiteY137" fmla="*/ 4520 h 10000"/>
                  <a:gd name="connsiteX138" fmla="*/ 2081 w 10000"/>
                  <a:gd name="connsiteY138" fmla="*/ 4520 h 10000"/>
                  <a:gd name="connsiteX139" fmla="*/ 2234 w 10000"/>
                  <a:gd name="connsiteY139" fmla="*/ 4490 h 10000"/>
                  <a:gd name="connsiteX140" fmla="*/ 2436 w 10000"/>
                  <a:gd name="connsiteY140" fmla="*/ 4446 h 10000"/>
                  <a:gd name="connsiteX141" fmla="*/ 2436 w 10000"/>
                  <a:gd name="connsiteY141" fmla="*/ 4579 h 10000"/>
                  <a:gd name="connsiteX142" fmla="*/ 2436 w 10000"/>
                  <a:gd name="connsiteY142" fmla="*/ 4742 h 10000"/>
                  <a:gd name="connsiteX143" fmla="*/ 2436 w 10000"/>
                  <a:gd name="connsiteY143" fmla="*/ 4874 h 10000"/>
                  <a:gd name="connsiteX144" fmla="*/ 2436 w 10000"/>
                  <a:gd name="connsiteY144" fmla="*/ 5037 h 10000"/>
                  <a:gd name="connsiteX145" fmla="*/ 2665 w 10000"/>
                  <a:gd name="connsiteY145" fmla="*/ 5022 h 10000"/>
                  <a:gd name="connsiteX146" fmla="*/ 2817 w 10000"/>
                  <a:gd name="connsiteY146" fmla="*/ 5037 h 10000"/>
                  <a:gd name="connsiteX147" fmla="*/ 2944 w 10000"/>
                  <a:gd name="connsiteY147" fmla="*/ 5066 h 10000"/>
                  <a:gd name="connsiteX148" fmla="*/ 3071 w 10000"/>
                  <a:gd name="connsiteY148" fmla="*/ 5096 h 10000"/>
                  <a:gd name="connsiteX149" fmla="*/ 3173 w 10000"/>
                  <a:gd name="connsiteY149" fmla="*/ 5126 h 10000"/>
                  <a:gd name="connsiteX150" fmla="*/ 3299 w 10000"/>
                  <a:gd name="connsiteY150" fmla="*/ 5155 h 10000"/>
                  <a:gd name="connsiteX151" fmla="*/ 3452 w 10000"/>
                  <a:gd name="connsiteY151" fmla="*/ 5170 h 10000"/>
                  <a:gd name="connsiteX152" fmla="*/ 3680 w 10000"/>
                  <a:gd name="connsiteY152" fmla="*/ 5155 h 10000"/>
                  <a:gd name="connsiteX153" fmla="*/ 3757 w 10000"/>
                  <a:gd name="connsiteY153" fmla="*/ 5096 h 10000"/>
                  <a:gd name="connsiteX154" fmla="*/ 3832 w 10000"/>
                  <a:gd name="connsiteY154" fmla="*/ 5022 h 10000"/>
                  <a:gd name="connsiteX155" fmla="*/ 3857 w 10000"/>
                  <a:gd name="connsiteY155" fmla="*/ 4934 h 10000"/>
                  <a:gd name="connsiteX156" fmla="*/ 3884 w 10000"/>
                  <a:gd name="connsiteY156" fmla="*/ 4860 h 10000"/>
                  <a:gd name="connsiteX157" fmla="*/ 3908 w 10000"/>
                  <a:gd name="connsiteY157" fmla="*/ 4697 h 10000"/>
                  <a:gd name="connsiteX158" fmla="*/ 3884 w 10000"/>
                  <a:gd name="connsiteY158" fmla="*/ 4520 h 10000"/>
                  <a:gd name="connsiteX159" fmla="*/ 3807 w 10000"/>
                  <a:gd name="connsiteY159" fmla="*/ 4343 h 10000"/>
                  <a:gd name="connsiteX160" fmla="*/ 3731 w 10000"/>
                  <a:gd name="connsiteY160" fmla="*/ 4195 h 10000"/>
                  <a:gd name="connsiteX161" fmla="*/ 3604 w 10000"/>
                  <a:gd name="connsiteY161" fmla="*/ 4047 h 10000"/>
                  <a:gd name="connsiteX162" fmla="*/ 3477 w 10000"/>
                  <a:gd name="connsiteY162" fmla="*/ 3959 h 10000"/>
                  <a:gd name="connsiteX163" fmla="*/ 3629 w 10000"/>
                  <a:gd name="connsiteY163" fmla="*/ 3944 h 10000"/>
                  <a:gd name="connsiteX164" fmla="*/ 3757 w 10000"/>
                  <a:gd name="connsiteY164" fmla="*/ 3914 h 10000"/>
                  <a:gd name="connsiteX165" fmla="*/ 3857 w 10000"/>
                  <a:gd name="connsiteY165" fmla="*/ 3855 h 10000"/>
                  <a:gd name="connsiteX166" fmla="*/ 3983 w 10000"/>
                  <a:gd name="connsiteY166" fmla="*/ 3752 h 10000"/>
                  <a:gd name="connsiteX167" fmla="*/ 4111 w 10000"/>
                  <a:gd name="connsiteY167" fmla="*/ 3663 h 10000"/>
                  <a:gd name="connsiteX168" fmla="*/ 4213 w 10000"/>
                  <a:gd name="connsiteY168" fmla="*/ 3560 h 10000"/>
                  <a:gd name="connsiteX169" fmla="*/ 4289 w 10000"/>
                  <a:gd name="connsiteY169" fmla="*/ 3442 h 10000"/>
                  <a:gd name="connsiteX170" fmla="*/ 4366 w 10000"/>
                  <a:gd name="connsiteY170" fmla="*/ 3323 h 10000"/>
                  <a:gd name="connsiteX171" fmla="*/ 4416 w 10000"/>
                  <a:gd name="connsiteY171" fmla="*/ 3220 h 10000"/>
                  <a:gd name="connsiteX172" fmla="*/ 4441 w 10000"/>
                  <a:gd name="connsiteY172" fmla="*/ 3102 h 10000"/>
                  <a:gd name="connsiteX173" fmla="*/ 4468 w 10000"/>
                  <a:gd name="connsiteY173" fmla="*/ 3013 h 10000"/>
                  <a:gd name="connsiteX174" fmla="*/ 4441 w 10000"/>
                  <a:gd name="connsiteY174" fmla="*/ 2939 h 10000"/>
                  <a:gd name="connsiteX175" fmla="*/ 4416 w 10000"/>
                  <a:gd name="connsiteY175" fmla="*/ 2866 h 10000"/>
                  <a:gd name="connsiteX176" fmla="*/ 4340 w 10000"/>
                  <a:gd name="connsiteY176" fmla="*/ 2836 h 10000"/>
                  <a:gd name="connsiteX177" fmla="*/ 4239 w 10000"/>
                  <a:gd name="connsiteY177" fmla="*/ 2836 h 10000"/>
                  <a:gd name="connsiteX178" fmla="*/ 4111 w 10000"/>
                  <a:gd name="connsiteY178" fmla="*/ 2866 h 10000"/>
                  <a:gd name="connsiteX179" fmla="*/ 4213 w 10000"/>
                  <a:gd name="connsiteY179" fmla="*/ 2777 h 10000"/>
                  <a:gd name="connsiteX180" fmla="*/ 4265 w 10000"/>
                  <a:gd name="connsiteY180" fmla="*/ 2674 h 10000"/>
                  <a:gd name="connsiteX181" fmla="*/ 4289 w 10000"/>
                  <a:gd name="connsiteY181" fmla="*/ 2541 h 10000"/>
                  <a:gd name="connsiteX182" fmla="*/ 4289 w 10000"/>
                  <a:gd name="connsiteY182" fmla="*/ 2393 h 10000"/>
                  <a:gd name="connsiteX183" fmla="*/ 4314 w 10000"/>
                  <a:gd name="connsiteY183" fmla="*/ 2349 h 10000"/>
                  <a:gd name="connsiteX184" fmla="*/ 4366 w 10000"/>
                  <a:gd name="connsiteY184" fmla="*/ 2304 h 10000"/>
                  <a:gd name="connsiteX185" fmla="*/ 4416 w 10000"/>
                  <a:gd name="connsiteY185" fmla="*/ 2290 h 10000"/>
                  <a:gd name="connsiteX186" fmla="*/ 4493 w 10000"/>
                  <a:gd name="connsiteY186" fmla="*/ 2275 h 10000"/>
                  <a:gd name="connsiteX187" fmla="*/ 4720 w 10000"/>
                  <a:gd name="connsiteY187" fmla="*/ 2260 h 10000"/>
                  <a:gd name="connsiteX188" fmla="*/ 4923 w 10000"/>
                  <a:gd name="connsiteY188" fmla="*/ 2275 h 10000"/>
                  <a:gd name="connsiteX189" fmla="*/ 4898 w 10000"/>
                  <a:gd name="connsiteY189" fmla="*/ 2112 h 10000"/>
                  <a:gd name="connsiteX190" fmla="*/ 4848 w 10000"/>
                  <a:gd name="connsiteY190" fmla="*/ 1950 h 10000"/>
                  <a:gd name="connsiteX191" fmla="*/ 4771 w 10000"/>
                  <a:gd name="connsiteY191" fmla="*/ 1802 h 10000"/>
                  <a:gd name="connsiteX192" fmla="*/ 4671 w 10000"/>
                  <a:gd name="connsiteY192" fmla="*/ 1640 h 10000"/>
                  <a:gd name="connsiteX193" fmla="*/ 4416 w 10000"/>
                  <a:gd name="connsiteY193" fmla="*/ 1329 h 10000"/>
                  <a:gd name="connsiteX194" fmla="*/ 4162 w 10000"/>
                  <a:gd name="connsiteY194" fmla="*/ 1034 h 10000"/>
                  <a:gd name="connsiteX195" fmla="*/ 4035 w 10000"/>
                  <a:gd name="connsiteY195" fmla="*/ 901 h 10000"/>
                  <a:gd name="connsiteX196" fmla="*/ 3935 w 10000"/>
                  <a:gd name="connsiteY196" fmla="*/ 753 h 10000"/>
                  <a:gd name="connsiteX197" fmla="*/ 3857 w 10000"/>
                  <a:gd name="connsiteY197" fmla="*/ 620 h 10000"/>
                  <a:gd name="connsiteX198" fmla="*/ 3832 w 10000"/>
                  <a:gd name="connsiteY198" fmla="*/ 487 h 10000"/>
                  <a:gd name="connsiteX199" fmla="*/ 3807 w 10000"/>
                  <a:gd name="connsiteY199" fmla="*/ 355 h 10000"/>
                  <a:gd name="connsiteX200" fmla="*/ 3857 w 10000"/>
                  <a:gd name="connsiteY200" fmla="*/ 222 h 10000"/>
                  <a:gd name="connsiteX201" fmla="*/ 3884 w 10000"/>
                  <a:gd name="connsiteY201" fmla="*/ 162 h 10000"/>
                  <a:gd name="connsiteX202" fmla="*/ 3935 w 10000"/>
                  <a:gd name="connsiteY202" fmla="*/ 103 h 10000"/>
                  <a:gd name="connsiteX203" fmla="*/ 4011 w 10000"/>
                  <a:gd name="connsiteY203" fmla="*/ 59 h 10000"/>
                  <a:gd name="connsiteX204" fmla="*/ 4111 w 10000"/>
                  <a:gd name="connsiteY204" fmla="*/ 0 h 10000"/>
                  <a:gd name="connsiteX205" fmla="*/ 4289 w 10000"/>
                  <a:gd name="connsiteY205" fmla="*/ 0 h 10000"/>
                  <a:gd name="connsiteX206" fmla="*/ 4468 w 10000"/>
                  <a:gd name="connsiteY206" fmla="*/ 15 h 10000"/>
                  <a:gd name="connsiteX207" fmla="*/ 4644 w 10000"/>
                  <a:gd name="connsiteY207" fmla="*/ 44 h 10000"/>
                  <a:gd name="connsiteX208" fmla="*/ 4771 w 10000"/>
                  <a:gd name="connsiteY208" fmla="*/ 89 h 10000"/>
                  <a:gd name="connsiteX209" fmla="*/ 4975 w 10000"/>
                  <a:gd name="connsiteY209" fmla="*/ 192 h 10000"/>
                  <a:gd name="connsiteX210" fmla="*/ 5177 w 10000"/>
                  <a:gd name="connsiteY210" fmla="*/ 340 h 10000"/>
                  <a:gd name="connsiteX211" fmla="*/ 5329 w 10000"/>
                  <a:gd name="connsiteY211" fmla="*/ 473 h 10000"/>
                  <a:gd name="connsiteX212" fmla="*/ 5532 w 10000"/>
                  <a:gd name="connsiteY212" fmla="*/ 591 h 10000"/>
                  <a:gd name="connsiteX213" fmla="*/ 5660 w 10000"/>
                  <a:gd name="connsiteY213" fmla="*/ 650 h 10000"/>
                  <a:gd name="connsiteX214" fmla="*/ 5812 w 10000"/>
                  <a:gd name="connsiteY214" fmla="*/ 679 h 10000"/>
                  <a:gd name="connsiteX215" fmla="*/ 5965 w 10000"/>
                  <a:gd name="connsiteY215" fmla="*/ 709 h 10000"/>
                  <a:gd name="connsiteX216" fmla="*/ 6168 w 10000"/>
                  <a:gd name="connsiteY216" fmla="*/ 709 h 10000"/>
                  <a:gd name="connsiteX217" fmla="*/ 6168 w 10000"/>
                  <a:gd name="connsiteY217" fmla="*/ 768 h 10000"/>
                  <a:gd name="connsiteX218" fmla="*/ 6193 w 10000"/>
                  <a:gd name="connsiteY218" fmla="*/ 842 h 10000"/>
                  <a:gd name="connsiteX219" fmla="*/ 6243 w 10000"/>
                  <a:gd name="connsiteY219" fmla="*/ 916 h 10000"/>
                  <a:gd name="connsiteX220" fmla="*/ 6294 w 10000"/>
                  <a:gd name="connsiteY220" fmla="*/ 990 h 10000"/>
                  <a:gd name="connsiteX221" fmla="*/ 6369 w 10000"/>
                  <a:gd name="connsiteY221" fmla="*/ 1049 h 10000"/>
                  <a:gd name="connsiteX222" fmla="*/ 6471 w 10000"/>
                  <a:gd name="connsiteY222" fmla="*/ 1108 h 10000"/>
                  <a:gd name="connsiteX223" fmla="*/ 6598 w 10000"/>
                  <a:gd name="connsiteY223" fmla="*/ 1182 h 10000"/>
                  <a:gd name="connsiteX224" fmla="*/ 6700 w 10000"/>
                  <a:gd name="connsiteY224" fmla="*/ 1226 h 10000"/>
                  <a:gd name="connsiteX225" fmla="*/ 6802 w 10000"/>
                  <a:gd name="connsiteY225" fmla="*/ 1270 h 10000"/>
                  <a:gd name="connsiteX226" fmla="*/ 6903 w 10000"/>
                  <a:gd name="connsiteY226" fmla="*/ 1300 h 10000"/>
                  <a:gd name="connsiteX227" fmla="*/ 7005 w 10000"/>
                  <a:gd name="connsiteY227" fmla="*/ 1315 h 10000"/>
                  <a:gd name="connsiteX228" fmla="*/ 7132 w 10000"/>
                  <a:gd name="connsiteY228" fmla="*/ 1300 h 10000"/>
                  <a:gd name="connsiteX229" fmla="*/ 7234 w 10000"/>
                  <a:gd name="connsiteY229" fmla="*/ 1285 h 10000"/>
                  <a:gd name="connsiteX230" fmla="*/ 7309 w 10000"/>
                  <a:gd name="connsiteY230" fmla="*/ 1241 h 10000"/>
                  <a:gd name="connsiteX231" fmla="*/ 7361 w 10000"/>
                  <a:gd name="connsiteY231" fmla="*/ 1167 h 10000"/>
                  <a:gd name="connsiteX232" fmla="*/ 7385 w 10000"/>
                  <a:gd name="connsiteY232" fmla="*/ 1064 h 10000"/>
                  <a:gd name="connsiteX233" fmla="*/ 7766 w 10000"/>
                  <a:gd name="connsiteY233" fmla="*/ 1034 h 10000"/>
                  <a:gd name="connsiteX234" fmla="*/ 8121 w 10000"/>
                  <a:gd name="connsiteY234" fmla="*/ 1004 h 10000"/>
                  <a:gd name="connsiteX235" fmla="*/ 8427 w 10000"/>
                  <a:gd name="connsiteY235" fmla="*/ 990 h 10000"/>
                  <a:gd name="connsiteX236" fmla="*/ 8706 w 10000"/>
                  <a:gd name="connsiteY236" fmla="*/ 1004 h 10000"/>
                  <a:gd name="connsiteX237" fmla="*/ 8833 w 10000"/>
                  <a:gd name="connsiteY237" fmla="*/ 1019 h 10000"/>
                  <a:gd name="connsiteX238" fmla="*/ 8958 w 10000"/>
                  <a:gd name="connsiteY238" fmla="*/ 1034 h 10000"/>
                  <a:gd name="connsiteX239" fmla="*/ 9061 w 10000"/>
                  <a:gd name="connsiteY239" fmla="*/ 1064 h 10000"/>
                  <a:gd name="connsiteX240" fmla="*/ 9188 w 10000"/>
                  <a:gd name="connsiteY240" fmla="*/ 1108 h 10000"/>
                  <a:gd name="connsiteX241" fmla="*/ 9264 w 10000"/>
                  <a:gd name="connsiteY241" fmla="*/ 1182 h 10000"/>
                  <a:gd name="connsiteX242" fmla="*/ 9339 w 10000"/>
                  <a:gd name="connsiteY242" fmla="*/ 1241 h 10000"/>
                  <a:gd name="connsiteX243" fmla="*/ 9391 w 10000"/>
                  <a:gd name="connsiteY243" fmla="*/ 1329 h 10000"/>
                  <a:gd name="connsiteX244" fmla="*/ 9442 w 10000"/>
                  <a:gd name="connsiteY244" fmla="*/ 1433 h 10000"/>
                  <a:gd name="connsiteX245" fmla="*/ 9492 w 10000"/>
                  <a:gd name="connsiteY245" fmla="*/ 1551 h 10000"/>
                  <a:gd name="connsiteX246" fmla="*/ 9466 w 10000"/>
                  <a:gd name="connsiteY246" fmla="*/ 1625 h 10000"/>
                  <a:gd name="connsiteX247" fmla="*/ 9442 w 10000"/>
                  <a:gd name="connsiteY247" fmla="*/ 1684 h 10000"/>
                  <a:gd name="connsiteX248" fmla="*/ 9391 w 10000"/>
                  <a:gd name="connsiteY248" fmla="*/ 1758 h 10000"/>
                  <a:gd name="connsiteX249" fmla="*/ 9315 w 10000"/>
                  <a:gd name="connsiteY249" fmla="*/ 1802 h 10000"/>
                  <a:gd name="connsiteX250" fmla="*/ 9264 w 10000"/>
                  <a:gd name="connsiteY250" fmla="*/ 1861 h 10000"/>
                  <a:gd name="connsiteX251" fmla="*/ 9240 w 10000"/>
                  <a:gd name="connsiteY251" fmla="*/ 1935 h 10000"/>
                  <a:gd name="connsiteX252" fmla="*/ 9264 w 10000"/>
                  <a:gd name="connsiteY252" fmla="*/ 2024 h 10000"/>
                  <a:gd name="connsiteX253" fmla="*/ 9543 w 10000"/>
                  <a:gd name="connsiteY253" fmla="*/ 2157 h 10000"/>
                  <a:gd name="connsiteX254" fmla="*/ 9873 w 10000"/>
                  <a:gd name="connsiteY254" fmla="*/ 2275 h 10000"/>
                  <a:gd name="connsiteX255" fmla="*/ 10000 w 10000"/>
                  <a:gd name="connsiteY255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369 w 10000"/>
                  <a:gd name="connsiteY5" fmla="*/ 4313 h 10000"/>
                  <a:gd name="connsiteX6" fmla="*/ 7383 w 10000"/>
                  <a:gd name="connsiteY6" fmla="*/ 3894 h 10000"/>
                  <a:gd name="connsiteX7" fmla="*/ 8984 w 10000"/>
                  <a:gd name="connsiteY7" fmla="*/ 3412 h 10000"/>
                  <a:gd name="connsiteX8" fmla="*/ 9188 w 10000"/>
                  <a:gd name="connsiteY8" fmla="*/ 3338 h 10000"/>
                  <a:gd name="connsiteX9" fmla="*/ 9415 w 10000"/>
                  <a:gd name="connsiteY9" fmla="*/ 3117 h 10000"/>
                  <a:gd name="connsiteX10" fmla="*/ 9442 w 10000"/>
                  <a:gd name="connsiteY10" fmla="*/ 3072 h 10000"/>
                  <a:gd name="connsiteX11" fmla="*/ 9466 w 10000"/>
                  <a:gd name="connsiteY11" fmla="*/ 3013 h 10000"/>
                  <a:gd name="connsiteX12" fmla="*/ 9466 w 10000"/>
                  <a:gd name="connsiteY12" fmla="*/ 2954 h 10000"/>
                  <a:gd name="connsiteX13" fmla="*/ 9442 w 10000"/>
                  <a:gd name="connsiteY13" fmla="*/ 2866 h 10000"/>
                  <a:gd name="connsiteX14" fmla="*/ 9264 w 10000"/>
                  <a:gd name="connsiteY14" fmla="*/ 2984 h 10000"/>
                  <a:gd name="connsiteX15" fmla="*/ 9061 w 10000"/>
                  <a:gd name="connsiteY15" fmla="*/ 3072 h 10000"/>
                  <a:gd name="connsiteX16" fmla="*/ 8197 w 10000"/>
                  <a:gd name="connsiteY16" fmla="*/ 3397 h 10000"/>
                  <a:gd name="connsiteX17" fmla="*/ 7716 w 10000"/>
                  <a:gd name="connsiteY17" fmla="*/ 3545 h 10000"/>
                  <a:gd name="connsiteX18" fmla="*/ 6345 w 10000"/>
                  <a:gd name="connsiteY18" fmla="*/ 4003 h 10000"/>
                  <a:gd name="connsiteX19" fmla="*/ 6143 w 10000"/>
                  <a:gd name="connsiteY19" fmla="*/ 4106 h 10000"/>
                  <a:gd name="connsiteX20" fmla="*/ 5938 w 10000"/>
                  <a:gd name="connsiteY20" fmla="*/ 4195 h 10000"/>
                  <a:gd name="connsiteX21" fmla="*/ 6091 w 10000"/>
                  <a:gd name="connsiteY21" fmla="*/ 4417 h 10000"/>
                  <a:gd name="connsiteX22" fmla="*/ 6421 w 10000"/>
                  <a:gd name="connsiteY22" fmla="*/ 5318 h 10000"/>
                  <a:gd name="connsiteX23" fmla="*/ 6447 w 10000"/>
                  <a:gd name="connsiteY23" fmla="*/ 5539 h 10000"/>
                  <a:gd name="connsiteX24" fmla="*/ 6471 w 10000"/>
                  <a:gd name="connsiteY24" fmla="*/ 5775 h 10000"/>
                  <a:gd name="connsiteX25" fmla="*/ 6471 w 10000"/>
                  <a:gd name="connsiteY25" fmla="*/ 5997 h 10000"/>
                  <a:gd name="connsiteX26" fmla="*/ 6447 w 10000"/>
                  <a:gd name="connsiteY26" fmla="*/ 6233 h 10000"/>
                  <a:gd name="connsiteX27" fmla="*/ 6396 w 10000"/>
                  <a:gd name="connsiteY27" fmla="*/ 6470 h 10000"/>
                  <a:gd name="connsiteX28" fmla="*/ 6345 w 10000"/>
                  <a:gd name="connsiteY28" fmla="*/ 6677 h 10000"/>
                  <a:gd name="connsiteX29" fmla="*/ 6269 w 10000"/>
                  <a:gd name="connsiteY29" fmla="*/ 6898 h 10000"/>
                  <a:gd name="connsiteX30" fmla="*/ 6168 w 10000"/>
                  <a:gd name="connsiteY30" fmla="*/ 7105 h 10000"/>
                  <a:gd name="connsiteX31" fmla="*/ 6041 w 10000"/>
                  <a:gd name="connsiteY31" fmla="*/ 7297 h 10000"/>
                  <a:gd name="connsiteX32" fmla="*/ 5888 w 10000"/>
                  <a:gd name="connsiteY32" fmla="*/ 7489 h 10000"/>
                  <a:gd name="connsiteX33" fmla="*/ 5735 w 10000"/>
                  <a:gd name="connsiteY33" fmla="*/ 7681 h 10000"/>
                  <a:gd name="connsiteX34" fmla="*/ 6471 w 10000"/>
                  <a:gd name="connsiteY34" fmla="*/ 7799 h 10000"/>
                  <a:gd name="connsiteX35" fmla="*/ 7234 w 10000"/>
                  <a:gd name="connsiteY35" fmla="*/ 7962 h 10000"/>
                  <a:gd name="connsiteX36" fmla="*/ 7385 w 10000"/>
                  <a:gd name="connsiteY36" fmla="*/ 8021 h 10000"/>
                  <a:gd name="connsiteX37" fmla="*/ 7512 w 10000"/>
                  <a:gd name="connsiteY37" fmla="*/ 8080 h 10000"/>
                  <a:gd name="connsiteX38" fmla="*/ 7639 w 10000"/>
                  <a:gd name="connsiteY38" fmla="*/ 8139 h 10000"/>
                  <a:gd name="connsiteX39" fmla="*/ 7716 w 10000"/>
                  <a:gd name="connsiteY39" fmla="*/ 8227 h 10000"/>
                  <a:gd name="connsiteX40" fmla="*/ 7741 w 10000"/>
                  <a:gd name="connsiteY40" fmla="*/ 8301 h 10000"/>
                  <a:gd name="connsiteX41" fmla="*/ 7741 w 10000"/>
                  <a:gd name="connsiteY41" fmla="*/ 8405 h 10000"/>
                  <a:gd name="connsiteX42" fmla="*/ 7691 w 10000"/>
                  <a:gd name="connsiteY42" fmla="*/ 8523 h 10000"/>
                  <a:gd name="connsiteX43" fmla="*/ 7614 w 10000"/>
                  <a:gd name="connsiteY43" fmla="*/ 8641 h 10000"/>
                  <a:gd name="connsiteX44" fmla="*/ 7284 w 10000"/>
                  <a:gd name="connsiteY44" fmla="*/ 8552 h 10000"/>
                  <a:gd name="connsiteX45" fmla="*/ 6979 w 10000"/>
                  <a:gd name="connsiteY45" fmla="*/ 8449 h 10000"/>
                  <a:gd name="connsiteX46" fmla="*/ 6674 w 10000"/>
                  <a:gd name="connsiteY46" fmla="*/ 8360 h 10000"/>
                  <a:gd name="connsiteX47" fmla="*/ 6369 w 10000"/>
                  <a:gd name="connsiteY47" fmla="*/ 8287 h 10000"/>
                  <a:gd name="connsiteX48" fmla="*/ 6243 w 10000"/>
                  <a:gd name="connsiteY48" fmla="*/ 8449 h 10000"/>
                  <a:gd name="connsiteX49" fmla="*/ 6143 w 10000"/>
                  <a:gd name="connsiteY49" fmla="*/ 8597 h 10000"/>
                  <a:gd name="connsiteX50" fmla="*/ 6091 w 10000"/>
                  <a:gd name="connsiteY50" fmla="*/ 8656 h 10000"/>
                  <a:gd name="connsiteX51" fmla="*/ 5989 w 10000"/>
                  <a:gd name="connsiteY51" fmla="*/ 8700 h 10000"/>
                  <a:gd name="connsiteX52" fmla="*/ 5914 w 10000"/>
                  <a:gd name="connsiteY52" fmla="*/ 8744 h 10000"/>
                  <a:gd name="connsiteX53" fmla="*/ 5838 w 10000"/>
                  <a:gd name="connsiteY53" fmla="*/ 8774 h 10000"/>
                  <a:gd name="connsiteX54" fmla="*/ 5761 w 10000"/>
                  <a:gd name="connsiteY54" fmla="*/ 8804 h 10000"/>
                  <a:gd name="connsiteX55" fmla="*/ 5660 w 10000"/>
                  <a:gd name="connsiteY55" fmla="*/ 8818 h 10000"/>
                  <a:gd name="connsiteX56" fmla="*/ 5532 w 10000"/>
                  <a:gd name="connsiteY56" fmla="*/ 8833 h 10000"/>
                  <a:gd name="connsiteX57" fmla="*/ 5406 w 10000"/>
                  <a:gd name="connsiteY57" fmla="*/ 8833 h 10000"/>
                  <a:gd name="connsiteX58" fmla="*/ 5102 w 10000"/>
                  <a:gd name="connsiteY58" fmla="*/ 8818 h 10000"/>
                  <a:gd name="connsiteX59" fmla="*/ 4720 w 10000"/>
                  <a:gd name="connsiteY59" fmla="*/ 8744 h 10000"/>
                  <a:gd name="connsiteX60" fmla="*/ 4720 w 10000"/>
                  <a:gd name="connsiteY60" fmla="*/ 8922 h 10000"/>
                  <a:gd name="connsiteX61" fmla="*/ 4695 w 10000"/>
                  <a:gd name="connsiteY61" fmla="*/ 9069 h 10000"/>
                  <a:gd name="connsiteX62" fmla="*/ 4671 w 10000"/>
                  <a:gd name="connsiteY62" fmla="*/ 9232 h 10000"/>
                  <a:gd name="connsiteX63" fmla="*/ 4644 w 10000"/>
                  <a:gd name="connsiteY63" fmla="*/ 9365 h 10000"/>
                  <a:gd name="connsiteX64" fmla="*/ 4593 w 10000"/>
                  <a:gd name="connsiteY64" fmla="*/ 9498 h 10000"/>
                  <a:gd name="connsiteX65" fmla="*/ 4493 w 10000"/>
                  <a:gd name="connsiteY65" fmla="*/ 9616 h 10000"/>
                  <a:gd name="connsiteX66" fmla="*/ 4416 w 10000"/>
                  <a:gd name="connsiteY66" fmla="*/ 9734 h 10000"/>
                  <a:gd name="connsiteX67" fmla="*/ 4289 w 10000"/>
                  <a:gd name="connsiteY67" fmla="*/ 9838 h 10000"/>
                  <a:gd name="connsiteX68" fmla="*/ 3983 w 10000"/>
                  <a:gd name="connsiteY68" fmla="*/ 9897 h 10000"/>
                  <a:gd name="connsiteX69" fmla="*/ 3731 w 10000"/>
                  <a:gd name="connsiteY69" fmla="*/ 9941 h 10000"/>
                  <a:gd name="connsiteX70" fmla="*/ 3426 w 10000"/>
                  <a:gd name="connsiteY70" fmla="*/ 9985 h 10000"/>
                  <a:gd name="connsiteX71" fmla="*/ 3198 w 10000"/>
                  <a:gd name="connsiteY71" fmla="*/ 10000 h 10000"/>
                  <a:gd name="connsiteX72" fmla="*/ 2690 w 10000"/>
                  <a:gd name="connsiteY72" fmla="*/ 10000 h 10000"/>
                  <a:gd name="connsiteX73" fmla="*/ 2208 w 10000"/>
                  <a:gd name="connsiteY73" fmla="*/ 9985 h 10000"/>
                  <a:gd name="connsiteX74" fmla="*/ 1752 w 10000"/>
                  <a:gd name="connsiteY74" fmla="*/ 9941 h 10000"/>
                  <a:gd name="connsiteX75" fmla="*/ 1270 w 10000"/>
                  <a:gd name="connsiteY75" fmla="*/ 9911 h 10000"/>
                  <a:gd name="connsiteX76" fmla="*/ 990 w 10000"/>
                  <a:gd name="connsiteY76" fmla="*/ 9911 h 10000"/>
                  <a:gd name="connsiteX77" fmla="*/ 736 w 10000"/>
                  <a:gd name="connsiteY77" fmla="*/ 9911 h 10000"/>
                  <a:gd name="connsiteX78" fmla="*/ 457 w 10000"/>
                  <a:gd name="connsiteY78" fmla="*/ 9926 h 10000"/>
                  <a:gd name="connsiteX79" fmla="*/ 178 w 10000"/>
                  <a:gd name="connsiteY79" fmla="*/ 9970 h 10000"/>
                  <a:gd name="connsiteX80" fmla="*/ 102 w 10000"/>
                  <a:gd name="connsiteY80" fmla="*/ 9867 h 10000"/>
                  <a:gd name="connsiteX81" fmla="*/ 51 w 10000"/>
                  <a:gd name="connsiteY81" fmla="*/ 9793 h 10000"/>
                  <a:gd name="connsiteX82" fmla="*/ 0 w 10000"/>
                  <a:gd name="connsiteY82" fmla="*/ 9705 h 10000"/>
                  <a:gd name="connsiteX83" fmla="*/ 0 w 10000"/>
                  <a:gd name="connsiteY83" fmla="*/ 9601 h 10000"/>
                  <a:gd name="connsiteX84" fmla="*/ 51 w 10000"/>
                  <a:gd name="connsiteY84" fmla="*/ 9424 h 10000"/>
                  <a:gd name="connsiteX85" fmla="*/ 102 w 10000"/>
                  <a:gd name="connsiteY85" fmla="*/ 9202 h 10000"/>
                  <a:gd name="connsiteX86" fmla="*/ 151 w 10000"/>
                  <a:gd name="connsiteY86" fmla="*/ 8996 h 10000"/>
                  <a:gd name="connsiteX87" fmla="*/ 203 w 10000"/>
                  <a:gd name="connsiteY87" fmla="*/ 8759 h 10000"/>
                  <a:gd name="connsiteX88" fmla="*/ 228 w 10000"/>
                  <a:gd name="connsiteY88" fmla="*/ 8641 h 10000"/>
                  <a:gd name="connsiteX89" fmla="*/ 228 w 10000"/>
                  <a:gd name="connsiteY89" fmla="*/ 8538 h 10000"/>
                  <a:gd name="connsiteX90" fmla="*/ 203 w 10000"/>
                  <a:gd name="connsiteY90" fmla="*/ 8405 h 10000"/>
                  <a:gd name="connsiteX91" fmla="*/ 178 w 10000"/>
                  <a:gd name="connsiteY91" fmla="*/ 8287 h 10000"/>
                  <a:gd name="connsiteX92" fmla="*/ 431 w 10000"/>
                  <a:gd name="connsiteY92" fmla="*/ 8213 h 10000"/>
                  <a:gd name="connsiteX93" fmla="*/ 685 w 10000"/>
                  <a:gd name="connsiteY93" fmla="*/ 8139 h 10000"/>
                  <a:gd name="connsiteX94" fmla="*/ 939 w 10000"/>
                  <a:gd name="connsiteY94" fmla="*/ 8095 h 10000"/>
                  <a:gd name="connsiteX95" fmla="*/ 1218 w 10000"/>
                  <a:gd name="connsiteY95" fmla="*/ 8065 h 10000"/>
                  <a:gd name="connsiteX96" fmla="*/ 1725 w 10000"/>
                  <a:gd name="connsiteY96" fmla="*/ 8021 h 10000"/>
                  <a:gd name="connsiteX97" fmla="*/ 2234 w 10000"/>
                  <a:gd name="connsiteY97" fmla="*/ 7976 h 10000"/>
                  <a:gd name="connsiteX98" fmla="*/ 2462 w 10000"/>
                  <a:gd name="connsiteY98" fmla="*/ 7947 h 10000"/>
                  <a:gd name="connsiteX99" fmla="*/ 2690 w 10000"/>
                  <a:gd name="connsiteY99" fmla="*/ 7917 h 10000"/>
                  <a:gd name="connsiteX100" fmla="*/ 2892 w 10000"/>
                  <a:gd name="connsiteY100" fmla="*/ 7843 h 10000"/>
                  <a:gd name="connsiteX101" fmla="*/ 3096 w 10000"/>
                  <a:gd name="connsiteY101" fmla="*/ 7784 h 10000"/>
                  <a:gd name="connsiteX102" fmla="*/ 3274 w 10000"/>
                  <a:gd name="connsiteY102" fmla="*/ 7710 h 10000"/>
                  <a:gd name="connsiteX103" fmla="*/ 3426 w 10000"/>
                  <a:gd name="connsiteY103" fmla="*/ 7592 h 10000"/>
                  <a:gd name="connsiteX104" fmla="*/ 3579 w 10000"/>
                  <a:gd name="connsiteY104" fmla="*/ 7474 h 10000"/>
                  <a:gd name="connsiteX105" fmla="*/ 3680 w 10000"/>
                  <a:gd name="connsiteY105" fmla="*/ 7312 h 10000"/>
                  <a:gd name="connsiteX106" fmla="*/ 3477 w 10000"/>
                  <a:gd name="connsiteY106" fmla="*/ 7238 h 10000"/>
                  <a:gd name="connsiteX107" fmla="*/ 3299 w 10000"/>
                  <a:gd name="connsiteY107" fmla="*/ 7179 h 10000"/>
                  <a:gd name="connsiteX108" fmla="*/ 3147 w 10000"/>
                  <a:gd name="connsiteY108" fmla="*/ 7090 h 10000"/>
                  <a:gd name="connsiteX109" fmla="*/ 2995 w 10000"/>
                  <a:gd name="connsiteY109" fmla="*/ 6987 h 10000"/>
                  <a:gd name="connsiteX110" fmla="*/ 2892 w 10000"/>
                  <a:gd name="connsiteY110" fmla="*/ 6869 h 10000"/>
                  <a:gd name="connsiteX111" fmla="*/ 2843 w 10000"/>
                  <a:gd name="connsiteY111" fmla="*/ 6721 h 10000"/>
                  <a:gd name="connsiteX112" fmla="*/ 2817 w 10000"/>
                  <a:gd name="connsiteY112" fmla="*/ 6558 h 10000"/>
                  <a:gd name="connsiteX113" fmla="*/ 2843 w 10000"/>
                  <a:gd name="connsiteY113" fmla="*/ 6352 h 10000"/>
                  <a:gd name="connsiteX114" fmla="*/ 2716 w 10000"/>
                  <a:gd name="connsiteY114" fmla="*/ 6322 h 10000"/>
                  <a:gd name="connsiteX115" fmla="*/ 2564 w 10000"/>
                  <a:gd name="connsiteY115" fmla="*/ 6292 h 10000"/>
                  <a:gd name="connsiteX116" fmla="*/ 2386 w 10000"/>
                  <a:gd name="connsiteY116" fmla="*/ 6278 h 10000"/>
                  <a:gd name="connsiteX117" fmla="*/ 2208 w 10000"/>
                  <a:gd name="connsiteY117" fmla="*/ 6263 h 10000"/>
                  <a:gd name="connsiteX118" fmla="*/ 1853 w 10000"/>
                  <a:gd name="connsiteY118" fmla="*/ 6248 h 10000"/>
                  <a:gd name="connsiteX119" fmla="*/ 1472 w 10000"/>
                  <a:gd name="connsiteY119" fmla="*/ 6263 h 10000"/>
                  <a:gd name="connsiteX120" fmla="*/ 1143 w 10000"/>
                  <a:gd name="connsiteY120" fmla="*/ 6278 h 10000"/>
                  <a:gd name="connsiteX121" fmla="*/ 837 w 10000"/>
                  <a:gd name="connsiteY121" fmla="*/ 6278 h 10000"/>
                  <a:gd name="connsiteX122" fmla="*/ 585 w 10000"/>
                  <a:gd name="connsiteY122" fmla="*/ 6263 h 10000"/>
                  <a:gd name="connsiteX123" fmla="*/ 381 w 10000"/>
                  <a:gd name="connsiteY123" fmla="*/ 6233 h 10000"/>
                  <a:gd name="connsiteX124" fmla="*/ 633 w 10000"/>
                  <a:gd name="connsiteY124" fmla="*/ 5805 h 10000"/>
                  <a:gd name="connsiteX125" fmla="*/ 914 w 10000"/>
                  <a:gd name="connsiteY125" fmla="*/ 5391 h 10000"/>
                  <a:gd name="connsiteX126" fmla="*/ 1016 w 10000"/>
                  <a:gd name="connsiteY126" fmla="*/ 5170 h 10000"/>
                  <a:gd name="connsiteX127" fmla="*/ 1091 w 10000"/>
                  <a:gd name="connsiteY127" fmla="*/ 4963 h 10000"/>
                  <a:gd name="connsiteX128" fmla="*/ 1116 w 10000"/>
                  <a:gd name="connsiteY128" fmla="*/ 4860 h 10000"/>
                  <a:gd name="connsiteX129" fmla="*/ 1091 w 10000"/>
                  <a:gd name="connsiteY129" fmla="*/ 4756 h 10000"/>
                  <a:gd name="connsiteX130" fmla="*/ 1066 w 10000"/>
                  <a:gd name="connsiteY130" fmla="*/ 4653 h 10000"/>
                  <a:gd name="connsiteX131" fmla="*/ 990 w 10000"/>
                  <a:gd name="connsiteY131" fmla="*/ 4549 h 10000"/>
                  <a:gd name="connsiteX132" fmla="*/ 1270 w 10000"/>
                  <a:gd name="connsiteY132" fmla="*/ 4520 h 10000"/>
                  <a:gd name="connsiteX133" fmla="*/ 1472 w 10000"/>
                  <a:gd name="connsiteY133" fmla="*/ 4505 h 10000"/>
                  <a:gd name="connsiteX134" fmla="*/ 1650 w 10000"/>
                  <a:gd name="connsiteY134" fmla="*/ 4505 h 10000"/>
                  <a:gd name="connsiteX135" fmla="*/ 1802 w 10000"/>
                  <a:gd name="connsiteY135" fmla="*/ 4520 h 10000"/>
                  <a:gd name="connsiteX136" fmla="*/ 1929 w 10000"/>
                  <a:gd name="connsiteY136" fmla="*/ 4520 h 10000"/>
                  <a:gd name="connsiteX137" fmla="*/ 2081 w 10000"/>
                  <a:gd name="connsiteY137" fmla="*/ 4520 h 10000"/>
                  <a:gd name="connsiteX138" fmla="*/ 2234 w 10000"/>
                  <a:gd name="connsiteY138" fmla="*/ 4490 h 10000"/>
                  <a:gd name="connsiteX139" fmla="*/ 2436 w 10000"/>
                  <a:gd name="connsiteY139" fmla="*/ 4446 h 10000"/>
                  <a:gd name="connsiteX140" fmla="*/ 2436 w 10000"/>
                  <a:gd name="connsiteY140" fmla="*/ 4579 h 10000"/>
                  <a:gd name="connsiteX141" fmla="*/ 2436 w 10000"/>
                  <a:gd name="connsiteY141" fmla="*/ 4742 h 10000"/>
                  <a:gd name="connsiteX142" fmla="*/ 2436 w 10000"/>
                  <a:gd name="connsiteY142" fmla="*/ 4874 h 10000"/>
                  <a:gd name="connsiteX143" fmla="*/ 2436 w 10000"/>
                  <a:gd name="connsiteY143" fmla="*/ 5037 h 10000"/>
                  <a:gd name="connsiteX144" fmla="*/ 2665 w 10000"/>
                  <a:gd name="connsiteY144" fmla="*/ 5022 h 10000"/>
                  <a:gd name="connsiteX145" fmla="*/ 2817 w 10000"/>
                  <a:gd name="connsiteY145" fmla="*/ 5037 h 10000"/>
                  <a:gd name="connsiteX146" fmla="*/ 2944 w 10000"/>
                  <a:gd name="connsiteY146" fmla="*/ 5066 h 10000"/>
                  <a:gd name="connsiteX147" fmla="*/ 3071 w 10000"/>
                  <a:gd name="connsiteY147" fmla="*/ 5096 h 10000"/>
                  <a:gd name="connsiteX148" fmla="*/ 3173 w 10000"/>
                  <a:gd name="connsiteY148" fmla="*/ 5126 h 10000"/>
                  <a:gd name="connsiteX149" fmla="*/ 3299 w 10000"/>
                  <a:gd name="connsiteY149" fmla="*/ 5155 h 10000"/>
                  <a:gd name="connsiteX150" fmla="*/ 3452 w 10000"/>
                  <a:gd name="connsiteY150" fmla="*/ 5170 h 10000"/>
                  <a:gd name="connsiteX151" fmla="*/ 3680 w 10000"/>
                  <a:gd name="connsiteY151" fmla="*/ 5155 h 10000"/>
                  <a:gd name="connsiteX152" fmla="*/ 3757 w 10000"/>
                  <a:gd name="connsiteY152" fmla="*/ 5096 h 10000"/>
                  <a:gd name="connsiteX153" fmla="*/ 3832 w 10000"/>
                  <a:gd name="connsiteY153" fmla="*/ 5022 h 10000"/>
                  <a:gd name="connsiteX154" fmla="*/ 3857 w 10000"/>
                  <a:gd name="connsiteY154" fmla="*/ 4934 h 10000"/>
                  <a:gd name="connsiteX155" fmla="*/ 3884 w 10000"/>
                  <a:gd name="connsiteY155" fmla="*/ 4860 h 10000"/>
                  <a:gd name="connsiteX156" fmla="*/ 3908 w 10000"/>
                  <a:gd name="connsiteY156" fmla="*/ 4697 h 10000"/>
                  <a:gd name="connsiteX157" fmla="*/ 3884 w 10000"/>
                  <a:gd name="connsiteY157" fmla="*/ 4520 h 10000"/>
                  <a:gd name="connsiteX158" fmla="*/ 3807 w 10000"/>
                  <a:gd name="connsiteY158" fmla="*/ 4343 h 10000"/>
                  <a:gd name="connsiteX159" fmla="*/ 3731 w 10000"/>
                  <a:gd name="connsiteY159" fmla="*/ 4195 h 10000"/>
                  <a:gd name="connsiteX160" fmla="*/ 3604 w 10000"/>
                  <a:gd name="connsiteY160" fmla="*/ 4047 h 10000"/>
                  <a:gd name="connsiteX161" fmla="*/ 3477 w 10000"/>
                  <a:gd name="connsiteY161" fmla="*/ 3959 h 10000"/>
                  <a:gd name="connsiteX162" fmla="*/ 3629 w 10000"/>
                  <a:gd name="connsiteY162" fmla="*/ 3944 h 10000"/>
                  <a:gd name="connsiteX163" fmla="*/ 3757 w 10000"/>
                  <a:gd name="connsiteY163" fmla="*/ 3914 h 10000"/>
                  <a:gd name="connsiteX164" fmla="*/ 3857 w 10000"/>
                  <a:gd name="connsiteY164" fmla="*/ 3855 h 10000"/>
                  <a:gd name="connsiteX165" fmla="*/ 3983 w 10000"/>
                  <a:gd name="connsiteY165" fmla="*/ 3752 h 10000"/>
                  <a:gd name="connsiteX166" fmla="*/ 4111 w 10000"/>
                  <a:gd name="connsiteY166" fmla="*/ 3663 h 10000"/>
                  <a:gd name="connsiteX167" fmla="*/ 4213 w 10000"/>
                  <a:gd name="connsiteY167" fmla="*/ 3560 h 10000"/>
                  <a:gd name="connsiteX168" fmla="*/ 4289 w 10000"/>
                  <a:gd name="connsiteY168" fmla="*/ 3442 h 10000"/>
                  <a:gd name="connsiteX169" fmla="*/ 4366 w 10000"/>
                  <a:gd name="connsiteY169" fmla="*/ 3323 h 10000"/>
                  <a:gd name="connsiteX170" fmla="*/ 4416 w 10000"/>
                  <a:gd name="connsiteY170" fmla="*/ 3220 h 10000"/>
                  <a:gd name="connsiteX171" fmla="*/ 4441 w 10000"/>
                  <a:gd name="connsiteY171" fmla="*/ 3102 h 10000"/>
                  <a:gd name="connsiteX172" fmla="*/ 4468 w 10000"/>
                  <a:gd name="connsiteY172" fmla="*/ 3013 h 10000"/>
                  <a:gd name="connsiteX173" fmla="*/ 4441 w 10000"/>
                  <a:gd name="connsiteY173" fmla="*/ 2939 h 10000"/>
                  <a:gd name="connsiteX174" fmla="*/ 4416 w 10000"/>
                  <a:gd name="connsiteY174" fmla="*/ 2866 h 10000"/>
                  <a:gd name="connsiteX175" fmla="*/ 4340 w 10000"/>
                  <a:gd name="connsiteY175" fmla="*/ 2836 h 10000"/>
                  <a:gd name="connsiteX176" fmla="*/ 4239 w 10000"/>
                  <a:gd name="connsiteY176" fmla="*/ 2836 h 10000"/>
                  <a:gd name="connsiteX177" fmla="*/ 4111 w 10000"/>
                  <a:gd name="connsiteY177" fmla="*/ 2866 h 10000"/>
                  <a:gd name="connsiteX178" fmla="*/ 4213 w 10000"/>
                  <a:gd name="connsiteY178" fmla="*/ 2777 h 10000"/>
                  <a:gd name="connsiteX179" fmla="*/ 4265 w 10000"/>
                  <a:gd name="connsiteY179" fmla="*/ 2674 h 10000"/>
                  <a:gd name="connsiteX180" fmla="*/ 4289 w 10000"/>
                  <a:gd name="connsiteY180" fmla="*/ 2541 h 10000"/>
                  <a:gd name="connsiteX181" fmla="*/ 4289 w 10000"/>
                  <a:gd name="connsiteY181" fmla="*/ 2393 h 10000"/>
                  <a:gd name="connsiteX182" fmla="*/ 4314 w 10000"/>
                  <a:gd name="connsiteY182" fmla="*/ 2349 h 10000"/>
                  <a:gd name="connsiteX183" fmla="*/ 4366 w 10000"/>
                  <a:gd name="connsiteY183" fmla="*/ 2304 h 10000"/>
                  <a:gd name="connsiteX184" fmla="*/ 4416 w 10000"/>
                  <a:gd name="connsiteY184" fmla="*/ 2290 h 10000"/>
                  <a:gd name="connsiteX185" fmla="*/ 4493 w 10000"/>
                  <a:gd name="connsiteY185" fmla="*/ 2275 h 10000"/>
                  <a:gd name="connsiteX186" fmla="*/ 4720 w 10000"/>
                  <a:gd name="connsiteY186" fmla="*/ 2260 h 10000"/>
                  <a:gd name="connsiteX187" fmla="*/ 4923 w 10000"/>
                  <a:gd name="connsiteY187" fmla="*/ 2275 h 10000"/>
                  <a:gd name="connsiteX188" fmla="*/ 4898 w 10000"/>
                  <a:gd name="connsiteY188" fmla="*/ 2112 h 10000"/>
                  <a:gd name="connsiteX189" fmla="*/ 4848 w 10000"/>
                  <a:gd name="connsiteY189" fmla="*/ 1950 h 10000"/>
                  <a:gd name="connsiteX190" fmla="*/ 4771 w 10000"/>
                  <a:gd name="connsiteY190" fmla="*/ 1802 h 10000"/>
                  <a:gd name="connsiteX191" fmla="*/ 4671 w 10000"/>
                  <a:gd name="connsiteY191" fmla="*/ 1640 h 10000"/>
                  <a:gd name="connsiteX192" fmla="*/ 4416 w 10000"/>
                  <a:gd name="connsiteY192" fmla="*/ 1329 h 10000"/>
                  <a:gd name="connsiteX193" fmla="*/ 4162 w 10000"/>
                  <a:gd name="connsiteY193" fmla="*/ 1034 h 10000"/>
                  <a:gd name="connsiteX194" fmla="*/ 4035 w 10000"/>
                  <a:gd name="connsiteY194" fmla="*/ 901 h 10000"/>
                  <a:gd name="connsiteX195" fmla="*/ 3935 w 10000"/>
                  <a:gd name="connsiteY195" fmla="*/ 753 h 10000"/>
                  <a:gd name="connsiteX196" fmla="*/ 3857 w 10000"/>
                  <a:gd name="connsiteY196" fmla="*/ 620 h 10000"/>
                  <a:gd name="connsiteX197" fmla="*/ 3832 w 10000"/>
                  <a:gd name="connsiteY197" fmla="*/ 487 h 10000"/>
                  <a:gd name="connsiteX198" fmla="*/ 3807 w 10000"/>
                  <a:gd name="connsiteY198" fmla="*/ 355 h 10000"/>
                  <a:gd name="connsiteX199" fmla="*/ 3857 w 10000"/>
                  <a:gd name="connsiteY199" fmla="*/ 222 h 10000"/>
                  <a:gd name="connsiteX200" fmla="*/ 3884 w 10000"/>
                  <a:gd name="connsiteY200" fmla="*/ 162 h 10000"/>
                  <a:gd name="connsiteX201" fmla="*/ 3935 w 10000"/>
                  <a:gd name="connsiteY201" fmla="*/ 103 h 10000"/>
                  <a:gd name="connsiteX202" fmla="*/ 4011 w 10000"/>
                  <a:gd name="connsiteY202" fmla="*/ 59 h 10000"/>
                  <a:gd name="connsiteX203" fmla="*/ 4111 w 10000"/>
                  <a:gd name="connsiteY203" fmla="*/ 0 h 10000"/>
                  <a:gd name="connsiteX204" fmla="*/ 4289 w 10000"/>
                  <a:gd name="connsiteY204" fmla="*/ 0 h 10000"/>
                  <a:gd name="connsiteX205" fmla="*/ 4468 w 10000"/>
                  <a:gd name="connsiteY205" fmla="*/ 15 h 10000"/>
                  <a:gd name="connsiteX206" fmla="*/ 4644 w 10000"/>
                  <a:gd name="connsiteY206" fmla="*/ 44 h 10000"/>
                  <a:gd name="connsiteX207" fmla="*/ 4771 w 10000"/>
                  <a:gd name="connsiteY207" fmla="*/ 89 h 10000"/>
                  <a:gd name="connsiteX208" fmla="*/ 4975 w 10000"/>
                  <a:gd name="connsiteY208" fmla="*/ 192 h 10000"/>
                  <a:gd name="connsiteX209" fmla="*/ 5177 w 10000"/>
                  <a:gd name="connsiteY209" fmla="*/ 340 h 10000"/>
                  <a:gd name="connsiteX210" fmla="*/ 5329 w 10000"/>
                  <a:gd name="connsiteY210" fmla="*/ 473 h 10000"/>
                  <a:gd name="connsiteX211" fmla="*/ 5532 w 10000"/>
                  <a:gd name="connsiteY211" fmla="*/ 591 h 10000"/>
                  <a:gd name="connsiteX212" fmla="*/ 5660 w 10000"/>
                  <a:gd name="connsiteY212" fmla="*/ 650 h 10000"/>
                  <a:gd name="connsiteX213" fmla="*/ 5812 w 10000"/>
                  <a:gd name="connsiteY213" fmla="*/ 679 h 10000"/>
                  <a:gd name="connsiteX214" fmla="*/ 5965 w 10000"/>
                  <a:gd name="connsiteY214" fmla="*/ 709 h 10000"/>
                  <a:gd name="connsiteX215" fmla="*/ 6168 w 10000"/>
                  <a:gd name="connsiteY215" fmla="*/ 709 h 10000"/>
                  <a:gd name="connsiteX216" fmla="*/ 6168 w 10000"/>
                  <a:gd name="connsiteY216" fmla="*/ 768 h 10000"/>
                  <a:gd name="connsiteX217" fmla="*/ 6193 w 10000"/>
                  <a:gd name="connsiteY217" fmla="*/ 842 h 10000"/>
                  <a:gd name="connsiteX218" fmla="*/ 6243 w 10000"/>
                  <a:gd name="connsiteY218" fmla="*/ 916 h 10000"/>
                  <a:gd name="connsiteX219" fmla="*/ 6294 w 10000"/>
                  <a:gd name="connsiteY219" fmla="*/ 990 h 10000"/>
                  <a:gd name="connsiteX220" fmla="*/ 6369 w 10000"/>
                  <a:gd name="connsiteY220" fmla="*/ 1049 h 10000"/>
                  <a:gd name="connsiteX221" fmla="*/ 6471 w 10000"/>
                  <a:gd name="connsiteY221" fmla="*/ 1108 h 10000"/>
                  <a:gd name="connsiteX222" fmla="*/ 6598 w 10000"/>
                  <a:gd name="connsiteY222" fmla="*/ 1182 h 10000"/>
                  <a:gd name="connsiteX223" fmla="*/ 6700 w 10000"/>
                  <a:gd name="connsiteY223" fmla="*/ 1226 h 10000"/>
                  <a:gd name="connsiteX224" fmla="*/ 6802 w 10000"/>
                  <a:gd name="connsiteY224" fmla="*/ 1270 h 10000"/>
                  <a:gd name="connsiteX225" fmla="*/ 6903 w 10000"/>
                  <a:gd name="connsiteY225" fmla="*/ 1300 h 10000"/>
                  <a:gd name="connsiteX226" fmla="*/ 7005 w 10000"/>
                  <a:gd name="connsiteY226" fmla="*/ 1315 h 10000"/>
                  <a:gd name="connsiteX227" fmla="*/ 7132 w 10000"/>
                  <a:gd name="connsiteY227" fmla="*/ 1300 h 10000"/>
                  <a:gd name="connsiteX228" fmla="*/ 7234 w 10000"/>
                  <a:gd name="connsiteY228" fmla="*/ 1285 h 10000"/>
                  <a:gd name="connsiteX229" fmla="*/ 7309 w 10000"/>
                  <a:gd name="connsiteY229" fmla="*/ 1241 h 10000"/>
                  <a:gd name="connsiteX230" fmla="*/ 7361 w 10000"/>
                  <a:gd name="connsiteY230" fmla="*/ 1167 h 10000"/>
                  <a:gd name="connsiteX231" fmla="*/ 7385 w 10000"/>
                  <a:gd name="connsiteY231" fmla="*/ 1064 h 10000"/>
                  <a:gd name="connsiteX232" fmla="*/ 7766 w 10000"/>
                  <a:gd name="connsiteY232" fmla="*/ 1034 h 10000"/>
                  <a:gd name="connsiteX233" fmla="*/ 8121 w 10000"/>
                  <a:gd name="connsiteY233" fmla="*/ 1004 h 10000"/>
                  <a:gd name="connsiteX234" fmla="*/ 8427 w 10000"/>
                  <a:gd name="connsiteY234" fmla="*/ 990 h 10000"/>
                  <a:gd name="connsiteX235" fmla="*/ 8706 w 10000"/>
                  <a:gd name="connsiteY235" fmla="*/ 1004 h 10000"/>
                  <a:gd name="connsiteX236" fmla="*/ 8833 w 10000"/>
                  <a:gd name="connsiteY236" fmla="*/ 1019 h 10000"/>
                  <a:gd name="connsiteX237" fmla="*/ 8958 w 10000"/>
                  <a:gd name="connsiteY237" fmla="*/ 1034 h 10000"/>
                  <a:gd name="connsiteX238" fmla="*/ 9061 w 10000"/>
                  <a:gd name="connsiteY238" fmla="*/ 1064 h 10000"/>
                  <a:gd name="connsiteX239" fmla="*/ 9188 w 10000"/>
                  <a:gd name="connsiteY239" fmla="*/ 1108 h 10000"/>
                  <a:gd name="connsiteX240" fmla="*/ 9264 w 10000"/>
                  <a:gd name="connsiteY240" fmla="*/ 1182 h 10000"/>
                  <a:gd name="connsiteX241" fmla="*/ 9339 w 10000"/>
                  <a:gd name="connsiteY241" fmla="*/ 1241 h 10000"/>
                  <a:gd name="connsiteX242" fmla="*/ 9391 w 10000"/>
                  <a:gd name="connsiteY242" fmla="*/ 1329 h 10000"/>
                  <a:gd name="connsiteX243" fmla="*/ 9442 w 10000"/>
                  <a:gd name="connsiteY243" fmla="*/ 1433 h 10000"/>
                  <a:gd name="connsiteX244" fmla="*/ 9492 w 10000"/>
                  <a:gd name="connsiteY244" fmla="*/ 1551 h 10000"/>
                  <a:gd name="connsiteX245" fmla="*/ 9466 w 10000"/>
                  <a:gd name="connsiteY245" fmla="*/ 1625 h 10000"/>
                  <a:gd name="connsiteX246" fmla="*/ 9442 w 10000"/>
                  <a:gd name="connsiteY246" fmla="*/ 1684 h 10000"/>
                  <a:gd name="connsiteX247" fmla="*/ 9391 w 10000"/>
                  <a:gd name="connsiteY247" fmla="*/ 1758 h 10000"/>
                  <a:gd name="connsiteX248" fmla="*/ 9315 w 10000"/>
                  <a:gd name="connsiteY248" fmla="*/ 1802 h 10000"/>
                  <a:gd name="connsiteX249" fmla="*/ 9264 w 10000"/>
                  <a:gd name="connsiteY249" fmla="*/ 1861 h 10000"/>
                  <a:gd name="connsiteX250" fmla="*/ 9240 w 10000"/>
                  <a:gd name="connsiteY250" fmla="*/ 1935 h 10000"/>
                  <a:gd name="connsiteX251" fmla="*/ 9264 w 10000"/>
                  <a:gd name="connsiteY251" fmla="*/ 2024 h 10000"/>
                  <a:gd name="connsiteX252" fmla="*/ 9543 w 10000"/>
                  <a:gd name="connsiteY252" fmla="*/ 2157 h 10000"/>
                  <a:gd name="connsiteX253" fmla="*/ 9873 w 10000"/>
                  <a:gd name="connsiteY253" fmla="*/ 2275 h 10000"/>
                  <a:gd name="connsiteX254" fmla="*/ 10000 w 10000"/>
                  <a:gd name="connsiteY254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369 w 10000"/>
                  <a:gd name="connsiteY5" fmla="*/ 4313 h 10000"/>
                  <a:gd name="connsiteX6" fmla="*/ 7383 w 10000"/>
                  <a:gd name="connsiteY6" fmla="*/ 3894 h 10000"/>
                  <a:gd name="connsiteX7" fmla="*/ 8984 w 10000"/>
                  <a:gd name="connsiteY7" fmla="*/ 3412 h 10000"/>
                  <a:gd name="connsiteX8" fmla="*/ 9188 w 10000"/>
                  <a:gd name="connsiteY8" fmla="*/ 3338 h 10000"/>
                  <a:gd name="connsiteX9" fmla="*/ 9415 w 10000"/>
                  <a:gd name="connsiteY9" fmla="*/ 3117 h 10000"/>
                  <a:gd name="connsiteX10" fmla="*/ 9442 w 10000"/>
                  <a:gd name="connsiteY10" fmla="*/ 3072 h 10000"/>
                  <a:gd name="connsiteX11" fmla="*/ 9466 w 10000"/>
                  <a:gd name="connsiteY11" fmla="*/ 3013 h 10000"/>
                  <a:gd name="connsiteX12" fmla="*/ 9466 w 10000"/>
                  <a:gd name="connsiteY12" fmla="*/ 2954 h 10000"/>
                  <a:gd name="connsiteX13" fmla="*/ 9442 w 10000"/>
                  <a:gd name="connsiteY13" fmla="*/ 2866 h 10000"/>
                  <a:gd name="connsiteX14" fmla="*/ 9264 w 10000"/>
                  <a:gd name="connsiteY14" fmla="*/ 2984 h 10000"/>
                  <a:gd name="connsiteX15" fmla="*/ 9061 w 10000"/>
                  <a:gd name="connsiteY15" fmla="*/ 3072 h 10000"/>
                  <a:gd name="connsiteX16" fmla="*/ 8197 w 10000"/>
                  <a:gd name="connsiteY16" fmla="*/ 3397 h 10000"/>
                  <a:gd name="connsiteX17" fmla="*/ 7716 w 10000"/>
                  <a:gd name="connsiteY17" fmla="*/ 3545 h 10000"/>
                  <a:gd name="connsiteX18" fmla="*/ 6345 w 10000"/>
                  <a:gd name="connsiteY18" fmla="*/ 4003 h 10000"/>
                  <a:gd name="connsiteX19" fmla="*/ 6143 w 10000"/>
                  <a:gd name="connsiteY19" fmla="*/ 4106 h 10000"/>
                  <a:gd name="connsiteX20" fmla="*/ 5938 w 10000"/>
                  <a:gd name="connsiteY20" fmla="*/ 4195 h 10000"/>
                  <a:gd name="connsiteX21" fmla="*/ 6091 w 10000"/>
                  <a:gd name="connsiteY21" fmla="*/ 4417 h 10000"/>
                  <a:gd name="connsiteX22" fmla="*/ 6421 w 10000"/>
                  <a:gd name="connsiteY22" fmla="*/ 5318 h 10000"/>
                  <a:gd name="connsiteX23" fmla="*/ 6447 w 10000"/>
                  <a:gd name="connsiteY23" fmla="*/ 5539 h 10000"/>
                  <a:gd name="connsiteX24" fmla="*/ 6471 w 10000"/>
                  <a:gd name="connsiteY24" fmla="*/ 5775 h 10000"/>
                  <a:gd name="connsiteX25" fmla="*/ 6471 w 10000"/>
                  <a:gd name="connsiteY25" fmla="*/ 5997 h 10000"/>
                  <a:gd name="connsiteX26" fmla="*/ 6447 w 10000"/>
                  <a:gd name="connsiteY26" fmla="*/ 6233 h 10000"/>
                  <a:gd name="connsiteX27" fmla="*/ 6396 w 10000"/>
                  <a:gd name="connsiteY27" fmla="*/ 6470 h 10000"/>
                  <a:gd name="connsiteX28" fmla="*/ 6345 w 10000"/>
                  <a:gd name="connsiteY28" fmla="*/ 6677 h 10000"/>
                  <a:gd name="connsiteX29" fmla="*/ 6269 w 10000"/>
                  <a:gd name="connsiteY29" fmla="*/ 6898 h 10000"/>
                  <a:gd name="connsiteX30" fmla="*/ 6168 w 10000"/>
                  <a:gd name="connsiteY30" fmla="*/ 7105 h 10000"/>
                  <a:gd name="connsiteX31" fmla="*/ 6041 w 10000"/>
                  <a:gd name="connsiteY31" fmla="*/ 7297 h 10000"/>
                  <a:gd name="connsiteX32" fmla="*/ 5888 w 10000"/>
                  <a:gd name="connsiteY32" fmla="*/ 7489 h 10000"/>
                  <a:gd name="connsiteX33" fmla="*/ 5735 w 10000"/>
                  <a:gd name="connsiteY33" fmla="*/ 7681 h 10000"/>
                  <a:gd name="connsiteX34" fmla="*/ 6471 w 10000"/>
                  <a:gd name="connsiteY34" fmla="*/ 7799 h 10000"/>
                  <a:gd name="connsiteX35" fmla="*/ 7234 w 10000"/>
                  <a:gd name="connsiteY35" fmla="*/ 7962 h 10000"/>
                  <a:gd name="connsiteX36" fmla="*/ 7385 w 10000"/>
                  <a:gd name="connsiteY36" fmla="*/ 8021 h 10000"/>
                  <a:gd name="connsiteX37" fmla="*/ 7512 w 10000"/>
                  <a:gd name="connsiteY37" fmla="*/ 8080 h 10000"/>
                  <a:gd name="connsiteX38" fmla="*/ 7639 w 10000"/>
                  <a:gd name="connsiteY38" fmla="*/ 8139 h 10000"/>
                  <a:gd name="connsiteX39" fmla="*/ 7716 w 10000"/>
                  <a:gd name="connsiteY39" fmla="*/ 8227 h 10000"/>
                  <a:gd name="connsiteX40" fmla="*/ 7741 w 10000"/>
                  <a:gd name="connsiteY40" fmla="*/ 8301 h 10000"/>
                  <a:gd name="connsiteX41" fmla="*/ 7741 w 10000"/>
                  <a:gd name="connsiteY41" fmla="*/ 8405 h 10000"/>
                  <a:gd name="connsiteX42" fmla="*/ 7691 w 10000"/>
                  <a:gd name="connsiteY42" fmla="*/ 8523 h 10000"/>
                  <a:gd name="connsiteX43" fmla="*/ 7614 w 10000"/>
                  <a:gd name="connsiteY43" fmla="*/ 8641 h 10000"/>
                  <a:gd name="connsiteX44" fmla="*/ 7284 w 10000"/>
                  <a:gd name="connsiteY44" fmla="*/ 8552 h 10000"/>
                  <a:gd name="connsiteX45" fmla="*/ 6979 w 10000"/>
                  <a:gd name="connsiteY45" fmla="*/ 8449 h 10000"/>
                  <a:gd name="connsiteX46" fmla="*/ 6674 w 10000"/>
                  <a:gd name="connsiteY46" fmla="*/ 8360 h 10000"/>
                  <a:gd name="connsiteX47" fmla="*/ 6369 w 10000"/>
                  <a:gd name="connsiteY47" fmla="*/ 8287 h 10000"/>
                  <a:gd name="connsiteX48" fmla="*/ 6243 w 10000"/>
                  <a:gd name="connsiteY48" fmla="*/ 8449 h 10000"/>
                  <a:gd name="connsiteX49" fmla="*/ 6143 w 10000"/>
                  <a:gd name="connsiteY49" fmla="*/ 8597 h 10000"/>
                  <a:gd name="connsiteX50" fmla="*/ 6091 w 10000"/>
                  <a:gd name="connsiteY50" fmla="*/ 8656 h 10000"/>
                  <a:gd name="connsiteX51" fmla="*/ 5989 w 10000"/>
                  <a:gd name="connsiteY51" fmla="*/ 8700 h 10000"/>
                  <a:gd name="connsiteX52" fmla="*/ 5914 w 10000"/>
                  <a:gd name="connsiteY52" fmla="*/ 8744 h 10000"/>
                  <a:gd name="connsiteX53" fmla="*/ 5838 w 10000"/>
                  <a:gd name="connsiteY53" fmla="*/ 8774 h 10000"/>
                  <a:gd name="connsiteX54" fmla="*/ 5761 w 10000"/>
                  <a:gd name="connsiteY54" fmla="*/ 8804 h 10000"/>
                  <a:gd name="connsiteX55" fmla="*/ 5660 w 10000"/>
                  <a:gd name="connsiteY55" fmla="*/ 8818 h 10000"/>
                  <a:gd name="connsiteX56" fmla="*/ 5532 w 10000"/>
                  <a:gd name="connsiteY56" fmla="*/ 8833 h 10000"/>
                  <a:gd name="connsiteX57" fmla="*/ 5406 w 10000"/>
                  <a:gd name="connsiteY57" fmla="*/ 8833 h 10000"/>
                  <a:gd name="connsiteX58" fmla="*/ 5102 w 10000"/>
                  <a:gd name="connsiteY58" fmla="*/ 8818 h 10000"/>
                  <a:gd name="connsiteX59" fmla="*/ 4720 w 10000"/>
                  <a:gd name="connsiteY59" fmla="*/ 8744 h 10000"/>
                  <a:gd name="connsiteX60" fmla="*/ 4720 w 10000"/>
                  <a:gd name="connsiteY60" fmla="*/ 8922 h 10000"/>
                  <a:gd name="connsiteX61" fmla="*/ 4695 w 10000"/>
                  <a:gd name="connsiteY61" fmla="*/ 9069 h 10000"/>
                  <a:gd name="connsiteX62" fmla="*/ 4671 w 10000"/>
                  <a:gd name="connsiteY62" fmla="*/ 9232 h 10000"/>
                  <a:gd name="connsiteX63" fmla="*/ 4644 w 10000"/>
                  <a:gd name="connsiteY63" fmla="*/ 9365 h 10000"/>
                  <a:gd name="connsiteX64" fmla="*/ 4593 w 10000"/>
                  <a:gd name="connsiteY64" fmla="*/ 9498 h 10000"/>
                  <a:gd name="connsiteX65" fmla="*/ 4493 w 10000"/>
                  <a:gd name="connsiteY65" fmla="*/ 9616 h 10000"/>
                  <a:gd name="connsiteX66" fmla="*/ 4416 w 10000"/>
                  <a:gd name="connsiteY66" fmla="*/ 9734 h 10000"/>
                  <a:gd name="connsiteX67" fmla="*/ 4289 w 10000"/>
                  <a:gd name="connsiteY67" fmla="*/ 9838 h 10000"/>
                  <a:gd name="connsiteX68" fmla="*/ 3983 w 10000"/>
                  <a:gd name="connsiteY68" fmla="*/ 9897 h 10000"/>
                  <a:gd name="connsiteX69" fmla="*/ 3731 w 10000"/>
                  <a:gd name="connsiteY69" fmla="*/ 9941 h 10000"/>
                  <a:gd name="connsiteX70" fmla="*/ 3426 w 10000"/>
                  <a:gd name="connsiteY70" fmla="*/ 9985 h 10000"/>
                  <a:gd name="connsiteX71" fmla="*/ 3198 w 10000"/>
                  <a:gd name="connsiteY71" fmla="*/ 10000 h 10000"/>
                  <a:gd name="connsiteX72" fmla="*/ 2690 w 10000"/>
                  <a:gd name="connsiteY72" fmla="*/ 10000 h 10000"/>
                  <a:gd name="connsiteX73" fmla="*/ 2208 w 10000"/>
                  <a:gd name="connsiteY73" fmla="*/ 9985 h 10000"/>
                  <a:gd name="connsiteX74" fmla="*/ 1752 w 10000"/>
                  <a:gd name="connsiteY74" fmla="*/ 9941 h 10000"/>
                  <a:gd name="connsiteX75" fmla="*/ 1270 w 10000"/>
                  <a:gd name="connsiteY75" fmla="*/ 9911 h 10000"/>
                  <a:gd name="connsiteX76" fmla="*/ 990 w 10000"/>
                  <a:gd name="connsiteY76" fmla="*/ 9911 h 10000"/>
                  <a:gd name="connsiteX77" fmla="*/ 736 w 10000"/>
                  <a:gd name="connsiteY77" fmla="*/ 9911 h 10000"/>
                  <a:gd name="connsiteX78" fmla="*/ 457 w 10000"/>
                  <a:gd name="connsiteY78" fmla="*/ 9926 h 10000"/>
                  <a:gd name="connsiteX79" fmla="*/ 178 w 10000"/>
                  <a:gd name="connsiteY79" fmla="*/ 9970 h 10000"/>
                  <a:gd name="connsiteX80" fmla="*/ 102 w 10000"/>
                  <a:gd name="connsiteY80" fmla="*/ 9867 h 10000"/>
                  <a:gd name="connsiteX81" fmla="*/ 51 w 10000"/>
                  <a:gd name="connsiteY81" fmla="*/ 9793 h 10000"/>
                  <a:gd name="connsiteX82" fmla="*/ 0 w 10000"/>
                  <a:gd name="connsiteY82" fmla="*/ 9705 h 10000"/>
                  <a:gd name="connsiteX83" fmla="*/ 0 w 10000"/>
                  <a:gd name="connsiteY83" fmla="*/ 9601 h 10000"/>
                  <a:gd name="connsiteX84" fmla="*/ 51 w 10000"/>
                  <a:gd name="connsiteY84" fmla="*/ 9424 h 10000"/>
                  <a:gd name="connsiteX85" fmla="*/ 102 w 10000"/>
                  <a:gd name="connsiteY85" fmla="*/ 9202 h 10000"/>
                  <a:gd name="connsiteX86" fmla="*/ 151 w 10000"/>
                  <a:gd name="connsiteY86" fmla="*/ 8996 h 10000"/>
                  <a:gd name="connsiteX87" fmla="*/ 203 w 10000"/>
                  <a:gd name="connsiteY87" fmla="*/ 8759 h 10000"/>
                  <a:gd name="connsiteX88" fmla="*/ 228 w 10000"/>
                  <a:gd name="connsiteY88" fmla="*/ 8641 h 10000"/>
                  <a:gd name="connsiteX89" fmla="*/ 228 w 10000"/>
                  <a:gd name="connsiteY89" fmla="*/ 8538 h 10000"/>
                  <a:gd name="connsiteX90" fmla="*/ 203 w 10000"/>
                  <a:gd name="connsiteY90" fmla="*/ 8405 h 10000"/>
                  <a:gd name="connsiteX91" fmla="*/ 178 w 10000"/>
                  <a:gd name="connsiteY91" fmla="*/ 8287 h 10000"/>
                  <a:gd name="connsiteX92" fmla="*/ 431 w 10000"/>
                  <a:gd name="connsiteY92" fmla="*/ 8213 h 10000"/>
                  <a:gd name="connsiteX93" fmla="*/ 685 w 10000"/>
                  <a:gd name="connsiteY93" fmla="*/ 8139 h 10000"/>
                  <a:gd name="connsiteX94" fmla="*/ 939 w 10000"/>
                  <a:gd name="connsiteY94" fmla="*/ 8095 h 10000"/>
                  <a:gd name="connsiteX95" fmla="*/ 1218 w 10000"/>
                  <a:gd name="connsiteY95" fmla="*/ 8065 h 10000"/>
                  <a:gd name="connsiteX96" fmla="*/ 1725 w 10000"/>
                  <a:gd name="connsiteY96" fmla="*/ 8021 h 10000"/>
                  <a:gd name="connsiteX97" fmla="*/ 2234 w 10000"/>
                  <a:gd name="connsiteY97" fmla="*/ 7976 h 10000"/>
                  <a:gd name="connsiteX98" fmla="*/ 2462 w 10000"/>
                  <a:gd name="connsiteY98" fmla="*/ 7947 h 10000"/>
                  <a:gd name="connsiteX99" fmla="*/ 2690 w 10000"/>
                  <a:gd name="connsiteY99" fmla="*/ 7917 h 10000"/>
                  <a:gd name="connsiteX100" fmla="*/ 2892 w 10000"/>
                  <a:gd name="connsiteY100" fmla="*/ 7843 h 10000"/>
                  <a:gd name="connsiteX101" fmla="*/ 3096 w 10000"/>
                  <a:gd name="connsiteY101" fmla="*/ 7784 h 10000"/>
                  <a:gd name="connsiteX102" fmla="*/ 3274 w 10000"/>
                  <a:gd name="connsiteY102" fmla="*/ 7710 h 10000"/>
                  <a:gd name="connsiteX103" fmla="*/ 3426 w 10000"/>
                  <a:gd name="connsiteY103" fmla="*/ 7592 h 10000"/>
                  <a:gd name="connsiteX104" fmla="*/ 3579 w 10000"/>
                  <a:gd name="connsiteY104" fmla="*/ 7474 h 10000"/>
                  <a:gd name="connsiteX105" fmla="*/ 3680 w 10000"/>
                  <a:gd name="connsiteY105" fmla="*/ 7312 h 10000"/>
                  <a:gd name="connsiteX106" fmla="*/ 3477 w 10000"/>
                  <a:gd name="connsiteY106" fmla="*/ 7238 h 10000"/>
                  <a:gd name="connsiteX107" fmla="*/ 3299 w 10000"/>
                  <a:gd name="connsiteY107" fmla="*/ 7179 h 10000"/>
                  <a:gd name="connsiteX108" fmla="*/ 3147 w 10000"/>
                  <a:gd name="connsiteY108" fmla="*/ 7090 h 10000"/>
                  <a:gd name="connsiteX109" fmla="*/ 2995 w 10000"/>
                  <a:gd name="connsiteY109" fmla="*/ 6987 h 10000"/>
                  <a:gd name="connsiteX110" fmla="*/ 2892 w 10000"/>
                  <a:gd name="connsiteY110" fmla="*/ 6869 h 10000"/>
                  <a:gd name="connsiteX111" fmla="*/ 2843 w 10000"/>
                  <a:gd name="connsiteY111" fmla="*/ 6721 h 10000"/>
                  <a:gd name="connsiteX112" fmla="*/ 2817 w 10000"/>
                  <a:gd name="connsiteY112" fmla="*/ 6558 h 10000"/>
                  <a:gd name="connsiteX113" fmla="*/ 2843 w 10000"/>
                  <a:gd name="connsiteY113" fmla="*/ 6352 h 10000"/>
                  <a:gd name="connsiteX114" fmla="*/ 2716 w 10000"/>
                  <a:gd name="connsiteY114" fmla="*/ 6322 h 10000"/>
                  <a:gd name="connsiteX115" fmla="*/ 2564 w 10000"/>
                  <a:gd name="connsiteY115" fmla="*/ 6292 h 10000"/>
                  <a:gd name="connsiteX116" fmla="*/ 2386 w 10000"/>
                  <a:gd name="connsiteY116" fmla="*/ 6278 h 10000"/>
                  <a:gd name="connsiteX117" fmla="*/ 2208 w 10000"/>
                  <a:gd name="connsiteY117" fmla="*/ 6263 h 10000"/>
                  <a:gd name="connsiteX118" fmla="*/ 1853 w 10000"/>
                  <a:gd name="connsiteY118" fmla="*/ 6248 h 10000"/>
                  <a:gd name="connsiteX119" fmla="*/ 1472 w 10000"/>
                  <a:gd name="connsiteY119" fmla="*/ 6263 h 10000"/>
                  <a:gd name="connsiteX120" fmla="*/ 1143 w 10000"/>
                  <a:gd name="connsiteY120" fmla="*/ 6278 h 10000"/>
                  <a:gd name="connsiteX121" fmla="*/ 837 w 10000"/>
                  <a:gd name="connsiteY121" fmla="*/ 6278 h 10000"/>
                  <a:gd name="connsiteX122" fmla="*/ 585 w 10000"/>
                  <a:gd name="connsiteY122" fmla="*/ 6263 h 10000"/>
                  <a:gd name="connsiteX123" fmla="*/ 381 w 10000"/>
                  <a:gd name="connsiteY123" fmla="*/ 6233 h 10000"/>
                  <a:gd name="connsiteX124" fmla="*/ 633 w 10000"/>
                  <a:gd name="connsiteY124" fmla="*/ 5805 h 10000"/>
                  <a:gd name="connsiteX125" fmla="*/ 914 w 10000"/>
                  <a:gd name="connsiteY125" fmla="*/ 5391 h 10000"/>
                  <a:gd name="connsiteX126" fmla="*/ 1016 w 10000"/>
                  <a:gd name="connsiteY126" fmla="*/ 5170 h 10000"/>
                  <a:gd name="connsiteX127" fmla="*/ 1091 w 10000"/>
                  <a:gd name="connsiteY127" fmla="*/ 4963 h 10000"/>
                  <a:gd name="connsiteX128" fmla="*/ 1116 w 10000"/>
                  <a:gd name="connsiteY128" fmla="*/ 4860 h 10000"/>
                  <a:gd name="connsiteX129" fmla="*/ 1091 w 10000"/>
                  <a:gd name="connsiteY129" fmla="*/ 4756 h 10000"/>
                  <a:gd name="connsiteX130" fmla="*/ 1066 w 10000"/>
                  <a:gd name="connsiteY130" fmla="*/ 4653 h 10000"/>
                  <a:gd name="connsiteX131" fmla="*/ 990 w 10000"/>
                  <a:gd name="connsiteY131" fmla="*/ 4549 h 10000"/>
                  <a:gd name="connsiteX132" fmla="*/ 1270 w 10000"/>
                  <a:gd name="connsiteY132" fmla="*/ 4520 h 10000"/>
                  <a:gd name="connsiteX133" fmla="*/ 1472 w 10000"/>
                  <a:gd name="connsiteY133" fmla="*/ 4505 h 10000"/>
                  <a:gd name="connsiteX134" fmla="*/ 1650 w 10000"/>
                  <a:gd name="connsiteY134" fmla="*/ 4505 h 10000"/>
                  <a:gd name="connsiteX135" fmla="*/ 1802 w 10000"/>
                  <a:gd name="connsiteY135" fmla="*/ 4520 h 10000"/>
                  <a:gd name="connsiteX136" fmla="*/ 1929 w 10000"/>
                  <a:gd name="connsiteY136" fmla="*/ 4520 h 10000"/>
                  <a:gd name="connsiteX137" fmla="*/ 2081 w 10000"/>
                  <a:gd name="connsiteY137" fmla="*/ 4520 h 10000"/>
                  <a:gd name="connsiteX138" fmla="*/ 2234 w 10000"/>
                  <a:gd name="connsiteY138" fmla="*/ 4490 h 10000"/>
                  <a:gd name="connsiteX139" fmla="*/ 2436 w 10000"/>
                  <a:gd name="connsiteY139" fmla="*/ 4446 h 10000"/>
                  <a:gd name="connsiteX140" fmla="*/ 2436 w 10000"/>
                  <a:gd name="connsiteY140" fmla="*/ 4579 h 10000"/>
                  <a:gd name="connsiteX141" fmla="*/ 2436 w 10000"/>
                  <a:gd name="connsiteY141" fmla="*/ 4742 h 10000"/>
                  <a:gd name="connsiteX142" fmla="*/ 2436 w 10000"/>
                  <a:gd name="connsiteY142" fmla="*/ 4874 h 10000"/>
                  <a:gd name="connsiteX143" fmla="*/ 2436 w 10000"/>
                  <a:gd name="connsiteY143" fmla="*/ 5037 h 10000"/>
                  <a:gd name="connsiteX144" fmla="*/ 2665 w 10000"/>
                  <a:gd name="connsiteY144" fmla="*/ 5022 h 10000"/>
                  <a:gd name="connsiteX145" fmla="*/ 2817 w 10000"/>
                  <a:gd name="connsiteY145" fmla="*/ 5037 h 10000"/>
                  <a:gd name="connsiteX146" fmla="*/ 2944 w 10000"/>
                  <a:gd name="connsiteY146" fmla="*/ 5066 h 10000"/>
                  <a:gd name="connsiteX147" fmla="*/ 3071 w 10000"/>
                  <a:gd name="connsiteY147" fmla="*/ 5096 h 10000"/>
                  <a:gd name="connsiteX148" fmla="*/ 3173 w 10000"/>
                  <a:gd name="connsiteY148" fmla="*/ 5126 h 10000"/>
                  <a:gd name="connsiteX149" fmla="*/ 3299 w 10000"/>
                  <a:gd name="connsiteY149" fmla="*/ 5155 h 10000"/>
                  <a:gd name="connsiteX150" fmla="*/ 3452 w 10000"/>
                  <a:gd name="connsiteY150" fmla="*/ 5170 h 10000"/>
                  <a:gd name="connsiteX151" fmla="*/ 3680 w 10000"/>
                  <a:gd name="connsiteY151" fmla="*/ 5155 h 10000"/>
                  <a:gd name="connsiteX152" fmla="*/ 3757 w 10000"/>
                  <a:gd name="connsiteY152" fmla="*/ 5096 h 10000"/>
                  <a:gd name="connsiteX153" fmla="*/ 3832 w 10000"/>
                  <a:gd name="connsiteY153" fmla="*/ 5022 h 10000"/>
                  <a:gd name="connsiteX154" fmla="*/ 3857 w 10000"/>
                  <a:gd name="connsiteY154" fmla="*/ 4934 h 10000"/>
                  <a:gd name="connsiteX155" fmla="*/ 3884 w 10000"/>
                  <a:gd name="connsiteY155" fmla="*/ 4860 h 10000"/>
                  <a:gd name="connsiteX156" fmla="*/ 3908 w 10000"/>
                  <a:gd name="connsiteY156" fmla="*/ 4697 h 10000"/>
                  <a:gd name="connsiteX157" fmla="*/ 3884 w 10000"/>
                  <a:gd name="connsiteY157" fmla="*/ 4520 h 10000"/>
                  <a:gd name="connsiteX158" fmla="*/ 3807 w 10000"/>
                  <a:gd name="connsiteY158" fmla="*/ 4343 h 10000"/>
                  <a:gd name="connsiteX159" fmla="*/ 3731 w 10000"/>
                  <a:gd name="connsiteY159" fmla="*/ 4195 h 10000"/>
                  <a:gd name="connsiteX160" fmla="*/ 3604 w 10000"/>
                  <a:gd name="connsiteY160" fmla="*/ 4047 h 10000"/>
                  <a:gd name="connsiteX161" fmla="*/ 3477 w 10000"/>
                  <a:gd name="connsiteY161" fmla="*/ 3959 h 10000"/>
                  <a:gd name="connsiteX162" fmla="*/ 3629 w 10000"/>
                  <a:gd name="connsiteY162" fmla="*/ 3944 h 10000"/>
                  <a:gd name="connsiteX163" fmla="*/ 3757 w 10000"/>
                  <a:gd name="connsiteY163" fmla="*/ 3914 h 10000"/>
                  <a:gd name="connsiteX164" fmla="*/ 3857 w 10000"/>
                  <a:gd name="connsiteY164" fmla="*/ 3855 h 10000"/>
                  <a:gd name="connsiteX165" fmla="*/ 3983 w 10000"/>
                  <a:gd name="connsiteY165" fmla="*/ 3752 h 10000"/>
                  <a:gd name="connsiteX166" fmla="*/ 4111 w 10000"/>
                  <a:gd name="connsiteY166" fmla="*/ 3663 h 10000"/>
                  <a:gd name="connsiteX167" fmla="*/ 4213 w 10000"/>
                  <a:gd name="connsiteY167" fmla="*/ 3560 h 10000"/>
                  <a:gd name="connsiteX168" fmla="*/ 4289 w 10000"/>
                  <a:gd name="connsiteY168" fmla="*/ 3442 h 10000"/>
                  <a:gd name="connsiteX169" fmla="*/ 4366 w 10000"/>
                  <a:gd name="connsiteY169" fmla="*/ 3323 h 10000"/>
                  <a:gd name="connsiteX170" fmla="*/ 4416 w 10000"/>
                  <a:gd name="connsiteY170" fmla="*/ 3220 h 10000"/>
                  <a:gd name="connsiteX171" fmla="*/ 4441 w 10000"/>
                  <a:gd name="connsiteY171" fmla="*/ 3102 h 10000"/>
                  <a:gd name="connsiteX172" fmla="*/ 4468 w 10000"/>
                  <a:gd name="connsiteY172" fmla="*/ 3013 h 10000"/>
                  <a:gd name="connsiteX173" fmla="*/ 4441 w 10000"/>
                  <a:gd name="connsiteY173" fmla="*/ 2939 h 10000"/>
                  <a:gd name="connsiteX174" fmla="*/ 4416 w 10000"/>
                  <a:gd name="connsiteY174" fmla="*/ 2866 h 10000"/>
                  <a:gd name="connsiteX175" fmla="*/ 4340 w 10000"/>
                  <a:gd name="connsiteY175" fmla="*/ 2836 h 10000"/>
                  <a:gd name="connsiteX176" fmla="*/ 4239 w 10000"/>
                  <a:gd name="connsiteY176" fmla="*/ 2836 h 10000"/>
                  <a:gd name="connsiteX177" fmla="*/ 4111 w 10000"/>
                  <a:gd name="connsiteY177" fmla="*/ 2866 h 10000"/>
                  <a:gd name="connsiteX178" fmla="*/ 4213 w 10000"/>
                  <a:gd name="connsiteY178" fmla="*/ 2777 h 10000"/>
                  <a:gd name="connsiteX179" fmla="*/ 4265 w 10000"/>
                  <a:gd name="connsiteY179" fmla="*/ 2674 h 10000"/>
                  <a:gd name="connsiteX180" fmla="*/ 4289 w 10000"/>
                  <a:gd name="connsiteY180" fmla="*/ 2541 h 10000"/>
                  <a:gd name="connsiteX181" fmla="*/ 4289 w 10000"/>
                  <a:gd name="connsiteY181" fmla="*/ 2393 h 10000"/>
                  <a:gd name="connsiteX182" fmla="*/ 4314 w 10000"/>
                  <a:gd name="connsiteY182" fmla="*/ 2349 h 10000"/>
                  <a:gd name="connsiteX183" fmla="*/ 4366 w 10000"/>
                  <a:gd name="connsiteY183" fmla="*/ 2304 h 10000"/>
                  <a:gd name="connsiteX184" fmla="*/ 4416 w 10000"/>
                  <a:gd name="connsiteY184" fmla="*/ 2290 h 10000"/>
                  <a:gd name="connsiteX185" fmla="*/ 4493 w 10000"/>
                  <a:gd name="connsiteY185" fmla="*/ 2275 h 10000"/>
                  <a:gd name="connsiteX186" fmla="*/ 4720 w 10000"/>
                  <a:gd name="connsiteY186" fmla="*/ 2260 h 10000"/>
                  <a:gd name="connsiteX187" fmla="*/ 4923 w 10000"/>
                  <a:gd name="connsiteY187" fmla="*/ 2275 h 10000"/>
                  <a:gd name="connsiteX188" fmla="*/ 4898 w 10000"/>
                  <a:gd name="connsiteY188" fmla="*/ 2112 h 10000"/>
                  <a:gd name="connsiteX189" fmla="*/ 4848 w 10000"/>
                  <a:gd name="connsiteY189" fmla="*/ 1950 h 10000"/>
                  <a:gd name="connsiteX190" fmla="*/ 4771 w 10000"/>
                  <a:gd name="connsiteY190" fmla="*/ 1802 h 10000"/>
                  <a:gd name="connsiteX191" fmla="*/ 4671 w 10000"/>
                  <a:gd name="connsiteY191" fmla="*/ 1640 h 10000"/>
                  <a:gd name="connsiteX192" fmla="*/ 4416 w 10000"/>
                  <a:gd name="connsiteY192" fmla="*/ 1329 h 10000"/>
                  <a:gd name="connsiteX193" fmla="*/ 4162 w 10000"/>
                  <a:gd name="connsiteY193" fmla="*/ 1034 h 10000"/>
                  <a:gd name="connsiteX194" fmla="*/ 4035 w 10000"/>
                  <a:gd name="connsiteY194" fmla="*/ 901 h 10000"/>
                  <a:gd name="connsiteX195" fmla="*/ 3935 w 10000"/>
                  <a:gd name="connsiteY195" fmla="*/ 753 h 10000"/>
                  <a:gd name="connsiteX196" fmla="*/ 3857 w 10000"/>
                  <a:gd name="connsiteY196" fmla="*/ 620 h 10000"/>
                  <a:gd name="connsiteX197" fmla="*/ 3832 w 10000"/>
                  <a:gd name="connsiteY197" fmla="*/ 487 h 10000"/>
                  <a:gd name="connsiteX198" fmla="*/ 3807 w 10000"/>
                  <a:gd name="connsiteY198" fmla="*/ 355 h 10000"/>
                  <a:gd name="connsiteX199" fmla="*/ 3857 w 10000"/>
                  <a:gd name="connsiteY199" fmla="*/ 222 h 10000"/>
                  <a:gd name="connsiteX200" fmla="*/ 3884 w 10000"/>
                  <a:gd name="connsiteY200" fmla="*/ 162 h 10000"/>
                  <a:gd name="connsiteX201" fmla="*/ 3935 w 10000"/>
                  <a:gd name="connsiteY201" fmla="*/ 103 h 10000"/>
                  <a:gd name="connsiteX202" fmla="*/ 4011 w 10000"/>
                  <a:gd name="connsiteY202" fmla="*/ 59 h 10000"/>
                  <a:gd name="connsiteX203" fmla="*/ 4111 w 10000"/>
                  <a:gd name="connsiteY203" fmla="*/ 0 h 10000"/>
                  <a:gd name="connsiteX204" fmla="*/ 4289 w 10000"/>
                  <a:gd name="connsiteY204" fmla="*/ 0 h 10000"/>
                  <a:gd name="connsiteX205" fmla="*/ 4468 w 10000"/>
                  <a:gd name="connsiteY205" fmla="*/ 15 h 10000"/>
                  <a:gd name="connsiteX206" fmla="*/ 4644 w 10000"/>
                  <a:gd name="connsiteY206" fmla="*/ 44 h 10000"/>
                  <a:gd name="connsiteX207" fmla="*/ 4771 w 10000"/>
                  <a:gd name="connsiteY207" fmla="*/ 89 h 10000"/>
                  <a:gd name="connsiteX208" fmla="*/ 4975 w 10000"/>
                  <a:gd name="connsiteY208" fmla="*/ 192 h 10000"/>
                  <a:gd name="connsiteX209" fmla="*/ 5177 w 10000"/>
                  <a:gd name="connsiteY209" fmla="*/ 340 h 10000"/>
                  <a:gd name="connsiteX210" fmla="*/ 5329 w 10000"/>
                  <a:gd name="connsiteY210" fmla="*/ 473 h 10000"/>
                  <a:gd name="connsiteX211" fmla="*/ 5532 w 10000"/>
                  <a:gd name="connsiteY211" fmla="*/ 591 h 10000"/>
                  <a:gd name="connsiteX212" fmla="*/ 5660 w 10000"/>
                  <a:gd name="connsiteY212" fmla="*/ 650 h 10000"/>
                  <a:gd name="connsiteX213" fmla="*/ 5812 w 10000"/>
                  <a:gd name="connsiteY213" fmla="*/ 679 h 10000"/>
                  <a:gd name="connsiteX214" fmla="*/ 5965 w 10000"/>
                  <a:gd name="connsiteY214" fmla="*/ 709 h 10000"/>
                  <a:gd name="connsiteX215" fmla="*/ 6168 w 10000"/>
                  <a:gd name="connsiteY215" fmla="*/ 709 h 10000"/>
                  <a:gd name="connsiteX216" fmla="*/ 6168 w 10000"/>
                  <a:gd name="connsiteY216" fmla="*/ 768 h 10000"/>
                  <a:gd name="connsiteX217" fmla="*/ 6193 w 10000"/>
                  <a:gd name="connsiteY217" fmla="*/ 842 h 10000"/>
                  <a:gd name="connsiteX218" fmla="*/ 6243 w 10000"/>
                  <a:gd name="connsiteY218" fmla="*/ 916 h 10000"/>
                  <a:gd name="connsiteX219" fmla="*/ 6294 w 10000"/>
                  <a:gd name="connsiteY219" fmla="*/ 990 h 10000"/>
                  <a:gd name="connsiteX220" fmla="*/ 6369 w 10000"/>
                  <a:gd name="connsiteY220" fmla="*/ 1049 h 10000"/>
                  <a:gd name="connsiteX221" fmla="*/ 6471 w 10000"/>
                  <a:gd name="connsiteY221" fmla="*/ 1108 h 10000"/>
                  <a:gd name="connsiteX222" fmla="*/ 6598 w 10000"/>
                  <a:gd name="connsiteY222" fmla="*/ 1182 h 10000"/>
                  <a:gd name="connsiteX223" fmla="*/ 6700 w 10000"/>
                  <a:gd name="connsiteY223" fmla="*/ 1226 h 10000"/>
                  <a:gd name="connsiteX224" fmla="*/ 6802 w 10000"/>
                  <a:gd name="connsiteY224" fmla="*/ 1270 h 10000"/>
                  <a:gd name="connsiteX225" fmla="*/ 6903 w 10000"/>
                  <a:gd name="connsiteY225" fmla="*/ 1300 h 10000"/>
                  <a:gd name="connsiteX226" fmla="*/ 7005 w 10000"/>
                  <a:gd name="connsiteY226" fmla="*/ 1315 h 10000"/>
                  <a:gd name="connsiteX227" fmla="*/ 7132 w 10000"/>
                  <a:gd name="connsiteY227" fmla="*/ 1300 h 10000"/>
                  <a:gd name="connsiteX228" fmla="*/ 7234 w 10000"/>
                  <a:gd name="connsiteY228" fmla="*/ 1285 h 10000"/>
                  <a:gd name="connsiteX229" fmla="*/ 7309 w 10000"/>
                  <a:gd name="connsiteY229" fmla="*/ 1241 h 10000"/>
                  <a:gd name="connsiteX230" fmla="*/ 7361 w 10000"/>
                  <a:gd name="connsiteY230" fmla="*/ 1167 h 10000"/>
                  <a:gd name="connsiteX231" fmla="*/ 7385 w 10000"/>
                  <a:gd name="connsiteY231" fmla="*/ 1064 h 10000"/>
                  <a:gd name="connsiteX232" fmla="*/ 7766 w 10000"/>
                  <a:gd name="connsiteY232" fmla="*/ 1034 h 10000"/>
                  <a:gd name="connsiteX233" fmla="*/ 8121 w 10000"/>
                  <a:gd name="connsiteY233" fmla="*/ 1004 h 10000"/>
                  <a:gd name="connsiteX234" fmla="*/ 8427 w 10000"/>
                  <a:gd name="connsiteY234" fmla="*/ 990 h 10000"/>
                  <a:gd name="connsiteX235" fmla="*/ 8706 w 10000"/>
                  <a:gd name="connsiteY235" fmla="*/ 1004 h 10000"/>
                  <a:gd name="connsiteX236" fmla="*/ 8833 w 10000"/>
                  <a:gd name="connsiteY236" fmla="*/ 1019 h 10000"/>
                  <a:gd name="connsiteX237" fmla="*/ 8958 w 10000"/>
                  <a:gd name="connsiteY237" fmla="*/ 1034 h 10000"/>
                  <a:gd name="connsiteX238" fmla="*/ 9061 w 10000"/>
                  <a:gd name="connsiteY238" fmla="*/ 1064 h 10000"/>
                  <a:gd name="connsiteX239" fmla="*/ 9188 w 10000"/>
                  <a:gd name="connsiteY239" fmla="*/ 1108 h 10000"/>
                  <a:gd name="connsiteX240" fmla="*/ 9264 w 10000"/>
                  <a:gd name="connsiteY240" fmla="*/ 1182 h 10000"/>
                  <a:gd name="connsiteX241" fmla="*/ 9339 w 10000"/>
                  <a:gd name="connsiteY241" fmla="*/ 1241 h 10000"/>
                  <a:gd name="connsiteX242" fmla="*/ 9391 w 10000"/>
                  <a:gd name="connsiteY242" fmla="*/ 1329 h 10000"/>
                  <a:gd name="connsiteX243" fmla="*/ 9442 w 10000"/>
                  <a:gd name="connsiteY243" fmla="*/ 1433 h 10000"/>
                  <a:gd name="connsiteX244" fmla="*/ 9492 w 10000"/>
                  <a:gd name="connsiteY244" fmla="*/ 1551 h 10000"/>
                  <a:gd name="connsiteX245" fmla="*/ 9466 w 10000"/>
                  <a:gd name="connsiteY245" fmla="*/ 1625 h 10000"/>
                  <a:gd name="connsiteX246" fmla="*/ 9442 w 10000"/>
                  <a:gd name="connsiteY246" fmla="*/ 1684 h 10000"/>
                  <a:gd name="connsiteX247" fmla="*/ 9391 w 10000"/>
                  <a:gd name="connsiteY247" fmla="*/ 1758 h 10000"/>
                  <a:gd name="connsiteX248" fmla="*/ 9315 w 10000"/>
                  <a:gd name="connsiteY248" fmla="*/ 1802 h 10000"/>
                  <a:gd name="connsiteX249" fmla="*/ 9264 w 10000"/>
                  <a:gd name="connsiteY249" fmla="*/ 1861 h 10000"/>
                  <a:gd name="connsiteX250" fmla="*/ 9240 w 10000"/>
                  <a:gd name="connsiteY250" fmla="*/ 1935 h 10000"/>
                  <a:gd name="connsiteX251" fmla="*/ 9264 w 10000"/>
                  <a:gd name="connsiteY251" fmla="*/ 2024 h 10000"/>
                  <a:gd name="connsiteX252" fmla="*/ 9543 w 10000"/>
                  <a:gd name="connsiteY252" fmla="*/ 2157 h 10000"/>
                  <a:gd name="connsiteX253" fmla="*/ 9873 w 10000"/>
                  <a:gd name="connsiteY253" fmla="*/ 2275 h 10000"/>
                  <a:gd name="connsiteX254" fmla="*/ 10000 w 10000"/>
                  <a:gd name="connsiteY254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369 w 10000"/>
                  <a:gd name="connsiteY4" fmla="*/ 4313 h 10000"/>
                  <a:gd name="connsiteX5" fmla="*/ 7383 w 10000"/>
                  <a:gd name="connsiteY5" fmla="*/ 3894 h 10000"/>
                  <a:gd name="connsiteX6" fmla="*/ 8984 w 10000"/>
                  <a:gd name="connsiteY6" fmla="*/ 3412 h 10000"/>
                  <a:gd name="connsiteX7" fmla="*/ 9188 w 10000"/>
                  <a:gd name="connsiteY7" fmla="*/ 3338 h 10000"/>
                  <a:gd name="connsiteX8" fmla="*/ 9415 w 10000"/>
                  <a:gd name="connsiteY8" fmla="*/ 3117 h 10000"/>
                  <a:gd name="connsiteX9" fmla="*/ 9442 w 10000"/>
                  <a:gd name="connsiteY9" fmla="*/ 3072 h 10000"/>
                  <a:gd name="connsiteX10" fmla="*/ 9466 w 10000"/>
                  <a:gd name="connsiteY10" fmla="*/ 3013 h 10000"/>
                  <a:gd name="connsiteX11" fmla="*/ 9466 w 10000"/>
                  <a:gd name="connsiteY11" fmla="*/ 2954 h 10000"/>
                  <a:gd name="connsiteX12" fmla="*/ 9442 w 10000"/>
                  <a:gd name="connsiteY12" fmla="*/ 2866 h 10000"/>
                  <a:gd name="connsiteX13" fmla="*/ 9264 w 10000"/>
                  <a:gd name="connsiteY13" fmla="*/ 2984 h 10000"/>
                  <a:gd name="connsiteX14" fmla="*/ 9061 w 10000"/>
                  <a:gd name="connsiteY14" fmla="*/ 3072 h 10000"/>
                  <a:gd name="connsiteX15" fmla="*/ 8197 w 10000"/>
                  <a:gd name="connsiteY15" fmla="*/ 3397 h 10000"/>
                  <a:gd name="connsiteX16" fmla="*/ 7716 w 10000"/>
                  <a:gd name="connsiteY16" fmla="*/ 3545 h 10000"/>
                  <a:gd name="connsiteX17" fmla="*/ 6345 w 10000"/>
                  <a:gd name="connsiteY17" fmla="*/ 4003 h 10000"/>
                  <a:gd name="connsiteX18" fmla="*/ 6143 w 10000"/>
                  <a:gd name="connsiteY18" fmla="*/ 4106 h 10000"/>
                  <a:gd name="connsiteX19" fmla="*/ 5938 w 10000"/>
                  <a:gd name="connsiteY19" fmla="*/ 4195 h 10000"/>
                  <a:gd name="connsiteX20" fmla="*/ 6091 w 10000"/>
                  <a:gd name="connsiteY20" fmla="*/ 4417 h 10000"/>
                  <a:gd name="connsiteX21" fmla="*/ 6421 w 10000"/>
                  <a:gd name="connsiteY21" fmla="*/ 5318 h 10000"/>
                  <a:gd name="connsiteX22" fmla="*/ 6447 w 10000"/>
                  <a:gd name="connsiteY22" fmla="*/ 5539 h 10000"/>
                  <a:gd name="connsiteX23" fmla="*/ 6471 w 10000"/>
                  <a:gd name="connsiteY23" fmla="*/ 5775 h 10000"/>
                  <a:gd name="connsiteX24" fmla="*/ 6471 w 10000"/>
                  <a:gd name="connsiteY24" fmla="*/ 5997 h 10000"/>
                  <a:gd name="connsiteX25" fmla="*/ 6447 w 10000"/>
                  <a:gd name="connsiteY25" fmla="*/ 6233 h 10000"/>
                  <a:gd name="connsiteX26" fmla="*/ 6396 w 10000"/>
                  <a:gd name="connsiteY26" fmla="*/ 6470 h 10000"/>
                  <a:gd name="connsiteX27" fmla="*/ 6345 w 10000"/>
                  <a:gd name="connsiteY27" fmla="*/ 6677 h 10000"/>
                  <a:gd name="connsiteX28" fmla="*/ 6269 w 10000"/>
                  <a:gd name="connsiteY28" fmla="*/ 6898 h 10000"/>
                  <a:gd name="connsiteX29" fmla="*/ 6168 w 10000"/>
                  <a:gd name="connsiteY29" fmla="*/ 7105 h 10000"/>
                  <a:gd name="connsiteX30" fmla="*/ 6041 w 10000"/>
                  <a:gd name="connsiteY30" fmla="*/ 7297 h 10000"/>
                  <a:gd name="connsiteX31" fmla="*/ 5888 w 10000"/>
                  <a:gd name="connsiteY31" fmla="*/ 7489 h 10000"/>
                  <a:gd name="connsiteX32" fmla="*/ 5735 w 10000"/>
                  <a:gd name="connsiteY32" fmla="*/ 7681 h 10000"/>
                  <a:gd name="connsiteX33" fmla="*/ 6471 w 10000"/>
                  <a:gd name="connsiteY33" fmla="*/ 7799 h 10000"/>
                  <a:gd name="connsiteX34" fmla="*/ 7234 w 10000"/>
                  <a:gd name="connsiteY34" fmla="*/ 7962 h 10000"/>
                  <a:gd name="connsiteX35" fmla="*/ 7385 w 10000"/>
                  <a:gd name="connsiteY35" fmla="*/ 8021 h 10000"/>
                  <a:gd name="connsiteX36" fmla="*/ 7512 w 10000"/>
                  <a:gd name="connsiteY36" fmla="*/ 8080 h 10000"/>
                  <a:gd name="connsiteX37" fmla="*/ 7639 w 10000"/>
                  <a:gd name="connsiteY37" fmla="*/ 8139 h 10000"/>
                  <a:gd name="connsiteX38" fmla="*/ 7716 w 10000"/>
                  <a:gd name="connsiteY38" fmla="*/ 8227 h 10000"/>
                  <a:gd name="connsiteX39" fmla="*/ 7741 w 10000"/>
                  <a:gd name="connsiteY39" fmla="*/ 8301 h 10000"/>
                  <a:gd name="connsiteX40" fmla="*/ 7741 w 10000"/>
                  <a:gd name="connsiteY40" fmla="*/ 8405 h 10000"/>
                  <a:gd name="connsiteX41" fmla="*/ 7691 w 10000"/>
                  <a:gd name="connsiteY41" fmla="*/ 8523 h 10000"/>
                  <a:gd name="connsiteX42" fmla="*/ 7614 w 10000"/>
                  <a:gd name="connsiteY42" fmla="*/ 8641 h 10000"/>
                  <a:gd name="connsiteX43" fmla="*/ 7284 w 10000"/>
                  <a:gd name="connsiteY43" fmla="*/ 8552 h 10000"/>
                  <a:gd name="connsiteX44" fmla="*/ 6979 w 10000"/>
                  <a:gd name="connsiteY44" fmla="*/ 8449 h 10000"/>
                  <a:gd name="connsiteX45" fmla="*/ 6674 w 10000"/>
                  <a:gd name="connsiteY45" fmla="*/ 8360 h 10000"/>
                  <a:gd name="connsiteX46" fmla="*/ 6369 w 10000"/>
                  <a:gd name="connsiteY46" fmla="*/ 8287 h 10000"/>
                  <a:gd name="connsiteX47" fmla="*/ 6243 w 10000"/>
                  <a:gd name="connsiteY47" fmla="*/ 8449 h 10000"/>
                  <a:gd name="connsiteX48" fmla="*/ 6143 w 10000"/>
                  <a:gd name="connsiteY48" fmla="*/ 8597 h 10000"/>
                  <a:gd name="connsiteX49" fmla="*/ 6091 w 10000"/>
                  <a:gd name="connsiteY49" fmla="*/ 8656 h 10000"/>
                  <a:gd name="connsiteX50" fmla="*/ 5989 w 10000"/>
                  <a:gd name="connsiteY50" fmla="*/ 8700 h 10000"/>
                  <a:gd name="connsiteX51" fmla="*/ 5914 w 10000"/>
                  <a:gd name="connsiteY51" fmla="*/ 8744 h 10000"/>
                  <a:gd name="connsiteX52" fmla="*/ 5838 w 10000"/>
                  <a:gd name="connsiteY52" fmla="*/ 8774 h 10000"/>
                  <a:gd name="connsiteX53" fmla="*/ 5761 w 10000"/>
                  <a:gd name="connsiteY53" fmla="*/ 8804 h 10000"/>
                  <a:gd name="connsiteX54" fmla="*/ 5660 w 10000"/>
                  <a:gd name="connsiteY54" fmla="*/ 8818 h 10000"/>
                  <a:gd name="connsiteX55" fmla="*/ 5532 w 10000"/>
                  <a:gd name="connsiteY55" fmla="*/ 8833 h 10000"/>
                  <a:gd name="connsiteX56" fmla="*/ 5406 w 10000"/>
                  <a:gd name="connsiteY56" fmla="*/ 8833 h 10000"/>
                  <a:gd name="connsiteX57" fmla="*/ 5102 w 10000"/>
                  <a:gd name="connsiteY57" fmla="*/ 8818 h 10000"/>
                  <a:gd name="connsiteX58" fmla="*/ 4720 w 10000"/>
                  <a:gd name="connsiteY58" fmla="*/ 8744 h 10000"/>
                  <a:gd name="connsiteX59" fmla="*/ 4720 w 10000"/>
                  <a:gd name="connsiteY59" fmla="*/ 8922 h 10000"/>
                  <a:gd name="connsiteX60" fmla="*/ 4695 w 10000"/>
                  <a:gd name="connsiteY60" fmla="*/ 9069 h 10000"/>
                  <a:gd name="connsiteX61" fmla="*/ 4671 w 10000"/>
                  <a:gd name="connsiteY61" fmla="*/ 9232 h 10000"/>
                  <a:gd name="connsiteX62" fmla="*/ 4644 w 10000"/>
                  <a:gd name="connsiteY62" fmla="*/ 9365 h 10000"/>
                  <a:gd name="connsiteX63" fmla="*/ 4593 w 10000"/>
                  <a:gd name="connsiteY63" fmla="*/ 9498 h 10000"/>
                  <a:gd name="connsiteX64" fmla="*/ 4493 w 10000"/>
                  <a:gd name="connsiteY64" fmla="*/ 9616 h 10000"/>
                  <a:gd name="connsiteX65" fmla="*/ 4416 w 10000"/>
                  <a:gd name="connsiteY65" fmla="*/ 9734 h 10000"/>
                  <a:gd name="connsiteX66" fmla="*/ 4289 w 10000"/>
                  <a:gd name="connsiteY66" fmla="*/ 9838 h 10000"/>
                  <a:gd name="connsiteX67" fmla="*/ 3983 w 10000"/>
                  <a:gd name="connsiteY67" fmla="*/ 9897 h 10000"/>
                  <a:gd name="connsiteX68" fmla="*/ 3731 w 10000"/>
                  <a:gd name="connsiteY68" fmla="*/ 9941 h 10000"/>
                  <a:gd name="connsiteX69" fmla="*/ 3426 w 10000"/>
                  <a:gd name="connsiteY69" fmla="*/ 9985 h 10000"/>
                  <a:gd name="connsiteX70" fmla="*/ 3198 w 10000"/>
                  <a:gd name="connsiteY70" fmla="*/ 10000 h 10000"/>
                  <a:gd name="connsiteX71" fmla="*/ 2690 w 10000"/>
                  <a:gd name="connsiteY71" fmla="*/ 10000 h 10000"/>
                  <a:gd name="connsiteX72" fmla="*/ 2208 w 10000"/>
                  <a:gd name="connsiteY72" fmla="*/ 9985 h 10000"/>
                  <a:gd name="connsiteX73" fmla="*/ 1752 w 10000"/>
                  <a:gd name="connsiteY73" fmla="*/ 9941 h 10000"/>
                  <a:gd name="connsiteX74" fmla="*/ 1270 w 10000"/>
                  <a:gd name="connsiteY74" fmla="*/ 9911 h 10000"/>
                  <a:gd name="connsiteX75" fmla="*/ 990 w 10000"/>
                  <a:gd name="connsiteY75" fmla="*/ 9911 h 10000"/>
                  <a:gd name="connsiteX76" fmla="*/ 736 w 10000"/>
                  <a:gd name="connsiteY76" fmla="*/ 9911 h 10000"/>
                  <a:gd name="connsiteX77" fmla="*/ 457 w 10000"/>
                  <a:gd name="connsiteY77" fmla="*/ 9926 h 10000"/>
                  <a:gd name="connsiteX78" fmla="*/ 178 w 10000"/>
                  <a:gd name="connsiteY78" fmla="*/ 9970 h 10000"/>
                  <a:gd name="connsiteX79" fmla="*/ 102 w 10000"/>
                  <a:gd name="connsiteY79" fmla="*/ 9867 h 10000"/>
                  <a:gd name="connsiteX80" fmla="*/ 51 w 10000"/>
                  <a:gd name="connsiteY80" fmla="*/ 9793 h 10000"/>
                  <a:gd name="connsiteX81" fmla="*/ 0 w 10000"/>
                  <a:gd name="connsiteY81" fmla="*/ 9705 h 10000"/>
                  <a:gd name="connsiteX82" fmla="*/ 0 w 10000"/>
                  <a:gd name="connsiteY82" fmla="*/ 9601 h 10000"/>
                  <a:gd name="connsiteX83" fmla="*/ 51 w 10000"/>
                  <a:gd name="connsiteY83" fmla="*/ 9424 h 10000"/>
                  <a:gd name="connsiteX84" fmla="*/ 102 w 10000"/>
                  <a:gd name="connsiteY84" fmla="*/ 9202 h 10000"/>
                  <a:gd name="connsiteX85" fmla="*/ 151 w 10000"/>
                  <a:gd name="connsiteY85" fmla="*/ 8996 h 10000"/>
                  <a:gd name="connsiteX86" fmla="*/ 203 w 10000"/>
                  <a:gd name="connsiteY86" fmla="*/ 8759 h 10000"/>
                  <a:gd name="connsiteX87" fmla="*/ 228 w 10000"/>
                  <a:gd name="connsiteY87" fmla="*/ 8641 h 10000"/>
                  <a:gd name="connsiteX88" fmla="*/ 228 w 10000"/>
                  <a:gd name="connsiteY88" fmla="*/ 8538 h 10000"/>
                  <a:gd name="connsiteX89" fmla="*/ 203 w 10000"/>
                  <a:gd name="connsiteY89" fmla="*/ 8405 h 10000"/>
                  <a:gd name="connsiteX90" fmla="*/ 178 w 10000"/>
                  <a:gd name="connsiteY90" fmla="*/ 8287 h 10000"/>
                  <a:gd name="connsiteX91" fmla="*/ 431 w 10000"/>
                  <a:gd name="connsiteY91" fmla="*/ 8213 h 10000"/>
                  <a:gd name="connsiteX92" fmla="*/ 685 w 10000"/>
                  <a:gd name="connsiteY92" fmla="*/ 8139 h 10000"/>
                  <a:gd name="connsiteX93" fmla="*/ 939 w 10000"/>
                  <a:gd name="connsiteY93" fmla="*/ 8095 h 10000"/>
                  <a:gd name="connsiteX94" fmla="*/ 1218 w 10000"/>
                  <a:gd name="connsiteY94" fmla="*/ 8065 h 10000"/>
                  <a:gd name="connsiteX95" fmla="*/ 1725 w 10000"/>
                  <a:gd name="connsiteY95" fmla="*/ 8021 h 10000"/>
                  <a:gd name="connsiteX96" fmla="*/ 2234 w 10000"/>
                  <a:gd name="connsiteY96" fmla="*/ 7976 h 10000"/>
                  <a:gd name="connsiteX97" fmla="*/ 2462 w 10000"/>
                  <a:gd name="connsiteY97" fmla="*/ 7947 h 10000"/>
                  <a:gd name="connsiteX98" fmla="*/ 2690 w 10000"/>
                  <a:gd name="connsiteY98" fmla="*/ 7917 h 10000"/>
                  <a:gd name="connsiteX99" fmla="*/ 2892 w 10000"/>
                  <a:gd name="connsiteY99" fmla="*/ 7843 h 10000"/>
                  <a:gd name="connsiteX100" fmla="*/ 3096 w 10000"/>
                  <a:gd name="connsiteY100" fmla="*/ 7784 h 10000"/>
                  <a:gd name="connsiteX101" fmla="*/ 3274 w 10000"/>
                  <a:gd name="connsiteY101" fmla="*/ 7710 h 10000"/>
                  <a:gd name="connsiteX102" fmla="*/ 3426 w 10000"/>
                  <a:gd name="connsiteY102" fmla="*/ 7592 h 10000"/>
                  <a:gd name="connsiteX103" fmla="*/ 3579 w 10000"/>
                  <a:gd name="connsiteY103" fmla="*/ 7474 h 10000"/>
                  <a:gd name="connsiteX104" fmla="*/ 3680 w 10000"/>
                  <a:gd name="connsiteY104" fmla="*/ 7312 h 10000"/>
                  <a:gd name="connsiteX105" fmla="*/ 3477 w 10000"/>
                  <a:gd name="connsiteY105" fmla="*/ 7238 h 10000"/>
                  <a:gd name="connsiteX106" fmla="*/ 3299 w 10000"/>
                  <a:gd name="connsiteY106" fmla="*/ 7179 h 10000"/>
                  <a:gd name="connsiteX107" fmla="*/ 3147 w 10000"/>
                  <a:gd name="connsiteY107" fmla="*/ 7090 h 10000"/>
                  <a:gd name="connsiteX108" fmla="*/ 2995 w 10000"/>
                  <a:gd name="connsiteY108" fmla="*/ 6987 h 10000"/>
                  <a:gd name="connsiteX109" fmla="*/ 2892 w 10000"/>
                  <a:gd name="connsiteY109" fmla="*/ 6869 h 10000"/>
                  <a:gd name="connsiteX110" fmla="*/ 2843 w 10000"/>
                  <a:gd name="connsiteY110" fmla="*/ 6721 h 10000"/>
                  <a:gd name="connsiteX111" fmla="*/ 2817 w 10000"/>
                  <a:gd name="connsiteY111" fmla="*/ 6558 h 10000"/>
                  <a:gd name="connsiteX112" fmla="*/ 2843 w 10000"/>
                  <a:gd name="connsiteY112" fmla="*/ 6352 h 10000"/>
                  <a:gd name="connsiteX113" fmla="*/ 2716 w 10000"/>
                  <a:gd name="connsiteY113" fmla="*/ 6322 h 10000"/>
                  <a:gd name="connsiteX114" fmla="*/ 2564 w 10000"/>
                  <a:gd name="connsiteY114" fmla="*/ 6292 h 10000"/>
                  <a:gd name="connsiteX115" fmla="*/ 2386 w 10000"/>
                  <a:gd name="connsiteY115" fmla="*/ 6278 h 10000"/>
                  <a:gd name="connsiteX116" fmla="*/ 2208 w 10000"/>
                  <a:gd name="connsiteY116" fmla="*/ 6263 h 10000"/>
                  <a:gd name="connsiteX117" fmla="*/ 1853 w 10000"/>
                  <a:gd name="connsiteY117" fmla="*/ 6248 h 10000"/>
                  <a:gd name="connsiteX118" fmla="*/ 1472 w 10000"/>
                  <a:gd name="connsiteY118" fmla="*/ 6263 h 10000"/>
                  <a:gd name="connsiteX119" fmla="*/ 1143 w 10000"/>
                  <a:gd name="connsiteY119" fmla="*/ 6278 h 10000"/>
                  <a:gd name="connsiteX120" fmla="*/ 837 w 10000"/>
                  <a:gd name="connsiteY120" fmla="*/ 6278 h 10000"/>
                  <a:gd name="connsiteX121" fmla="*/ 585 w 10000"/>
                  <a:gd name="connsiteY121" fmla="*/ 6263 h 10000"/>
                  <a:gd name="connsiteX122" fmla="*/ 381 w 10000"/>
                  <a:gd name="connsiteY122" fmla="*/ 6233 h 10000"/>
                  <a:gd name="connsiteX123" fmla="*/ 633 w 10000"/>
                  <a:gd name="connsiteY123" fmla="*/ 5805 h 10000"/>
                  <a:gd name="connsiteX124" fmla="*/ 914 w 10000"/>
                  <a:gd name="connsiteY124" fmla="*/ 5391 h 10000"/>
                  <a:gd name="connsiteX125" fmla="*/ 1016 w 10000"/>
                  <a:gd name="connsiteY125" fmla="*/ 5170 h 10000"/>
                  <a:gd name="connsiteX126" fmla="*/ 1091 w 10000"/>
                  <a:gd name="connsiteY126" fmla="*/ 4963 h 10000"/>
                  <a:gd name="connsiteX127" fmla="*/ 1116 w 10000"/>
                  <a:gd name="connsiteY127" fmla="*/ 4860 h 10000"/>
                  <a:gd name="connsiteX128" fmla="*/ 1091 w 10000"/>
                  <a:gd name="connsiteY128" fmla="*/ 4756 h 10000"/>
                  <a:gd name="connsiteX129" fmla="*/ 1066 w 10000"/>
                  <a:gd name="connsiteY129" fmla="*/ 4653 h 10000"/>
                  <a:gd name="connsiteX130" fmla="*/ 990 w 10000"/>
                  <a:gd name="connsiteY130" fmla="*/ 4549 h 10000"/>
                  <a:gd name="connsiteX131" fmla="*/ 1270 w 10000"/>
                  <a:gd name="connsiteY131" fmla="*/ 4520 h 10000"/>
                  <a:gd name="connsiteX132" fmla="*/ 1472 w 10000"/>
                  <a:gd name="connsiteY132" fmla="*/ 4505 h 10000"/>
                  <a:gd name="connsiteX133" fmla="*/ 1650 w 10000"/>
                  <a:gd name="connsiteY133" fmla="*/ 4505 h 10000"/>
                  <a:gd name="connsiteX134" fmla="*/ 1802 w 10000"/>
                  <a:gd name="connsiteY134" fmla="*/ 4520 h 10000"/>
                  <a:gd name="connsiteX135" fmla="*/ 1929 w 10000"/>
                  <a:gd name="connsiteY135" fmla="*/ 4520 h 10000"/>
                  <a:gd name="connsiteX136" fmla="*/ 2081 w 10000"/>
                  <a:gd name="connsiteY136" fmla="*/ 4520 h 10000"/>
                  <a:gd name="connsiteX137" fmla="*/ 2234 w 10000"/>
                  <a:gd name="connsiteY137" fmla="*/ 4490 h 10000"/>
                  <a:gd name="connsiteX138" fmla="*/ 2436 w 10000"/>
                  <a:gd name="connsiteY138" fmla="*/ 4446 h 10000"/>
                  <a:gd name="connsiteX139" fmla="*/ 2436 w 10000"/>
                  <a:gd name="connsiteY139" fmla="*/ 4579 h 10000"/>
                  <a:gd name="connsiteX140" fmla="*/ 2436 w 10000"/>
                  <a:gd name="connsiteY140" fmla="*/ 4742 h 10000"/>
                  <a:gd name="connsiteX141" fmla="*/ 2436 w 10000"/>
                  <a:gd name="connsiteY141" fmla="*/ 4874 h 10000"/>
                  <a:gd name="connsiteX142" fmla="*/ 2436 w 10000"/>
                  <a:gd name="connsiteY142" fmla="*/ 5037 h 10000"/>
                  <a:gd name="connsiteX143" fmla="*/ 2665 w 10000"/>
                  <a:gd name="connsiteY143" fmla="*/ 5022 h 10000"/>
                  <a:gd name="connsiteX144" fmla="*/ 2817 w 10000"/>
                  <a:gd name="connsiteY144" fmla="*/ 5037 h 10000"/>
                  <a:gd name="connsiteX145" fmla="*/ 2944 w 10000"/>
                  <a:gd name="connsiteY145" fmla="*/ 5066 h 10000"/>
                  <a:gd name="connsiteX146" fmla="*/ 3071 w 10000"/>
                  <a:gd name="connsiteY146" fmla="*/ 5096 h 10000"/>
                  <a:gd name="connsiteX147" fmla="*/ 3173 w 10000"/>
                  <a:gd name="connsiteY147" fmla="*/ 5126 h 10000"/>
                  <a:gd name="connsiteX148" fmla="*/ 3299 w 10000"/>
                  <a:gd name="connsiteY148" fmla="*/ 5155 h 10000"/>
                  <a:gd name="connsiteX149" fmla="*/ 3452 w 10000"/>
                  <a:gd name="connsiteY149" fmla="*/ 5170 h 10000"/>
                  <a:gd name="connsiteX150" fmla="*/ 3680 w 10000"/>
                  <a:gd name="connsiteY150" fmla="*/ 5155 h 10000"/>
                  <a:gd name="connsiteX151" fmla="*/ 3757 w 10000"/>
                  <a:gd name="connsiteY151" fmla="*/ 5096 h 10000"/>
                  <a:gd name="connsiteX152" fmla="*/ 3832 w 10000"/>
                  <a:gd name="connsiteY152" fmla="*/ 5022 h 10000"/>
                  <a:gd name="connsiteX153" fmla="*/ 3857 w 10000"/>
                  <a:gd name="connsiteY153" fmla="*/ 4934 h 10000"/>
                  <a:gd name="connsiteX154" fmla="*/ 3884 w 10000"/>
                  <a:gd name="connsiteY154" fmla="*/ 4860 h 10000"/>
                  <a:gd name="connsiteX155" fmla="*/ 3908 w 10000"/>
                  <a:gd name="connsiteY155" fmla="*/ 4697 h 10000"/>
                  <a:gd name="connsiteX156" fmla="*/ 3884 w 10000"/>
                  <a:gd name="connsiteY156" fmla="*/ 4520 h 10000"/>
                  <a:gd name="connsiteX157" fmla="*/ 3807 w 10000"/>
                  <a:gd name="connsiteY157" fmla="*/ 4343 h 10000"/>
                  <a:gd name="connsiteX158" fmla="*/ 3731 w 10000"/>
                  <a:gd name="connsiteY158" fmla="*/ 4195 h 10000"/>
                  <a:gd name="connsiteX159" fmla="*/ 3604 w 10000"/>
                  <a:gd name="connsiteY159" fmla="*/ 4047 h 10000"/>
                  <a:gd name="connsiteX160" fmla="*/ 3477 w 10000"/>
                  <a:gd name="connsiteY160" fmla="*/ 3959 h 10000"/>
                  <a:gd name="connsiteX161" fmla="*/ 3629 w 10000"/>
                  <a:gd name="connsiteY161" fmla="*/ 3944 h 10000"/>
                  <a:gd name="connsiteX162" fmla="*/ 3757 w 10000"/>
                  <a:gd name="connsiteY162" fmla="*/ 3914 h 10000"/>
                  <a:gd name="connsiteX163" fmla="*/ 3857 w 10000"/>
                  <a:gd name="connsiteY163" fmla="*/ 3855 h 10000"/>
                  <a:gd name="connsiteX164" fmla="*/ 3983 w 10000"/>
                  <a:gd name="connsiteY164" fmla="*/ 3752 h 10000"/>
                  <a:gd name="connsiteX165" fmla="*/ 4111 w 10000"/>
                  <a:gd name="connsiteY165" fmla="*/ 3663 h 10000"/>
                  <a:gd name="connsiteX166" fmla="*/ 4213 w 10000"/>
                  <a:gd name="connsiteY166" fmla="*/ 3560 h 10000"/>
                  <a:gd name="connsiteX167" fmla="*/ 4289 w 10000"/>
                  <a:gd name="connsiteY167" fmla="*/ 3442 h 10000"/>
                  <a:gd name="connsiteX168" fmla="*/ 4366 w 10000"/>
                  <a:gd name="connsiteY168" fmla="*/ 3323 h 10000"/>
                  <a:gd name="connsiteX169" fmla="*/ 4416 w 10000"/>
                  <a:gd name="connsiteY169" fmla="*/ 3220 h 10000"/>
                  <a:gd name="connsiteX170" fmla="*/ 4441 w 10000"/>
                  <a:gd name="connsiteY170" fmla="*/ 3102 h 10000"/>
                  <a:gd name="connsiteX171" fmla="*/ 4468 w 10000"/>
                  <a:gd name="connsiteY171" fmla="*/ 3013 h 10000"/>
                  <a:gd name="connsiteX172" fmla="*/ 4441 w 10000"/>
                  <a:gd name="connsiteY172" fmla="*/ 2939 h 10000"/>
                  <a:gd name="connsiteX173" fmla="*/ 4416 w 10000"/>
                  <a:gd name="connsiteY173" fmla="*/ 2866 h 10000"/>
                  <a:gd name="connsiteX174" fmla="*/ 4340 w 10000"/>
                  <a:gd name="connsiteY174" fmla="*/ 2836 h 10000"/>
                  <a:gd name="connsiteX175" fmla="*/ 4239 w 10000"/>
                  <a:gd name="connsiteY175" fmla="*/ 2836 h 10000"/>
                  <a:gd name="connsiteX176" fmla="*/ 4111 w 10000"/>
                  <a:gd name="connsiteY176" fmla="*/ 2866 h 10000"/>
                  <a:gd name="connsiteX177" fmla="*/ 4213 w 10000"/>
                  <a:gd name="connsiteY177" fmla="*/ 2777 h 10000"/>
                  <a:gd name="connsiteX178" fmla="*/ 4265 w 10000"/>
                  <a:gd name="connsiteY178" fmla="*/ 2674 h 10000"/>
                  <a:gd name="connsiteX179" fmla="*/ 4289 w 10000"/>
                  <a:gd name="connsiteY179" fmla="*/ 2541 h 10000"/>
                  <a:gd name="connsiteX180" fmla="*/ 4289 w 10000"/>
                  <a:gd name="connsiteY180" fmla="*/ 2393 h 10000"/>
                  <a:gd name="connsiteX181" fmla="*/ 4314 w 10000"/>
                  <a:gd name="connsiteY181" fmla="*/ 2349 h 10000"/>
                  <a:gd name="connsiteX182" fmla="*/ 4366 w 10000"/>
                  <a:gd name="connsiteY182" fmla="*/ 2304 h 10000"/>
                  <a:gd name="connsiteX183" fmla="*/ 4416 w 10000"/>
                  <a:gd name="connsiteY183" fmla="*/ 2290 h 10000"/>
                  <a:gd name="connsiteX184" fmla="*/ 4493 w 10000"/>
                  <a:gd name="connsiteY184" fmla="*/ 2275 h 10000"/>
                  <a:gd name="connsiteX185" fmla="*/ 4720 w 10000"/>
                  <a:gd name="connsiteY185" fmla="*/ 2260 h 10000"/>
                  <a:gd name="connsiteX186" fmla="*/ 4923 w 10000"/>
                  <a:gd name="connsiteY186" fmla="*/ 2275 h 10000"/>
                  <a:gd name="connsiteX187" fmla="*/ 4898 w 10000"/>
                  <a:gd name="connsiteY187" fmla="*/ 2112 h 10000"/>
                  <a:gd name="connsiteX188" fmla="*/ 4848 w 10000"/>
                  <a:gd name="connsiteY188" fmla="*/ 1950 h 10000"/>
                  <a:gd name="connsiteX189" fmla="*/ 4771 w 10000"/>
                  <a:gd name="connsiteY189" fmla="*/ 1802 h 10000"/>
                  <a:gd name="connsiteX190" fmla="*/ 4671 w 10000"/>
                  <a:gd name="connsiteY190" fmla="*/ 1640 h 10000"/>
                  <a:gd name="connsiteX191" fmla="*/ 4416 w 10000"/>
                  <a:gd name="connsiteY191" fmla="*/ 1329 h 10000"/>
                  <a:gd name="connsiteX192" fmla="*/ 4162 w 10000"/>
                  <a:gd name="connsiteY192" fmla="*/ 1034 h 10000"/>
                  <a:gd name="connsiteX193" fmla="*/ 4035 w 10000"/>
                  <a:gd name="connsiteY193" fmla="*/ 901 h 10000"/>
                  <a:gd name="connsiteX194" fmla="*/ 3935 w 10000"/>
                  <a:gd name="connsiteY194" fmla="*/ 753 h 10000"/>
                  <a:gd name="connsiteX195" fmla="*/ 3857 w 10000"/>
                  <a:gd name="connsiteY195" fmla="*/ 620 h 10000"/>
                  <a:gd name="connsiteX196" fmla="*/ 3832 w 10000"/>
                  <a:gd name="connsiteY196" fmla="*/ 487 h 10000"/>
                  <a:gd name="connsiteX197" fmla="*/ 3807 w 10000"/>
                  <a:gd name="connsiteY197" fmla="*/ 355 h 10000"/>
                  <a:gd name="connsiteX198" fmla="*/ 3857 w 10000"/>
                  <a:gd name="connsiteY198" fmla="*/ 222 h 10000"/>
                  <a:gd name="connsiteX199" fmla="*/ 3884 w 10000"/>
                  <a:gd name="connsiteY199" fmla="*/ 162 h 10000"/>
                  <a:gd name="connsiteX200" fmla="*/ 3935 w 10000"/>
                  <a:gd name="connsiteY200" fmla="*/ 103 h 10000"/>
                  <a:gd name="connsiteX201" fmla="*/ 4011 w 10000"/>
                  <a:gd name="connsiteY201" fmla="*/ 59 h 10000"/>
                  <a:gd name="connsiteX202" fmla="*/ 4111 w 10000"/>
                  <a:gd name="connsiteY202" fmla="*/ 0 h 10000"/>
                  <a:gd name="connsiteX203" fmla="*/ 4289 w 10000"/>
                  <a:gd name="connsiteY203" fmla="*/ 0 h 10000"/>
                  <a:gd name="connsiteX204" fmla="*/ 4468 w 10000"/>
                  <a:gd name="connsiteY204" fmla="*/ 15 h 10000"/>
                  <a:gd name="connsiteX205" fmla="*/ 4644 w 10000"/>
                  <a:gd name="connsiteY205" fmla="*/ 44 h 10000"/>
                  <a:gd name="connsiteX206" fmla="*/ 4771 w 10000"/>
                  <a:gd name="connsiteY206" fmla="*/ 89 h 10000"/>
                  <a:gd name="connsiteX207" fmla="*/ 4975 w 10000"/>
                  <a:gd name="connsiteY207" fmla="*/ 192 h 10000"/>
                  <a:gd name="connsiteX208" fmla="*/ 5177 w 10000"/>
                  <a:gd name="connsiteY208" fmla="*/ 340 h 10000"/>
                  <a:gd name="connsiteX209" fmla="*/ 5329 w 10000"/>
                  <a:gd name="connsiteY209" fmla="*/ 473 h 10000"/>
                  <a:gd name="connsiteX210" fmla="*/ 5532 w 10000"/>
                  <a:gd name="connsiteY210" fmla="*/ 591 h 10000"/>
                  <a:gd name="connsiteX211" fmla="*/ 5660 w 10000"/>
                  <a:gd name="connsiteY211" fmla="*/ 650 h 10000"/>
                  <a:gd name="connsiteX212" fmla="*/ 5812 w 10000"/>
                  <a:gd name="connsiteY212" fmla="*/ 679 h 10000"/>
                  <a:gd name="connsiteX213" fmla="*/ 5965 w 10000"/>
                  <a:gd name="connsiteY213" fmla="*/ 709 h 10000"/>
                  <a:gd name="connsiteX214" fmla="*/ 6168 w 10000"/>
                  <a:gd name="connsiteY214" fmla="*/ 709 h 10000"/>
                  <a:gd name="connsiteX215" fmla="*/ 6168 w 10000"/>
                  <a:gd name="connsiteY215" fmla="*/ 768 h 10000"/>
                  <a:gd name="connsiteX216" fmla="*/ 6193 w 10000"/>
                  <a:gd name="connsiteY216" fmla="*/ 842 h 10000"/>
                  <a:gd name="connsiteX217" fmla="*/ 6243 w 10000"/>
                  <a:gd name="connsiteY217" fmla="*/ 916 h 10000"/>
                  <a:gd name="connsiteX218" fmla="*/ 6294 w 10000"/>
                  <a:gd name="connsiteY218" fmla="*/ 990 h 10000"/>
                  <a:gd name="connsiteX219" fmla="*/ 6369 w 10000"/>
                  <a:gd name="connsiteY219" fmla="*/ 1049 h 10000"/>
                  <a:gd name="connsiteX220" fmla="*/ 6471 w 10000"/>
                  <a:gd name="connsiteY220" fmla="*/ 1108 h 10000"/>
                  <a:gd name="connsiteX221" fmla="*/ 6598 w 10000"/>
                  <a:gd name="connsiteY221" fmla="*/ 1182 h 10000"/>
                  <a:gd name="connsiteX222" fmla="*/ 6700 w 10000"/>
                  <a:gd name="connsiteY222" fmla="*/ 1226 h 10000"/>
                  <a:gd name="connsiteX223" fmla="*/ 6802 w 10000"/>
                  <a:gd name="connsiteY223" fmla="*/ 1270 h 10000"/>
                  <a:gd name="connsiteX224" fmla="*/ 6903 w 10000"/>
                  <a:gd name="connsiteY224" fmla="*/ 1300 h 10000"/>
                  <a:gd name="connsiteX225" fmla="*/ 7005 w 10000"/>
                  <a:gd name="connsiteY225" fmla="*/ 1315 h 10000"/>
                  <a:gd name="connsiteX226" fmla="*/ 7132 w 10000"/>
                  <a:gd name="connsiteY226" fmla="*/ 1300 h 10000"/>
                  <a:gd name="connsiteX227" fmla="*/ 7234 w 10000"/>
                  <a:gd name="connsiteY227" fmla="*/ 1285 h 10000"/>
                  <a:gd name="connsiteX228" fmla="*/ 7309 w 10000"/>
                  <a:gd name="connsiteY228" fmla="*/ 1241 h 10000"/>
                  <a:gd name="connsiteX229" fmla="*/ 7361 w 10000"/>
                  <a:gd name="connsiteY229" fmla="*/ 1167 h 10000"/>
                  <a:gd name="connsiteX230" fmla="*/ 7385 w 10000"/>
                  <a:gd name="connsiteY230" fmla="*/ 1064 h 10000"/>
                  <a:gd name="connsiteX231" fmla="*/ 7766 w 10000"/>
                  <a:gd name="connsiteY231" fmla="*/ 1034 h 10000"/>
                  <a:gd name="connsiteX232" fmla="*/ 8121 w 10000"/>
                  <a:gd name="connsiteY232" fmla="*/ 1004 h 10000"/>
                  <a:gd name="connsiteX233" fmla="*/ 8427 w 10000"/>
                  <a:gd name="connsiteY233" fmla="*/ 990 h 10000"/>
                  <a:gd name="connsiteX234" fmla="*/ 8706 w 10000"/>
                  <a:gd name="connsiteY234" fmla="*/ 1004 h 10000"/>
                  <a:gd name="connsiteX235" fmla="*/ 8833 w 10000"/>
                  <a:gd name="connsiteY235" fmla="*/ 1019 h 10000"/>
                  <a:gd name="connsiteX236" fmla="*/ 8958 w 10000"/>
                  <a:gd name="connsiteY236" fmla="*/ 1034 h 10000"/>
                  <a:gd name="connsiteX237" fmla="*/ 9061 w 10000"/>
                  <a:gd name="connsiteY237" fmla="*/ 1064 h 10000"/>
                  <a:gd name="connsiteX238" fmla="*/ 9188 w 10000"/>
                  <a:gd name="connsiteY238" fmla="*/ 1108 h 10000"/>
                  <a:gd name="connsiteX239" fmla="*/ 9264 w 10000"/>
                  <a:gd name="connsiteY239" fmla="*/ 1182 h 10000"/>
                  <a:gd name="connsiteX240" fmla="*/ 9339 w 10000"/>
                  <a:gd name="connsiteY240" fmla="*/ 1241 h 10000"/>
                  <a:gd name="connsiteX241" fmla="*/ 9391 w 10000"/>
                  <a:gd name="connsiteY241" fmla="*/ 1329 h 10000"/>
                  <a:gd name="connsiteX242" fmla="*/ 9442 w 10000"/>
                  <a:gd name="connsiteY242" fmla="*/ 1433 h 10000"/>
                  <a:gd name="connsiteX243" fmla="*/ 9492 w 10000"/>
                  <a:gd name="connsiteY243" fmla="*/ 1551 h 10000"/>
                  <a:gd name="connsiteX244" fmla="*/ 9466 w 10000"/>
                  <a:gd name="connsiteY244" fmla="*/ 1625 h 10000"/>
                  <a:gd name="connsiteX245" fmla="*/ 9442 w 10000"/>
                  <a:gd name="connsiteY245" fmla="*/ 1684 h 10000"/>
                  <a:gd name="connsiteX246" fmla="*/ 9391 w 10000"/>
                  <a:gd name="connsiteY246" fmla="*/ 1758 h 10000"/>
                  <a:gd name="connsiteX247" fmla="*/ 9315 w 10000"/>
                  <a:gd name="connsiteY247" fmla="*/ 1802 h 10000"/>
                  <a:gd name="connsiteX248" fmla="*/ 9264 w 10000"/>
                  <a:gd name="connsiteY248" fmla="*/ 1861 h 10000"/>
                  <a:gd name="connsiteX249" fmla="*/ 9240 w 10000"/>
                  <a:gd name="connsiteY249" fmla="*/ 1935 h 10000"/>
                  <a:gd name="connsiteX250" fmla="*/ 9264 w 10000"/>
                  <a:gd name="connsiteY250" fmla="*/ 2024 h 10000"/>
                  <a:gd name="connsiteX251" fmla="*/ 9543 w 10000"/>
                  <a:gd name="connsiteY251" fmla="*/ 2157 h 10000"/>
                  <a:gd name="connsiteX252" fmla="*/ 9873 w 10000"/>
                  <a:gd name="connsiteY252" fmla="*/ 2275 h 10000"/>
                  <a:gd name="connsiteX253" fmla="*/ 10000 w 10000"/>
                  <a:gd name="connsiteY253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369 w 10000"/>
                  <a:gd name="connsiteY3" fmla="*/ 4313 h 10000"/>
                  <a:gd name="connsiteX4" fmla="*/ 7383 w 10000"/>
                  <a:gd name="connsiteY4" fmla="*/ 3894 h 10000"/>
                  <a:gd name="connsiteX5" fmla="*/ 8984 w 10000"/>
                  <a:gd name="connsiteY5" fmla="*/ 3412 h 10000"/>
                  <a:gd name="connsiteX6" fmla="*/ 9188 w 10000"/>
                  <a:gd name="connsiteY6" fmla="*/ 3338 h 10000"/>
                  <a:gd name="connsiteX7" fmla="*/ 9415 w 10000"/>
                  <a:gd name="connsiteY7" fmla="*/ 3117 h 10000"/>
                  <a:gd name="connsiteX8" fmla="*/ 9442 w 10000"/>
                  <a:gd name="connsiteY8" fmla="*/ 3072 h 10000"/>
                  <a:gd name="connsiteX9" fmla="*/ 9466 w 10000"/>
                  <a:gd name="connsiteY9" fmla="*/ 3013 h 10000"/>
                  <a:gd name="connsiteX10" fmla="*/ 9466 w 10000"/>
                  <a:gd name="connsiteY10" fmla="*/ 2954 h 10000"/>
                  <a:gd name="connsiteX11" fmla="*/ 9442 w 10000"/>
                  <a:gd name="connsiteY11" fmla="*/ 2866 h 10000"/>
                  <a:gd name="connsiteX12" fmla="*/ 9264 w 10000"/>
                  <a:gd name="connsiteY12" fmla="*/ 2984 h 10000"/>
                  <a:gd name="connsiteX13" fmla="*/ 9061 w 10000"/>
                  <a:gd name="connsiteY13" fmla="*/ 3072 h 10000"/>
                  <a:gd name="connsiteX14" fmla="*/ 8197 w 10000"/>
                  <a:gd name="connsiteY14" fmla="*/ 3397 h 10000"/>
                  <a:gd name="connsiteX15" fmla="*/ 7716 w 10000"/>
                  <a:gd name="connsiteY15" fmla="*/ 3545 h 10000"/>
                  <a:gd name="connsiteX16" fmla="*/ 6345 w 10000"/>
                  <a:gd name="connsiteY16" fmla="*/ 4003 h 10000"/>
                  <a:gd name="connsiteX17" fmla="*/ 6143 w 10000"/>
                  <a:gd name="connsiteY17" fmla="*/ 4106 h 10000"/>
                  <a:gd name="connsiteX18" fmla="*/ 5938 w 10000"/>
                  <a:gd name="connsiteY18" fmla="*/ 4195 h 10000"/>
                  <a:gd name="connsiteX19" fmla="*/ 6091 w 10000"/>
                  <a:gd name="connsiteY19" fmla="*/ 4417 h 10000"/>
                  <a:gd name="connsiteX20" fmla="*/ 6421 w 10000"/>
                  <a:gd name="connsiteY20" fmla="*/ 5318 h 10000"/>
                  <a:gd name="connsiteX21" fmla="*/ 6447 w 10000"/>
                  <a:gd name="connsiteY21" fmla="*/ 5539 h 10000"/>
                  <a:gd name="connsiteX22" fmla="*/ 6471 w 10000"/>
                  <a:gd name="connsiteY22" fmla="*/ 5775 h 10000"/>
                  <a:gd name="connsiteX23" fmla="*/ 6471 w 10000"/>
                  <a:gd name="connsiteY23" fmla="*/ 5997 h 10000"/>
                  <a:gd name="connsiteX24" fmla="*/ 6447 w 10000"/>
                  <a:gd name="connsiteY24" fmla="*/ 6233 h 10000"/>
                  <a:gd name="connsiteX25" fmla="*/ 6396 w 10000"/>
                  <a:gd name="connsiteY25" fmla="*/ 6470 h 10000"/>
                  <a:gd name="connsiteX26" fmla="*/ 6345 w 10000"/>
                  <a:gd name="connsiteY26" fmla="*/ 6677 h 10000"/>
                  <a:gd name="connsiteX27" fmla="*/ 6269 w 10000"/>
                  <a:gd name="connsiteY27" fmla="*/ 6898 h 10000"/>
                  <a:gd name="connsiteX28" fmla="*/ 6168 w 10000"/>
                  <a:gd name="connsiteY28" fmla="*/ 7105 h 10000"/>
                  <a:gd name="connsiteX29" fmla="*/ 6041 w 10000"/>
                  <a:gd name="connsiteY29" fmla="*/ 7297 h 10000"/>
                  <a:gd name="connsiteX30" fmla="*/ 5888 w 10000"/>
                  <a:gd name="connsiteY30" fmla="*/ 7489 h 10000"/>
                  <a:gd name="connsiteX31" fmla="*/ 5735 w 10000"/>
                  <a:gd name="connsiteY31" fmla="*/ 7681 h 10000"/>
                  <a:gd name="connsiteX32" fmla="*/ 6471 w 10000"/>
                  <a:gd name="connsiteY32" fmla="*/ 7799 h 10000"/>
                  <a:gd name="connsiteX33" fmla="*/ 7234 w 10000"/>
                  <a:gd name="connsiteY33" fmla="*/ 7962 h 10000"/>
                  <a:gd name="connsiteX34" fmla="*/ 7385 w 10000"/>
                  <a:gd name="connsiteY34" fmla="*/ 8021 h 10000"/>
                  <a:gd name="connsiteX35" fmla="*/ 7512 w 10000"/>
                  <a:gd name="connsiteY35" fmla="*/ 8080 h 10000"/>
                  <a:gd name="connsiteX36" fmla="*/ 7639 w 10000"/>
                  <a:gd name="connsiteY36" fmla="*/ 8139 h 10000"/>
                  <a:gd name="connsiteX37" fmla="*/ 7716 w 10000"/>
                  <a:gd name="connsiteY37" fmla="*/ 8227 h 10000"/>
                  <a:gd name="connsiteX38" fmla="*/ 7741 w 10000"/>
                  <a:gd name="connsiteY38" fmla="*/ 8301 h 10000"/>
                  <a:gd name="connsiteX39" fmla="*/ 7741 w 10000"/>
                  <a:gd name="connsiteY39" fmla="*/ 8405 h 10000"/>
                  <a:gd name="connsiteX40" fmla="*/ 7691 w 10000"/>
                  <a:gd name="connsiteY40" fmla="*/ 8523 h 10000"/>
                  <a:gd name="connsiteX41" fmla="*/ 7614 w 10000"/>
                  <a:gd name="connsiteY41" fmla="*/ 8641 h 10000"/>
                  <a:gd name="connsiteX42" fmla="*/ 7284 w 10000"/>
                  <a:gd name="connsiteY42" fmla="*/ 8552 h 10000"/>
                  <a:gd name="connsiteX43" fmla="*/ 6979 w 10000"/>
                  <a:gd name="connsiteY43" fmla="*/ 8449 h 10000"/>
                  <a:gd name="connsiteX44" fmla="*/ 6674 w 10000"/>
                  <a:gd name="connsiteY44" fmla="*/ 8360 h 10000"/>
                  <a:gd name="connsiteX45" fmla="*/ 6369 w 10000"/>
                  <a:gd name="connsiteY45" fmla="*/ 8287 h 10000"/>
                  <a:gd name="connsiteX46" fmla="*/ 6243 w 10000"/>
                  <a:gd name="connsiteY46" fmla="*/ 8449 h 10000"/>
                  <a:gd name="connsiteX47" fmla="*/ 6143 w 10000"/>
                  <a:gd name="connsiteY47" fmla="*/ 8597 h 10000"/>
                  <a:gd name="connsiteX48" fmla="*/ 6091 w 10000"/>
                  <a:gd name="connsiteY48" fmla="*/ 8656 h 10000"/>
                  <a:gd name="connsiteX49" fmla="*/ 5989 w 10000"/>
                  <a:gd name="connsiteY49" fmla="*/ 8700 h 10000"/>
                  <a:gd name="connsiteX50" fmla="*/ 5914 w 10000"/>
                  <a:gd name="connsiteY50" fmla="*/ 8744 h 10000"/>
                  <a:gd name="connsiteX51" fmla="*/ 5838 w 10000"/>
                  <a:gd name="connsiteY51" fmla="*/ 8774 h 10000"/>
                  <a:gd name="connsiteX52" fmla="*/ 5761 w 10000"/>
                  <a:gd name="connsiteY52" fmla="*/ 8804 h 10000"/>
                  <a:gd name="connsiteX53" fmla="*/ 5660 w 10000"/>
                  <a:gd name="connsiteY53" fmla="*/ 8818 h 10000"/>
                  <a:gd name="connsiteX54" fmla="*/ 5532 w 10000"/>
                  <a:gd name="connsiteY54" fmla="*/ 8833 h 10000"/>
                  <a:gd name="connsiteX55" fmla="*/ 5406 w 10000"/>
                  <a:gd name="connsiteY55" fmla="*/ 8833 h 10000"/>
                  <a:gd name="connsiteX56" fmla="*/ 5102 w 10000"/>
                  <a:gd name="connsiteY56" fmla="*/ 8818 h 10000"/>
                  <a:gd name="connsiteX57" fmla="*/ 4720 w 10000"/>
                  <a:gd name="connsiteY57" fmla="*/ 8744 h 10000"/>
                  <a:gd name="connsiteX58" fmla="*/ 4720 w 10000"/>
                  <a:gd name="connsiteY58" fmla="*/ 8922 h 10000"/>
                  <a:gd name="connsiteX59" fmla="*/ 4695 w 10000"/>
                  <a:gd name="connsiteY59" fmla="*/ 9069 h 10000"/>
                  <a:gd name="connsiteX60" fmla="*/ 4671 w 10000"/>
                  <a:gd name="connsiteY60" fmla="*/ 9232 h 10000"/>
                  <a:gd name="connsiteX61" fmla="*/ 4644 w 10000"/>
                  <a:gd name="connsiteY61" fmla="*/ 9365 h 10000"/>
                  <a:gd name="connsiteX62" fmla="*/ 4593 w 10000"/>
                  <a:gd name="connsiteY62" fmla="*/ 9498 h 10000"/>
                  <a:gd name="connsiteX63" fmla="*/ 4493 w 10000"/>
                  <a:gd name="connsiteY63" fmla="*/ 9616 h 10000"/>
                  <a:gd name="connsiteX64" fmla="*/ 4416 w 10000"/>
                  <a:gd name="connsiteY64" fmla="*/ 9734 h 10000"/>
                  <a:gd name="connsiteX65" fmla="*/ 4289 w 10000"/>
                  <a:gd name="connsiteY65" fmla="*/ 9838 h 10000"/>
                  <a:gd name="connsiteX66" fmla="*/ 3983 w 10000"/>
                  <a:gd name="connsiteY66" fmla="*/ 9897 h 10000"/>
                  <a:gd name="connsiteX67" fmla="*/ 3731 w 10000"/>
                  <a:gd name="connsiteY67" fmla="*/ 9941 h 10000"/>
                  <a:gd name="connsiteX68" fmla="*/ 3426 w 10000"/>
                  <a:gd name="connsiteY68" fmla="*/ 9985 h 10000"/>
                  <a:gd name="connsiteX69" fmla="*/ 3198 w 10000"/>
                  <a:gd name="connsiteY69" fmla="*/ 10000 h 10000"/>
                  <a:gd name="connsiteX70" fmla="*/ 2690 w 10000"/>
                  <a:gd name="connsiteY70" fmla="*/ 10000 h 10000"/>
                  <a:gd name="connsiteX71" fmla="*/ 2208 w 10000"/>
                  <a:gd name="connsiteY71" fmla="*/ 9985 h 10000"/>
                  <a:gd name="connsiteX72" fmla="*/ 1752 w 10000"/>
                  <a:gd name="connsiteY72" fmla="*/ 9941 h 10000"/>
                  <a:gd name="connsiteX73" fmla="*/ 1270 w 10000"/>
                  <a:gd name="connsiteY73" fmla="*/ 9911 h 10000"/>
                  <a:gd name="connsiteX74" fmla="*/ 990 w 10000"/>
                  <a:gd name="connsiteY74" fmla="*/ 9911 h 10000"/>
                  <a:gd name="connsiteX75" fmla="*/ 736 w 10000"/>
                  <a:gd name="connsiteY75" fmla="*/ 9911 h 10000"/>
                  <a:gd name="connsiteX76" fmla="*/ 457 w 10000"/>
                  <a:gd name="connsiteY76" fmla="*/ 9926 h 10000"/>
                  <a:gd name="connsiteX77" fmla="*/ 178 w 10000"/>
                  <a:gd name="connsiteY77" fmla="*/ 9970 h 10000"/>
                  <a:gd name="connsiteX78" fmla="*/ 102 w 10000"/>
                  <a:gd name="connsiteY78" fmla="*/ 9867 h 10000"/>
                  <a:gd name="connsiteX79" fmla="*/ 51 w 10000"/>
                  <a:gd name="connsiteY79" fmla="*/ 9793 h 10000"/>
                  <a:gd name="connsiteX80" fmla="*/ 0 w 10000"/>
                  <a:gd name="connsiteY80" fmla="*/ 9705 h 10000"/>
                  <a:gd name="connsiteX81" fmla="*/ 0 w 10000"/>
                  <a:gd name="connsiteY81" fmla="*/ 9601 h 10000"/>
                  <a:gd name="connsiteX82" fmla="*/ 51 w 10000"/>
                  <a:gd name="connsiteY82" fmla="*/ 9424 h 10000"/>
                  <a:gd name="connsiteX83" fmla="*/ 102 w 10000"/>
                  <a:gd name="connsiteY83" fmla="*/ 9202 h 10000"/>
                  <a:gd name="connsiteX84" fmla="*/ 151 w 10000"/>
                  <a:gd name="connsiteY84" fmla="*/ 8996 h 10000"/>
                  <a:gd name="connsiteX85" fmla="*/ 203 w 10000"/>
                  <a:gd name="connsiteY85" fmla="*/ 8759 h 10000"/>
                  <a:gd name="connsiteX86" fmla="*/ 228 w 10000"/>
                  <a:gd name="connsiteY86" fmla="*/ 8641 h 10000"/>
                  <a:gd name="connsiteX87" fmla="*/ 228 w 10000"/>
                  <a:gd name="connsiteY87" fmla="*/ 8538 h 10000"/>
                  <a:gd name="connsiteX88" fmla="*/ 203 w 10000"/>
                  <a:gd name="connsiteY88" fmla="*/ 8405 h 10000"/>
                  <a:gd name="connsiteX89" fmla="*/ 178 w 10000"/>
                  <a:gd name="connsiteY89" fmla="*/ 8287 h 10000"/>
                  <a:gd name="connsiteX90" fmla="*/ 431 w 10000"/>
                  <a:gd name="connsiteY90" fmla="*/ 8213 h 10000"/>
                  <a:gd name="connsiteX91" fmla="*/ 685 w 10000"/>
                  <a:gd name="connsiteY91" fmla="*/ 8139 h 10000"/>
                  <a:gd name="connsiteX92" fmla="*/ 939 w 10000"/>
                  <a:gd name="connsiteY92" fmla="*/ 8095 h 10000"/>
                  <a:gd name="connsiteX93" fmla="*/ 1218 w 10000"/>
                  <a:gd name="connsiteY93" fmla="*/ 8065 h 10000"/>
                  <a:gd name="connsiteX94" fmla="*/ 1725 w 10000"/>
                  <a:gd name="connsiteY94" fmla="*/ 8021 h 10000"/>
                  <a:gd name="connsiteX95" fmla="*/ 2234 w 10000"/>
                  <a:gd name="connsiteY95" fmla="*/ 7976 h 10000"/>
                  <a:gd name="connsiteX96" fmla="*/ 2462 w 10000"/>
                  <a:gd name="connsiteY96" fmla="*/ 7947 h 10000"/>
                  <a:gd name="connsiteX97" fmla="*/ 2690 w 10000"/>
                  <a:gd name="connsiteY97" fmla="*/ 7917 h 10000"/>
                  <a:gd name="connsiteX98" fmla="*/ 2892 w 10000"/>
                  <a:gd name="connsiteY98" fmla="*/ 7843 h 10000"/>
                  <a:gd name="connsiteX99" fmla="*/ 3096 w 10000"/>
                  <a:gd name="connsiteY99" fmla="*/ 7784 h 10000"/>
                  <a:gd name="connsiteX100" fmla="*/ 3274 w 10000"/>
                  <a:gd name="connsiteY100" fmla="*/ 7710 h 10000"/>
                  <a:gd name="connsiteX101" fmla="*/ 3426 w 10000"/>
                  <a:gd name="connsiteY101" fmla="*/ 7592 h 10000"/>
                  <a:gd name="connsiteX102" fmla="*/ 3579 w 10000"/>
                  <a:gd name="connsiteY102" fmla="*/ 7474 h 10000"/>
                  <a:gd name="connsiteX103" fmla="*/ 3680 w 10000"/>
                  <a:gd name="connsiteY103" fmla="*/ 7312 h 10000"/>
                  <a:gd name="connsiteX104" fmla="*/ 3477 w 10000"/>
                  <a:gd name="connsiteY104" fmla="*/ 7238 h 10000"/>
                  <a:gd name="connsiteX105" fmla="*/ 3299 w 10000"/>
                  <a:gd name="connsiteY105" fmla="*/ 7179 h 10000"/>
                  <a:gd name="connsiteX106" fmla="*/ 3147 w 10000"/>
                  <a:gd name="connsiteY106" fmla="*/ 7090 h 10000"/>
                  <a:gd name="connsiteX107" fmla="*/ 2995 w 10000"/>
                  <a:gd name="connsiteY107" fmla="*/ 6987 h 10000"/>
                  <a:gd name="connsiteX108" fmla="*/ 2892 w 10000"/>
                  <a:gd name="connsiteY108" fmla="*/ 6869 h 10000"/>
                  <a:gd name="connsiteX109" fmla="*/ 2843 w 10000"/>
                  <a:gd name="connsiteY109" fmla="*/ 6721 h 10000"/>
                  <a:gd name="connsiteX110" fmla="*/ 2817 w 10000"/>
                  <a:gd name="connsiteY110" fmla="*/ 6558 h 10000"/>
                  <a:gd name="connsiteX111" fmla="*/ 2843 w 10000"/>
                  <a:gd name="connsiteY111" fmla="*/ 6352 h 10000"/>
                  <a:gd name="connsiteX112" fmla="*/ 2716 w 10000"/>
                  <a:gd name="connsiteY112" fmla="*/ 6322 h 10000"/>
                  <a:gd name="connsiteX113" fmla="*/ 2564 w 10000"/>
                  <a:gd name="connsiteY113" fmla="*/ 6292 h 10000"/>
                  <a:gd name="connsiteX114" fmla="*/ 2386 w 10000"/>
                  <a:gd name="connsiteY114" fmla="*/ 6278 h 10000"/>
                  <a:gd name="connsiteX115" fmla="*/ 2208 w 10000"/>
                  <a:gd name="connsiteY115" fmla="*/ 6263 h 10000"/>
                  <a:gd name="connsiteX116" fmla="*/ 1853 w 10000"/>
                  <a:gd name="connsiteY116" fmla="*/ 6248 h 10000"/>
                  <a:gd name="connsiteX117" fmla="*/ 1472 w 10000"/>
                  <a:gd name="connsiteY117" fmla="*/ 6263 h 10000"/>
                  <a:gd name="connsiteX118" fmla="*/ 1143 w 10000"/>
                  <a:gd name="connsiteY118" fmla="*/ 6278 h 10000"/>
                  <a:gd name="connsiteX119" fmla="*/ 837 w 10000"/>
                  <a:gd name="connsiteY119" fmla="*/ 6278 h 10000"/>
                  <a:gd name="connsiteX120" fmla="*/ 585 w 10000"/>
                  <a:gd name="connsiteY120" fmla="*/ 6263 h 10000"/>
                  <a:gd name="connsiteX121" fmla="*/ 381 w 10000"/>
                  <a:gd name="connsiteY121" fmla="*/ 6233 h 10000"/>
                  <a:gd name="connsiteX122" fmla="*/ 633 w 10000"/>
                  <a:gd name="connsiteY122" fmla="*/ 5805 h 10000"/>
                  <a:gd name="connsiteX123" fmla="*/ 914 w 10000"/>
                  <a:gd name="connsiteY123" fmla="*/ 5391 h 10000"/>
                  <a:gd name="connsiteX124" fmla="*/ 1016 w 10000"/>
                  <a:gd name="connsiteY124" fmla="*/ 5170 h 10000"/>
                  <a:gd name="connsiteX125" fmla="*/ 1091 w 10000"/>
                  <a:gd name="connsiteY125" fmla="*/ 4963 h 10000"/>
                  <a:gd name="connsiteX126" fmla="*/ 1116 w 10000"/>
                  <a:gd name="connsiteY126" fmla="*/ 4860 h 10000"/>
                  <a:gd name="connsiteX127" fmla="*/ 1091 w 10000"/>
                  <a:gd name="connsiteY127" fmla="*/ 4756 h 10000"/>
                  <a:gd name="connsiteX128" fmla="*/ 1066 w 10000"/>
                  <a:gd name="connsiteY128" fmla="*/ 4653 h 10000"/>
                  <a:gd name="connsiteX129" fmla="*/ 990 w 10000"/>
                  <a:gd name="connsiteY129" fmla="*/ 4549 h 10000"/>
                  <a:gd name="connsiteX130" fmla="*/ 1270 w 10000"/>
                  <a:gd name="connsiteY130" fmla="*/ 4520 h 10000"/>
                  <a:gd name="connsiteX131" fmla="*/ 1472 w 10000"/>
                  <a:gd name="connsiteY131" fmla="*/ 4505 h 10000"/>
                  <a:gd name="connsiteX132" fmla="*/ 1650 w 10000"/>
                  <a:gd name="connsiteY132" fmla="*/ 4505 h 10000"/>
                  <a:gd name="connsiteX133" fmla="*/ 1802 w 10000"/>
                  <a:gd name="connsiteY133" fmla="*/ 4520 h 10000"/>
                  <a:gd name="connsiteX134" fmla="*/ 1929 w 10000"/>
                  <a:gd name="connsiteY134" fmla="*/ 4520 h 10000"/>
                  <a:gd name="connsiteX135" fmla="*/ 2081 w 10000"/>
                  <a:gd name="connsiteY135" fmla="*/ 4520 h 10000"/>
                  <a:gd name="connsiteX136" fmla="*/ 2234 w 10000"/>
                  <a:gd name="connsiteY136" fmla="*/ 4490 h 10000"/>
                  <a:gd name="connsiteX137" fmla="*/ 2436 w 10000"/>
                  <a:gd name="connsiteY137" fmla="*/ 4446 h 10000"/>
                  <a:gd name="connsiteX138" fmla="*/ 2436 w 10000"/>
                  <a:gd name="connsiteY138" fmla="*/ 4579 h 10000"/>
                  <a:gd name="connsiteX139" fmla="*/ 2436 w 10000"/>
                  <a:gd name="connsiteY139" fmla="*/ 4742 h 10000"/>
                  <a:gd name="connsiteX140" fmla="*/ 2436 w 10000"/>
                  <a:gd name="connsiteY140" fmla="*/ 4874 h 10000"/>
                  <a:gd name="connsiteX141" fmla="*/ 2436 w 10000"/>
                  <a:gd name="connsiteY141" fmla="*/ 5037 h 10000"/>
                  <a:gd name="connsiteX142" fmla="*/ 2665 w 10000"/>
                  <a:gd name="connsiteY142" fmla="*/ 5022 h 10000"/>
                  <a:gd name="connsiteX143" fmla="*/ 2817 w 10000"/>
                  <a:gd name="connsiteY143" fmla="*/ 5037 h 10000"/>
                  <a:gd name="connsiteX144" fmla="*/ 2944 w 10000"/>
                  <a:gd name="connsiteY144" fmla="*/ 5066 h 10000"/>
                  <a:gd name="connsiteX145" fmla="*/ 3071 w 10000"/>
                  <a:gd name="connsiteY145" fmla="*/ 5096 h 10000"/>
                  <a:gd name="connsiteX146" fmla="*/ 3173 w 10000"/>
                  <a:gd name="connsiteY146" fmla="*/ 5126 h 10000"/>
                  <a:gd name="connsiteX147" fmla="*/ 3299 w 10000"/>
                  <a:gd name="connsiteY147" fmla="*/ 5155 h 10000"/>
                  <a:gd name="connsiteX148" fmla="*/ 3452 w 10000"/>
                  <a:gd name="connsiteY148" fmla="*/ 5170 h 10000"/>
                  <a:gd name="connsiteX149" fmla="*/ 3680 w 10000"/>
                  <a:gd name="connsiteY149" fmla="*/ 5155 h 10000"/>
                  <a:gd name="connsiteX150" fmla="*/ 3757 w 10000"/>
                  <a:gd name="connsiteY150" fmla="*/ 5096 h 10000"/>
                  <a:gd name="connsiteX151" fmla="*/ 3832 w 10000"/>
                  <a:gd name="connsiteY151" fmla="*/ 5022 h 10000"/>
                  <a:gd name="connsiteX152" fmla="*/ 3857 w 10000"/>
                  <a:gd name="connsiteY152" fmla="*/ 4934 h 10000"/>
                  <a:gd name="connsiteX153" fmla="*/ 3884 w 10000"/>
                  <a:gd name="connsiteY153" fmla="*/ 4860 h 10000"/>
                  <a:gd name="connsiteX154" fmla="*/ 3908 w 10000"/>
                  <a:gd name="connsiteY154" fmla="*/ 4697 h 10000"/>
                  <a:gd name="connsiteX155" fmla="*/ 3884 w 10000"/>
                  <a:gd name="connsiteY155" fmla="*/ 4520 h 10000"/>
                  <a:gd name="connsiteX156" fmla="*/ 3807 w 10000"/>
                  <a:gd name="connsiteY156" fmla="*/ 4343 h 10000"/>
                  <a:gd name="connsiteX157" fmla="*/ 3731 w 10000"/>
                  <a:gd name="connsiteY157" fmla="*/ 4195 h 10000"/>
                  <a:gd name="connsiteX158" fmla="*/ 3604 w 10000"/>
                  <a:gd name="connsiteY158" fmla="*/ 4047 h 10000"/>
                  <a:gd name="connsiteX159" fmla="*/ 3477 w 10000"/>
                  <a:gd name="connsiteY159" fmla="*/ 3959 h 10000"/>
                  <a:gd name="connsiteX160" fmla="*/ 3629 w 10000"/>
                  <a:gd name="connsiteY160" fmla="*/ 3944 h 10000"/>
                  <a:gd name="connsiteX161" fmla="*/ 3757 w 10000"/>
                  <a:gd name="connsiteY161" fmla="*/ 3914 h 10000"/>
                  <a:gd name="connsiteX162" fmla="*/ 3857 w 10000"/>
                  <a:gd name="connsiteY162" fmla="*/ 3855 h 10000"/>
                  <a:gd name="connsiteX163" fmla="*/ 3983 w 10000"/>
                  <a:gd name="connsiteY163" fmla="*/ 3752 h 10000"/>
                  <a:gd name="connsiteX164" fmla="*/ 4111 w 10000"/>
                  <a:gd name="connsiteY164" fmla="*/ 3663 h 10000"/>
                  <a:gd name="connsiteX165" fmla="*/ 4213 w 10000"/>
                  <a:gd name="connsiteY165" fmla="*/ 3560 h 10000"/>
                  <a:gd name="connsiteX166" fmla="*/ 4289 w 10000"/>
                  <a:gd name="connsiteY166" fmla="*/ 3442 h 10000"/>
                  <a:gd name="connsiteX167" fmla="*/ 4366 w 10000"/>
                  <a:gd name="connsiteY167" fmla="*/ 3323 h 10000"/>
                  <a:gd name="connsiteX168" fmla="*/ 4416 w 10000"/>
                  <a:gd name="connsiteY168" fmla="*/ 3220 h 10000"/>
                  <a:gd name="connsiteX169" fmla="*/ 4441 w 10000"/>
                  <a:gd name="connsiteY169" fmla="*/ 3102 h 10000"/>
                  <a:gd name="connsiteX170" fmla="*/ 4468 w 10000"/>
                  <a:gd name="connsiteY170" fmla="*/ 3013 h 10000"/>
                  <a:gd name="connsiteX171" fmla="*/ 4441 w 10000"/>
                  <a:gd name="connsiteY171" fmla="*/ 2939 h 10000"/>
                  <a:gd name="connsiteX172" fmla="*/ 4416 w 10000"/>
                  <a:gd name="connsiteY172" fmla="*/ 2866 h 10000"/>
                  <a:gd name="connsiteX173" fmla="*/ 4340 w 10000"/>
                  <a:gd name="connsiteY173" fmla="*/ 2836 h 10000"/>
                  <a:gd name="connsiteX174" fmla="*/ 4239 w 10000"/>
                  <a:gd name="connsiteY174" fmla="*/ 2836 h 10000"/>
                  <a:gd name="connsiteX175" fmla="*/ 4111 w 10000"/>
                  <a:gd name="connsiteY175" fmla="*/ 2866 h 10000"/>
                  <a:gd name="connsiteX176" fmla="*/ 4213 w 10000"/>
                  <a:gd name="connsiteY176" fmla="*/ 2777 h 10000"/>
                  <a:gd name="connsiteX177" fmla="*/ 4265 w 10000"/>
                  <a:gd name="connsiteY177" fmla="*/ 2674 h 10000"/>
                  <a:gd name="connsiteX178" fmla="*/ 4289 w 10000"/>
                  <a:gd name="connsiteY178" fmla="*/ 2541 h 10000"/>
                  <a:gd name="connsiteX179" fmla="*/ 4289 w 10000"/>
                  <a:gd name="connsiteY179" fmla="*/ 2393 h 10000"/>
                  <a:gd name="connsiteX180" fmla="*/ 4314 w 10000"/>
                  <a:gd name="connsiteY180" fmla="*/ 2349 h 10000"/>
                  <a:gd name="connsiteX181" fmla="*/ 4366 w 10000"/>
                  <a:gd name="connsiteY181" fmla="*/ 2304 h 10000"/>
                  <a:gd name="connsiteX182" fmla="*/ 4416 w 10000"/>
                  <a:gd name="connsiteY182" fmla="*/ 2290 h 10000"/>
                  <a:gd name="connsiteX183" fmla="*/ 4493 w 10000"/>
                  <a:gd name="connsiteY183" fmla="*/ 2275 h 10000"/>
                  <a:gd name="connsiteX184" fmla="*/ 4720 w 10000"/>
                  <a:gd name="connsiteY184" fmla="*/ 2260 h 10000"/>
                  <a:gd name="connsiteX185" fmla="*/ 4923 w 10000"/>
                  <a:gd name="connsiteY185" fmla="*/ 2275 h 10000"/>
                  <a:gd name="connsiteX186" fmla="*/ 4898 w 10000"/>
                  <a:gd name="connsiteY186" fmla="*/ 2112 h 10000"/>
                  <a:gd name="connsiteX187" fmla="*/ 4848 w 10000"/>
                  <a:gd name="connsiteY187" fmla="*/ 1950 h 10000"/>
                  <a:gd name="connsiteX188" fmla="*/ 4771 w 10000"/>
                  <a:gd name="connsiteY188" fmla="*/ 1802 h 10000"/>
                  <a:gd name="connsiteX189" fmla="*/ 4671 w 10000"/>
                  <a:gd name="connsiteY189" fmla="*/ 1640 h 10000"/>
                  <a:gd name="connsiteX190" fmla="*/ 4416 w 10000"/>
                  <a:gd name="connsiteY190" fmla="*/ 1329 h 10000"/>
                  <a:gd name="connsiteX191" fmla="*/ 4162 w 10000"/>
                  <a:gd name="connsiteY191" fmla="*/ 1034 h 10000"/>
                  <a:gd name="connsiteX192" fmla="*/ 4035 w 10000"/>
                  <a:gd name="connsiteY192" fmla="*/ 901 h 10000"/>
                  <a:gd name="connsiteX193" fmla="*/ 3935 w 10000"/>
                  <a:gd name="connsiteY193" fmla="*/ 753 h 10000"/>
                  <a:gd name="connsiteX194" fmla="*/ 3857 w 10000"/>
                  <a:gd name="connsiteY194" fmla="*/ 620 h 10000"/>
                  <a:gd name="connsiteX195" fmla="*/ 3832 w 10000"/>
                  <a:gd name="connsiteY195" fmla="*/ 487 h 10000"/>
                  <a:gd name="connsiteX196" fmla="*/ 3807 w 10000"/>
                  <a:gd name="connsiteY196" fmla="*/ 355 h 10000"/>
                  <a:gd name="connsiteX197" fmla="*/ 3857 w 10000"/>
                  <a:gd name="connsiteY197" fmla="*/ 222 h 10000"/>
                  <a:gd name="connsiteX198" fmla="*/ 3884 w 10000"/>
                  <a:gd name="connsiteY198" fmla="*/ 162 h 10000"/>
                  <a:gd name="connsiteX199" fmla="*/ 3935 w 10000"/>
                  <a:gd name="connsiteY199" fmla="*/ 103 h 10000"/>
                  <a:gd name="connsiteX200" fmla="*/ 4011 w 10000"/>
                  <a:gd name="connsiteY200" fmla="*/ 59 h 10000"/>
                  <a:gd name="connsiteX201" fmla="*/ 4111 w 10000"/>
                  <a:gd name="connsiteY201" fmla="*/ 0 h 10000"/>
                  <a:gd name="connsiteX202" fmla="*/ 4289 w 10000"/>
                  <a:gd name="connsiteY202" fmla="*/ 0 h 10000"/>
                  <a:gd name="connsiteX203" fmla="*/ 4468 w 10000"/>
                  <a:gd name="connsiteY203" fmla="*/ 15 h 10000"/>
                  <a:gd name="connsiteX204" fmla="*/ 4644 w 10000"/>
                  <a:gd name="connsiteY204" fmla="*/ 44 h 10000"/>
                  <a:gd name="connsiteX205" fmla="*/ 4771 w 10000"/>
                  <a:gd name="connsiteY205" fmla="*/ 89 h 10000"/>
                  <a:gd name="connsiteX206" fmla="*/ 4975 w 10000"/>
                  <a:gd name="connsiteY206" fmla="*/ 192 h 10000"/>
                  <a:gd name="connsiteX207" fmla="*/ 5177 w 10000"/>
                  <a:gd name="connsiteY207" fmla="*/ 340 h 10000"/>
                  <a:gd name="connsiteX208" fmla="*/ 5329 w 10000"/>
                  <a:gd name="connsiteY208" fmla="*/ 473 h 10000"/>
                  <a:gd name="connsiteX209" fmla="*/ 5532 w 10000"/>
                  <a:gd name="connsiteY209" fmla="*/ 591 h 10000"/>
                  <a:gd name="connsiteX210" fmla="*/ 5660 w 10000"/>
                  <a:gd name="connsiteY210" fmla="*/ 650 h 10000"/>
                  <a:gd name="connsiteX211" fmla="*/ 5812 w 10000"/>
                  <a:gd name="connsiteY211" fmla="*/ 679 h 10000"/>
                  <a:gd name="connsiteX212" fmla="*/ 5965 w 10000"/>
                  <a:gd name="connsiteY212" fmla="*/ 709 h 10000"/>
                  <a:gd name="connsiteX213" fmla="*/ 6168 w 10000"/>
                  <a:gd name="connsiteY213" fmla="*/ 709 h 10000"/>
                  <a:gd name="connsiteX214" fmla="*/ 6168 w 10000"/>
                  <a:gd name="connsiteY214" fmla="*/ 768 h 10000"/>
                  <a:gd name="connsiteX215" fmla="*/ 6193 w 10000"/>
                  <a:gd name="connsiteY215" fmla="*/ 842 h 10000"/>
                  <a:gd name="connsiteX216" fmla="*/ 6243 w 10000"/>
                  <a:gd name="connsiteY216" fmla="*/ 916 h 10000"/>
                  <a:gd name="connsiteX217" fmla="*/ 6294 w 10000"/>
                  <a:gd name="connsiteY217" fmla="*/ 990 h 10000"/>
                  <a:gd name="connsiteX218" fmla="*/ 6369 w 10000"/>
                  <a:gd name="connsiteY218" fmla="*/ 1049 h 10000"/>
                  <a:gd name="connsiteX219" fmla="*/ 6471 w 10000"/>
                  <a:gd name="connsiteY219" fmla="*/ 1108 h 10000"/>
                  <a:gd name="connsiteX220" fmla="*/ 6598 w 10000"/>
                  <a:gd name="connsiteY220" fmla="*/ 1182 h 10000"/>
                  <a:gd name="connsiteX221" fmla="*/ 6700 w 10000"/>
                  <a:gd name="connsiteY221" fmla="*/ 1226 h 10000"/>
                  <a:gd name="connsiteX222" fmla="*/ 6802 w 10000"/>
                  <a:gd name="connsiteY222" fmla="*/ 1270 h 10000"/>
                  <a:gd name="connsiteX223" fmla="*/ 6903 w 10000"/>
                  <a:gd name="connsiteY223" fmla="*/ 1300 h 10000"/>
                  <a:gd name="connsiteX224" fmla="*/ 7005 w 10000"/>
                  <a:gd name="connsiteY224" fmla="*/ 1315 h 10000"/>
                  <a:gd name="connsiteX225" fmla="*/ 7132 w 10000"/>
                  <a:gd name="connsiteY225" fmla="*/ 1300 h 10000"/>
                  <a:gd name="connsiteX226" fmla="*/ 7234 w 10000"/>
                  <a:gd name="connsiteY226" fmla="*/ 1285 h 10000"/>
                  <a:gd name="connsiteX227" fmla="*/ 7309 w 10000"/>
                  <a:gd name="connsiteY227" fmla="*/ 1241 h 10000"/>
                  <a:gd name="connsiteX228" fmla="*/ 7361 w 10000"/>
                  <a:gd name="connsiteY228" fmla="*/ 1167 h 10000"/>
                  <a:gd name="connsiteX229" fmla="*/ 7385 w 10000"/>
                  <a:gd name="connsiteY229" fmla="*/ 1064 h 10000"/>
                  <a:gd name="connsiteX230" fmla="*/ 7766 w 10000"/>
                  <a:gd name="connsiteY230" fmla="*/ 1034 h 10000"/>
                  <a:gd name="connsiteX231" fmla="*/ 8121 w 10000"/>
                  <a:gd name="connsiteY231" fmla="*/ 1004 h 10000"/>
                  <a:gd name="connsiteX232" fmla="*/ 8427 w 10000"/>
                  <a:gd name="connsiteY232" fmla="*/ 990 h 10000"/>
                  <a:gd name="connsiteX233" fmla="*/ 8706 w 10000"/>
                  <a:gd name="connsiteY233" fmla="*/ 1004 h 10000"/>
                  <a:gd name="connsiteX234" fmla="*/ 8833 w 10000"/>
                  <a:gd name="connsiteY234" fmla="*/ 1019 h 10000"/>
                  <a:gd name="connsiteX235" fmla="*/ 8958 w 10000"/>
                  <a:gd name="connsiteY235" fmla="*/ 1034 h 10000"/>
                  <a:gd name="connsiteX236" fmla="*/ 9061 w 10000"/>
                  <a:gd name="connsiteY236" fmla="*/ 1064 h 10000"/>
                  <a:gd name="connsiteX237" fmla="*/ 9188 w 10000"/>
                  <a:gd name="connsiteY237" fmla="*/ 1108 h 10000"/>
                  <a:gd name="connsiteX238" fmla="*/ 9264 w 10000"/>
                  <a:gd name="connsiteY238" fmla="*/ 1182 h 10000"/>
                  <a:gd name="connsiteX239" fmla="*/ 9339 w 10000"/>
                  <a:gd name="connsiteY239" fmla="*/ 1241 h 10000"/>
                  <a:gd name="connsiteX240" fmla="*/ 9391 w 10000"/>
                  <a:gd name="connsiteY240" fmla="*/ 1329 h 10000"/>
                  <a:gd name="connsiteX241" fmla="*/ 9442 w 10000"/>
                  <a:gd name="connsiteY241" fmla="*/ 1433 h 10000"/>
                  <a:gd name="connsiteX242" fmla="*/ 9492 w 10000"/>
                  <a:gd name="connsiteY242" fmla="*/ 1551 h 10000"/>
                  <a:gd name="connsiteX243" fmla="*/ 9466 w 10000"/>
                  <a:gd name="connsiteY243" fmla="*/ 1625 h 10000"/>
                  <a:gd name="connsiteX244" fmla="*/ 9442 w 10000"/>
                  <a:gd name="connsiteY244" fmla="*/ 1684 h 10000"/>
                  <a:gd name="connsiteX245" fmla="*/ 9391 w 10000"/>
                  <a:gd name="connsiteY245" fmla="*/ 1758 h 10000"/>
                  <a:gd name="connsiteX246" fmla="*/ 9315 w 10000"/>
                  <a:gd name="connsiteY246" fmla="*/ 1802 h 10000"/>
                  <a:gd name="connsiteX247" fmla="*/ 9264 w 10000"/>
                  <a:gd name="connsiteY247" fmla="*/ 1861 h 10000"/>
                  <a:gd name="connsiteX248" fmla="*/ 9240 w 10000"/>
                  <a:gd name="connsiteY248" fmla="*/ 1935 h 10000"/>
                  <a:gd name="connsiteX249" fmla="*/ 9264 w 10000"/>
                  <a:gd name="connsiteY249" fmla="*/ 2024 h 10000"/>
                  <a:gd name="connsiteX250" fmla="*/ 9543 w 10000"/>
                  <a:gd name="connsiteY250" fmla="*/ 2157 h 10000"/>
                  <a:gd name="connsiteX251" fmla="*/ 9873 w 10000"/>
                  <a:gd name="connsiteY251" fmla="*/ 2275 h 10000"/>
                  <a:gd name="connsiteX252" fmla="*/ 10000 w 10000"/>
                  <a:gd name="connsiteY252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6369 w 10000"/>
                  <a:gd name="connsiteY2" fmla="*/ 4313 h 10000"/>
                  <a:gd name="connsiteX3" fmla="*/ 7383 w 10000"/>
                  <a:gd name="connsiteY3" fmla="*/ 3894 h 10000"/>
                  <a:gd name="connsiteX4" fmla="*/ 8984 w 10000"/>
                  <a:gd name="connsiteY4" fmla="*/ 3412 h 10000"/>
                  <a:gd name="connsiteX5" fmla="*/ 9188 w 10000"/>
                  <a:gd name="connsiteY5" fmla="*/ 3338 h 10000"/>
                  <a:gd name="connsiteX6" fmla="*/ 9415 w 10000"/>
                  <a:gd name="connsiteY6" fmla="*/ 3117 h 10000"/>
                  <a:gd name="connsiteX7" fmla="*/ 9442 w 10000"/>
                  <a:gd name="connsiteY7" fmla="*/ 3072 h 10000"/>
                  <a:gd name="connsiteX8" fmla="*/ 9466 w 10000"/>
                  <a:gd name="connsiteY8" fmla="*/ 3013 h 10000"/>
                  <a:gd name="connsiteX9" fmla="*/ 9466 w 10000"/>
                  <a:gd name="connsiteY9" fmla="*/ 2954 h 10000"/>
                  <a:gd name="connsiteX10" fmla="*/ 9442 w 10000"/>
                  <a:gd name="connsiteY10" fmla="*/ 2866 h 10000"/>
                  <a:gd name="connsiteX11" fmla="*/ 9264 w 10000"/>
                  <a:gd name="connsiteY11" fmla="*/ 2984 h 10000"/>
                  <a:gd name="connsiteX12" fmla="*/ 9061 w 10000"/>
                  <a:gd name="connsiteY12" fmla="*/ 3072 h 10000"/>
                  <a:gd name="connsiteX13" fmla="*/ 8197 w 10000"/>
                  <a:gd name="connsiteY13" fmla="*/ 3397 h 10000"/>
                  <a:gd name="connsiteX14" fmla="*/ 7716 w 10000"/>
                  <a:gd name="connsiteY14" fmla="*/ 3545 h 10000"/>
                  <a:gd name="connsiteX15" fmla="*/ 6345 w 10000"/>
                  <a:gd name="connsiteY15" fmla="*/ 4003 h 10000"/>
                  <a:gd name="connsiteX16" fmla="*/ 6143 w 10000"/>
                  <a:gd name="connsiteY16" fmla="*/ 4106 h 10000"/>
                  <a:gd name="connsiteX17" fmla="*/ 5938 w 10000"/>
                  <a:gd name="connsiteY17" fmla="*/ 4195 h 10000"/>
                  <a:gd name="connsiteX18" fmla="*/ 6091 w 10000"/>
                  <a:gd name="connsiteY18" fmla="*/ 4417 h 10000"/>
                  <a:gd name="connsiteX19" fmla="*/ 6421 w 10000"/>
                  <a:gd name="connsiteY19" fmla="*/ 5318 h 10000"/>
                  <a:gd name="connsiteX20" fmla="*/ 6447 w 10000"/>
                  <a:gd name="connsiteY20" fmla="*/ 5539 h 10000"/>
                  <a:gd name="connsiteX21" fmla="*/ 6471 w 10000"/>
                  <a:gd name="connsiteY21" fmla="*/ 5775 h 10000"/>
                  <a:gd name="connsiteX22" fmla="*/ 6471 w 10000"/>
                  <a:gd name="connsiteY22" fmla="*/ 5997 h 10000"/>
                  <a:gd name="connsiteX23" fmla="*/ 6447 w 10000"/>
                  <a:gd name="connsiteY23" fmla="*/ 6233 h 10000"/>
                  <a:gd name="connsiteX24" fmla="*/ 6396 w 10000"/>
                  <a:gd name="connsiteY24" fmla="*/ 6470 h 10000"/>
                  <a:gd name="connsiteX25" fmla="*/ 6345 w 10000"/>
                  <a:gd name="connsiteY25" fmla="*/ 6677 h 10000"/>
                  <a:gd name="connsiteX26" fmla="*/ 6269 w 10000"/>
                  <a:gd name="connsiteY26" fmla="*/ 6898 h 10000"/>
                  <a:gd name="connsiteX27" fmla="*/ 6168 w 10000"/>
                  <a:gd name="connsiteY27" fmla="*/ 7105 h 10000"/>
                  <a:gd name="connsiteX28" fmla="*/ 6041 w 10000"/>
                  <a:gd name="connsiteY28" fmla="*/ 7297 h 10000"/>
                  <a:gd name="connsiteX29" fmla="*/ 5888 w 10000"/>
                  <a:gd name="connsiteY29" fmla="*/ 7489 h 10000"/>
                  <a:gd name="connsiteX30" fmla="*/ 5735 w 10000"/>
                  <a:gd name="connsiteY30" fmla="*/ 7681 h 10000"/>
                  <a:gd name="connsiteX31" fmla="*/ 6471 w 10000"/>
                  <a:gd name="connsiteY31" fmla="*/ 7799 h 10000"/>
                  <a:gd name="connsiteX32" fmla="*/ 7234 w 10000"/>
                  <a:gd name="connsiteY32" fmla="*/ 7962 h 10000"/>
                  <a:gd name="connsiteX33" fmla="*/ 7385 w 10000"/>
                  <a:gd name="connsiteY33" fmla="*/ 8021 h 10000"/>
                  <a:gd name="connsiteX34" fmla="*/ 7512 w 10000"/>
                  <a:gd name="connsiteY34" fmla="*/ 8080 h 10000"/>
                  <a:gd name="connsiteX35" fmla="*/ 7639 w 10000"/>
                  <a:gd name="connsiteY35" fmla="*/ 8139 h 10000"/>
                  <a:gd name="connsiteX36" fmla="*/ 7716 w 10000"/>
                  <a:gd name="connsiteY36" fmla="*/ 8227 h 10000"/>
                  <a:gd name="connsiteX37" fmla="*/ 7741 w 10000"/>
                  <a:gd name="connsiteY37" fmla="*/ 8301 h 10000"/>
                  <a:gd name="connsiteX38" fmla="*/ 7741 w 10000"/>
                  <a:gd name="connsiteY38" fmla="*/ 8405 h 10000"/>
                  <a:gd name="connsiteX39" fmla="*/ 7691 w 10000"/>
                  <a:gd name="connsiteY39" fmla="*/ 8523 h 10000"/>
                  <a:gd name="connsiteX40" fmla="*/ 7614 w 10000"/>
                  <a:gd name="connsiteY40" fmla="*/ 8641 h 10000"/>
                  <a:gd name="connsiteX41" fmla="*/ 7284 w 10000"/>
                  <a:gd name="connsiteY41" fmla="*/ 8552 h 10000"/>
                  <a:gd name="connsiteX42" fmla="*/ 6979 w 10000"/>
                  <a:gd name="connsiteY42" fmla="*/ 8449 h 10000"/>
                  <a:gd name="connsiteX43" fmla="*/ 6674 w 10000"/>
                  <a:gd name="connsiteY43" fmla="*/ 8360 h 10000"/>
                  <a:gd name="connsiteX44" fmla="*/ 6369 w 10000"/>
                  <a:gd name="connsiteY44" fmla="*/ 8287 h 10000"/>
                  <a:gd name="connsiteX45" fmla="*/ 6243 w 10000"/>
                  <a:gd name="connsiteY45" fmla="*/ 8449 h 10000"/>
                  <a:gd name="connsiteX46" fmla="*/ 6143 w 10000"/>
                  <a:gd name="connsiteY46" fmla="*/ 8597 h 10000"/>
                  <a:gd name="connsiteX47" fmla="*/ 6091 w 10000"/>
                  <a:gd name="connsiteY47" fmla="*/ 8656 h 10000"/>
                  <a:gd name="connsiteX48" fmla="*/ 5989 w 10000"/>
                  <a:gd name="connsiteY48" fmla="*/ 8700 h 10000"/>
                  <a:gd name="connsiteX49" fmla="*/ 5914 w 10000"/>
                  <a:gd name="connsiteY49" fmla="*/ 8744 h 10000"/>
                  <a:gd name="connsiteX50" fmla="*/ 5838 w 10000"/>
                  <a:gd name="connsiteY50" fmla="*/ 8774 h 10000"/>
                  <a:gd name="connsiteX51" fmla="*/ 5761 w 10000"/>
                  <a:gd name="connsiteY51" fmla="*/ 8804 h 10000"/>
                  <a:gd name="connsiteX52" fmla="*/ 5660 w 10000"/>
                  <a:gd name="connsiteY52" fmla="*/ 8818 h 10000"/>
                  <a:gd name="connsiteX53" fmla="*/ 5532 w 10000"/>
                  <a:gd name="connsiteY53" fmla="*/ 8833 h 10000"/>
                  <a:gd name="connsiteX54" fmla="*/ 5406 w 10000"/>
                  <a:gd name="connsiteY54" fmla="*/ 8833 h 10000"/>
                  <a:gd name="connsiteX55" fmla="*/ 5102 w 10000"/>
                  <a:gd name="connsiteY55" fmla="*/ 8818 h 10000"/>
                  <a:gd name="connsiteX56" fmla="*/ 4720 w 10000"/>
                  <a:gd name="connsiteY56" fmla="*/ 8744 h 10000"/>
                  <a:gd name="connsiteX57" fmla="*/ 4720 w 10000"/>
                  <a:gd name="connsiteY57" fmla="*/ 8922 h 10000"/>
                  <a:gd name="connsiteX58" fmla="*/ 4695 w 10000"/>
                  <a:gd name="connsiteY58" fmla="*/ 9069 h 10000"/>
                  <a:gd name="connsiteX59" fmla="*/ 4671 w 10000"/>
                  <a:gd name="connsiteY59" fmla="*/ 9232 h 10000"/>
                  <a:gd name="connsiteX60" fmla="*/ 4644 w 10000"/>
                  <a:gd name="connsiteY60" fmla="*/ 9365 h 10000"/>
                  <a:gd name="connsiteX61" fmla="*/ 4593 w 10000"/>
                  <a:gd name="connsiteY61" fmla="*/ 9498 h 10000"/>
                  <a:gd name="connsiteX62" fmla="*/ 4493 w 10000"/>
                  <a:gd name="connsiteY62" fmla="*/ 9616 h 10000"/>
                  <a:gd name="connsiteX63" fmla="*/ 4416 w 10000"/>
                  <a:gd name="connsiteY63" fmla="*/ 9734 h 10000"/>
                  <a:gd name="connsiteX64" fmla="*/ 4289 w 10000"/>
                  <a:gd name="connsiteY64" fmla="*/ 9838 h 10000"/>
                  <a:gd name="connsiteX65" fmla="*/ 3983 w 10000"/>
                  <a:gd name="connsiteY65" fmla="*/ 9897 h 10000"/>
                  <a:gd name="connsiteX66" fmla="*/ 3731 w 10000"/>
                  <a:gd name="connsiteY66" fmla="*/ 9941 h 10000"/>
                  <a:gd name="connsiteX67" fmla="*/ 3426 w 10000"/>
                  <a:gd name="connsiteY67" fmla="*/ 9985 h 10000"/>
                  <a:gd name="connsiteX68" fmla="*/ 3198 w 10000"/>
                  <a:gd name="connsiteY68" fmla="*/ 10000 h 10000"/>
                  <a:gd name="connsiteX69" fmla="*/ 2690 w 10000"/>
                  <a:gd name="connsiteY69" fmla="*/ 10000 h 10000"/>
                  <a:gd name="connsiteX70" fmla="*/ 2208 w 10000"/>
                  <a:gd name="connsiteY70" fmla="*/ 9985 h 10000"/>
                  <a:gd name="connsiteX71" fmla="*/ 1752 w 10000"/>
                  <a:gd name="connsiteY71" fmla="*/ 9941 h 10000"/>
                  <a:gd name="connsiteX72" fmla="*/ 1270 w 10000"/>
                  <a:gd name="connsiteY72" fmla="*/ 9911 h 10000"/>
                  <a:gd name="connsiteX73" fmla="*/ 990 w 10000"/>
                  <a:gd name="connsiteY73" fmla="*/ 9911 h 10000"/>
                  <a:gd name="connsiteX74" fmla="*/ 736 w 10000"/>
                  <a:gd name="connsiteY74" fmla="*/ 9911 h 10000"/>
                  <a:gd name="connsiteX75" fmla="*/ 457 w 10000"/>
                  <a:gd name="connsiteY75" fmla="*/ 9926 h 10000"/>
                  <a:gd name="connsiteX76" fmla="*/ 178 w 10000"/>
                  <a:gd name="connsiteY76" fmla="*/ 9970 h 10000"/>
                  <a:gd name="connsiteX77" fmla="*/ 102 w 10000"/>
                  <a:gd name="connsiteY77" fmla="*/ 9867 h 10000"/>
                  <a:gd name="connsiteX78" fmla="*/ 51 w 10000"/>
                  <a:gd name="connsiteY78" fmla="*/ 9793 h 10000"/>
                  <a:gd name="connsiteX79" fmla="*/ 0 w 10000"/>
                  <a:gd name="connsiteY79" fmla="*/ 9705 h 10000"/>
                  <a:gd name="connsiteX80" fmla="*/ 0 w 10000"/>
                  <a:gd name="connsiteY80" fmla="*/ 9601 h 10000"/>
                  <a:gd name="connsiteX81" fmla="*/ 51 w 10000"/>
                  <a:gd name="connsiteY81" fmla="*/ 9424 h 10000"/>
                  <a:gd name="connsiteX82" fmla="*/ 102 w 10000"/>
                  <a:gd name="connsiteY82" fmla="*/ 9202 h 10000"/>
                  <a:gd name="connsiteX83" fmla="*/ 151 w 10000"/>
                  <a:gd name="connsiteY83" fmla="*/ 8996 h 10000"/>
                  <a:gd name="connsiteX84" fmla="*/ 203 w 10000"/>
                  <a:gd name="connsiteY84" fmla="*/ 8759 h 10000"/>
                  <a:gd name="connsiteX85" fmla="*/ 228 w 10000"/>
                  <a:gd name="connsiteY85" fmla="*/ 8641 h 10000"/>
                  <a:gd name="connsiteX86" fmla="*/ 228 w 10000"/>
                  <a:gd name="connsiteY86" fmla="*/ 8538 h 10000"/>
                  <a:gd name="connsiteX87" fmla="*/ 203 w 10000"/>
                  <a:gd name="connsiteY87" fmla="*/ 8405 h 10000"/>
                  <a:gd name="connsiteX88" fmla="*/ 178 w 10000"/>
                  <a:gd name="connsiteY88" fmla="*/ 8287 h 10000"/>
                  <a:gd name="connsiteX89" fmla="*/ 431 w 10000"/>
                  <a:gd name="connsiteY89" fmla="*/ 8213 h 10000"/>
                  <a:gd name="connsiteX90" fmla="*/ 685 w 10000"/>
                  <a:gd name="connsiteY90" fmla="*/ 8139 h 10000"/>
                  <a:gd name="connsiteX91" fmla="*/ 939 w 10000"/>
                  <a:gd name="connsiteY91" fmla="*/ 8095 h 10000"/>
                  <a:gd name="connsiteX92" fmla="*/ 1218 w 10000"/>
                  <a:gd name="connsiteY92" fmla="*/ 8065 h 10000"/>
                  <a:gd name="connsiteX93" fmla="*/ 1725 w 10000"/>
                  <a:gd name="connsiteY93" fmla="*/ 8021 h 10000"/>
                  <a:gd name="connsiteX94" fmla="*/ 2234 w 10000"/>
                  <a:gd name="connsiteY94" fmla="*/ 7976 h 10000"/>
                  <a:gd name="connsiteX95" fmla="*/ 2462 w 10000"/>
                  <a:gd name="connsiteY95" fmla="*/ 7947 h 10000"/>
                  <a:gd name="connsiteX96" fmla="*/ 2690 w 10000"/>
                  <a:gd name="connsiteY96" fmla="*/ 7917 h 10000"/>
                  <a:gd name="connsiteX97" fmla="*/ 2892 w 10000"/>
                  <a:gd name="connsiteY97" fmla="*/ 7843 h 10000"/>
                  <a:gd name="connsiteX98" fmla="*/ 3096 w 10000"/>
                  <a:gd name="connsiteY98" fmla="*/ 7784 h 10000"/>
                  <a:gd name="connsiteX99" fmla="*/ 3274 w 10000"/>
                  <a:gd name="connsiteY99" fmla="*/ 7710 h 10000"/>
                  <a:gd name="connsiteX100" fmla="*/ 3426 w 10000"/>
                  <a:gd name="connsiteY100" fmla="*/ 7592 h 10000"/>
                  <a:gd name="connsiteX101" fmla="*/ 3579 w 10000"/>
                  <a:gd name="connsiteY101" fmla="*/ 7474 h 10000"/>
                  <a:gd name="connsiteX102" fmla="*/ 3680 w 10000"/>
                  <a:gd name="connsiteY102" fmla="*/ 7312 h 10000"/>
                  <a:gd name="connsiteX103" fmla="*/ 3477 w 10000"/>
                  <a:gd name="connsiteY103" fmla="*/ 7238 h 10000"/>
                  <a:gd name="connsiteX104" fmla="*/ 3299 w 10000"/>
                  <a:gd name="connsiteY104" fmla="*/ 7179 h 10000"/>
                  <a:gd name="connsiteX105" fmla="*/ 3147 w 10000"/>
                  <a:gd name="connsiteY105" fmla="*/ 7090 h 10000"/>
                  <a:gd name="connsiteX106" fmla="*/ 2995 w 10000"/>
                  <a:gd name="connsiteY106" fmla="*/ 6987 h 10000"/>
                  <a:gd name="connsiteX107" fmla="*/ 2892 w 10000"/>
                  <a:gd name="connsiteY107" fmla="*/ 6869 h 10000"/>
                  <a:gd name="connsiteX108" fmla="*/ 2843 w 10000"/>
                  <a:gd name="connsiteY108" fmla="*/ 6721 h 10000"/>
                  <a:gd name="connsiteX109" fmla="*/ 2817 w 10000"/>
                  <a:gd name="connsiteY109" fmla="*/ 6558 h 10000"/>
                  <a:gd name="connsiteX110" fmla="*/ 2843 w 10000"/>
                  <a:gd name="connsiteY110" fmla="*/ 6352 h 10000"/>
                  <a:gd name="connsiteX111" fmla="*/ 2716 w 10000"/>
                  <a:gd name="connsiteY111" fmla="*/ 6322 h 10000"/>
                  <a:gd name="connsiteX112" fmla="*/ 2564 w 10000"/>
                  <a:gd name="connsiteY112" fmla="*/ 6292 h 10000"/>
                  <a:gd name="connsiteX113" fmla="*/ 2386 w 10000"/>
                  <a:gd name="connsiteY113" fmla="*/ 6278 h 10000"/>
                  <a:gd name="connsiteX114" fmla="*/ 2208 w 10000"/>
                  <a:gd name="connsiteY114" fmla="*/ 6263 h 10000"/>
                  <a:gd name="connsiteX115" fmla="*/ 1853 w 10000"/>
                  <a:gd name="connsiteY115" fmla="*/ 6248 h 10000"/>
                  <a:gd name="connsiteX116" fmla="*/ 1472 w 10000"/>
                  <a:gd name="connsiteY116" fmla="*/ 6263 h 10000"/>
                  <a:gd name="connsiteX117" fmla="*/ 1143 w 10000"/>
                  <a:gd name="connsiteY117" fmla="*/ 6278 h 10000"/>
                  <a:gd name="connsiteX118" fmla="*/ 837 w 10000"/>
                  <a:gd name="connsiteY118" fmla="*/ 6278 h 10000"/>
                  <a:gd name="connsiteX119" fmla="*/ 585 w 10000"/>
                  <a:gd name="connsiteY119" fmla="*/ 6263 h 10000"/>
                  <a:gd name="connsiteX120" fmla="*/ 381 w 10000"/>
                  <a:gd name="connsiteY120" fmla="*/ 6233 h 10000"/>
                  <a:gd name="connsiteX121" fmla="*/ 633 w 10000"/>
                  <a:gd name="connsiteY121" fmla="*/ 5805 h 10000"/>
                  <a:gd name="connsiteX122" fmla="*/ 914 w 10000"/>
                  <a:gd name="connsiteY122" fmla="*/ 5391 h 10000"/>
                  <a:gd name="connsiteX123" fmla="*/ 1016 w 10000"/>
                  <a:gd name="connsiteY123" fmla="*/ 5170 h 10000"/>
                  <a:gd name="connsiteX124" fmla="*/ 1091 w 10000"/>
                  <a:gd name="connsiteY124" fmla="*/ 4963 h 10000"/>
                  <a:gd name="connsiteX125" fmla="*/ 1116 w 10000"/>
                  <a:gd name="connsiteY125" fmla="*/ 4860 h 10000"/>
                  <a:gd name="connsiteX126" fmla="*/ 1091 w 10000"/>
                  <a:gd name="connsiteY126" fmla="*/ 4756 h 10000"/>
                  <a:gd name="connsiteX127" fmla="*/ 1066 w 10000"/>
                  <a:gd name="connsiteY127" fmla="*/ 4653 h 10000"/>
                  <a:gd name="connsiteX128" fmla="*/ 990 w 10000"/>
                  <a:gd name="connsiteY128" fmla="*/ 4549 h 10000"/>
                  <a:gd name="connsiteX129" fmla="*/ 1270 w 10000"/>
                  <a:gd name="connsiteY129" fmla="*/ 4520 h 10000"/>
                  <a:gd name="connsiteX130" fmla="*/ 1472 w 10000"/>
                  <a:gd name="connsiteY130" fmla="*/ 4505 h 10000"/>
                  <a:gd name="connsiteX131" fmla="*/ 1650 w 10000"/>
                  <a:gd name="connsiteY131" fmla="*/ 4505 h 10000"/>
                  <a:gd name="connsiteX132" fmla="*/ 1802 w 10000"/>
                  <a:gd name="connsiteY132" fmla="*/ 4520 h 10000"/>
                  <a:gd name="connsiteX133" fmla="*/ 1929 w 10000"/>
                  <a:gd name="connsiteY133" fmla="*/ 4520 h 10000"/>
                  <a:gd name="connsiteX134" fmla="*/ 2081 w 10000"/>
                  <a:gd name="connsiteY134" fmla="*/ 4520 h 10000"/>
                  <a:gd name="connsiteX135" fmla="*/ 2234 w 10000"/>
                  <a:gd name="connsiteY135" fmla="*/ 4490 h 10000"/>
                  <a:gd name="connsiteX136" fmla="*/ 2436 w 10000"/>
                  <a:gd name="connsiteY136" fmla="*/ 4446 h 10000"/>
                  <a:gd name="connsiteX137" fmla="*/ 2436 w 10000"/>
                  <a:gd name="connsiteY137" fmla="*/ 4579 h 10000"/>
                  <a:gd name="connsiteX138" fmla="*/ 2436 w 10000"/>
                  <a:gd name="connsiteY138" fmla="*/ 4742 h 10000"/>
                  <a:gd name="connsiteX139" fmla="*/ 2436 w 10000"/>
                  <a:gd name="connsiteY139" fmla="*/ 4874 h 10000"/>
                  <a:gd name="connsiteX140" fmla="*/ 2436 w 10000"/>
                  <a:gd name="connsiteY140" fmla="*/ 5037 h 10000"/>
                  <a:gd name="connsiteX141" fmla="*/ 2665 w 10000"/>
                  <a:gd name="connsiteY141" fmla="*/ 5022 h 10000"/>
                  <a:gd name="connsiteX142" fmla="*/ 2817 w 10000"/>
                  <a:gd name="connsiteY142" fmla="*/ 5037 h 10000"/>
                  <a:gd name="connsiteX143" fmla="*/ 2944 w 10000"/>
                  <a:gd name="connsiteY143" fmla="*/ 5066 h 10000"/>
                  <a:gd name="connsiteX144" fmla="*/ 3071 w 10000"/>
                  <a:gd name="connsiteY144" fmla="*/ 5096 h 10000"/>
                  <a:gd name="connsiteX145" fmla="*/ 3173 w 10000"/>
                  <a:gd name="connsiteY145" fmla="*/ 5126 h 10000"/>
                  <a:gd name="connsiteX146" fmla="*/ 3299 w 10000"/>
                  <a:gd name="connsiteY146" fmla="*/ 5155 h 10000"/>
                  <a:gd name="connsiteX147" fmla="*/ 3452 w 10000"/>
                  <a:gd name="connsiteY147" fmla="*/ 5170 h 10000"/>
                  <a:gd name="connsiteX148" fmla="*/ 3680 w 10000"/>
                  <a:gd name="connsiteY148" fmla="*/ 5155 h 10000"/>
                  <a:gd name="connsiteX149" fmla="*/ 3757 w 10000"/>
                  <a:gd name="connsiteY149" fmla="*/ 5096 h 10000"/>
                  <a:gd name="connsiteX150" fmla="*/ 3832 w 10000"/>
                  <a:gd name="connsiteY150" fmla="*/ 5022 h 10000"/>
                  <a:gd name="connsiteX151" fmla="*/ 3857 w 10000"/>
                  <a:gd name="connsiteY151" fmla="*/ 4934 h 10000"/>
                  <a:gd name="connsiteX152" fmla="*/ 3884 w 10000"/>
                  <a:gd name="connsiteY152" fmla="*/ 4860 h 10000"/>
                  <a:gd name="connsiteX153" fmla="*/ 3908 w 10000"/>
                  <a:gd name="connsiteY153" fmla="*/ 4697 h 10000"/>
                  <a:gd name="connsiteX154" fmla="*/ 3884 w 10000"/>
                  <a:gd name="connsiteY154" fmla="*/ 4520 h 10000"/>
                  <a:gd name="connsiteX155" fmla="*/ 3807 w 10000"/>
                  <a:gd name="connsiteY155" fmla="*/ 4343 h 10000"/>
                  <a:gd name="connsiteX156" fmla="*/ 3731 w 10000"/>
                  <a:gd name="connsiteY156" fmla="*/ 4195 h 10000"/>
                  <a:gd name="connsiteX157" fmla="*/ 3604 w 10000"/>
                  <a:gd name="connsiteY157" fmla="*/ 4047 h 10000"/>
                  <a:gd name="connsiteX158" fmla="*/ 3477 w 10000"/>
                  <a:gd name="connsiteY158" fmla="*/ 3959 h 10000"/>
                  <a:gd name="connsiteX159" fmla="*/ 3629 w 10000"/>
                  <a:gd name="connsiteY159" fmla="*/ 3944 h 10000"/>
                  <a:gd name="connsiteX160" fmla="*/ 3757 w 10000"/>
                  <a:gd name="connsiteY160" fmla="*/ 3914 h 10000"/>
                  <a:gd name="connsiteX161" fmla="*/ 3857 w 10000"/>
                  <a:gd name="connsiteY161" fmla="*/ 3855 h 10000"/>
                  <a:gd name="connsiteX162" fmla="*/ 3983 w 10000"/>
                  <a:gd name="connsiteY162" fmla="*/ 3752 h 10000"/>
                  <a:gd name="connsiteX163" fmla="*/ 4111 w 10000"/>
                  <a:gd name="connsiteY163" fmla="*/ 3663 h 10000"/>
                  <a:gd name="connsiteX164" fmla="*/ 4213 w 10000"/>
                  <a:gd name="connsiteY164" fmla="*/ 3560 h 10000"/>
                  <a:gd name="connsiteX165" fmla="*/ 4289 w 10000"/>
                  <a:gd name="connsiteY165" fmla="*/ 3442 h 10000"/>
                  <a:gd name="connsiteX166" fmla="*/ 4366 w 10000"/>
                  <a:gd name="connsiteY166" fmla="*/ 3323 h 10000"/>
                  <a:gd name="connsiteX167" fmla="*/ 4416 w 10000"/>
                  <a:gd name="connsiteY167" fmla="*/ 3220 h 10000"/>
                  <a:gd name="connsiteX168" fmla="*/ 4441 w 10000"/>
                  <a:gd name="connsiteY168" fmla="*/ 3102 h 10000"/>
                  <a:gd name="connsiteX169" fmla="*/ 4468 w 10000"/>
                  <a:gd name="connsiteY169" fmla="*/ 3013 h 10000"/>
                  <a:gd name="connsiteX170" fmla="*/ 4441 w 10000"/>
                  <a:gd name="connsiteY170" fmla="*/ 2939 h 10000"/>
                  <a:gd name="connsiteX171" fmla="*/ 4416 w 10000"/>
                  <a:gd name="connsiteY171" fmla="*/ 2866 h 10000"/>
                  <a:gd name="connsiteX172" fmla="*/ 4340 w 10000"/>
                  <a:gd name="connsiteY172" fmla="*/ 2836 h 10000"/>
                  <a:gd name="connsiteX173" fmla="*/ 4239 w 10000"/>
                  <a:gd name="connsiteY173" fmla="*/ 2836 h 10000"/>
                  <a:gd name="connsiteX174" fmla="*/ 4111 w 10000"/>
                  <a:gd name="connsiteY174" fmla="*/ 2866 h 10000"/>
                  <a:gd name="connsiteX175" fmla="*/ 4213 w 10000"/>
                  <a:gd name="connsiteY175" fmla="*/ 2777 h 10000"/>
                  <a:gd name="connsiteX176" fmla="*/ 4265 w 10000"/>
                  <a:gd name="connsiteY176" fmla="*/ 2674 h 10000"/>
                  <a:gd name="connsiteX177" fmla="*/ 4289 w 10000"/>
                  <a:gd name="connsiteY177" fmla="*/ 2541 h 10000"/>
                  <a:gd name="connsiteX178" fmla="*/ 4289 w 10000"/>
                  <a:gd name="connsiteY178" fmla="*/ 2393 h 10000"/>
                  <a:gd name="connsiteX179" fmla="*/ 4314 w 10000"/>
                  <a:gd name="connsiteY179" fmla="*/ 2349 h 10000"/>
                  <a:gd name="connsiteX180" fmla="*/ 4366 w 10000"/>
                  <a:gd name="connsiteY180" fmla="*/ 2304 h 10000"/>
                  <a:gd name="connsiteX181" fmla="*/ 4416 w 10000"/>
                  <a:gd name="connsiteY181" fmla="*/ 2290 h 10000"/>
                  <a:gd name="connsiteX182" fmla="*/ 4493 w 10000"/>
                  <a:gd name="connsiteY182" fmla="*/ 2275 h 10000"/>
                  <a:gd name="connsiteX183" fmla="*/ 4720 w 10000"/>
                  <a:gd name="connsiteY183" fmla="*/ 2260 h 10000"/>
                  <a:gd name="connsiteX184" fmla="*/ 4923 w 10000"/>
                  <a:gd name="connsiteY184" fmla="*/ 2275 h 10000"/>
                  <a:gd name="connsiteX185" fmla="*/ 4898 w 10000"/>
                  <a:gd name="connsiteY185" fmla="*/ 2112 h 10000"/>
                  <a:gd name="connsiteX186" fmla="*/ 4848 w 10000"/>
                  <a:gd name="connsiteY186" fmla="*/ 1950 h 10000"/>
                  <a:gd name="connsiteX187" fmla="*/ 4771 w 10000"/>
                  <a:gd name="connsiteY187" fmla="*/ 1802 h 10000"/>
                  <a:gd name="connsiteX188" fmla="*/ 4671 w 10000"/>
                  <a:gd name="connsiteY188" fmla="*/ 1640 h 10000"/>
                  <a:gd name="connsiteX189" fmla="*/ 4416 w 10000"/>
                  <a:gd name="connsiteY189" fmla="*/ 1329 h 10000"/>
                  <a:gd name="connsiteX190" fmla="*/ 4162 w 10000"/>
                  <a:gd name="connsiteY190" fmla="*/ 1034 h 10000"/>
                  <a:gd name="connsiteX191" fmla="*/ 4035 w 10000"/>
                  <a:gd name="connsiteY191" fmla="*/ 901 h 10000"/>
                  <a:gd name="connsiteX192" fmla="*/ 3935 w 10000"/>
                  <a:gd name="connsiteY192" fmla="*/ 753 h 10000"/>
                  <a:gd name="connsiteX193" fmla="*/ 3857 w 10000"/>
                  <a:gd name="connsiteY193" fmla="*/ 620 h 10000"/>
                  <a:gd name="connsiteX194" fmla="*/ 3832 w 10000"/>
                  <a:gd name="connsiteY194" fmla="*/ 487 h 10000"/>
                  <a:gd name="connsiteX195" fmla="*/ 3807 w 10000"/>
                  <a:gd name="connsiteY195" fmla="*/ 355 h 10000"/>
                  <a:gd name="connsiteX196" fmla="*/ 3857 w 10000"/>
                  <a:gd name="connsiteY196" fmla="*/ 222 h 10000"/>
                  <a:gd name="connsiteX197" fmla="*/ 3884 w 10000"/>
                  <a:gd name="connsiteY197" fmla="*/ 162 h 10000"/>
                  <a:gd name="connsiteX198" fmla="*/ 3935 w 10000"/>
                  <a:gd name="connsiteY198" fmla="*/ 103 h 10000"/>
                  <a:gd name="connsiteX199" fmla="*/ 4011 w 10000"/>
                  <a:gd name="connsiteY199" fmla="*/ 59 h 10000"/>
                  <a:gd name="connsiteX200" fmla="*/ 4111 w 10000"/>
                  <a:gd name="connsiteY200" fmla="*/ 0 h 10000"/>
                  <a:gd name="connsiteX201" fmla="*/ 4289 w 10000"/>
                  <a:gd name="connsiteY201" fmla="*/ 0 h 10000"/>
                  <a:gd name="connsiteX202" fmla="*/ 4468 w 10000"/>
                  <a:gd name="connsiteY202" fmla="*/ 15 h 10000"/>
                  <a:gd name="connsiteX203" fmla="*/ 4644 w 10000"/>
                  <a:gd name="connsiteY203" fmla="*/ 44 h 10000"/>
                  <a:gd name="connsiteX204" fmla="*/ 4771 w 10000"/>
                  <a:gd name="connsiteY204" fmla="*/ 89 h 10000"/>
                  <a:gd name="connsiteX205" fmla="*/ 4975 w 10000"/>
                  <a:gd name="connsiteY205" fmla="*/ 192 h 10000"/>
                  <a:gd name="connsiteX206" fmla="*/ 5177 w 10000"/>
                  <a:gd name="connsiteY206" fmla="*/ 340 h 10000"/>
                  <a:gd name="connsiteX207" fmla="*/ 5329 w 10000"/>
                  <a:gd name="connsiteY207" fmla="*/ 473 h 10000"/>
                  <a:gd name="connsiteX208" fmla="*/ 5532 w 10000"/>
                  <a:gd name="connsiteY208" fmla="*/ 591 h 10000"/>
                  <a:gd name="connsiteX209" fmla="*/ 5660 w 10000"/>
                  <a:gd name="connsiteY209" fmla="*/ 650 h 10000"/>
                  <a:gd name="connsiteX210" fmla="*/ 5812 w 10000"/>
                  <a:gd name="connsiteY210" fmla="*/ 679 h 10000"/>
                  <a:gd name="connsiteX211" fmla="*/ 5965 w 10000"/>
                  <a:gd name="connsiteY211" fmla="*/ 709 h 10000"/>
                  <a:gd name="connsiteX212" fmla="*/ 6168 w 10000"/>
                  <a:gd name="connsiteY212" fmla="*/ 709 h 10000"/>
                  <a:gd name="connsiteX213" fmla="*/ 6168 w 10000"/>
                  <a:gd name="connsiteY213" fmla="*/ 768 h 10000"/>
                  <a:gd name="connsiteX214" fmla="*/ 6193 w 10000"/>
                  <a:gd name="connsiteY214" fmla="*/ 842 h 10000"/>
                  <a:gd name="connsiteX215" fmla="*/ 6243 w 10000"/>
                  <a:gd name="connsiteY215" fmla="*/ 916 h 10000"/>
                  <a:gd name="connsiteX216" fmla="*/ 6294 w 10000"/>
                  <a:gd name="connsiteY216" fmla="*/ 990 h 10000"/>
                  <a:gd name="connsiteX217" fmla="*/ 6369 w 10000"/>
                  <a:gd name="connsiteY217" fmla="*/ 1049 h 10000"/>
                  <a:gd name="connsiteX218" fmla="*/ 6471 w 10000"/>
                  <a:gd name="connsiteY218" fmla="*/ 1108 h 10000"/>
                  <a:gd name="connsiteX219" fmla="*/ 6598 w 10000"/>
                  <a:gd name="connsiteY219" fmla="*/ 1182 h 10000"/>
                  <a:gd name="connsiteX220" fmla="*/ 6700 w 10000"/>
                  <a:gd name="connsiteY220" fmla="*/ 1226 h 10000"/>
                  <a:gd name="connsiteX221" fmla="*/ 6802 w 10000"/>
                  <a:gd name="connsiteY221" fmla="*/ 1270 h 10000"/>
                  <a:gd name="connsiteX222" fmla="*/ 6903 w 10000"/>
                  <a:gd name="connsiteY222" fmla="*/ 1300 h 10000"/>
                  <a:gd name="connsiteX223" fmla="*/ 7005 w 10000"/>
                  <a:gd name="connsiteY223" fmla="*/ 1315 h 10000"/>
                  <a:gd name="connsiteX224" fmla="*/ 7132 w 10000"/>
                  <a:gd name="connsiteY224" fmla="*/ 1300 h 10000"/>
                  <a:gd name="connsiteX225" fmla="*/ 7234 w 10000"/>
                  <a:gd name="connsiteY225" fmla="*/ 1285 h 10000"/>
                  <a:gd name="connsiteX226" fmla="*/ 7309 w 10000"/>
                  <a:gd name="connsiteY226" fmla="*/ 1241 h 10000"/>
                  <a:gd name="connsiteX227" fmla="*/ 7361 w 10000"/>
                  <a:gd name="connsiteY227" fmla="*/ 1167 h 10000"/>
                  <a:gd name="connsiteX228" fmla="*/ 7385 w 10000"/>
                  <a:gd name="connsiteY228" fmla="*/ 1064 h 10000"/>
                  <a:gd name="connsiteX229" fmla="*/ 7766 w 10000"/>
                  <a:gd name="connsiteY229" fmla="*/ 1034 h 10000"/>
                  <a:gd name="connsiteX230" fmla="*/ 8121 w 10000"/>
                  <a:gd name="connsiteY230" fmla="*/ 1004 h 10000"/>
                  <a:gd name="connsiteX231" fmla="*/ 8427 w 10000"/>
                  <a:gd name="connsiteY231" fmla="*/ 990 h 10000"/>
                  <a:gd name="connsiteX232" fmla="*/ 8706 w 10000"/>
                  <a:gd name="connsiteY232" fmla="*/ 1004 h 10000"/>
                  <a:gd name="connsiteX233" fmla="*/ 8833 w 10000"/>
                  <a:gd name="connsiteY233" fmla="*/ 1019 h 10000"/>
                  <a:gd name="connsiteX234" fmla="*/ 8958 w 10000"/>
                  <a:gd name="connsiteY234" fmla="*/ 1034 h 10000"/>
                  <a:gd name="connsiteX235" fmla="*/ 9061 w 10000"/>
                  <a:gd name="connsiteY235" fmla="*/ 1064 h 10000"/>
                  <a:gd name="connsiteX236" fmla="*/ 9188 w 10000"/>
                  <a:gd name="connsiteY236" fmla="*/ 1108 h 10000"/>
                  <a:gd name="connsiteX237" fmla="*/ 9264 w 10000"/>
                  <a:gd name="connsiteY237" fmla="*/ 1182 h 10000"/>
                  <a:gd name="connsiteX238" fmla="*/ 9339 w 10000"/>
                  <a:gd name="connsiteY238" fmla="*/ 1241 h 10000"/>
                  <a:gd name="connsiteX239" fmla="*/ 9391 w 10000"/>
                  <a:gd name="connsiteY239" fmla="*/ 1329 h 10000"/>
                  <a:gd name="connsiteX240" fmla="*/ 9442 w 10000"/>
                  <a:gd name="connsiteY240" fmla="*/ 1433 h 10000"/>
                  <a:gd name="connsiteX241" fmla="*/ 9492 w 10000"/>
                  <a:gd name="connsiteY241" fmla="*/ 1551 h 10000"/>
                  <a:gd name="connsiteX242" fmla="*/ 9466 w 10000"/>
                  <a:gd name="connsiteY242" fmla="*/ 1625 h 10000"/>
                  <a:gd name="connsiteX243" fmla="*/ 9442 w 10000"/>
                  <a:gd name="connsiteY243" fmla="*/ 1684 h 10000"/>
                  <a:gd name="connsiteX244" fmla="*/ 9391 w 10000"/>
                  <a:gd name="connsiteY244" fmla="*/ 1758 h 10000"/>
                  <a:gd name="connsiteX245" fmla="*/ 9315 w 10000"/>
                  <a:gd name="connsiteY245" fmla="*/ 1802 h 10000"/>
                  <a:gd name="connsiteX246" fmla="*/ 9264 w 10000"/>
                  <a:gd name="connsiteY246" fmla="*/ 1861 h 10000"/>
                  <a:gd name="connsiteX247" fmla="*/ 9240 w 10000"/>
                  <a:gd name="connsiteY247" fmla="*/ 1935 h 10000"/>
                  <a:gd name="connsiteX248" fmla="*/ 9264 w 10000"/>
                  <a:gd name="connsiteY248" fmla="*/ 2024 h 10000"/>
                  <a:gd name="connsiteX249" fmla="*/ 9543 w 10000"/>
                  <a:gd name="connsiteY249" fmla="*/ 2157 h 10000"/>
                  <a:gd name="connsiteX250" fmla="*/ 9873 w 10000"/>
                  <a:gd name="connsiteY250" fmla="*/ 2275 h 10000"/>
                  <a:gd name="connsiteX251" fmla="*/ 10000 w 10000"/>
                  <a:gd name="connsiteY251" fmla="*/ 2349 h 10000"/>
                  <a:gd name="connsiteX0" fmla="*/ 7132 w 10000"/>
                  <a:gd name="connsiteY0" fmla="*/ 4564 h 10000"/>
                  <a:gd name="connsiteX1" fmla="*/ 6369 w 10000"/>
                  <a:gd name="connsiteY1" fmla="*/ 4313 h 10000"/>
                  <a:gd name="connsiteX2" fmla="*/ 7383 w 10000"/>
                  <a:gd name="connsiteY2" fmla="*/ 3894 h 10000"/>
                  <a:gd name="connsiteX3" fmla="*/ 8984 w 10000"/>
                  <a:gd name="connsiteY3" fmla="*/ 3412 h 10000"/>
                  <a:gd name="connsiteX4" fmla="*/ 9188 w 10000"/>
                  <a:gd name="connsiteY4" fmla="*/ 3338 h 10000"/>
                  <a:gd name="connsiteX5" fmla="*/ 9415 w 10000"/>
                  <a:gd name="connsiteY5" fmla="*/ 3117 h 10000"/>
                  <a:gd name="connsiteX6" fmla="*/ 9442 w 10000"/>
                  <a:gd name="connsiteY6" fmla="*/ 3072 h 10000"/>
                  <a:gd name="connsiteX7" fmla="*/ 9466 w 10000"/>
                  <a:gd name="connsiteY7" fmla="*/ 3013 h 10000"/>
                  <a:gd name="connsiteX8" fmla="*/ 9466 w 10000"/>
                  <a:gd name="connsiteY8" fmla="*/ 2954 h 10000"/>
                  <a:gd name="connsiteX9" fmla="*/ 9442 w 10000"/>
                  <a:gd name="connsiteY9" fmla="*/ 2866 h 10000"/>
                  <a:gd name="connsiteX10" fmla="*/ 9264 w 10000"/>
                  <a:gd name="connsiteY10" fmla="*/ 2984 h 10000"/>
                  <a:gd name="connsiteX11" fmla="*/ 9061 w 10000"/>
                  <a:gd name="connsiteY11" fmla="*/ 3072 h 10000"/>
                  <a:gd name="connsiteX12" fmla="*/ 8197 w 10000"/>
                  <a:gd name="connsiteY12" fmla="*/ 3397 h 10000"/>
                  <a:gd name="connsiteX13" fmla="*/ 7716 w 10000"/>
                  <a:gd name="connsiteY13" fmla="*/ 3545 h 10000"/>
                  <a:gd name="connsiteX14" fmla="*/ 6345 w 10000"/>
                  <a:gd name="connsiteY14" fmla="*/ 4003 h 10000"/>
                  <a:gd name="connsiteX15" fmla="*/ 6143 w 10000"/>
                  <a:gd name="connsiteY15" fmla="*/ 4106 h 10000"/>
                  <a:gd name="connsiteX16" fmla="*/ 5938 w 10000"/>
                  <a:gd name="connsiteY16" fmla="*/ 4195 h 10000"/>
                  <a:gd name="connsiteX17" fmla="*/ 6091 w 10000"/>
                  <a:gd name="connsiteY17" fmla="*/ 4417 h 10000"/>
                  <a:gd name="connsiteX18" fmla="*/ 6421 w 10000"/>
                  <a:gd name="connsiteY18" fmla="*/ 5318 h 10000"/>
                  <a:gd name="connsiteX19" fmla="*/ 6447 w 10000"/>
                  <a:gd name="connsiteY19" fmla="*/ 5539 h 10000"/>
                  <a:gd name="connsiteX20" fmla="*/ 6471 w 10000"/>
                  <a:gd name="connsiteY20" fmla="*/ 5775 h 10000"/>
                  <a:gd name="connsiteX21" fmla="*/ 6471 w 10000"/>
                  <a:gd name="connsiteY21" fmla="*/ 5997 h 10000"/>
                  <a:gd name="connsiteX22" fmla="*/ 6447 w 10000"/>
                  <a:gd name="connsiteY22" fmla="*/ 6233 h 10000"/>
                  <a:gd name="connsiteX23" fmla="*/ 6396 w 10000"/>
                  <a:gd name="connsiteY23" fmla="*/ 6470 h 10000"/>
                  <a:gd name="connsiteX24" fmla="*/ 6345 w 10000"/>
                  <a:gd name="connsiteY24" fmla="*/ 6677 h 10000"/>
                  <a:gd name="connsiteX25" fmla="*/ 6269 w 10000"/>
                  <a:gd name="connsiteY25" fmla="*/ 6898 h 10000"/>
                  <a:gd name="connsiteX26" fmla="*/ 6168 w 10000"/>
                  <a:gd name="connsiteY26" fmla="*/ 7105 h 10000"/>
                  <a:gd name="connsiteX27" fmla="*/ 6041 w 10000"/>
                  <a:gd name="connsiteY27" fmla="*/ 7297 h 10000"/>
                  <a:gd name="connsiteX28" fmla="*/ 5888 w 10000"/>
                  <a:gd name="connsiteY28" fmla="*/ 7489 h 10000"/>
                  <a:gd name="connsiteX29" fmla="*/ 5735 w 10000"/>
                  <a:gd name="connsiteY29" fmla="*/ 7681 h 10000"/>
                  <a:gd name="connsiteX30" fmla="*/ 6471 w 10000"/>
                  <a:gd name="connsiteY30" fmla="*/ 7799 h 10000"/>
                  <a:gd name="connsiteX31" fmla="*/ 7234 w 10000"/>
                  <a:gd name="connsiteY31" fmla="*/ 7962 h 10000"/>
                  <a:gd name="connsiteX32" fmla="*/ 7385 w 10000"/>
                  <a:gd name="connsiteY32" fmla="*/ 8021 h 10000"/>
                  <a:gd name="connsiteX33" fmla="*/ 7512 w 10000"/>
                  <a:gd name="connsiteY33" fmla="*/ 8080 h 10000"/>
                  <a:gd name="connsiteX34" fmla="*/ 7639 w 10000"/>
                  <a:gd name="connsiteY34" fmla="*/ 8139 h 10000"/>
                  <a:gd name="connsiteX35" fmla="*/ 7716 w 10000"/>
                  <a:gd name="connsiteY35" fmla="*/ 8227 h 10000"/>
                  <a:gd name="connsiteX36" fmla="*/ 7741 w 10000"/>
                  <a:gd name="connsiteY36" fmla="*/ 8301 h 10000"/>
                  <a:gd name="connsiteX37" fmla="*/ 7741 w 10000"/>
                  <a:gd name="connsiteY37" fmla="*/ 8405 h 10000"/>
                  <a:gd name="connsiteX38" fmla="*/ 7691 w 10000"/>
                  <a:gd name="connsiteY38" fmla="*/ 8523 h 10000"/>
                  <a:gd name="connsiteX39" fmla="*/ 7614 w 10000"/>
                  <a:gd name="connsiteY39" fmla="*/ 8641 h 10000"/>
                  <a:gd name="connsiteX40" fmla="*/ 7284 w 10000"/>
                  <a:gd name="connsiteY40" fmla="*/ 8552 h 10000"/>
                  <a:gd name="connsiteX41" fmla="*/ 6979 w 10000"/>
                  <a:gd name="connsiteY41" fmla="*/ 8449 h 10000"/>
                  <a:gd name="connsiteX42" fmla="*/ 6674 w 10000"/>
                  <a:gd name="connsiteY42" fmla="*/ 8360 h 10000"/>
                  <a:gd name="connsiteX43" fmla="*/ 6369 w 10000"/>
                  <a:gd name="connsiteY43" fmla="*/ 8287 h 10000"/>
                  <a:gd name="connsiteX44" fmla="*/ 6243 w 10000"/>
                  <a:gd name="connsiteY44" fmla="*/ 8449 h 10000"/>
                  <a:gd name="connsiteX45" fmla="*/ 6143 w 10000"/>
                  <a:gd name="connsiteY45" fmla="*/ 8597 h 10000"/>
                  <a:gd name="connsiteX46" fmla="*/ 6091 w 10000"/>
                  <a:gd name="connsiteY46" fmla="*/ 8656 h 10000"/>
                  <a:gd name="connsiteX47" fmla="*/ 5989 w 10000"/>
                  <a:gd name="connsiteY47" fmla="*/ 8700 h 10000"/>
                  <a:gd name="connsiteX48" fmla="*/ 5914 w 10000"/>
                  <a:gd name="connsiteY48" fmla="*/ 8744 h 10000"/>
                  <a:gd name="connsiteX49" fmla="*/ 5838 w 10000"/>
                  <a:gd name="connsiteY49" fmla="*/ 8774 h 10000"/>
                  <a:gd name="connsiteX50" fmla="*/ 5761 w 10000"/>
                  <a:gd name="connsiteY50" fmla="*/ 8804 h 10000"/>
                  <a:gd name="connsiteX51" fmla="*/ 5660 w 10000"/>
                  <a:gd name="connsiteY51" fmla="*/ 8818 h 10000"/>
                  <a:gd name="connsiteX52" fmla="*/ 5532 w 10000"/>
                  <a:gd name="connsiteY52" fmla="*/ 8833 h 10000"/>
                  <a:gd name="connsiteX53" fmla="*/ 5406 w 10000"/>
                  <a:gd name="connsiteY53" fmla="*/ 8833 h 10000"/>
                  <a:gd name="connsiteX54" fmla="*/ 5102 w 10000"/>
                  <a:gd name="connsiteY54" fmla="*/ 8818 h 10000"/>
                  <a:gd name="connsiteX55" fmla="*/ 4720 w 10000"/>
                  <a:gd name="connsiteY55" fmla="*/ 8744 h 10000"/>
                  <a:gd name="connsiteX56" fmla="*/ 4720 w 10000"/>
                  <a:gd name="connsiteY56" fmla="*/ 8922 h 10000"/>
                  <a:gd name="connsiteX57" fmla="*/ 4695 w 10000"/>
                  <a:gd name="connsiteY57" fmla="*/ 9069 h 10000"/>
                  <a:gd name="connsiteX58" fmla="*/ 4671 w 10000"/>
                  <a:gd name="connsiteY58" fmla="*/ 9232 h 10000"/>
                  <a:gd name="connsiteX59" fmla="*/ 4644 w 10000"/>
                  <a:gd name="connsiteY59" fmla="*/ 9365 h 10000"/>
                  <a:gd name="connsiteX60" fmla="*/ 4593 w 10000"/>
                  <a:gd name="connsiteY60" fmla="*/ 9498 h 10000"/>
                  <a:gd name="connsiteX61" fmla="*/ 4493 w 10000"/>
                  <a:gd name="connsiteY61" fmla="*/ 9616 h 10000"/>
                  <a:gd name="connsiteX62" fmla="*/ 4416 w 10000"/>
                  <a:gd name="connsiteY62" fmla="*/ 9734 h 10000"/>
                  <a:gd name="connsiteX63" fmla="*/ 4289 w 10000"/>
                  <a:gd name="connsiteY63" fmla="*/ 9838 h 10000"/>
                  <a:gd name="connsiteX64" fmla="*/ 3983 w 10000"/>
                  <a:gd name="connsiteY64" fmla="*/ 9897 h 10000"/>
                  <a:gd name="connsiteX65" fmla="*/ 3731 w 10000"/>
                  <a:gd name="connsiteY65" fmla="*/ 9941 h 10000"/>
                  <a:gd name="connsiteX66" fmla="*/ 3426 w 10000"/>
                  <a:gd name="connsiteY66" fmla="*/ 9985 h 10000"/>
                  <a:gd name="connsiteX67" fmla="*/ 3198 w 10000"/>
                  <a:gd name="connsiteY67" fmla="*/ 10000 h 10000"/>
                  <a:gd name="connsiteX68" fmla="*/ 2690 w 10000"/>
                  <a:gd name="connsiteY68" fmla="*/ 10000 h 10000"/>
                  <a:gd name="connsiteX69" fmla="*/ 2208 w 10000"/>
                  <a:gd name="connsiteY69" fmla="*/ 9985 h 10000"/>
                  <a:gd name="connsiteX70" fmla="*/ 1752 w 10000"/>
                  <a:gd name="connsiteY70" fmla="*/ 9941 h 10000"/>
                  <a:gd name="connsiteX71" fmla="*/ 1270 w 10000"/>
                  <a:gd name="connsiteY71" fmla="*/ 9911 h 10000"/>
                  <a:gd name="connsiteX72" fmla="*/ 990 w 10000"/>
                  <a:gd name="connsiteY72" fmla="*/ 9911 h 10000"/>
                  <a:gd name="connsiteX73" fmla="*/ 736 w 10000"/>
                  <a:gd name="connsiteY73" fmla="*/ 9911 h 10000"/>
                  <a:gd name="connsiteX74" fmla="*/ 457 w 10000"/>
                  <a:gd name="connsiteY74" fmla="*/ 9926 h 10000"/>
                  <a:gd name="connsiteX75" fmla="*/ 178 w 10000"/>
                  <a:gd name="connsiteY75" fmla="*/ 9970 h 10000"/>
                  <a:gd name="connsiteX76" fmla="*/ 102 w 10000"/>
                  <a:gd name="connsiteY76" fmla="*/ 9867 h 10000"/>
                  <a:gd name="connsiteX77" fmla="*/ 51 w 10000"/>
                  <a:gd name="connsiteY77" fmla="*/ 9793 h 10000"/>
                  <a:gd name="connsiteX78" fmla="*/ 0 w 10000"/>
                  <a:gd name="connsiteY78" fmla="*/ 9705 h 10000"/>
                  <a:gd name="connsiteX79" fmla="*/ 0 w 10000"/>
                  <a:gd name="connsiteY79" fmla="*/ 9601 h 10000"/>
                  <a:gd name="connsiteX80" fmla="*/ 51 w 10000"/>
                  <a:gd name="connsiteY80" fmla="*/ 9424 h 10000"/>
                  <a:gd name="connsiteX81" fmla="*/ 102 w 10000"/>
                  <a:gd name="connsiteY81" fmla="*/ 9202 h 10000"/>
                  <a:gd name="connsiteX82" fmla="*/ 151 w 10000"/>
                  <a:gd name="connsiteY82" fmla="*/ 8996 h 10000"/>
                  <a:gd name="connsiteX83" fmla="*/ 203 w 10000"/>
                  <a:gd name="connsiteY83" fmla="*/ 8759 h 10000"/>
                  <a:gd name="connsiteX84" fmla="*/ 228 w 10000"/>
                  <a:gd name="connsiteY84" fmla="*/ 8641 h 10000"/>
                  <a:gd name="connsiteX85" fmla="*/ 228 w 10000"/>
                  <a:gd name="connsiteY85" fmla="*/ 8538 h 10000"/>
                  <a:gd name="connsiteX86" fmla="*/ 203 w 10000"/>
                  <a:gd name="connsiteY86" fmla="*/ 8405 h 10000"/>
                  <a:gd name="connsiteX87" fmla="*/ 178 w 10000"/>
                  <a:gd name="connsiteY87" fmla="*/ 8287 h 10000"/>
                  <a:gd name="connsiteX88" fmla="*/ 431 w 10000"/>
                  <a:gd name="connsiteY88" fmla="*/ 8213 h 10000"/>
                  <a:gd name="connsiteX89" fmla="*/ 685 w 10000"/>
                  <a:gd name="connsiteY89" fmla="*/ 8139 h 10000"/>
                  <a:gd name="connsiteX90" fmla="*/ 939 w 10000"/>
                  <a:gd name="connsiteY90" fmla="*/ 8095 h 10000"/>
                  <a:gd name="connsiteX91" fmla="*/ 1218 w 10000"/>
                  <a:gd name="connsiteY91" fmla="*/ 8065 h 10000"/>
                  <a:gd name="connsiteX92" fmla="*/ 1725 w 10000"/>
                  <a:gd name="connsiteY92" fmla="*/ 8021 h 10000"/>
                  <a:gd name="connsiteX93" fmla="*/ 2234 w 10000"/>
                  <a:gd name="connsiteY93" fmla="*/ 7976 h 10000"/>
                  <a:gd name="connsiteX94" fmla="*/ 2462 w 10000"/>
                  <a:gd name="connsiteY94" fmla="*/ 7947 h 10000"/>
                  <a:gd name="connsiteX95" fmla="*/ 2690 w 10000"/>
                  <a:gd name="connsiteY95" fmla="*/ 7917 h 10000"/>
                  <a:gd name="connsiteX96" fmla="*/ 2892 w 10000"/>
                  <a:gd name="connsiteY96" fmla="*/ 7843 h 10000"/>
                  <a:gd name="connsiteX97" fmla="*/ 3096 w 10000"/>
                  <a:gd name="connsiteY97" fmla="*/ 7784 h 10000"/>
                  <a:gd name="connsiteX98" fmla="*/ 3274 w 10000"/>
                  <a:gd name="connsiteY98" fmla="*/ 7710 h 10000"/>
                  <a:gd name="connsiteX99" fmla="*/ 3426 w 10000"/>
                  <a:gd name="connsiteY99" fmla="*/ 7592 h 10000"/>
                  <a:gd name="connsiteX100" fmla="*/ 3579 w 10000"/>
                  <a:gd name="connsiteY100" fmla="*/ 7474 h 10000"/>
                  <a:gd name="connsiteX101" fmla="*/ 3680 w 10000"/>
                  <a:gd name="connsiteY101" fmla="*/ 7312 h 10000"/>
                  <a:gd name="connsiteX102" fmla="*/ 3477 w 10000"/>
                  <a:gd name="connsiteY102" fmla="*/ 7238 h 10000"/>
                  <a:gd name="connsiteX103" fmla="*/ 3299 w 10000"/>
                  <a:gd name="connsiteY103" fmla="*/ 7179 h 10000"/>
                  <a:gd name="connsiteX104" fmla="*/ 3147 w 10000"/>
                  <a:gd name="connsiteY104" fmla="*/ 7090 h 10000"/>
                  <a:gd name="connsiteX105" fmla="*/ 2995 w 10000"/>
                  <a:gd name="connsiteY105" fmla="*/ 6987 h 10000"/>
                  <a:gd name="connsiteX106" fmla="*/ 2892 w 10000"/>
                  <a:gd name="connsiteY106" fmla="*/ 6869 h 10000"/>
                  <a:gd name="connsiteX107" fmla="*/ 2843 w 10000"/>
                  <a:gd name="connsiteY107" fmla="*/ 6721 h 10000"/>
                  <a:gd name="connsiteX108" fmla="*/ 2817 w 10000"/>
                  <a:gd name="connsiteY108" fmla="*/ 6558 h 10000"/>
                  <a:gd name="connsiteX109" fmla="*/ 2843 w 10000"/>
                  <a:gd name="connsiteY109" fmla="*/ 6352 h 10000"/>
                  <a:gd name="connsiteX110" fmla="*/ 2716 w 10000"/>
                  <a:gd name="connsiteY110" fmla="*/ 6322 h 10000"/>
                  <a:gd name="connsiteX111" fmla="*/ 2564 w 10000"/>
                  <a:gd name="connsiteY111" fmla="*/ 6292 h 10000"/>
                  <a:gd name="connsiteX112" fmla="*/ 2386 w 10000"/>
                  <a:gd name="connsiteY112" fmla="*/ 6278 h 10000"/>
                  <a:gd name="connsiteX113" fmla="*/ 2208 w 10000"/>
                  <a:gd name="connsiteY113" fmla="*/ 6263 h 10000"/>
                  <a:gd name="connsiteX114" fmla="*/ 1853 w 10000"/>
                  <a:gd name="connsiteY114" fmla="*/ 6248 h 10000"/>
                  <a:gd name="connsiteX115" fmla="*/ 1472 w 10000"/>
                  <a:gd name="connsiteY115" fmla="*/ 6263 h 10000"/>
                  <a:gd name="connsiteX116" fmla="*/ 1143 w 10000"/>
                  <a:gd name="connsiteY116" fmla="*/ 6278 h 10000"/>
                  <a:gd name="connsiteX117" fmla="*/ 837 w 10000"/>
                  <a:gd name="connsiteY117" fmla="*/ 6278 h 10000"/>
                  <a:gd name="connsiteX118" fmla="*/ 585 w 10000"/>
                  <a:gd name="connsiteY118" fmla="*/ 6263 h 10000"/>
                  <a:gd name="connsiteX119" fmla="*/ 381 w 10000"/>
                  <a:gd name="connsiteY119" fmla="*/ 6233 h 10000"/>
                  <a:gd name="connsiteX120" fmla="*/ 633 w 10000"/>
                  <a:gd name="connsiteY120" fmla="*/ 5805 h 10000"/>
                  <a:gd name="connsiteX121" fmla="*/ 914 w 10000"/>
                  <a:gd name="connsiteY121" fmla="*/ 5391 h 10000"/>
                  <a:gd name="connsiteX122" fmla="*/ 1016 w 10000"/>
                  <a:gd name="connsiteY122" fmla="*/ 5170 h 10000"/>
                  <a:gd name="connsiteX123" fmla="*/ 1091 w 10000"/>
                  <a:gd name="connsiteY123" fmla="*/ 4963 h 10000"/>
                  <a:gd name="connsiteX124" fmla="*/ 1116 w 10000"/>
                  <a:gd name="connsiteY124" fmla="*/ 4860 h 10000"/>
                  <a:gd name="connsiteX125" fmla="*/ 1091 w 10000"/>
                  <a:gd name="connsiteY125" fmla="*/ 4756 h 10000"/>
                  <a:gd name="connsiteX126" fmla="*/ 1066 w 10000"/>
                  <a:gd name="connsiteY126" fmla="*/ 4653 h 10000"/>
                  <a:gd name="connsiteX127" fmla="*/ 990 w 10000"/>
                  <a:gd name="connsiteY127" fmla="*/ 4549 h 10000"/>
                  <a:gd name="connsiteX128" fmla="*/ 1270 w 10000"/>
                  <a:gd name="connsiteY128" fmla="*/ 4520 h 10000"/>
                  <a:gd name="connsiteX129" fmla="*/ 1472 w 10000"/>
                  <a:gd name="connsiteY129" fmla="*/ 4505 h 10000"/>
                  <a:gd name="connsiteX130" fmla="*/ 1650 w 10000"/>
                  <a:gd name="connsiteY130" fmla="*/ 4505 h 10000"/>
                  <a:gd name="connsiteX131" fmla="*/ 1802 w 10000"/>
                  <a:gd name="connsiteY131" fmla="*/ 4520 h 10000"/>
                  <a:gd name="connsiteX132" fmla="*/ 1929 w 10000"/>
                  <a:gd name="connsiteY132" fmla="*/ 4520 h 10000"/>
                  <a:gd name="connsiteX133" fmla="*/ 2081 w 10000"/>
                  <a:gd name="connsiteY133" fmla="*/ 4520 h 10000"/>
                  <a:gd name="connsiteX134" fmla="*/ 2234 w 10000"/>
                  <a:gd name="connsiteY134" fmla="*/ 4490 h 10000"/>
                  <a:gd name="connsiteX135" fmla="*/ 2436 w 10000"/>
                  <a:gd name="connsiteY135" fmla="*/ 4446 h 10000"/>
                  <a:gd name="connsiteX136" fmla="*/ 2436 w 10000"/>
                  <a:gd name="connsiteY136" fmla="*/ 4579 h 10000"/>
                  <a:gd name="connsiteX137" fmla="*/ 2436 w 10000"/>
                  <a:gd name="connsiteY137" fmla="*/ 4742 h 10000"/>
                  <a:gd name="connsiteX138" fmla="*/ 2436 w 10000"/>
                  <a:gd name="connsiteY138" fmla="*/ 4874 h 10000"/>
                  <a:gd name="connsiteX139" fmla="*/ 2436 w 10000"/>
                  <a:gd name="connsiteY139" fmla="*/ 5037 h 10000"/>
                  <a:gd name="connsiteX140" fmla="*/ 2665 w 10000"/>
                  <a:gd name="connsiteY140" fmla="*/ 5022 h 10000"/>
                  <a:gd name="connsiteX141" fmla="*/ 2817 w 10000"/>
                  <a:gd name="connsiteY141" fmla="*/ 5037 h 10000"/>
                  <a:gd name="connsiteX142" fmla="*/ 2944 w 10000"/>
                  <a:gd name="connsiteY142" fmla="*/ 5066 h 10000"/>
                  <a:gd name="connsiteX143" fmla="*/ 3071 w 10000"/>
                  <a:gd name="connsiteY143" fmla="*/ 5096 h 10000"/>
                  <a:gd name="connsiteX144" fmla="*/ 3173 w 10000"/>
                  <a:gd name="connsiteY144" fmla="*/ 5126 h 10000"/>
                  <a:gd name="connsiteX145" fmla="*/ 3299 w 10000"/>
                  <a:gd name="connsiteY145" fmla="*/ 5155 h 10000"/>
                  <a:gd name="connsiteX146" fmla="*/ 3452 w 10000"/>
                  <a:gd name="connsiteY146" fmla="*/ 5170 h 10000"/>
                  <a:gd name="connsiteX147" fmla="*/ 3680 w 10000"/>
                  <a:gd name="connsiteY147" fmla="*/ 5155 h 10000"/>
                  <a:gd name="connsiteX148" fmla="*/ 3757 w 10000"/>
                  <a:gd name="connsiteY148" fmla="*/ 5096 h 10000"/>
                  <a:gd name="connsiteX149" fmla="*/ 3832 w 10000"/>
                  <a:gd name="connsiteY149" fmla="*/ 5022 h 10000"/>
                  <a:gd name="connsiteX150" fmla="*/ 3857 w 10000"/>
                  <a:gd name="connsiteY150" fmla="*/ 4934 h 10000"/>
                  <a:gd name="connsiteX151" fmla="*/ 3884 w 10000"/>
                  <a:gd name="connsiteY151" fmla="*/ 4860 h 10000"/>
                  <a:gd name="connsiteX152" fmla="*/ 3908 w 10000"/>
                  <a:gd name="connsiteY152" fmla="*/ 4697 h 10000"/>
                  <a:gd name="connsiteX153" fmla="*/ 3884 w 10000"/>
                  <a:gd name="connsiteY153" fmla="*/ 4520 h 10000"/>
                  <a:gd name="connsiteX154" fmla="*/ 3807 w 10000"/>
                  <a:gd name="connsiteY154" fmla="*/ 4343 h 10000"/>
                  <a:gd name="connsiteX155" fmla="*/ 3731 w 10000"/>
                  <a:gd name="connsiteY155" fmla="*/ 4195 h 10000"/>
                  <a:gd name="connsiteX156" fmla="*/ 3604 w 10000"/>
                  <a:gd name="connsiteY156" fmla="*/ 4047 h 10000"/>
                  <a:gd name="connsiteX157" fmla="*/ 3477 w 10000"/>
                  <a:gd name="connsiteY157" fmla="*/ 3959 h 10000"/>
                  <a:gd name="connsiteX158" fmla="*/ 3629 w 10000"/>
                  <a:gd name="connsiteY158" fmla="*/ 3944 h 10000"/>
                  <a:gd name="connsiteX159" fmla="*/ 3757 w 10000"/>
                  <a:gd name="connsiteY159" fmla="*/ 3914 h 10000"/>
                  <a:gd name="connsiteX160" fmla="*/ 3857 w 10000"/>
                  <a:gd name="connsiteY160" fmla="*/ 3855 h 10000"/>
                  <a:gd name="connsiteX161" fmla="*/ 3983 w 10000"/>
                  <a:gd name="connsiteY161" fmla="*/ 3752 h 10000"/>
                  <a:gd name="connsiteX162" fmla="*/ 4111 w 10000"/>
                  <a:gd name="connsiteY162" fmla="*/ 3663 h 10000"/>
                  <a:gd name="connsiteX163" fmla="*/ 4213 w 10000"/>
                  <a:gd name="connsiteY163" fmla="*/ 3560 h 10000"/>
                  <a:gd name="connsiteX164" fmla="*/ 4289 w 10000"/>
                  <a:gd name="connsiteY164" fmla="*/ 3442 h 10000"/>
                  <a:gd name="connsiteX165" fmla="*/ 4366 w 10000"/>
                  <a:gd name="connsiteY165" fmla="*/ 3323 h 10000"/>
                  <a:gd name="connsiteX166" fmla="*/ 4416 w 10000"/>
                  <a:gd name="connsiteY166" fmla="*/ 3220 h 10000"/>
                  <a:gd name="connsiteX167" fmla="*/ 4441 w 10000"/>
                  <a:gd name="connsiteY167" fmla="*/ 3102 h 10000"/>
                  <a:gd name="connsiteX168" fmla="*/ 4468 w 10000"/>
                  <a:gd name="connsiteY168" fmla="*/ 3013 h 10000"/>
                  <a:gd name="connsiteX169" fmla="*/ 4441 w 10000"/>
                  <a:gd name="connsiteY169" fmla="*/ 2939 h 10000"/>
                  <a:gd name="connsiteX170" fmla="*/ 4416 w 10000"/>
                  <a:gd name="connsiteY170" fmla="*/ 2866 h 10000"/>
                  <a:gd name="connsiteX171" fmla="*/ 4340 w 10000"/>
                  <a:gd name="connsiteY171" fmla="*/ 2836 h 10000"/>
                  <a:gd name="connsiteX172" fmla="*/ 4239 w 10000"/>
                  <a:gd name="connsiteY172" fmla="*/ 2836 h 10000"/>
                  <a:gd name="connsiteX173" fmla="*/ 4111 w 10000"/>
                  <a:gd name="connsiteY173" fmla="*/ 2866 h 10000"/>
                  <a:gd name="connsiteX174" fmla="*/ 4213 w 10000"/>
                  <a:gd name="connsiteY174" fmla="*/ 2777 h 10000"/>
                  <a:gd name="connsiteX175" fmla="*/ 4265 w 10000"/>
                  <a:gd name="connsiteY175" fmla="*/ 2674 h 10000"/>
                  <a:gd name="connsiteX176" fmla="*/ 4289 w 10000"/>
                  <a:gd name="connsiteY176" fmla="*/ 2541 h 10000"/>
                  <a:gd name="connsiteX177" fmla="*/ 4289 w 10000"/>
                  <a:gd name="connsiteY177" fmla="*/ 2393 h 10000"/>
                  <a:gd name="connsiteX178" fmla="*/ 4314 w 10000"/>
                  <a:gd name="connsiteY178" fmla="*/ 2349 h 10000"/>
                  <a:gd name="connsiteX179" fmla="*/ 4366 w 10000"/>
                  <a:gd name="connsiteY179" fmla="*/ 2304 h 10000"/>
                  <a:gd name="connsiteX180" fmla="*/ 4416 w 10000"/>
                  <a:gd name="connsiteY180" fmla="*/ 2290 h 10000"/>
                  <a:gd name="connsiteX181" fmla="*/ 4493 w 10000"/>
                  <a:gd name="connsiteY181" fmla="*/ 2275 h 10000"/>
                  <a:gd name="connsiteX182" fmla="*/ 4720 w 10000"/>
                  <a:gd name="connsiteY182" fmla="*/ 2260 h 10000"/>
                  <a:gd name="connsiteX183" fmla="*/ 4923 w 10000"/>
                  <a:gd name="connsiteY183" fmla="*/ 2275 h 10000"/>
                  <a:gd name="connsiteX184" fmla="*/ 4898 w 10000"/>
                  <a:gd name="connsiteY184" fmla="*/ 2112 h 10000"/>
                  <a:gd name="connsiteX185" fmla="*/ 4848 w 10000"/>
                  <a:gd name="connsiteY185" fmla="*/ 1950 h 10000"/>
                  <a:gd name="connsiteX186" fmla="*/ 4771 w 10000"/>
                  <a:gd name="connsiteY186" fmla="*/ 1802 h 10000"/>
                  <a:gd name="connsiteX187" fmla="*/ 4671 w 10000"/>
                  <a:gd name="connsiteY187" fmla="*/ 1640 h 10000"/>
                  <a:gd name="connsiteX188" fmla="*/ 4416 w 10000"/>
                  <a:gd name="connsiteY188" fmla="*/ 1329 h 10000"/>
                  <a:gd name="connsiteX189" fmla="*/ 4162 w 10000"/>
                  <a:gd name="connsiteY189" fmla="*/ 1034 h 10000"/>
                  <a:gd name="connsiteX190" fmla="*/ 4035 w 10000"/>
                  <a:gd name="connsiteY190" fmla="*/ 901 h 10000"/>
                  <a:gd name="connsiteX191" fmla="*/ 3935 w 10000"/>
                  <a:gd name="connsiteY191" fmla="*/ 753 h 10000"/>
                  <a:gd name="connsiteX192" fmla="*/ 3857 w 10000"/>
                  <a:gd name="connsiteY192" fmla="*/ 620 h 10000"/>
                  <a:gd name="connsiteX193" fmla="*/ 3832 w 10000"/>
                  <a:gd name="connsiteY193" fmla="*/ 487 h 10000"/>
                  <a:gd name="connsiteX194" fmla="*/ 3807 w 10000"/>
                  <a:gd name="connsiteY194" fmla="*/ 355 h 10000"/>
                  <a:gd name="connsiteX195" fmla="*/ 3857 w 10000"/>
                  <a:gd name="connsiteY195" fmla="*/ 222 h 10000"/>
                  <a:gd name="connsiteX196" fmla="*/ 3884 w 10000"/>
                  <a:gd name="connsiteY196" fmla="*/ 162 h 10000"/>
                  <a:gd name="connsiteX197" fmla="*/ 3935 w 10000"/>
                  <a:gd name="connsiteY197" fmla="*/ 103 h 10000"/>
                  <a:gd name="connsiteX198" fmla="*/ 4011 w 10000"/>
                  <a:gd name="connsiteY198" fmla="*/ 59 h 10000"/>
                  <a:gd name="connsiteX199" fmla="*/ 4111 w 10000"/>
                  <a:gd name="connsiteY199" fmla="*/ 0 h 10000"/>
                  <a:gd name="connsiteX200" fmla="*/ 4289 w 10000"/>
                  <a:gd name="connsiteY200" fmla="*/ 0 h 10000"/>
                  <a:gd name="connsiteX201" fmla="*/ 4468 w 10000"/>
                  <a:gd name="connsiteY201" fmla="*/ 15 h 10000"/>
                  <a:gd name="connsiteX202" fmla="*/ 4644 w 10000"/>
                  <a:gd name="connsiteY202" fmla="*/ 44 h 10000"/>
                  <a:gd name="connsiteX203" fmla="*/ 4771 w 10000"/>
                  <a:gd name="connsiteY203" fmla="*/ 89 h 10000"/>
                  <a:gd name="connsiteX204" fmla="*/ 4975 w 10000"/>
                  <a:gd name="connsiteY204" fmla="*/ 192 h 10000"/>
                  <a:gd name="connsiteX205" fmla="*/ 5177 w 10000"/>
                  <a:gd name="connsiteY205" fmla="*/ 340 h 10000"/>
                  <a:gd name="connsiteX206" fmla="*/ 5329 w 10000"/>
                  <a:gd name="connsiteY206" fmla="*/ 473 h 10000"/>
                  <a:gd name="connsiteX207" fmla="*/ 5532 w 10000"/>
                  <a:gd name="connsiteY207" fmla="*/ 591 h 10000"/>
                  <a:gd name="connsiteX208" fmla="*/ 5660 w 10000"/>
                  <a:gd name="connsiteY208" fmla="*/ 650 h 10000"/>
                  <a:gd name="connsiteX209" fmla="*/ 5812 w 10000"/>
                  <a:gd name="connsiteY209" fmla="*/ 679 h 10000"/>
                  <a:gd name="connsiteX210" fmla="*/ 5965 w 10000"/>
                  <a:gd name="connsiteY210" fmla="*/ 709 h 10000"/>
                  <a:gd name="connsiteX211" fmla="*/ 6168 w 10000"/>
                  <a:gd name="connsiteY211" fmla="*/ 709 h 10000"/>
                  <a:gd name="connsiteX212" fmla="*/ 6168 w 10000"/>
                  <a:gd name="connsiteY212" fmla="*/ 768 h 10000"/>
                  <a:gd name="connsiteX213" fmla="*/ 6193 w 10000"/>
                  <a:gd name="connsiteY213" fmla="*/ 842 h 10000"/>
                  <a:gd name="connsiteX214" fmla="*/ 6243 w 10000"/>
                  <a:gd name="connsiteY214" fmla="*/ 916 h 10000"/>
                  <a:gd name="connsiteX215" fmla="*/ 6294 w 10000"/>
                  <a:gd name="connsiteY215" fmla="*/ 990 h 10000"/>
                  <a:gd name="connsiteX216" fmla="*/ 6369 w 10000"/>
                  <a:gd name="connsiteY216" fmla="*/ 1049 h 10000"/>
                  <a:gd name="connsiteX217" fmla="*/ 6471 w 10000"/>
                  <a:gd name="connsiteY217" fmla="*/ 1108 h 10000"/>
                  <a:gd name="connsiteX218" fmla="*/ 6598 w 10000"/>
                  <a:gd name="connsiteY218" fmla="*/ 1182 h 10000"/>
                  <a:gd name="connsiteX219" fmla="*/ 6700 w 10000"/>
                  <a:gd name="connsiteY219" fmla="*/ 1226 h 10000"/>
                  <a:gd name="connsiteX220" fmla="*/ 6802 w 10000"/>
                  <a:gd name="connsiteY220" fmla="*/ 1270 h 10000"/>
                  <a:gd name="connsiteX221" fmla="*/ 6903 w 10000"/>
                  <a:gd name="connsiteY221" fmla="*/ 1300 h 10000"/>
                  <a:gd name="connsiteX222" fmla="*/ 7005 w 10000"/>
                  <a:gd name="connsiteY222" fmla="*/ 1315 h 10000"/>
                  <a:gd name="connsiteX223" fmla="*/ 7132 w 10000"/>
                  <a:gd name="connsiteY223" fmla="*/ 1300 h 10000"/>
                  <a:gd name="connsiteX224" fmla="*/ 7234 w 10000"/>
                  <a:gd name="connsiteY224" fmla="*/ 1285 h 10000"/>
                  <a:gd name="connsiteX225" fmla="*/ 7309 w 10000"/>
                  <a:gd name="connsiteY225" fmla="*/ 1241 h 10000"/>
                  <a:gd name="connsiteX226" fmla="*/ 7361 w 10000"/>
                  <a:gd name="connsiteY226" fmla="*/ 1167 h 10000"/>
                  <a:gd name="connsiteX227" fmla="*/ 7385 w 10000"/>
                  <a:gd name="connsiteY227" fmla="*/ 1064 h 10000"/>
                  <a:gd name="connsiteX228" fmla="*/ 7766 w 10000"/>
                  <a:gd name="connsiteY228" fmla="*/ 1034 h 10000"/>
                  <a:gd name="connsiteX229" fmla="*/ 8121 w 10000"/>
                  <a:gd name="connsiteY229" fmla="*/ 1004 h 10000"/>
                  <a:gd name="connsiteX230" fmla="*/ 8427 w 10000"/>
                  <a:gd name="connsiteY230" fmla="*/ 990 h 10000"/>
                  <a:gd name="connsiteX231" fmla="*/ 8706 w 10000"/>
                  <a:gd name="connsiteY231" fmla="*/ 1004 h 10000"/>
                  <a:gd name="connsiteX232" fmla="*/ 8833 w 10000"/>
                  <a:gd name="connsiteY232" fmla="*/ 1019 h 10000"/>
                  <a:gd name="connsiteX233" fmla="*/ 8958 w 10000"/>
                  <a:gd name="connsiteY233" fmla="*/ 1034 h 10000"/>
                  <a:gd name="connsiteX234" fmla="*/ 9061 w 10000"/>
                  <a:gd name="connsiteY234" fmla="*/ 1064 h 10000"/>
                  <a:gd name="connsiteX235" fmla="*/ 9188 w 10000"/>
                  <a:gd name="connsiteY235" fmla="*/ 1108 h 10000"/>
                  <a:gd name="connsiteX236" fmla="*/ 9264 w 10000"/>
                  <a:gd name="connsiteY236" fmla="*/ 1182 h 10000"/>
                  <a:gd name="connsiteX237" fmla="*/ 9339 w 10000"/>
                  <a:gd name="connsiteY237" fmla="*/ 1241 h 10000"/>
                  <a:gd name="connsiteX238" fmla="*/ 9391 w 10000"/>
                  <a:gd name="connsiteY238" fmla="*/ 1329 h 10000"/>
                  <a:gd name="connsiteX239" fmla="*/ 9442 w 10000"/>
                  <a:gd name="connsiteY239" fmla="*/ 1433 h 10000"/>
                  <a:gd name="connsiteX240" fmla="*/ 9492 w 10000"/>
                  <a:gd name="connsiteY240" fmla="*/ 1551 h 10000"/>
                  <a:gd name="connsiteX241" fmla="*/ 9466 w 10000"/>
                  <a:gd name="connsiteY241" fmla="*/ 1625 h 10000"/>
                  <a:gd name="connsiteX242" fmla="*/ 9442 w 10000"/>
                  <a:gd name="connsiteY242" fmla="*/ 1684 h 10000"/>
                  <a:gd name="connsiteX243" fmla="*/ 9391 w 10000"/>
                  <a:gd name="connsiteY243" fmla="*/ 1758 h 10000"/>
                  <a:gd name="connsiteX244" fmla="*/ 9315 w 10000"/>
                  <a:gd name="connsiteY244" fmla="*/ 1802 h 10000"/>
                  <a:gd name="connsiteX245" fmla="*/ 9264 w 10000"/>
                  <a:gd name="connsiteY245" fmla="*/ 1861 h 10000"/>
                  <a:gd name="connsiteX246" fmla="*/ 9240 w 10000"/>
                  <a:gd name="connsiteY246" fmla="*/ 1935 h 10000"/>
                  <a:gd name="connsiteX247" fmla="*/ 9264 w 10000"/>
                  <a:gd name="connsiteY247" fmla="*/ 2024 h 10000"/>
                  <a:gd name="connsiteX248" fmla="*/ 9543 w 10000"/>
                  <a:gd name="connsiteY248" fmla="*/ 2157 h 10000"/>
                  <a:gd name="connsiteX249" fmla="*/ 9873 w 10000"/>
                  <a:gd name="connsiteY249" fmla="*/ 2275 h 10000"/>
                  <a:gd name="connsiteX250" fmla="*/ 10000 w 10000"/>
                  <a:gd name="connsiteY250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8984 w 10000"/>
                  <a:gd name="connsiteY2" fmla="*/ 3412 h 10000"/>
                  <a:gd name="connsiteX3" fmla="*/ 9188 w 10000"/>
                  <a:gd name="connsiteY3" fmla="*/ 3338 h 10000"/>
                  <a:gd name="connsiteX4" fmla="*/ 9415 w 10000"/>
                  <a:gd name="connsiteY4" fmla="*/ 3117 h 10000"/>
                  <a:gd name="connsiteX5" fmla="*/ 9442 w 10000"/>
                  <a:gd name="connsiteY5" fmla="*/ 3072 h 10000"/>
                  <a:gd name="connsiteX6" fmla="*/ 9466 w 10000"/>
                  <a:gd name="connsiteY6" fmla="*/ 3013 h 10000"/>
                  <a:gd name="connsiteX7" fmla="*/ 9466 w 10000"/>
                  <a:gd name="connsiteY7" fmla="*/ 2954 h 10000"/>
                  <a:gd name="connsiteX8" fmla="*/ 9442 w 10000"/>
                  <a:gd name="connsiteY8" fmla="*/ 2866 h 10000"/>
                  <a:gd name="connsiteX9" fmla="*/ 9264 w 10000"/>
                  <a:gd name="connsiteY9" fmla="*/ 2984 h 10000"/>
                  <a:gd name="connsiteX10" fmla="*/ 9061 w 10000"/>
                  <a:gd name="connsiteY10" fmla="*/ 3072 h 10000"/>
                  <a:gd name="connsiteX11" fmla="*/ 8197 w 10000"/>
                  <a:gd name="connsiteY11" fmla="*/ 3397 h 10000"/>
                  <a:gd name="connsiteX12" fmla="*/ 7716 w 10000"/>
                  <a:gd name="connsiteY12" fmla="*/ 3545 h 10000"/>
                  <a:gd name="connsiteX13" fmla="*/ 6345 w 10000"/>
                  <a:gd name="connsiteY13" fmla="*/ 4003 h 10000"/>
                  <a:gd name="connsiteX14" fmla="*/ 6143 w 10000"/>
                  <a:gd name="connsiteY14" fmla="*/ 4106 h 10000"/>
                  <a:gd name="connsiteX15" fmla="*/ 5938 w 10000"/>
                  <a:gd name="connsiteY15" fmla="*/ 4195 h 10000"/>
                  <a:gd name="connsiteX16" fmla="*/ 6091 w 10000"/>
                  <a:gd name="connsiteY16" fmla="*/ 4417 h 10000"/>
                  <a:gd name="connsiteX17" fmla="*/ 6421 w 10000"/>
                  <a:gd name="connsiteY17" fmla="*/ 5318 h 10000"/>
                  <a:gd name="connsiteX18" fmla="*/ 6447 w 10000"/>
                  <a:gd name="connsiteY18" fmla="*/ 5539 h 10000"/>
                  <a:gd name="connsiteX19" fmla="*/ 6471 w 10000"/>
                  <a:gd name="connsiteY19" fmla="*/ 5775 h 10000"/>
                  <a:gd name="connsiteX20" fmla="*/ 6471 w 10000"/>
                  <a:gd name="connsiteY20" fmla="*/ 5997 h 10000"/>
                  <a:gd name="connsiteX21" fmla="*/ 6447 w 10000"/>
                  <a:gd name="connsiteY21" fmla="*/ 6233 h 10000"/>
                  <a:gd name="connsiteX22" fmla="*/ 6396 w 10000"/>
                  <a:gd name="connsiteY22" fmla="*/ 6470 h 10000"/>
                  <a:gd name="connsiteX23" fmla="*/ 6345 w 10000"/>
                  <a:gd name="connsiteY23" fmla="*/ 6677 h 10000"/>
                  <a:gd name="connsiteX24" fmla="*/ 6269 w 10000"/>
                  <a:gd name="connsiteY24" fmla="*/ 6898 h 10000"/>
                  <a:gd name="connsiteX25" fmla="*/ 6168 w 10000"/>
                  <a:gd name="connsiteY25" fmla="*/ 7105 h 10000"/>
                  <a:gd name="connsiteX26" fmla="*/ 6041 w 10000"/>
                  <a:gd name="connsiteY26" fmla="*/ 7297 h 10000"/>
                  <a:gd name="connsiteX27" fmla="*/ 5888 w 10000"/>
                  <a:gd name="connsiteY27" fmla="*/ 7489 h 10000"/>
                  <a:gd name="connsiteX28" fmla="*/ 5735 w 10000"/>
                  <a:gd name="connsiteY28" fmla="*/ 7681 h 10000"/>
                  <a:gd name="connsiteX29" fmla="*/ 6471 w 10000"/>
                  <a:gd name="connsiteY29" fmla="*/ 7799 h 10000"/>
                  <a:gd name="connsiteX30" fmla="*/ 7234 w 10000"/>
                  <a:gd name="connsiteY30" fmla="*/ 7962 h 10000"/>
                  <a:gd name="connsiteX31" fmla="*/ 7385 w 10000"/>
                  <a:gd name="connsiteY31" fmla="*/ 8021 h 10000"/>
                  <a:gd name="connsiteX32" fmla="*/ 7512 w 10000"/>
                  <a:gd name="connsiteY32" fmla="*/ 8080 h 10000"/>
                  <a:gd name="connsiteX33" fmla="*/ 7639 w 10000"/>
                  <a:gd name="connsiteY33" fmla="*/ 8139 h 10000"/>
                  <a:gd name="connsiteX34" fmla="*/ 7716 w 10000"/>
                  <a:gd name="connsiteY34" fmla="*/ 8227 h 10000"/>
                  <a:gd name="connsiteX35" fmla="*/ 7741 w 10000"/>
                  <a:gd name="connsiteY35" fmla="*/ 8301 h 10000"/>
                  <a:gd name="connsiteX36" fmla="*/ 7741 w 10000"/>
                  <a:gd name="connsiteY36" fmla="*/ 8405 h 10000"/>
                  <a:gd name="connsiteX37" fmla="*/ 7691 w 10000"/>
                  <a:gd name="connsiteY37" fmla="*/ 8523 h 10000"/>
                  <a:gd name="connsiteX38" fmla="*/ 7614 w 10000"/>
                  <a:gd name="connsiteY38" fmla="*/ 8641 h 10000"/>
                  <a:gd name="connsiteX39" fmla="*/ 7284 w 10000"/>
                  <a:gd name="connsiteY39" fmla="*/ 8552 h 10000"/>
                  <a:gd name="connsiteX40" fmla="*/ 6979 w 10000"/>
                  <a:gd name="connsiteY40" fmla="*/ 8449 h 10000"/>
                  <a:gd name="connsiteX41" fmla="*/ 6674 w 10000"/>
                  <a:gd name="connsiteY41" fmla="*/ 8360 h 10000"/>
                  <a:gd name="connsiteX42" fmla="*/ 6369 w 10000"/>
                  <a:gd name="connsiteY42" fmla="*/ 8287 h 10000"/>
                  <a:gd name="connsiteX43" fmla="*/ 6243 w 10000"/>
                  <a:gd name="connsiteY43" fmla="*/ 8449 h 10000"/>
                  <a:gd name="connsiteX44" fmla="*/ 6143 w 10000"/>
                  <a:gd name="connsiteY44" fmla="*/ 8597 h 10000"/>
                  <a:gd name="connsiteX45" fmla="*/ 6091 w 10000"/>
                  <a:gd name="connsiteY45" fmla="*/ 8656 h 10000"/>
                  <a:gd name="connsiteX46" fmla="*/ 5989 w 10000"/>
                  <a:gd name="connsiteY46" fmla="*/ 8700 h 10000"/>
                  <a:gd name="connsiteX47" fmla="*/ 5914 w 10000"/>
                  <a:gd name="connsiteY47" fmla="*/ 8744 h 10000"/>
                  <a:gd name="connsiteX48" fmla="*/ 5838 w 10000"/>
                  <a:gd name="connsiteY48" fmla="*/ 8774 h 10000"/>
                  <a:gd name="connsiteX49" fmla="*/ 5761 w 10000"/>
                  <a:gd name="connsiteY49" fmla="*/ 8804 h 10000"/>
                  <a:gd name="connsiteX50" fmla="*/ 5660 w 10000"/>
                  <a:gd name="connsiteY50" fmla="*/ 8818 h 10000"/>
                  <a:gd name="connsiteX51" fmla="*/ 5532 w 10000"/>
                  <a:gd name="connsiteY51" fmla="*/ 8833 h 10000"/>
                  <a:gd name="connsiteX52" fmla="*/ 5406 w 10000"/>
                  <a:gd name="connsiteY52" fmla="*/ 8833 h 10000"/>
                  <a:gd name="connsiteX53" fmla="*/ 5102 w 10000"/>
                  <a:gd name="connsiteY53" fmla="*/ 8818 h 10000"/>
                  <a:gd name="connsiteX54" fmla="*/ 4720 w 10000"/>
                  <a:gd name="connsiteY54" fmla="*/ 8744 h 10000"/>
                  <a:gd name="connsiteX55" fmla="*/ 4720 w 10000"/>
                  <a:gd name="connsiteY55" fmla="*/ 8922 h 10000"/>
                  <a:gd name="connsiteX56" fmla="*/ 4695 w 10000"/>
                  <a:gd name="connsiteY56" fmla="*/ 9069 h 10000"/>
                  <a:gd name="connsiteX57" fmla="*/ 4671 w 10000"/>
                  <a:gd name="connsiteY57" fmla="*/ 9232 h 10000"/>
                  <a:gd name="connsiteX58" fmla="*/ 4644 w 10000"/>
                  <a:gd name="connsiteY58" fmla="*/ 9365 h 10000"/>
                  <a:gd name="connsiteX59" fmla="*/ 4593 w 10000"/>
                  <a:gd name="connsiteY59" fmla="*/ 9498 h 10000"/>
                  <a:gd name="connsiteX60" fmla="*/ 4493 w 10000"/>
                  <a:gd name="connsiteY60" fmla="*/ 9616 h 10000"/>
                  <a:gd name="connsiteX61" fmla="*/ 4416 w 10000"/>
                  <a:gd name="connsiteY61" fmla="*/ 9734 h 10000"/>
                  <a:gd name="connsiteX62" fmla="*/ 4289 w 10000"/>
                  <a:gd name="connsiteY62" fmla="*/ 9838 h 10000"/>
                  <a:gd name="connsiteX63" fmla="*/ 3983 w 10000"/>
                  <a:gd name="connsiteY63" fmla="*/ 9897 h 10000"/>
                  <a:gd name="connsiteX64" fmla="*/ 3731 w 10000"/>
                  <a:gd name="connsiteY64" fmla="*/ 9941 h 10000"/>
                  <a:gd name="connsiteX65" fmla="*/ 3426 w 10000"/>
                  <a:gd name="connsiteY65" fmla="*/ 9985 h 10000"/>
                  <a:gd name="connsiteX66" fmla="*/ 3198 w 10000"/>
                  <a:gd name="connsiteY66" fmla="*/ 10000 h 10000"/>
                  <a:gd name="connsiteX67" fmla="*/ 2690 w 10000"/>
                  <a:gd name="connsiteY67" fmla="*/ 10000 h 10000"/>
                  <a:gd name="connsiteX68" fmla="*/ 2208 w 10000"/>
                  <a:gd name="connsiteY68" fmla="*/ 9985 h 10000"/>
                  <a:gd name="connsiteX69" fmla="*/ 1752 w 10000"/>
                  <a:gd name="connsiteY69" fmla="*/ 9941 h 10000"/>
                  <a:gd name="connsiteX70" fmla="*/ 1270 w 10000"/>
                  <a:gd name="connsiteY70" fmla="*/ 9911 h 10000"/>
                  <a:gd name="connsiteX71" fmla="*/ 990 w 10000"/>
                  <a:gd name="connsiteY71" fmla="*/ 9911 h 10000"/>
                  <a:gd name="connsiteX72" fmla="*/ 736 w 10000"/>
                  <a:gd name="connsiteY72" fmla="*/ 9911 h 10000"/>
                  <a:gd name="connsiteX73" fmla="*/ 457 w 10000"/>
                  <a:gd name="connsiteY73" fmla="*/ 9926 h 10000"/>
                  <a:gd name="connsiteX74" fmla="*/ 178 w 10000"/>
                  <a:gd name="connsiteY74" fmla="*/ 9970 h 10000"/>
                  <a:gd name="connsiteX75" fmla="*/ 102 w 10000"/>
                  <a:gd name="connsiteY75" fmla="*/ 9867 h 10000"/>
                  <a:gd name="connsiteX76" fmla="*/ 51 w 10000"/>
                  <a:gd name="connsiteY76" fmla="*/ 9793 h 10000"/>
                  <a:gd name="connsiteX77" fmla="*/ 0 w 10000"/>
                  <a:gd name="connsiteY77" fmla="*/ 9705 h 10000"/>
                  <a:gd name="connsiteX78" fmla="*/ 0 w 10000"/>
                  <a:gd name="connsiteY78" fmla="*/ 9601 h 10000"/>
                  <a:gd name="connsiteX79" fmla="*/ 51 w 10000"/>
                  <a:gd name="connsiteY79" fmla="*/ 9424 h 10000"/>
                  <a:gd name="connsiteX80" fmla="*/ 102 w 10000"/>
                  <a:gd name="connsiteY80" fmla="*/ 9202 h 10000"/>
                  <a:gd name="connsiteX81" fmla="*/ 151 w 10000"/>
                  <a:gd name="connsiteY81" fmla="*/ 8996 h 10000"/>
                  <a:gd name="connsiteX82" fmla="*/ 203 w 10000"/>
                  <a:gd name="connsiteY82" fmla="*/ 8759 h 10000"/>
                  <a:gd name="connsiteX83" fmla="*/ 228 w 10000"/>
                  <a:gd name="connsiteY83" fmla="*/ 8641 h 10000"/>
                  <a:gd name="connsiteX84" fmla="*/ 228 w 10000"/>
                  <a:gd name="connsiteY84" fmla="*/ 8538 h 10000"/>
                  <a:gd name="connsiteX85" fmla="*/ 203 w 10000"/>
                  <a:gd name="connsiteY85" fmla="*/ 8405 h 10000"/>
                  <a:gd name="connsiteX86" fmla="*/ 178 w 10000"/>
                  <a:gd name="connsiteY86" fmla="*/ 8287 h 10000"/>
                  <a:gd name="connsiteX87" fmla="*/ 431 w 10000"/>
                  <a:gd name="connsiteY87" fmla="*/ 8213 h 10000"/>
                  <a:gd name="connsiteX88" fmla="*/ 685 w 10000"/>
                  <a:gd name="connsiteY88" fmla="*/ 8139 h 10000"/>
                  <a:gd name="connsiteX89" fmla="*/ 939 w 10000"/>
                  <a:gd name="connsiteY89" fmla="*/ 8095 h 10000"/>
                  <a:gd name="connsiteX90" fmla="*/ 1218 w 10000"/>
                  <a:gd name="connsiteY90" fmla="*/ 8065 h 10000"/>
                  <a:gd name="connsiteX91" fmla="*/ 1725 w 10000"/>
                  <a:gd name="connsiteY91" fmla="*/ 8021 h 10000"/>
                  <a:gd name="connsiteX92" fmla="*/ 2234 w 10000"/>
                  <a:gd name="connsiteY92" fmla="*/ 7976 h 10000"/>
                  <a:gd name="connsiteX93" fmla="*/ 2462 w 10000"/>
                  <a:gd name="connsiteY93" fmla="*/ 7947 h 10000"/>
                  <a:gd name="connsiteX94" fmla="*/ 2690 w 10000"/>
                  <a:gd name="connsiteY94" fmla="*/ 7917 h 10000"/>
                  <a:gd name="connsiteX95" fmla="*/ 2892 w 10000"/>
                  <a:gd name="connsiteY95" fmla="*/ 7843 h 10000"/>
                  <a:gd name="connsiteX96" fmla="*/ 3096 w 10000"/>
                  <a:gd name="connsiteY96" fmla="*/ 7784 h 10000"/>
                  <a:gd name="connsiteX97" fmla="*/ 3274 w 10000"/>
                  <a:gd name="connsiteY97" fmla="*/ 7710 h 10000"/>
                  <a:gd name="connsiteX98" fmla="*/ 3426 w 10000"/>
                  <a:gd name="connsiteY98" fmla="*/ 7592 h 10000"/>
                  <a:gd name="connsiteX99" fmla="*/ 3579 w 10000"/>
                  <a:gd name="connsiteY99" fmla="*/ 7474 h 10000"/>
                  <a:gd name="connsiteX100" fmla="*/ 3680 w 10000"/>
                  <a:gd name="connsiteY100" fmla="*/ 7312 h 10000"/>
                  <a:gd name="connsiteX101" fmla="*/ 3477 w 10000"/>
                  <a:gd name="connsiteY101" fmla="*/ 7238 h 10000"/>
                  <a:gd name="connsiteX102" fmla="*/ 3299 w 10000"/>
                  <a:gd name="connsiteY102" fmla="*/ 7179 h 10000"/>
                  <a:gd name="connsiteX103" fmla="*/ 3147 w 10000"/>
                  <a:gd name="connsiteY103" fmla="*/ 7090 h 10000"/>
                  <a:gd name="connsiteX104" fmla="*/ 2995 w 10000"/>
                  <a:gd name="connsiteY104" fmla="*/ 6987 h 10000"/>
                  <a:gd name="connsiteX105" fmla="*/ 2892 w 10000"/>
                  <a:gd name="connsiteY105" fmla="*/ 6869 h 10000"/>
                  <a:gd name="connsiteX106" fmla="*/ 2843 w 10000"/>
                  <a:gd name="connsiteY106" fmla="*/ 6721 h 10000"/>
                  <a:gd name="connsiteX107" fmla="*/ 2817 w 10000"/>
                  <a:gd name="connsiteY107" fmla="*/ 6558 h 10000"/>
                  <a:gd name="connsiteX108" fmla="*/ 2843 w 10000"/>
                  <a:gd name="connsiteY108" fmla="*/ 6352 h 10000"/>
                  <a:gd name="connsiteX109" fmla="*/ 2716 w 10000"/>
                  <a:gd name="connsiteY109" fmla="*/ 6322 h 10000"/>
                  <a:gd name="connsiteX110" fmla="*/ 2564 w 10000"/>
                  <a:gd name="connsiteY110" fmla="*/ 6292 h 10000"/>
                  <a:gd name="connsiteX111" fmla="*/ 2386 w 10000"/>
                  <a:gd name="connsiteY111" fmla="*/ 6278 h 10000"/>
                  <a:gd name="connsiteX112" fmla="*/ 2208 w 10000"/>
                  <a:gd name="connsiteY112" fmla="*/ 6263 h 10000"/>
                  <a:gd name="connsiteX113" fmla="*/ 1853 w 10000"/>
                  <a:gd name="connsiteY113" fmla="*/ 6248 h 10000"/>
                  <a:gd name="connsiteX114" fmla="*/ 1472 w 10000"/>
                  <a:gd name="connsiteY114" fmla="*/ 6263 h 10000"/>
                  <a:gd name="connsiteX115" fmla="*/ 1143 w 10000"/>
                  <a:gd name="connsiteY115" fmla="*/ 6278 h 10000"/>
                  <a:gd name="connsiteX116" fmla="*/ 837 w 10000"/>
                  <a:gd name="connsiteY116" fmla="*/ 6278 h 10000"/>
                  <a:gd name="connsiteX117" fmla="*/ 585 w 10000"/>
                  <a:gd name="connsiteY117" fmla="*/ 6263 h 10000"/>
                  <a:gd name="connsiteX118" fmla="*/ 381 w 10000"/>
                  <a:gd name="connsiteY118" fmla="*/ 6233 h 10000"/>
                  <a:gd name="connsiteX119" fmla="*/ 633 w 10000"/>
                  <a:gd name="connsiteY119" fmla="*/ 5805 h 10000"/>
                  <a:gd name="connsiteX120" fmla="*/ 914 w 10000"/>
                  <a:gd name="connsiteY120" fmla="*/ 5391 h 10000"/>
                  <a:gd name="connsiteX121" fmla="*/ 1016 w 10000"/>
                  <a:gd name="connsiteY121" fmla="*/ 5170 h 10000"/>
                  <a:gd name="connsiteX122" fmla="*/ 1091 w 10000"/>
                  <a:gd name="connsiteY122" fmla="*/ 4963 h 10000"/>
                  <a:gd name="connsiteX123" fmla="*/ 1116 w 10000"/>
                  <a:gd name="connsiteY123" fmla="*/ 4860 h 10000"/>
                  <a:gd name="connsiteX124" fmla="*/ 1091 w 10000"/>
                  <a:gd name="connsiteY124" fmla="*/ 4756 h 10000"/>
                  <a:gd name="connsiteX125" fmla="*/ 1066 w 10000"/>
                  <a:gd name="connsiteY125" fmla="*/ 4653 h 10000"/>
                  <a:gd name="connsiteX126" fmla="*/ 990 w 10000"/>
                  <a:gd name="connsiteY126" fmla="*/ 4549 h 10000"/>
                  <a:gd name="connsiteX127" fmla="*/ 1270 w 10000"/>
                  <a:gd name="connsiteY127" fmla="*/ 4520 h 10000"/>
                  <a:gd name="connsiteX128" fmla="*/ 1472 w 10000"/>
                  <a:gd name="connsiteY128" fmla="*/ 4505 h 10000"/>
                  <a:gd name="connsiteX129" fmla="*/ 1650 w 10000"/>
                  <a:gd name="connsiteY129" fmla="*/ 4505 h 10000"/>
                  <a:gd name="connsiteX130" fmla="*/ 1802 w 10000"/>
                  <a:gd name="connsiteY130" fmla="*/ 4520 h 10000"/>
                  <a:gd name="connsiteX131" fmla="*/ 1929 w 10000"/>
                  <a:gd name="connsiteY131" fmla="*/ 4520 h 10000"/>
                  <a:gd name="connsiteX132" fmla="*/ 2081 w 10000"/>
                  <a:gd name="connsiteY132" fmla="*/ 4520 h 10000"/>
                  <a:gd name="connsiteX133" fmla="*/ 2234 w 10000"/>
                  <a:gd name="connsiteY133" fmla="*/ 4490 h 10000"/>
                  <a:gd name="connsiteX134" fmla="*/ 2436 w 10000"/>
                  <a:gd name="connsiteY134" fmla="*/ 4446 h 10000"/>
                  <a:gd name="connsiteX135" fmla="*/ 2436 w 10000"/>
                  <a:gd name="connsiteY135" fmla="*/ 4579 h 10000"/>
                  <a:gd name="connsiteX136" fmla="*/ 2436 w 10000"/>
                  <a:gd name="connsiteY136" fmla="*/ 4742 h 10000"/>
                  <a:gd name="connsiteX137" fmla="*/ 2436 w 10000"/>
                  <a:gd name="connsiteY137" fmla="*/ 4874 h 10000"/>
                  <a:gd name="connsiteX138" fmla="*/ 2436 w 10000"/>
                  <a:gd name="connsiteY138" fmla="*/ 5037 h 10000"/>
                  <a:gd name="connsiteX139" fmla="*/ 2665 w 10000"/>
                  <a:gd name="connsiteY139" fmla="*/ 5022 h 10000"/>
                  <a:gd name="connsiteX140" fmla="*/ 2817 w 10000"/>
                  <a:gd name="connsiteY140" fmla="*/ 5037 h 10000"/>
                  <a:gd name="connsiteX141" fmla="*/ 2944 w 10000"/>
                  <a:gd name="connsiteY141" fmla="*/ 5066 h 10000"/>
                  <a:gd name="connsiteX142" fmla="*/ 3071 w 10000"/>
                  <a:gd name="connsiteY142" fmla="*/ 5096 h 10000"/>
                  <a:gd name="connsiteX143" fmla="*/ 3173 w 10000"/>
                  <a:gd name="connsiteY143" fmla="*/ 5126 h 10000"/>
                  <a:gd name="connsiteX144" fmla="*/ 3299 w 10000"/>
                  <a:gd name="connsiteY144" fmla="*/ 5155 h 10000"/>
                  <a:gd name="connsiteX145" fmla="*/ 3452 w 10000"/>
                  <a:gd name="connsiteY145" fmla="*/ 5170 h 10000"/>
                  <a:gd name="connsiteX146" fmla="*/ 3680 w 10000"/>
                  <a:gd name="connsiteY146" fmla="*/ 5155 h 10000"/>
                  <a:gd name="connsiteX147" fmla="*/ 3757 w 10000"/>
                  <a:gd name="connsiteY147" fmla="*/ 5096 h 10000"/>
                  <a:gd name="connsiteX148" fmla="*/ 3832 w 10000"/>
                  <a:gd name="connsiteY148" fmla="*/ 5022 h 10000"/>
                  <a:gd name="connsiteX149" fmla="*/ 3857 w 10000"/>
                  <a:gd name="connsiteY149" fmla="*/ 4934 h 10000"/>
                  <a:gd name="connsiteX150" fmla="*/ 3884 w 10000"/>
                  <a:gd name="connsiteY150" fmla="*/ 4860 h 10000"/>
                  <a:gd name="connsiteX151" fmla="*/ 3908 w 10000"/>
                  <a:gd name="connsiteY151" fmla="*/ 4697 h 10000"/>
                  <a:gd name="connsiteX152" fmla="*/ 3884 w 10000"/>
                  <a:gd name="connsiteY152" fmla="*/ 4520 h 10000"/>
                  <a:gd name="connsiteX153" fmla="*/ 3807 w 10000"/>
                  <a:gd name="connsiteY153" fmla="*/ 4343 h 10000"/>
                  <a:gd name="connsiteX154" fmla="*/ 3731 w 10000"/>
                  <a:gd name="connsiteY154" fmla="*/ 4195 h 10000"/>
                  <a:gd name="connsiteX155" fmla="*/ 3604 w 10000"/>
                  <a:gd name="connsiteY155" fmla="*/ 4047 h 10000"/>
                  <a:gd name="connsiteX156" fmla="*/ 3477 w 10000"/>
                  <a:gd name="connsiteY156" fmla="*/ 3959 h 10000"/>
                  <a:gd name="connsiteX157" fmla="*/ 3629 w 10000"/>
                  <a:gd name="connsiteY157" fmla="*/ 3944 h 10000"/>
                  <a:gd name="connsiteX158" fmla="*/ 3757 w 10000"/>
                  <a:gd name="connsiteY158" fmla="*/ 3914 h 10000"/>
                  <a:gd name="connsiteX159" fmla="*/ 3857 w 10000"/>
                  <a:gd name="connsiteY159" fmla="*/ 3855 h 10000"/>
                  <a:gd name="connsiteX160" fmla="*/ 3983 w 10000"/>
                  <a:gd name="connsiteY160" fmla="*/ 3752 h 10000"/>
                  <a:gd name="connsiteX161" fmla="*/ 4111 w 10000"/>
                  <a:gd name="connsiteY161" fmla="*/ 3663 h 10000"/>
                  <a:gd name="connsiteX162" fmla="*/ 4213 w 10000"/>
                  <a:gd name="connsiteY162" fmla="*/ 3560 h 10000"/>
                  <a:gd name="connsiteX163" fmla="*/ 4289 w 10000"/>
                  <a:gd name="connsiteY163" fmla="*/ 3442 h 10000"/>
                  <a:gd name="connsiteX164" fmla="*/ 4366 w 10000"/>
                  <a:gd name="connsiteY164" fmla="*/ 3323 h 10000"/>
                  <a:gd name="connsiteX165" fmla="*/ 4416 w 10000"/>
                  <a:gd name="connsiteY165" fmla="*/ 3220 h 10000"/>
                  <a:gd name="connsiteX166" fmla="*/ 4441 w 10000"/>
                  <a:gd name="connsiteY166" fmla="*/ 3102 h 10000"/>
                  <a:gd name="connsiteX167" fmla="*/ 4468 w 10000"/>
                  <a:gd name="connsiteY167" fmla="*/ 3013 h 10000"/>
                  <a:gd name="connsiteX168" fmla="*/ 4441 w 10000"/>
                  <a:gd name="connsiteY168" fmla="*/ 2939 h 10000"/>
                  <a:gd name="connsiteX169" fmla="*/ 4416 w 10000"/>
                  <a:gd name="connsiteY169" fmla="*/ 2866 h 10000"/>
                  <a:gd name="connsiteX170" fmla="*/ 4340 w 10000"/>
                  <a:gd name="connsiteY170" fmla="*/ 2836 h 10000"/>
                  <a:gd name="connsiteX171" fmla="*/ 4239 w 10000"/>
                  <a:gd name="connsiteY171" fmla="*/ 2836 h 10000"/>
                  <a:gd name="connsiteX172" fmla="*/ 4111 w 10000"/>
                  <a:gd name="connsiteY172" fmla="*/ 2866 h 10000"/>
                  <a:gd name="connsiteX173" fmla="*/ 4213 w 10000"/>
                  <a:gd name="connsiteY173" fmla="*/ 2777 h 10000"/>
                  <a:gd name="connsiteX174" fmla="*/ 4265 w 10000"/>
                  <a:gd name="connsiteY174" fmla="*/ 2674 h 10000"/>
                  <a:gd name="connsiteX175" fmla="*/ 4289 w 10000"/>
                  <a:gd name="connsiteY175" fmla="*/ 2541 h 10000"/>
                  <a:gd name="connsiteX176" fmla="*/ 4289 w 10000"/>
                  <a:gd name="connsiteY176" fmla="*/ 2393 h 10000"/>
                  <a:gd name="connsiteX177" fmla="*/ 4314 w 10000"/>
                  <a:gd name="connsiteY177" fmla="*/ 2349 h 10000"/>
                  <a:gd name="connsiteX178" fmla="*/ 4366 w 10000"/>
                  <a:gd name="connsiteY178" fmla="*/ 2304 h 10000"/>
                  <a:gd name="connsiteX179" fmla="*/ 4416 w 10000"/>
                  <a:gd name="connsiteY179" fmla="*/ 2290 h 10000"/>
                  <a:gd name="connsiteX180" fmla="*/ 4493 w 10000"/>
                  <a:gd name="connsiteY180" fmla="*/ 2275 h 10000"/>
                  <a:gd name="connsiteX181" fmla="*/ 4720 w 10000"/>
                  <a:gd name="connsiteY181" fmla="*/ 2260 h 10000"/>
                  <a:gd name="connsiteX182" fmla="*/ 4923 w 10000"/>
                  <a:gd name="connsiteY182" fmla="*/ 2275 h 10000"/>
                  <a:gd name="connsiteX183" fmla="*/ 4898 w 10000"/>
                  <a:gd name="connsiteY183" fmla="*/ 2112 h 10000"/>
                  <a:gd name="connsiteX184" fmla="*/ 4848 w 10000"/>
                  <a:gd name="connsiteY184" fmla="*/ 1950 h 10000"/>
                  <a:gd name="connsiteX185" fmla="*/ 4771 w 10000"/>
                  <a:gd name="connsiteY185" fmla="*/ 1802 h 10000"/>
                  <a:gd name="connsiteX186" fmla="*/ 4671 w 10000"/>
                  <a:gd name="connsiteY186" fmla="*/ 1640 h 10000"/>
                  <a:gd name="connsiteX187" fmla="*/ 4416 w 10000"/>
                  <a:gd name="connsiteY187" fmla="*/ 1329 h 10000"/>
                  <a:gd name="connsiteX188" fmla="*/ 4162 w 10000"/>
                  <a:gd name="connsiteY188" fmla="*/ 1034 h 10000"/>
                  <a:gd name="connsiteX189" fmla="*/ 4035 w 10000"/>
                  <a:gd name="connsiteY189" fmla="*/ 901 h 10000"/>
                  <a:gd name="connsiteX190" fmla="*/ 3935 w 10000"/>
                  <a:gd name="connsiteY190" fmla="*/ 753 h 10000"/>
                  <a:gd name="connsiteX191" fmla="*/ 3857 w 10000"/>
                  <a:gd name="connsiteY191" fmla="*/ 620 h 10000"/>
                  <a:gd name="connsiteX192" fmla="*/ 3832 w 10000"/>
                  <a:gd name="connsiteY192" fmla="*/ 487 h 10000"/>
                  <a:gd name="connsiteX193" fmla="*/ 3807 w 10000"/>
                  <a:gd name="connsiteY193" fmla="*/ 355 h 10000"/>
                  <a:gd name="connsiteX194" fmla="*/ 3857 w 10000"/>
                  <a:gd name="connsiteY194" fmla="*/ 222 h 10000"/>
                  <a:gd name="connsiteX195" fmla="*/ 3884 w 10000"/>
                  <a:gd name="connsiteY195" fmla="*/ 162 h 10000"/>
                  <a:gd name="connsiteX196" fmla="*/ 3935 w 10000"/>
                  <a:gd name="connsiteY196" fmla="*/ 103 h 10000"/>
                  <a:gd name="connsiteX197" fmla="*/ 4011 w 10000"/>
                  <a:gd name="connsiteY197" fmla="*/ 59 h 10000"/>
                  <a:gd name="connsiteX198" fmla="*/ 4111 w 10000"/>
                  <a:gd name="connsiteY198" fmla="*/ 0 h 10000"/>
                  <a:gd name="connsiteX199" fmla="*/ 4289 w 10000"/>
                  <a:gd name="connsiteY199" fmla="*/ 0 h 10000"/>
                  <a:gd name="connsiteX200" fmla="*/ 4468 w 10000"/>
                  <a:gd name="connsiteY200" fmla="*/ 15 h 10000"/>
                  <a:gd name="connsiteX201" fmla="*/ 4644 w 10000"/>
                  <a:gd name="connsiteY201" fmla="*/ 44 h 10000"/>
                  <a:gd name="connsiteX202" fmla="*/ 4771 w 10000"/>
                  <a:gd name="connsiteY202" fmla="*/ 89 h 10000"/>
                  <a:gd name="connsiteX203" fmla="*/ 4975 w 10000"/>
                  <a:gd name="connsiteY203" fmla="*/ 192 h 10000"/>
                  <a:gd name="connsiteX204" fmla="*/ 5177 w 10000"/>
                  <a:gd name="connsiteY204" fmla="*/ 340 h 10000"/>
                  <a:gd name="connsiteX205" fmla="*/ 5329 w 10000"/>
                  <a:gd name="connsiteY205" fmla="*/ 473 h 10000"/>
                  <a:gd name="connsiteX206" fmla="*/ 5532 w 10000"/>
                  <a:gd name="connsiteY206" fmla="*/ 591 h 10000"/>
                  <a:gd name="connsiteX207" fmla="*/ 5660 w 10000"/>
                  <a:gd name="connsiteY207" fmla="*/ 650 h 10000"/>
                  <a:gd name="connsiteX208" fmla="*/ 5812 w 10000"/>
                  <a:gd name="connsiteY208" fmla="*/ 679 h 10000"/>
                  <a:gd name="connsiteX209" fmla="*/ 5965 w 10000"/>
                  <a:gd name="connsiteY209" fmla="*/ 709 h 10000"/>
                  <a:gd name="connsiteX210" fmla="*/ 6168 w 10000"/>
                  <a:gd name="connsiteY210" fmla="*/ 709 h 10000"/>
                  <a:gd name="connsiteX211" fmla="*/ 6168 w 10000"/>
                  <a:gd name="connsiteY211" fmla="*/ 768 h 10000"/>
                  <a:gd name="connsiteX212" fmla="*/ 6193 w 10000"/>
                  <a:gd name="connsiteY212" fmla="*/ 842 h 10000"/>
                  <a:gd name="connsiteX213" fmla="*/ 6243 w 10000"/>
                  <a:gd name="connsiteY213" fmla="*/ 916 h 10000"/>
                  <a:gd name="connsiteX214" fmla="*/ 6294 w 10000"/>
                  <a:gd name="connsiteY214" fmla="*/ 990 h 10000"/>
                  <a:gd name="connsiteX215" fmla="*/ 6369 w 10000"/>
                  <a:gd name="connsiteY215" fmla="*/ 1049 h 10000"/>
                  <a:gd name="connsiteX216" fmla="*/ 6471 w 10000"/>
                  <a:gd name="connsiteY216" fmla="*/ 1108 h 10000"/>
                  <a:gd name="connsiteX217" fmla="*/ 6598 w 10000"/>
                  <a:gd name="connsiteY217" fmla="*/ 1182 h 10000"/>
                  <a:gd name="connsiteX218" fmla="*/ 6700 w 10000"/>
                  <a:gd name="connsiteY218" fmla="*/ 1226 h 10000"/>
                  <a:gd name="connsiteX219" fmla="*/ 6802 w 10000"/>
                  <a:gd name="connsiteY219" fmla="*/ 1270 h 10000"/>
                  <a:gd name="connsiteX220" fmla="*/ 6903 w 10000"/>
                  <a:gd name="connsiteY220" fmla="*/ 1300 h 10000"/>
                  <a:gd name="connsiteX221" fmla="*/ 7005 w 10000"/>
                  <a:gd name="connsiteY221" fmla="*/ 1315 h 10000"/>
                  <a:gd name="connsiteX222" fmla="*/ 7132 w 10000"/>
                  <a:gd name="connsiteY222" fmla="*/ 1300 h 10000"/>
                  <a:gd name="connsiteX223" fmla="*/ 7234 w 10000"/>
                  <a:gd name="connsiteY223" fmla="*/ 1285 h 10000"/>
                  <a:gd name="connsiteX224" fmla="*/ 7309 w 10000"/>
                  <a:gd name="connsiteY224" fmla="*/ 1241 h 10000"/>
                  <a:gd name="connsiteX225" fmla="*/ 7361 w 10000"/>
                  <a:gd name="connsiteY225" fmla="*/ 1167 h 10000"/>
                  <a:gd name="connsiteX226" fmla="*/ 7385 w 10000"/>
                  <a:gd name="connsiteY226" fmla="*/ 1064 h 10000"/>
                  <a:gd name="connsiteX227" fmla="*/ 7766 w 10000"/>
                  <a:gd name="connsiteY227" fmla="*/ 1034 h 10000"/>
                  <a:gd name="connsiteX228" fmla="*/ 8121 w 10000"/>
                  <a:gd name="connsiteY228" fmla="*/ 1004 h 10000"/>
                  <a:gd name="connsiteX229" fmla="*/ 8427 w 10000"/>
                  <a:gd name="connsiteY229" fmla="*/ 990 h 10000"/>
                  <a:gd name="connsiteX230" fmla="*/ 8706 w 10000"/>
                  <a:gd name="connsiteY230" fmla="*/ 1004 h 10000"/>
                  <a:gd name="connsiteX231" fmla="*/ 8833 w 10000"/>
                  <a:gd name="connsiteY231" fmla="*/ 1019 h 10000"/>
                  <a:gd name="connsiteX232" fmla="*/ 8958 w 10000"/>
                  <a:gd name="connsiteY232" fmla="*/ 1034 h 10000"/>
                  <a:gd name="connsiteX233" fmla="*/ 9061 w 10000"/>
                  <a:gd name="connsiteY233" fmla="*/ 1064 h 10000"/>
                  <a:gd name="connsiteX234" fmla="*/ 9188 w 10000"/>
                  <a:gd name="connsiteY234" fmla="*/ 1108 h 10000"/>
                  <a:gd name="connsiteX235" fmla="*/ 9264 w 10000"/>
                  <a:gd name="connsiteY235" fmla="*/ 1182 h 10000"/>
                  <a:gd name="connsiteX236" fmla="*/ 9339 w 10000"/>
                  <a:gd name="connsiteY236" fmla="*/ 1241 h 10000"/>
                  <a:gd name="connsiteX237" fmla="*/ 9391 w 10000"/>
                  <a:gd name="connsiteY237" fmla="*/ 1329 h 10000"/>
                  <a:gd name="connsiteX238" fmla="*/ 9442 w 10000"/>
                  <a:gd name="connsiteY238" fmla="*/ 1433 h 10000"/>
                  <a:gd name="connsiteX239" fmla="*/ 9492 w 10000"/>
                  <a:gd name="connsiteY239" fmla="*/ 1551 h 10000"/>
                  <a:gd name="connsiteX240" fmla="*/ 9466 w 10000"/>
                  <a:gd name="connsiteY240" fmla="*/ 1625 h 10000"/>
                  <a:gd name="connsiteX241" fmla="*/ 9442 w 10000"/>
                  <a:gd name="connsiteY241" fmla="*/ 1684 h 10000"/>
                  <a:gd name="connsiteX242" fmla="*/ 9391 w 10000"/>
                  <a:gd name="connsiteY242" fmla="*/ 1758 h 10000"/>
                  <a:gd name="connsiteX243" fmla="*/ 9315 w 10000"/>
                  <a:gd name="connsiteY243" fmla="*/ 1802 h 10000"/>
                  <a:gd name="connsiteX244" fmla="*/ 9264 w 10000"/>
                  <a:gd name="connsiteY244" fmla="*/ 1861 h 10000"/>
                  <a:gd name="connsiteX245" fmla="*/ 9240 w 10000"/>
                  <a:gd name="connsiteY245" fmla="*/ 1935 h 10000"/>
                  <a:gd name="connsiteX246" fmla="*/ 9264 w 10000"/>
                  <a:gd name="connsiteY246" fmla="*/ 2024 h 10000"/>
                  <a:gd name="connsiteX247" fmla="*/ 9543 w 10000"/>
                  <a:gd name="connsiteY247" fmla="*/ 2157 h 10000"/>
                  <a:gd name="connsiteX248" fmla="*/ 9873 w 10000"/>
                  <a:gd name="connsiteY248" fmla="*/ 2275 h 10000"/>
                  <a:gd name="connsiteX249" fmla="*/ 10000 w 10000"/>
                  <a:gd name="connsiteY249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8984 w 10000"/>
                  <a:gd name="connsiteY2" fmla="*/ 3412 h 10000"/>
                  <a:gd name="connsiteX3" fmla="*/ 9415 w 10000"/>
                  <a:gd name="connsiteY3" fmla="*/ 3117 h 10000"/>
                  <a:gd name="connsiteX4" fmla="*/ 9442 w 10000"/>
                  <a:gd name="connsiteY4" fmla="*/ 3072 h 10000"/>
                  <a:gd name="connsiteX5" fmla="*/ 9466 w 10000"/>
                  <a:gd name="connsiteY5" fmla="*/ 3013 h 10000"/>
                  <a:gd name="connsiteX6" fmla="*/ 9466 w 10000"/>
                  <a:gd name="connsiteY6" fmla="*/ 2954 h 10000"/>
                  <a:gd name="connsiteX7" fmla="*/ 9442 w 10000"/>
                  <a:gd name="connsiteY7" fmla="*/ 2866 h 10000"/>
                  <a:gd name="connsiteX8" fmla="*/ 9264 w 10000"/>
                  <a:gd name="connsiteY8" fmla="*/ 2984 h 10000"/>
                  <a:gd name="connsiteX9" fmla="*/ 9061 w 10000"/>
                  <a:gd name="connsiteY9" fmla="*/ 3072 h 10000"/>
                  <a:gd name="connsiteX10" fmla="*/ 8197 w 10000"/>
                  <a:gd name="connsiteY10" fmla="*/ 3397 h 10000"/>
                  <a:gd name="connsiteX11" fmla="*/ 7716 w 10000"/>
                  <a:gd name="connsiteY11" fmla="*/ 3545 h 10000"/>
                  <a:gd name="connsiteX12" fmla="*/ 6345 w 10000"/>
                  <a:gd name="connsiteY12" fmla="*/ 4003 h 10000"/>
                  <a:gd name="connsiteX13" fmla="*/ 6143 w 10000"/>
                  <a:gd name="connsiteY13" fmla="*/ 4106 h 10000"/>
                  <a:gd name="connsiteX14" fmla="*/ 5938 w 10000"/>
                  <a:gd name="connsiteY14" fmla="*/ 4195 h 10000"/>
                  <a:gd name="connsiteX15" fmla="*/ 6091 w 10000"/>
                  <a:gd name="connsiteY15" fmla="*/ 4417 h 10000"/>
                  <a:gd name="connsiteX16" fmla="*/ 6421 w 10000"/>
                  <a:gd name="connsiteY16" fmla="*/ 5318 h 10000"/>
                  <a:gd name="connsiteX17" fmla="*/ 6447 w 10000"/>
                  <a:gd name="connsiteY17" fmla="*/ 5539 h 10000"/>
                  <a:gd name="connsiteX18" fmla="*/ 6471 w 10000"/>
                  <a:gd name="connsiteY18" fmla="*/ 5775 h 10000"/>
                  <a:gd name="connsiteX19" fmla="*/ 6471 w 10000"/>
                  <a:gd name="connsiteY19" fmla="*/ 5997 h 10000"/>
                  <a:gd name="connsiteX20" fmla="*/ 6447 w 10000"/>
                  <a:gd name="connsiteY20" fmla="*/ 6233 h 10000"/>
                  <a:gd name="connsiteX21" fmla="*/ 6396 w 10000"/>
                  <a:gd name="connsiteY21" fmla="*/ 6470 h 10000"/>
                  <a:gd name="connsiteX22" fmla="*/ 6345 w 10000"/>
                  <a:gd name="connsiteY22" fmla="*/ 6677 h 10000"/>
                  <a:gd name="connsiteX23" fmla="*/ 6269 w 10000"/>
                  <a:gd name="connsiteY23" fmla="*/ 6898 h 10000"/>
                  <a:gd name="connsiteX24" fmla="*/ 6168 w 10000"/>
                  <a:gd name="connsiteY24" fmla="*/ 7105 h 10000"/>
                  <a:gd name="connsiteX25" fmla="*/ 6041 w 10000"/>
                  <a:gd name="connsiteY25" fmla="*/ 7297 h 10000"/>
                  <a:gd name="connsiteX26" fmla="*/ 5888 w 10000"/>
                  <a:gd name="connsiteY26" fmla="*/ 7489 h 10000"/>
                  <a:gd name="connsiteX27" fmla="*/ 5735 w 10000"/>
                  <a:gd name="connsiteY27" fmla="*/ 7681 h 10000"/>
                  <a:gd name="connsiteX28" fmla="*/ 6471 w 10000"/>
                  <a:gd name="connsiteY28" fmla="*/ 7799 h 10000"/>
                  <a:gd name="connsiteX29" fmla="*/ 7234 w 10000"/>
                  <a:gd name="connsiteY29" fmla="*/ 7962 h 10000"/>
                  <a:gd name="connsiteX30" fmla="*/ 7385 w 10000"/>
                  <a:gd name="connsiteY30" fmla="*/ 8021 h 10000"/>
                  <a:gd name="connsiteX31" fmla="*/ 7512 w 10000"/>
                  <a:gd name="connsiteY31" fmla="*/ 8080 h 10000"/>
                  <a:gd name="connsiteX32" fmla="*/ 7639 w 10000"/>
                  <a:gd name="connsiteY32" fmla="*/ 8139 h 10000"/>
                  <a:gd name="connsiteX33" fmla="*/ 7716 w 10000"/>
                  <a:gd name="connsiteY33" fmla="*/ 8227 h 10000"/>
                  <a:gd name="connsiteX34" fmla="*/ 7741 w 10000"/>
                  <a:gd name="connsiteY34" fmla="*/ 8301 h 10000"/>
                  <a:gd name="connsiteX35" fmla="*/ 7741 w 10000"/>
                  <a:gd name="connsiteY35" fmla="*/ 8405 h 10000"/>
                  <a:gd name="connsiteX36" fmla="*/ 7691 w 10000"/>
                  <a:gd name="connsiteY36" fmla="*/ 8523 h 10000"/>
                  <a:gd name="connsiteX37" fmla="*/ 7614 w 10000"/>
                  <a:gd name="connsiteY37" fmla="*/ 8641 h 10000"/>
                  <a:gd name="connsiteX38" fmla="*/ 7284 w 10000"/>
                  <a:gd name="connsiteY38" fmla="*/ 8552 h 10000"/>
                  <a:gd name="connsiteX39" fmla="*/ 6979 w 10000"/>
                  <a:gd name="connsiteY39" fmla="*/ 8449 h 10000"/>
                  <a:gd name="connsiteX40" fmla="*/ 6674 w 10000"/>
                  <a:gd name="connsiteY40" fmla="*/ 8360 h 10000"/>
                  <a:gd name="connsiteX41" fmla="*/ 6369 w 10000"/>
                  <a:gd name="connsiteY41" fmla="*/ 8287 h 10000"/>
                  <a:gd name="connsiteX42" fmla="*/ 6243 w 10000"/>
                  <a:gd name="connsiteY42" fmla="*/ 8449 h 10000"/>
                  <a:gd name="connsiteX43" fmla="*/ 6143 w 10000"/>
                  <a:gd name="connsiteY43" fmla="*/ 8597 h 10000"/>
                  <a:gd name="connsiteX44" fmla="*/ 6091 w 10000"/>
                  <a:gd name="connsiteY44" fmla="*/ 8656 h 10000"/>
                  <a:gd name="connsiteX45" fmla="*/ 5989 w 10000"/>
                  <a:gd name="connsiteY45" fmla="*/ 8700 h 10000"/>
                  <a:gd name="connsiteX46" fmla="*/ 5914 w 10000"/>
                  <a:gd name="connsiteY46" fmla="*/ 8744 h 10000"/>
                  <a:gd name="connsiteX47" fmla="*/ 5838 w 10000"/>
                  <a:gd name="connsiteY47" fmla="*/ 8774 h 10000"/>
                  <a:gd name="connsiteX48" fmla="*/ 5761 w 10000"/>
                  <a:gd name="connsiteY48" fmla="*/ 8804 h 10000"/>
                  <a:gd name="connsiteX49" fmla="*/ 5660 w 10000"/>
                  <a:gd name="connsiteY49" fmla="*/ 8818 h 10000"/>
                  <a:gd name="connsiteX50" fmla="*/ 5532 w 10000"/>
                  <a:gd name="connsiteY50" fmla="*/ 8833 h 10000"/>
                  <a:gd name="connsiteX51" fmla="*/ 5406 w 10000"/>
                  <a:gd name="connsiteY51" fmla="*/ 8833 h 10000"/>
                  <a:gd name="connsiteX52" fmla="*/ 5102 w 10000"/>
                  <a:gd name="connsiteY52" fmla="*/ 8818 h 10000"/>
                  <a:gd name="connsiteX53" fmla="*/ 4720 w 10000"/>
                  <a:gd name="connsiteY53" fmla="*/ 8744 h 10000"/>
                  <a:gd name="connsiteX54" fmla="*/ 4720 w 10000"/>
                  <a:gd name="connsiteY54" fmla="*/ 8922 h 10000"/>
                  <a:gd name="connsiteX55" fmla="*/ 4695 w 10000"/>
                  <a:gd name="connsiteY55" fmla="*/ 9069 h 10000"/>
                  <a:gd name="connsiteX56" fmla="*/ 4671 w 10000"/>
                  <a:gd name="connsiteY56" fmla="*/ 9232 h 10000"/>
                  <a:gd name="connsiteX57" fmla="*/ 4644 w 10000"/>
                  <a:gd name="connsiteY57" fmla="*/ 9365 h 10000"/>
                  <a:gd name="connsiteX58" fmla="*/ 4593 w 10000"/>
                  <a:gd name="connsiteY58" fmla="*/ 9498 h 10000"/>
                  <a:gd name="connsiteX59" fmla="*/ 4493 w 10000"/>
                  <a:gd name="connsiteY59" fmla="*/ 9616 h 10000"/>
                  <a:gd name="connsiteX60" fmla="*/ 4416 w 10000"/>
                  <a:gd name="connsiteY60" fmla="*/ 9734 h 10000"/>
                  <a:gd name="connsiteX61" fmla="*/ 4289 w 10000"/>
                  <a:gd name="connsiteY61" fmla="*/ 9838 h 10000"/>
                  <a:gd name="connsiteX62" fmla="*/ 3983 w 10000"/>
                  <a:gd name="connsiteY62" fmla="*/ 9897 h 10000"/>
                  <a:gd name="connsiteX63" fmla="*/ 3731 w 10000"/>
                  <a:gd name="connsiteY63" fmla="*/ 9941 h 10000"/>
                  <a:gd name="connsiteX64" fmla="*/ 3426 w 10000"/>
                  <a:gd name="connsiteY64" fmla="*/ 9985 h 10000"/>
                  <a:gd name="connsiteX65" fmla="*/ 3198 w 10000"/>
                  <a:gd name="connsiteY65" fmla="*/ 10000 h 10000"/>
                  <a:gd name="connsiteX66" fmla="*/ 2690 w 10000"/>
                  <a:gd name="connsiteY66" fmla="*/ 10000 h 10000"/>
                  <a:gd name="connsiteX67" fmla="*/ 2208 w 10000"/>
                  <a:gd name="connsiteY67" fmla="*/ 9985 h 10000"/>
                  <a:gd name="connsiteX68" fmla="*/ 1752 w 10000"/>
                  <a:gd name="connsiteY68" fmla="*/ 9941 h 10000"/>
                  <a:gd name="connsiteX69" fmla="*/ 1270 w 10000"/>
                  <a:gd name="connsiteY69" fmla="*/ 9911 h 10000"/>
                  <a:gd name="connsiteX70" fmla="*/ 990 w 10000"/>
                  <a:gd name="connsiteY70" fmla="*/ 9911 h 10000"/>
                  <a:gd name="connsiteX71" fmla="*/ 736 w 10000"/>
                  <a:gd name="connsiteY71" fmla="*/ 9911 h 10000"/>
                  <a:gd name="connsiteX72" fmla="*/ 457 w 10000"/>
                  <a:gd name="connsiteY72" fmla="*/ 9926 h 10000"/>
                  <a:gd name="connsiteX73" fmla="*/ 178 w 10000"/>
                  <a:gd name="connsiteY73" fmla="*/ 9970 h 10000"/>
                  <a:gd name="connsiteX74" fmla="*/ 102 w 10000"/>
                  <a:gd name="connsiteY74" fmla="*/ 9867 h 10000"/>
                  <a:gd name="connsiteX75" fmla="*/ 51 w 10000"/>
                  <a:gd name="connsiteY75" fmla="*/ 9793 h 10000"/>
                  <a:gd name="connsiteX76" fmla="*/ 0 w 10000"/>
                  <a:gd name="connsiteY76" fmla="*/ 9705 h 10000"/>
                  <a:gd name="connsiteX77" fmla="*/ 0 w 10000"/>
                  <a:gd name="connsiteY77" fmla="*/ 9601 h 10000"/>
                  <a:gd name="connsiteX78" fmla="*/ 51 w 10000"/>
                  <a:gd name="connsiteY78" fmla="*/ 9424 h 10000"/>
                  <a:gd name="connsiteX79" fmla="*/ 102 w 10000"/>
                  <a:gd name="connsiteY79" fmla="*/ 9202 h 10000"/>
                  <a:gd name="connsiteX80" fmla="*/ 151 w 10000"/>
                  <a:gd name="connsiteY80" fmla="*/ 8996 h 10000"/>
                  <a:gd name="connsiteX81" fmla="*/ 203 w 10000"/>
                  <a:gd name="connsiteY81" fmla="*/ 8759 h 10000"/>
                  <a:gd name="connsiteX82" fmla="*/ 228 w 10000"/>
                  <a:gd name="connsiteY82" fmla="*/ 8641 h 10000"/>
                  <a:gd name="connsiteX83" fmla="*/ 228 w 10000"/>
                  <a:gd name="connsiteY83" fmla="*/ 8538 h 10000"/>
                  <a:gd name="connsiteX84" fmla="*/ 203 w 10000"/>
                  <a:gd name="connsiteY84" fmla="*/ 8405 h 10000"/>
                  <a:gd name="connsiteX85" fmla="*/ 178 w 10000"/>
                  <a:gd name="connsiteY85" fmla="*/ 8287 h 10000"/>
                  <a:gd name="connsiteX86" fmla="*/ 431 w 10000"/>
                  <a:gd name="connsiteY86" fmla="*/ 8213 h 10000"/>
                  <a:gd name="connsiteX87" fmla="*/ 685 w 10000"/>
                  <a:gd name="connsiteY87" fmla="*/ 8139 h 10000"/>
                  <a:gd name="connsiteX88" fmla="*/ 939 w 10000"/>
                  <a:gd name="connsiteY88" fmla="*/ 8095 h 10000"/>
                  <a:gd name="connsiteX89" fmla="*/ 1218 w 10000"/>
                  <a:gd name="connsiteY89" fmla="*/ 8065 h 10000"/>
                  <a:gd name="connsiteX90" fmla="*/ 1725 w 10000"/>
                  <a:gd name="connsiteY90" fmla="*/ 8021 h 10000"/>
                  <a:gd name="connsiteX91" fmla="*/ 2234 w 10000"/>
                  <a:gd name="connsiteY91" fmla="*/ 7976 h 10000"/>
                  <a:gd name="connsiteX92" fmla="*/ 2462 w 10000"/>
                  <a:gd name="connsiteY92" fmla="*/ 7947 h 10000"/>
                  <a:gd name="connsiteX93" fmla="*/ 2690 w 10000"/>
                  <a:gd name="connsiteY93" fmla="*/ 7917 h 10000"/>
                  <a:gd name="connsiteX94" fmla="*/ 2892 w 10000"/>
                  <a:gd name="connsiteY94" fmla="*/ 7843 h 10000"/>
                  <a:gd name="connsiteX95" fmla="*/ 3096 w 10000"/>
                  <a:gd name="connsiteY95" fmla="*/ 7784 h 10000"/>
                  <a:gd name="connsiteX96" fmla="*/ 3274 w 10000"/>
                  <a:gd name="connsiteY96" fmla="*/ 7710 h 10000"/>
                  <a:gd name="connsiteX97" fmla="*/ 3426 w 10000"/>
                  <a:gd name="connsiteY97" fmla="*/ 7592 h 10000"/>
                  <a:gd name="connsiteX98" fmla="*/ 3579 w 10000"/>
                  <a:gd name="connsiteY98" fmla="*/ 7474 h 10000"/>
                  <a:gd name="connsiteX99" fmla="*/ 3680 w 10000"/>
                  <a:gd name="connsiteY99" fmla="*/ 7312 h 10000"/>
                  <a:gd name="connsiteX100" fmla="*/ 3477 w 10000"/>
                  <a:gd name="connsiteY100" fmla="*/ 7238 h 10000"/>
                  <a:gd name="connsiteX101" fmla="*/ 3299 w 10000"/>
                  <a:gd name="connsiteY101" fmla="*/ 7179 h 10000"/>
                  <a:gd name="connsiteX102" fmla="*/ 3147 w 10000"/>
                  <a:gd name="connsiteY102" fmla="*/ 7090 h 10000"/>
                  <a:gd name="connsiteX103" fmla="*/ 2995 w 10000"/>
                  <a:gd name="connsiteY103" fmla="*/ 6987 h 10000"/>
                  <a:gd name="connsiteX104" fmla="*/ 2892 w 10000"/>
                  <a:gd name="connsiteY104" fmla="*/ 6869 h 10000"/>
                  <a:gd name="connsiteX105" fmla="*/ 2843 w 10000"/>
                  <a:gd name="connsiteY105" fmla="*/ 6721 h 10000"/>
                  <a:gd name="connsiteX106" fmla="*/ 2817 w 10000"/>
                  <a:gd name="connsiteY106" fmla="*/ 6558 h 10000"/>
                  <a:gd name="connsiteX107" fmla="*/ 2843 w 10000"/>
                  <a:gd name="connsiteY107" fmla="*/ 6352 h 10000"/>
                  <a:gd name="connsiteX108" fmla="*/ 2716 w 10000"/>
                  <a:gd name="connsiteY108" fmla="*/ 6322 h 10000"/>
                  <a:gd name="connsiteX109" fmla="*/ 2564 w 10000"/>
                  <a:gd name="connsiteY109" fmla="*/ 6292 h 10000"/>
                  <a:gd name="connsiteX110" fmla="*/ 2386 w 10000"/>
                  <a:gd name="connsiteY110" fmla="*/ 6278 h 10000"/>
                  <a:gd name="connsiteX111" fmla="*/ 2208 w 10000"/>
                  <a:gd name="connsiteY111" fmla="*/ 6263 h 10000"/>
                  <a:gd name="connsiteX112" fmla="*/ 1853 w 10000"/>
                  <a:gd name="connsiteY112" fmla="*/ 6248 h 10000"/>
                  <a:gd name="connsiteX113" fmla="*/ 1472 w 10000"/>
                  <a:gd name="connsiteY113" fmla="*/ 6263 h 10000"/>
                  <a:gd name="connsiteX114" fmla="*/ 1143 w 10000"/>
                  <a:gd name="connsiteY114" fmla="*/ 6278 h 10000"/>
                  <a:gd name="connsiteX115" fmla="*/ 837 w 10000"/>
                  <a:gd name="connsiteY115" fmla="*/ 6278 h 10000"/>
                  <a:gd name="connsiteX116" fmla="*/ 585 w 10000"/>
                  <a:gd name="connsiteY116" fmla="*/ 6263 h 10000"/>
                  <a:gd name="connsiteX117" fmla="*/ 381 w 10000"/>
                  <a:gd name="connsiteY117" fmla="*/ 6233 h 10000"/>
                  <a:gd name="connsiteX118" fmla="*/ 633 w 10000"/>
                  <a:gd name="connsiteY118" fmla="*/ 5805 h 10000"/>
                  <a:gd name="connsiteX119" fmla="*/ 914 w 10000"/>
                  <a:gd name="connsiteY119" fmla="*/ 5391 h 10000"/>
                  <a:gd name="connsiteX120" fmla="*/ 1016 w 10000"/>
                  <a:gd name="connsiteY120" fmla="*/ 5170 h 10000"/>
                  <a:gd name="connsiteX121" fmla="*/ 1091 w 10000"/>
                  <a:gd name="connsiteY121" fmla="*/ 4963 h 10000"/>
                  <a:gd name="connsiteX122" fmla="*/ 1116 w 10000"/>
                  <a:gd name="connsiteY122" fmla="*/ 4860 h 10000"/>
                  <a:gd name="connsiteX123" fmla="*/ 1091 w 10000"/>
                  <a:gd name="connsiteY123" fmla="*/ 4756 h 10000"/>
                  <a:gd name="connsiteX124" fmla="*/ 1066 w 10000"/>
                  <a:gd name="connsiteY124" fmla="*/ 4653 h 10000"/>
                  <a:gd name="connsiteX125" fmla="*/ 990 w 10000"/>
                  <a:gd name="connsiteY125" fmla="*/ 4549 h 10000"/>
                  <a:gd name="connsiteX126" fmla="*/ 1270 w 10000"/>
                  <a:gd name="connsiteY126" fmla="*/ 4520 h 10000"/>
                  <a:gd name="connsiteX127" fmla="*/ 1472 w 10000"/>
                  <a:gd name="connsiteY127" fmla="*/ 4505 h 10000"/>
                  <a:gd name="connsiteX128" fmla="*/ 1650 w 10000"/>
                  <a:gd name="connsiteY128" fmla="*/ 4505 h 10000"/>
                  <a:gd name="connsiteX129" fmla="*/ 1802 w 10000"/>
                  <a:gd name="connsiteY129" fmla="*/ 4520 h 10000"/>
                  <a:gd name="connsiteX130" fmla="*/ 1929 w 10000"/>
                  <a:gd name="connsiteY130" fmla="*/ 4520 h 10000"/>
                  <a:gd name="connsiteX131" fmla="*/ 2081 w 10000"/>
                  <a:gd name="connsiteY131" fmla="*/ 4520 h 10000"/>
                  <a:gd name="connsiteX132" fmla="*/ 2234 w 10000"/>
                  <a:gd name="connsiteY132" fmla="*/ 4490 h 10000"/>
                  <a:gd name="connsiteX133" fmla="*/ 2436 w 10000"/>
                  <a:gd name="connsiteY133" fmla="*/ 4446 h 10000"/>
                  <a:gd name="connsiteX134" fmla="*/ 2436 w 10000"/>
                  <a:gd name="connsiteY134" fmla="*/ 4579 h 10000"/>
                  <a:gd name="connsiteX135" fmla="*/ 2436 w 10000"/>
                  <a:gd name="connsiteY135" fmla="*/ 4742 h 10000"/>
                  <a:gd name="connsiteX136" fmla="*/ 2436 w 10000"/>
                  <a:gd name="connsiteY136" fmla="*/ 4874 h 10000"/>
                  <a:gd name="connsiteX137" fmla="*/ 2436 w 10000"/>
                  <a:gd name="connsiteY137" fmla="*/ 5037 h 10000"/>
                  <a:gd name="connsiteX138" fmla="*/ 2665 w 10000"/>
                  <a:gd name="connsiteY138" fmla="*/ 5022 h 10000"/>
                  <a:gd name="connsiteX139" fmla="*/ 2817 w 10000"/>
                  <a:gd name="connsiteY139" fmla="*/ 5037 h 10000"/>
                  <a:gd name="connsiteX140" fmla="*/ 2944 w 10000"/>
                  <a:gd name="connsiteY140" fmla="*/ 5066 h 10000"/>
                  <a:gd name="connsiteX141" fmla="*/ 3071 w 10000"/>
                  <a:gd name="connsiteY141" fmla="*/ 5096 h 10000"/>
                  <a:gd name="connsiteX142" fmla="*/ 3173 w 10000"/>
                  <a:gd name="connsiteY142" fmla="*/ 5126 h 10000"/>
                  <a:gd name="connsiteX143" fmla="*/ 3299 w 10000"/>
                  <a:gd name="connsiteY143" fmla="*/ 5155 h 10000"/>
                  <a:gd name="connsiteX144" fmla="*/ 3452 w 10000"/>
                  <a:gd name="connsiteY144" fmla="*/ 5170 h 10000"/>
                  <a:gd name="connsiteX145" fmla="*/ 3680 w 10000"/>
                  <a:gd name="connsiteY145" fmla="*/ 5155 h 10000"/>
                  <a:gd name="connsiteX146" fmla="*/ 3757 w 10000"/>
                  <a:gd name="connsiteY146" fmla="*/ 5096 h 10000"/>
                  <a:gd name="connsiteX147" fmla="*/ 3832 w 10000"/>
                  <a:gd name="connsiteY147" fmla="*/ 5022 h 10000"/>
                  <a:gd name="connsiteX148" fmla="*/ 3857 w 10000"/>
                  <a:gd name="connsiteY148" fmla="*/ 4934 h 10000"/>
                  <a:gd name="connsiteX149" fmla="*/ 3884 w 10000"/>
                  <a:gd name="connsiteY149" fmla="*/ 4860 h 10000"/>
                  <a:gd name="connsiteX150" fmla="*/ 3908 w 10000"/>
                  <a:gd name="connsiteY150" fmla="*/ 4697 h 10000"/>
                  <a:gd name="connsiteX151" fmla="*/ 3884 w 10000"/>
                  <a:gd name="connsiteY151" fmla="*/ 4520 h 10000"/>
                  <a:gd name="connsiteX152" fmla="*/ 3807 w 10000"/>
                  <a:gd name="connsiteY152" fmla="*/ 4343 h 10000"/>
                  <a:gd name="connsiteX153" fmla="*/ 3731 w 10000"/>
                  <a:gd name="connsiteY153" fmla="*/ 4195 h 10000"/>
                  <a:gd name="connsiteX154" fmla="*/ 3604 w 10000"/>
                  <a:gd name="connsiteY154" fmla="*/ 4047 h 10000"/>
                  <a:gd name="connsiteX155" fmla="*/ 3477 w 10000"/>
                  <a:gd name="connsiteY155" fmla="*/ 3959 h 10000"/>
                  <a:gd name="connsiteX156" fmla="*/ 3629 w 10000"/>
                  <a:gd name="connsiteY156" fmla="*/ 3944 h 10000"/>
                  <a:gd name="connsiteX157" fmla="*/ 3757 w 10000"/>
                  <a:gd name="connsiteY157" fmla="*/ 3914 h 10000"/>
                  <a:gd name="connsiteX158" fmla="*/ 3857 w 10000"/>
                  <a:gd name="connsiteY158" fmla="*/ 3855 h 10000"/>
                  <a:gd name="connsiteX159" fmla="*/ 3983 w 10000"/>
                  <a:gd name="connsiteY159" fmla="*/ 3752 h 10000"/>
                  <a:gd name="connsiteX160" fmla="*/ 4111 w 10000"/>
                  <a:gd name="connsiteY160" fmla="*/ 3663 h 10000"/>
                  <a:gd name="connsiteX161" fmla="*/ 4213 w 10000"/>
                  <a:gd name="connsiteY161" fmla="*/ 3560 h 10000"/>
                  <a:gd name="connsiteX162" fmla="*/ 4289 w 10000"/>
                  <a:gd name="connsiteY162" fmla="*/ 3442 h 10000"/>
                  <a:gd name="connsiteX163" fmla="*/ 4366 w 10000"/>
                  <a:gd name="connsiteY163" fmla="*/ 3323 h 10000"/>
                  <a:gd name="connsiteX164" fmla="*/ 4416 w 10000"/>
                  <a:gd name="connsiteY164" fmla="*/ 3220 h 10000"/>
                  <a:gd name="connsiteX165" fmla="*/ 4441 w 10000"/>
                  <a:gd name="connsiteY165" fmla="*/ 3102 h 10000"/>
                  <a:gd name="connsiteX166" fmla="*/ 4468 w 10000"/>
                  <a:gd name="connsiteY166" fmla="*/ 3013 h 10000"/>
                  <a:gd name="connsiteX167" fmla="*/ 4441 w 10000"/>
                  <a:gd name="connsiteY167" fmla="*/ 2939 h 10000"/>
                  <a:gd name="connsiteX168" fmla="*/ 4416 w 10000"/>
                  <a:gd name="connsiteY168" fmla="*/ 2866 h 10000"/>
                  <a:gd name="connsiteX169" fmla="*/ 4340 w 10000"/>
                  <a:gd name="connsiteY169" fmla="*/ 2836 h 10000"/>
                  <a:gd name="connsiteX170" fmla="*/ 4239 w 10000"/>
                  <a:gd name="connsiteY170" fmla="*/ 2836 h 10000"/>
                  <a:gd name="connsiteX171" fmla="*/ 4111 w 10000"/>
                  <a:gd name="connsiteY171" fmla="*/ 2866 h 10000"/>
                  <a:gd name="connsiteX172" fmla="*/ 4213 w 10000"/>
                  <a:gd name="connsiteY172" fmla="*/ 2777 h 10000"/>
                  <a:gd name="connsiteX173" fmla="*/ 4265 w 10000"/>
                  <a:gd name="connsiteY173" fmla="*/ 2674 h 10000"/>
                  <a:gd name="connsiteX174" fmla="*/ 4289 w 10000"/>
                  <a:gd name="connsiteY174" fmla="*/ 2541 h 10000"/>
                  <a:gd name="connsiteX175" fmla="*/ 4289 w 10000"/>
                  <a:gd name="connsiteY175" fmla="*/ 2393 h 10000"/>
                  <a:gd name="connsiteX176" fmla="*/ 4314 w 10000"/>
                  <a:gd name="connsiteY176" fmla="*/ 2349 h 10000"/>
                  <a:gd name="connsiteX177" fmla="*/ 4366 w 10000"/>
                  <a:gd name="connsiteY177" fmla="*/ 2304 h 10000"/>
                  <a:gd name="connsiteX178" fmla="*/ 4416 w 10000"/>
                  <a:gd name="connsiteY178" fmla="*/ 2290 h 10000"/>
                  <a:gd name="connsiteX179" fmla="*/ 4493 w 10000"/>
                  <a:gd name="connsiteY179" fmla="*/ 2275 h 10000"/>
                  <a:gd name="connsiteX180" fmla="*/ 4720 w 10000"/>
                  <a:gd name="connsiteY180" fmla="*/ 2260 h 10000"/>
                  <a:gd name="connsiteX181" fmla="*/ 4923 w 10000"/>
                  <a:gd name="connsiteY181" fmla="*/ 2275 h 10000"/>
                  <a:gd name="connsiteX182" fmla="*/ 4898 w 10000"/>
                  <a:gd name="connsiteY182" fmla="*/ 2112 h 10000"/>
                  <a:gd name="connsiteX183" fmla="*/ 4848 w 10000"/>
                  <a:gd name="connsiteY183" fmla="*/ 1950 h 10000"/>
                  <a:gd name="connsiteX184" fmla="*/ 4771 w 10000"/>
                  <a:gd name="connsiteY184" fmla="*/ 1802 h 10000"/>
                  <a:gd name="connsiteX185" fmla="*/ 4671 w 10000"/>
                  <a:gd name="connsiteY185" fmla="*/ 1640 h 10000"/>
                  <a:gd name="connsiteX186" fmla="*/ 4416 w 10000"/>
                  <a:gd name="connsiteY186" fmla="*/ 1329 h 10000"/>
                  <a:gd name="connsiteX187" fmla="*/ 4162 w 10000"/>
                  <a:gd name="connsiteY187" fmla="*/ 1034 h 10000"/>
                  <a:gd name="connsiteX188" fmla="*/ 4035 w 10000"/>
                  <a:gd name="connsiteY188" fmla="*/ 901 h 10000"/>
                  <a:gd name="connsiteX189" fmla="*/ 3935 w 10000"/>
                  <a:gd name="connsiteY189" fmla="*/ 753 h 10000"/>
                  <a:gd name="connsiteX190" fmla="*/ 3857 w 10000"/>
                  <a:gd name="connsiteY190" fmla="*/ 620 h 10000"/>
                  <a:gd name="connsiteX191" fmla="*/ 3832 w 10000"/>
                  <a:gd name="connsiteY191" fmla="*/ 487 h 10000"/>
                  <a:gd name="connsiteX192" fmla="*/ 3807 w 10000"/>
                  <a:gd name="connsiteY192" fmla="*/ 355 h 10000"/>
                  <a:gd name="connsiteX193" fmla="*/ 3857 w 10000"/>
                  <a:gd name="connsiteY193" fmla="*/ 222 h 10000"/>
                  <a:gd name="connsiteX194" fmla="*/ 3884 w 10000"/>
                  <a:gd name="connsiteY194" fmla="*/ 162 h 10000"/>
                  <a:gd name="connsiteX195" fmla="*/ 3935 w 10000"/>
                  <a:gd name="connsiteY195" fmla="*/ 103 h 10000"/>
                  <a:gd name="connsiteX196" fmla="*/ 4011 w 10000"/>
                  <a:gd name="connsiteY196" fmla="*/ 59 h 10000"/>
                  <a:gd name="connsiteX197" fmla="*/ 4111 w 10000"/>
                  <a:gd name="connsiteY197" fmla="*/ 0 h 10000"/>
                  <a:gd name="connsiteX198" fmla="*/ 4289 w 10000"/>
                  <a:gd name="connsiteY198" fmla="*/ 0 h 10000"/>
                  <a:gd name="connsiteX199" fmla="*/ 4468 w 10000"/>
                  <a:gd name="connsiteY199" fmla="*/ 15 h 10000"/>
                  <a:gd name="connsiteX200" fmla="*/ 4644 w 10000"/>
                  <a:gd name="connsiteY200" fmla="*/ 44 h 10000"/>
                  <a:gd name="connsiteX201" fmla="*/ 4771 w 10000"/>
                  <a:gd name="connsiteY201" fmla="*/ 89 h 10000"/>
                  <a:gd name="connsiteX202" fmla="*/ 4975 w 10000"/>
                  <a:gd name="connsiteY202" fmla="*/ 192 h 10000"/>
                  <a:gd name="connsiteX203" fmla="*/ 5177 w 10000"/>
                  <a:gd name="connsiteY203" fmla="*/ 340 h 10000"/>
                  <a:gd name="connsiteX204" fmla="*/ 5329 w 10000"/>
                  <a:gd name="connsiteY204" fmla="*/ 473 h 10000"/>
                  <a:gd name="connsiteX205" fmla="*/ 5532 w 10000"/>
                  <a:gd name="connsiteY205" fmla="*/ 591 h 10000"/>
                  <a:gd name="connsiteX206" fmla="*/ 5660 w 10000"/>
                  <a:gd name="connsiteY206" fmla="*/ 650 h 10000"/>
                  <a:gd name="connsiteX207" fmla="*/ 5812 w 10000"/>
                  <a:gd name="connsiteY207" fmla="*/ 679 h 10000"/>
                  <a:gd name="connsiteX208" fmla="*/ 5965 w 10000"/>
                  <a:gd name="connsiteY208" fmla="*/ 709 h 10000"/>
                  <a:gd name="connsiteX209" fmla="*/ 6168 w 10000"/>
                  <a:gd name="connsiteY209" fmla="*/ 709 h 10000"/>
                  <a:gd name="connsiteX210" fmla="*/ 6168 w 10000"/>
                  <a:gd name="connsiteY210" fmla="*/ 768 h 10000"/>
                  <a:gd name="connsiteX211" fmla="*/ 6193 w 10000"/>
                  <a:gd name="connsiteY211" fmla="*/ 842 h 10000"/>
                  <a:gd name="connsiteX212" fmla="*/ 6243 w 10000"/>
                  <a:gd name="connsiteY212" fmla="*/ 916 h 10000"/>
                  <a:gd name="connsiteX213" fmla="*/ 6294 w 10000"/>
                  <a:gd name="connsiteY213" fmla="*/ 990 h 10000"/>
                  <a:gd name="connsiteX214" fmla="*/ 6369 w 10000"/>
                  <a:gd name="connsiteY214" fmla="*/ 1049 h 10000"/>
                  <a:gd name="connsiteX215" fmla="*/ 6471 w 10000"/>
                  <a:gd name="connsiteY215" fmla="*/ 1108 h 10000"/>
                  <a:gd name="connsiteX216" fmla="*/ 6598 w 10000"/>
                  <a:gd name="connsiteY216" fmla="*/ 1182 h 10000"/>
                  <a:gd name="connsiteX217" fmla="*/ 6700 w 10000"/>
                  <a:gd name="connsiteY217" fmla="*/ 1226 h 10000"/>
                  <a:gd name="connsiteX218" fmla="*/ 6802 w 10000"/>
                  <a:gd name="connsiteY218" fmla="*/ 1270 h 10000"/>
                  <a:gd name="connsiteX219" fmla="*/ 6903 w 10000"/>
                  <a:gd name="connsiteY219" fmla="*/ 1300 h 10000"/>
                  <a:gd name="connsiteX220" fmla="*/ 7005 w 10000"/>
                  <a:gd name="connsiteY220" fmla="*/ 1315 h 10000"/>
                  <a:gd name="connsiteX221" fmla="*/ 7132 w 10000"/>
                  <a:gd name="connsiteY221" fmla="*/ 1300 h 10000"/>
                  <a:gd name="connsiteX222" fmla="*/ 7234 w 10000"/>
                  <a:gd name="connsiteY222" fmla="*/ 1285 h 10000"/>
                  <a:gd name="connsiteX223" fmla="*/ 7309 w 10000"/>
                  <a:gd name="connsiteY223" fmla="*/ 1241 h 10000"/>
                  <a:gd name="connsiteX224" fmla="*/ 7361 w 10000"/>
                  <a:gd name="connsiteY224" fmla="*/ 1167 h 10000"/>
                  <a:gd name="connsiteX225" fmla="*/ 7385 w 10000"/>
                  <a:gd name="connsiteY225" fmla="*/ 1064 h 10000"/>
                  <a:gd name="connsiteX226" fmla="*/ 7766 w 10000"/>
                  <a:gd name="connsiteY226" fmla="*/ 1034 h 10000"/>
                  <a:gd name="connsiteX227" fmla="*/ 8121 w 10000"/>
                  <a:gd name="connsiteY227" fmla="*/ 1004 h 10000"/>
                  <a:gd name="connsiteX228" fmla="*/ 8427 w 10000"/>
                  <a:gd name="connsiteY228" fmla="*/ 990 h 10000"/>
                  <a:gd name="connsiteX229" fmla="*/ 8706 w 10000"/>
                  <a:gd name="connsiteY229" fmla="*/ 1004 h 10000"/>
                  <a:gd name="connsiteX230" fmla="*/ 8833 w 10000"/>
                  <a:gd name="connsiteY230" fmla="*/ 1019 h 10000"/>
                  <a:gd name="connsiteX231" fmla="*/ 8958 w 10000"/>
                  <a:gd name="connsiteY231" fmla="*/ 1034 h 10000"/>
                  <a:gd name="connsiteX232" fmla="*/ 9061 w 10000"/>
                  <a:gd name="connsiteY232" fmla="*/ 1064 h 10000"/>
                  <a:gd name="connsiteX233" fmla="*/ 9188 w 10000"/>
                  <a:gd name="connsiteY233" fmla="*/ 1108 h 10000"/>
                  <a:gd name="connsiteX234" fmla="*/ 9264 w 10000"/>
                  <a:gd name="connsiteY234" fmla="*/ 1182 h 10000"/>
                  <a:gd name="connsiteX235" fmla="*/ 9339 w 10000"/>
                  <a:gd name="connsiteY235" fmla="*/ 1241 h 10000"/>
                  <a:gd name="connsiteX236" fmla="*/ 9391 w 10000"/>
                  <a:gd name="connsiteY236" fmla="*/ 1329 h 10000"/>
                  <a:gd name="connsiteX237" fmla="*/ 9442 w 10000"/>
                  <a:gd name="connsiteY237" fmla="*/ 1433 h 10000"/>
                  <a:gd name="connsiteX238" fmla="*/ 9492 w 10000"/>
                  <a:gd name="connsiteY238" fmla="*/ 1551 h 10000"/>
                  <a:gd name="connsiteX239" fmla="*/ 9466 w 10000"/>
                  <a:gd name="connsiteY239" fmla="*/ 1625 h 10000"/>
                  <a:gd name="connsiteX240" fmla="*/ 9442 w 10000"/>
                  <a:gd name="connsiteY240" fmla="*/ 1684 h 10000"/>
                  <a:gd name="connsiteX241" fmla="*/ 9391 w 10000"/>
                  <a:gd name="connsiteY241" fmla="*/ 1758 h 10000"/>
                  <a:gd name="connsiteX242" fmla="*/ 9315 w 10000"/>
                  <a:gd name="connsiteY242" fmla="*/ 1802 h 10000"/>
                  <a:gd name="connsiteX243" fmla="*/ 9264 w 10000"/>
                  <a:gd name="connsiteY243" fmla="*/ 1861 h 10000"/>
                  <a:gd name="connsiteX244" fmla="*/ 9240 w 10000"/>
                  <a:gd name="connsiteY244" fmla="*/ 1935 h 10000"/>
                  <a:gd name="connsiteX245" fmla="*/ 9264 w 10000"/>
                  <a:gd name="connsiteY245" fmla="*/ 2024 h 10000"/>
                  <a:gd name="connsiteX246" fmla="*/ 9543 w 10000"/>
                  <a:gd name="connsiteY246" fmla="*/ 2157 h 10000"/>
                  <a:gd name="connsiteX247" fmla="*/ 9873 w 10000"/>
                  <a:gd name="connsiteY247" fmla="*/ 2275 h 10000"/>
                  <a:gd name="connsiteX248" fmla="*/ 10000 w 10000"/>
                  <a:gd name="connsiteY248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9415 w 10000"/>
                  <a:gd name="connsiteY2" fmla="*/ 3117 h 10000"/>
                  <a:gd name="connsiteX3" fmla="*/ 9442 w 10000"/>
                  <a:gd name="connsiteY3" fmla="*/ 3072 h 10000"/>
                  <a:gd name="connsiteX4" fmla="*/ 9466 w 10000"/>
                  <a:gd name="connsiteY4" fmla="*/ 3013 h 10000"/>
                  <a:gd name="connsiteX5" fmla="*/ 9466 w 10000"/>
                  <a:gd name="connsiteY5" fmla="*/ 2954 h 10000"/>
                  <a:gd name="connsiteX6" fmla="*/ 9442 w 10000"/>
                  <a:gd name="connsiteY6" fmla="*/ 2866 h 10000"/>
                  <a:gd name="connsiteX7" fmla="*/ 9264 w 10000"/>
                  <a:gd name="connsiteY7" fmla="*/ 2984 h 10000"/>
                  <a:gd name="connsiteX8" fmla="*/ 9061 w 10000"/>
                  <a:gd name="connsiteY8" fmla="*/ 3072 h 10000"/>
                  <a:gd name="connsiteX9" fmla="*/ 8197 w 10000"/>
                  <a:gd name="connsiteY9" fmla="*/ 3397 h 10000"/>
                  <a:gd name="connsiteX10" fmla="*/ 7716 w 10000"/>
                  <a:gd name="connsiteY10" fmla="*/ 3545 h 10000"/>
                  <a:gd name="connsiteX11" fmla="*/ 6345 w 10000"/>
                  <a:gd name="connsiteY11" fmla="*/ 4003 h 10000"/>
                  <a:gd name="connsiteX12" fmla="*/ 6143 w 10000"/>
                  <a:gd name="connsiteY12" fmla="*/ 4106 h 10000"/>
                  <a:gd name="connsiteX13" fmla="*/ 5938 w 10000"/>
                  <a:gd name="connsiteY13" fmla="*/ 4195 h 10000"/>
                  <a:gd name="connsiteX14" fmla="*/ 6091 w 10000"/>
                  <a:gd name="connsiteY14" fmla="*/ 4417 h 10000"/>
                  <a:gd name="connsiteX15" fmla="*/ 6421 w 10000"/>
                  <a:gd name="connsiteY15" fmla="*/ 5318 h 10000"/>
                  <a:gd name="connsiteX16" fmla="*/ 6447 w 10000"/>
                  <a:gd name="connsiteY16" fmla="*/ 5539 h 10000"/>
                  <a:gd name="connsiteX17" fmla="*/ 6471 w 10000"/>
                  <a:gd name="connsiteY17" fmla="*/ 5775 h 10000"/>
                  <a:gd name="connsiteX18" fmla="*/ 6471 w 10000"/>
                  <a:gd name="connsiteY18" fmla="*/ 5997 h 10000"/>
                  <a:gd name="connsiteX19" fmla="*/ 6447 w 10000"/>
                  <a:gd name="connsiteY19" fmla="*/ 6233 h 10000"/>
                  <a:gd name="connsiteX20" fmla="*/ 6396 w 10000"/>
                  <a:gd name="connsiteY20" fmla="*/ 6470 h 10000"/>
                  <a:gd name="connsiteX21" fmla="*/ 6345 w 10000"/>
                  <a:gd name="connsiteY21" fmla="*/ 6677 h 10000"/>
                  <a:gd name="connsiteX22" fmla="*/ 6269 w 10000"/>
                  <a:gd name="connsiteY22" fmla="*/ 6898 h 10000"/>
                  <a:gd name="connsiteX23" fmla="*/ 6168 w 10000"/>
                  <a:gd name="connsiteY23" fmla="*/ 7105 h 10000"/>
                  <a:gd name="connsiteX24" fmla="*/ 6041 w 10000"/>
                  <a:gd name="connsiteY24" fmla="*/ 7297 h 10000"/>
                  <a:gd name="connsiteX25" fmla="*/ 5888 w 10000"/>
                  <a:gd name="connsiteY25" fmla="*/ 7489 h 10000"/>
                  <a:gd name="connsiteX26" fmla="*/ 5735 w 10000"/>
                  <a:gd name="connsiteY26" fmla="*/ 7681 h 10000"/>
                  <a:gd name="connsiteX27" fmla="*/ 6471 w 10000"/>
                  <a:gd name="connsiteY27" fmla="*/ 7799 h 10000"/>
                  <a:gd name="connsiteX28" fmla="*/ 7234 w 10000"/>
                  <a:gd name="connsiteY28" fmla="*/ 7962 h 10000"/>
                  <a:gd name="connsiteX29" fmla="*/ 7385 w 10000"/>
                  <a:gd name="connsiteY29" fmla="*/ 8021 h 10000"/>
                  <a:gd name="connsiteX30" fmla="*/ 7512 w 10000"/>
                  <a:gd name="connsiteY30" fmla="*/ 8080 h 10000"/>
                  <a:gd name="connsiteX31" fmla="*/ 7639 w 10000"/>
                  <a:gd name="connsiteY31" fmla="*/ 8139 h 10000"/>
                  <a:gd name="connsiteX32" fmla="*/ 7716 w 10000"/>
                  <a:gd name="connsiteY32" fmla="*/ 8227 h 10000"/>
                  <a:gd name="connsiteX33" fmla="*/ 7741 w 10000"/>
                  <a:gd name="connsiteY33" fmla="*/ 8301 h 10000"/>
                  <a:gd name="connsiteX34" fmla="*/ 7741 w 10000"/>
                  <a:gd name="connsiteY34" fmla="*/ 8405 h 10000"/>
                  <a:gd name="connsiteX35" fmla="*/ 7691 w 10000"/>
                  <a:gd name="connsiteY35" fmla="*/ 8523 h 10000"/>
                  <a:gd name="connsiteX36" fmla="*/ 7614 w 10000"/>
                  <a:gd name="connsiteY36" fmla="*/ 8641 h 10000"/>
                  <a:gd name="connsiteX37" fmla="*/ 7284 w 10000"/>
                  <a:gd name="connsiteY37" fmla="*/ 8552 h 10000"/>
                  <a:gd name="connsiteX38" fmla="*/ 6979 w 10000"/>
                  <a:gd name="connsiteY38" fmla="*/ 8449 h 10000"/>
                  <a:gd name="connsiteX39" fmla="*/ 6674 w 10000"/>
                  <a:gd name="connsiteY39" fmla="*/ 8360 h 10000"/>
                  <a:gd name="connsiteX40" fmla="*/ 6369 w 10000"/>
                  <a:gd name="connsiteY40" fmla="*/ 8287 h 10000"/>
                  <a:gd name="connsiteX41" fmla="*/ 6243 w 10000"/>
                  <a:gd name="connsiteY41" fmla="*/ 8449 h 10000"/>
                  <a:gd name="connsiteX42" fmla="*/ 6143 w 10000"/>
                  <a:gd name="connsiteY42" fmla="*/ 8597 h 10000"/>
                  <a:gd name="connsiteX43" fmla="*/ 6091 w 10000"/>
                  <a:gd name="connsiteY43" fmla="*/ 8656 h 10000"/>
                  <a:gd name="connsiteX44" fmla="*/ 5989 w 10000"/>
                  <a:gd name="connsiteY44" fmla="*/ 8700 h 10000"/>
                  <a:gd name="connsiteX45" fmla="*/ 5914 w 10000"/>
                  <a:gd name="connsiteY45" fmla="*/ 8744 h 10000"/>
                  <a:gd name="connsiteX46" fmla="*/ 5838 w 10000"/>
                  <a:gd name="connsiteY46" fmla="*/ 8774 h 10000"/>
                  <a:gd name="connsiteX47" fmla="*/ 5761 w 10000"/>
                  <a:gd name="connsiteY47" fmla="*/ 8804 h 10000"/>
                  <a:gd name="connsiteX48" fmla="*/ 5660 w 10000"/>
                  <a:gd name="connsiteY48" fmla="*/ 8818 h 10000"/>
                  <a:gd name="connsiteX49" fmla="*/ 5532 w 10000"/>
                  <a:gd name="connsiteY49" fmla="*/ 8833 h 10000"/>
                  <a:gd name="connsiteX50" fmla="*/ 5406 w 10000"/>
                  <a:gd name="connsiteY50" fmla="*/ 8833 h 10000"/>
                  <a:gd name="connsiteX51" fmla="*/ 5102 w 10000"/>
                  <a:gd name="connsiteY51" fmla="*/ 8818 h 10000"/>
                  <a:gd name="connsiteX52" fmla="*/ 4720 w 10000"/>
                  <a:gd name="connsiteY52" fmla="*/ 8744 h 10000"/>
                  <a:gd name="connsiteX53" fmla="*/ 4720 w 10000"/>
                  <a:gd name="connsiteY53" fmla="*/ 8922 h 10000"/>
                  <a:gd name="connsiteX54" fmla="*/ 4695 w 10000"/>
                  <a:gd name="connsiteY54" fmla="*/ 9069 h 10000"/>
                  <a:gd name="connsiteX55" fmla="*/ 4671 w 10000"/>
                  <a:gd name="connsiteY55" fmla="*/ 9232 h 10000"/>
                  <a:gd name="connsiteX56" fmla="*/ 4644 w 10000"/>
                  <a:gd name="connsiteY56" fmla="*/ 9365 h 10000"/>
                  <a:gd name="connsiteX57" fmla="*/ 4593 w 10000"/>
                  <a:gd name="connsiteY57" fmla="*/ 9498 h 10000"/>
                  <a:gd name="connsiteX58" fmla="*/ 4493 w 10000"/>
                  <a:gd name="connsiteY58" fmla="*/ 9616 h 10000"/>
                  <a:gd name="connsiteX59" fmla="*/ 4416 w 10000"/>
                  <a:gd name="connsiteY59" fmla="*/ 9734 h 10000"/>
                  <a:gd name="connsiteX60" fmla="*/ 4289 w 10000"/>
                  <a:gd name="connsiteY60" fmla="*/ 9838 h 10000"/>
                  <a:gd name="connsiteX61" fmla="*/ 3983 w 10000"/>
                  <a:gd name="connsiteY61" fmla="*/ 9897 h 10000"/>
                  <a:gd name="connsiteX62" fmla="*/ 3731 w 10000"/>
                  <a:gd name="connsiteY62" fmla="*/ 9941 h 10000"/>
                  <a:gd name="connsiteX63" fmla="*/ 3426 w 10000"/>
                  <a:gd name="connsiteY63" fmla="*/ 9985 h 10000"/>
                  <a:gd name="connsiteX64" fmla="*/ 3198 w 10000"/>
                  <a:gd name="connsiteY64" fmla="*/ 10000 h 10000"/>
                  <a:gd name="connsiteX65" fmla="*/ 2690 w 10000"/>
                  <a:gd name="connsiteY65" fmla="*/ 10000 h 10000"/>
                  <a:gd name="connsiteX66" fmla="*/ 2208 w 10000"/>
                  <a:gd name="connsiteY66" fmla="*/ 9985 h 10000"/>
                  <a:gd name="connsiteX67" fmla="*/ 1752 w 10000"/>
                  <a:gd name="connsiteY67" fmla="*/ 9941 h 10000"/>
                  <a:gd name="connsiteX68" fmla="*/ 1270 w 10000"/>
                  <a:gd name="connsiteY68" fmla="*/ 9911 h 10000"/>
                  <a:gd name="connsiteX69" fmla="*/ 990 w 10000"/>
                  <a:gd name="connsiteY69" fmla="*/ 9911 h 10000"/>
                  <a:gd name="connsiteX70" fmla="*/ 736 w 10000"/>
                  <a:gd name="connsiteY70" fmla="*/ 9911 h 10000"/>
                  <a:gd name="connsiteX71" fmla="*/ 457 w 10000"/>
                  <a:gd name="connsiteY71" fmla="*/ 9926 h 10000"/>
                  <a:gd name="connsiteX72" fmla="*/ 178 w 10000"/>
                  <a:gd name="connsiteY72" fmla="*/ 9970 h 10000"/>
                  <a:gd name="connsiteX73" fmla="*/ 102 w 10000"/>
                  <a:gd name="connsiteY73" fmla="*/ 9867 h 10000"/>
                  <a:gd name="connsiteX74" fmla="*/ 51 w 10000"/>
                  <a:gd name="connsiteY74" fmla="*/ 9793 h 10000"/>
                  <a:gd name="connsiteX75" fmla="*/ 0 w 10000"/>
                  <a:gd name="connsiteY75" fmla="*/ 9705 h 10000"/>
                  <a:gd name="connsiteX76" fmla="*/ 0 w 10000"/>
                  <a:gd name="connsiteY76" fmla="*/ 9601 h 10000"/>
                  <a:gd name="connsiteX77" fmla="*/ 51 w 10000"/>
                  <a:gd name="connsiteY77" fmla="*/ 9424 h 10000"/>
                  <a:gd name="connsiteX78" fmla="*/ 102 w 10000"/>
                  <a:gd name="connsiteY78" fmla="*/ 9202 h 10000"/>
                  <a:gd name="connsiteX79" fmla="*/ 151 w 10000"/>
                  <a:gd name="connsiteY79" fmla="*/ 8996 h 10000"/>
                  <a:gd name="connsiteX80" fmla="*/ 203 w 10000"/>
                  <a:gd name="connsiteY80" fmla="*/ 8759 h 10000"/>
                  <a:gd name="connsiteX81" fmla="*/ 228 w 10000"/>
                  <a:gd name="connsiteY81" fmla="*/ 8641 h 10000"/>
                  <a:gd name="connsiteX82" fmla="*/ 228 w 10000"/>
                  <a:gd name="connsiteY82" fmla="*/ 8538 h 10000"/>
                  <a:gd name="connsiteX83" fmla="*/ 203 w 10000"/>
                  <a:gd name="connsiteY83" fmla="*/ 8405 h 10000"/>
                  <a:gd name="connsiteX84" fmla="*/ 178 w 10000"/>
                  <a:gd name="connsiteY84" fmla="*/ 8287 h 10000"/>
                  <a:gd name="connsiteX85" fmla="*/ 431 w 10000"/>
                  <a:gd name="connsiteY85" fmla="*/ 8213 h 10000"/>
                  <a:gd name="connsiteX86" fmla="*/ 685 w 10000"/>
                  <a:gd name="connsiteY86" fmla="*/ 8139 h 10000"/>
                  <a:gd name="connsiteX87" fmla="*/ 939 w 10000"/>
                  <a:gd name="connsiteY87" fmla="*/ 8095 h 10000"/>
                  <a:gd name="connsiteX88" fmla="*/ 1218 w 10000"/>
                  <a:gd name="connsiteY88" fmla="*/ 8065 h 10000"/>
                  <a:gd name="connsiteX89" fmla="*/ 1725 w 10000"/>
                  <a:gd name="connsiteY89" fmla="*/ 8021 h 10000"/>
                  <a:gd name="connsiteX90" fmla="*/ 2234 w 10000"/>
                  <a:gd name="connsiteY90" fmla="*/ 7976 h 10000"/>
                  <a:gd name="connsiteX91" fmla="*/ 2462 w 10000"/>
                  <a:gd name="connsiteY91" fmla="*/ 7947 h 10000"/>
                  <a:gd name="connsiteX92" fmla="*/ 2690 w 10000"/>
                  <a:gd name="connsiteY92" fmla="*/ 7917 h 10000"/>
                  <a:gd name="connsiteX93" fmla="*/ 2892 w 10000"/>
                  <a:gd name="connsiteY93" fmla="*/ 7843 h 10000"/>
                  <a:gd name="connsiteX94" fmla="*/ 3096 w 10000"/>
                  <a:gd name="connsiteY94" fmla="*/ 7784 h 10000"/>
                  <a:gd name="connsiteX95" fmla="*/ 3274 w 10000"/>
                  <a:gd name="connsiteY95" fmla="*/ 7710 h 10000"/>
                  <a:gd name="connsiteX96" fmla="*/ 3426 w 10000"/>
                  <a:gd name="connsiteY96" fmla="*/ 7592 h 10000"/>
                  <a:gd name="connsiteX97" fmla="*/ 3579 w 10000"/>
                  <a:gd name="connsiteY97" fmla="*/ 7474 h 10000"/>
                  <a:gd name="connsiteX98" fmla="*/ 3680 w 10000"/>
                  <a:gd name="connsiteY98" fmla="*/ 7312 h 10000"/>
                  <a:gd name="connsiteX99" fmla="*/ 3477 w 10000"/>
                  <a:gd name="connsiteY99" fmla="*/ 7238 h 10000"/>
                  <a:gd name="connsiteX100" fmla="*/ 3299 w 10000"/>
                  <a:gd name="connsiteY100" fmla="*/ 7179 h 10000"/>
                  <a:gd name="connsiteX101" fmla="*/ 3147 w 10000"/>
                  <a:gd name="connsiteY101" fmla="*/ 7090 h 10000"/>
                  <a:gd name="connsiteX102" fmla="*/ 2995 w 10000"/>
                  <a:gd name="connsiteY102" fmla="*/ 6987 h 10000"/>
                  <a:gd name="connsiteX103" fmla="*/ 2892 w 10000"/>
                  <a:gd name="connsiteY103" fmla="*/ 6869 h 10000"/>
                  <a:gd name="connsiteX104" fmla="*/ 2843 w 10000"/>
                  <a:gd name="connsiteY104" fmla="*/ 6721 h 10000"/>
                  <a:gd name="connsiteX105" fmla="*/ 2817 w 10000"/>
                  <a:gd name="connsiteY105" fmla="*/ 6558 h 10000"/>
                  <a:gd name="connsiteX106" fmla="*/ 2843 w 10000"/>
                  <a:gd name="connsiteY106" fmla="*/ 6352 h 10000"/>
                  <a:gd name="connsiteX107" fmla="*/ 2716 w 10000"/>
                  <a:gd name="connsiteY107" fmla="*/ 6322 h 10000"/>
                  <a:gd name="connsiteX108" fmla="*/ 2564 w 10000"/>
                  <a:gd name="connsiteY108" fmla="*/ 6292 h 10000"/>
                  <a:gd name="connsiteX109" fmla="*/ 2386 w 10000"/>
                  <a:gd name="connsiteY109" fmla="*/ 6278 h 10000"/>
                  <a:gd name="connsiteX110" fmla="*/ 2208 w 10000"/>
                  <a:gd name="connsiteY110" fmla="*/ 6263 h 10000"/>
                  <a:gd name="connsiteX111" fmla="*/ 1853 w 10000"/>
                  <a:gd name="connsiteY111" fmla="*/ 6248 h 10000"/>
                  <a:gd name="connsiteX112" fmla="*/ 1472 w 10000"/>
                  <a:gd name="connsiteY112" fmla="*/ 6263 h 10000"/>
                  <a:gd name="connsiteX113" fmla="*/ 1143 w 10000"/>
                  <a:gd name="connsiteY113" fmla="*/ 6278 h 10000"/>
                  <a:gd name="connsiteX114" fmla="*/ 837 w 10000"/>
                  <a:gd name="connsiteY114" fmla="*/ 6278 h 10000"/>
                  <a:gd name="connsiteX115" fmla="*/ 585 w 10000"/>
                  <a:gd name="connsiteY115" fmla="*/ 6263 h 10000"/>
                  <a:gd name="connsiteX116" fmla="*/ 381 w 10000"/>
                  <a:gd name="connsiteY116" fmla="*/ 6233 h 10000"/>
                  <a:gd name="connsiteX117" fmla="*/ 633 w 10000"/>
                  <a:gd name="connsiteY117" fmla="*/ 5805 h 10000"/>
                  <a:gd name="connsiteX118" fmla="*/ 914 w 10000"/>
                  <a:gd name="connsiteY118" fmla="*/ 5391 h 10000"/>
                  <a:gd name="connsiteX119" fmla="*/ 1016 w 10000"/>
                  <a:gd name="connsiteY119" fmla="*/ 5170 h 10000"/>
                  <a:gd name="connsiteX120" fmla="*/ 1091 w 10000"/>
                  <a:gd name="connsiteY120" fmla="*/ 4963 h 10000"/>
                  <a:gd name="connsiteX121" fmla="*/ 1116 w 10000"/>
                  <a:gd name="connsiteY121" fmla="*/ 4860 h 10000"/>
                  <a:gd name="connsiteX122" fmla="*/ 1091 w 10000"/>
                  <a:gd name="connsiteY122" fmla="*/ 4756 h 10000"/>
                  <a:gd name="connsiteX123" fmla="*/ 1066 w 10000"/>
                  <a:gd name="connsiteY123" fmla="*/ 4653 h 10000"/>
                  <a:gd name="connsiteX124" fmla="*/ 990 w 10000"/>
                  <a:gd name="connsiteY124" fmla="*/ 4549 h 10000"/>
                  <a:gd name="connsiteX125" fmla="*/ 1270 w 10000"/>
                  <a:gd name="connsiteY125" fmla="*/ 4520 h 10000"/>
                  <a:gd name="connsiteX126" fmla="*/ 1472 w 10000"/>
                  <a:gd name="connsiteY126" fmla="*/ 4505 h 10000"/>
                  <a:gd name="connsiteX127" fmla="*/ 1650 w 10000"/>
                  <a:gd name="connsiteY127" fmla="*/ 4505 h 10000"/>
                  <a:gd name="connsiteX128" fmla="*/ 1802 w 10000"/>
                  <a:gd name="connsiteY128" fmla="*/ 4520 h 10000"/>
                  <a:gd name="connsiteX129" fmla="*/ 1929 w 10000"/>
                  <a:gd name="connsiteY129" fmla="*/ 4520 h 10000"/>
                  <a:gd name="connsiteX130" fmla="*/ 2081 w 10000"/>
                  <a:gd name="connsiteY130" fmla="*/ 4520 h 10000"/>
                  <a:gd name="connsiteX131" fmla="*/ 2234 w 10000"/>
                  <a:gd name="connsiteY131" fmla="*/ 4490 h 10000"/>
                  <a:gd name="connsiteX132" fmla="*/ 2436 w 10000"/>
                  <a:gd name="connsiteY132" fmla="*/ 4446 h 10000"/>
                  <a:gd name="connsiteX133" fmla="*/ 2436 w 10000"/>
                  <a:gd name="connsiteY133" fmla="*/ 4579 h 10000"/>
                  <a:gd name="connsiteX134" fmla="*/ 2436 w 10000"/>
                  <a:gd name="connsiteY134" fmla="*/ 4742 h 10000"/>
                  <a:gd name="connsiteX135" fmla="*/ 2436 w 10000"/>
                  <a:gd name="connsiteY135" fmla="*/ 4874 h 10000"/>
                  <a:gd name="connsiteX136" fmla="*/ 2436 w 10000"/>
                  <a:gd name="connsiteY136" fmla="*/ 5037 h 10000"/>
                  <a:gd name="connsiteX137" fmla="*/ 2665 w 10000"/>
                  <a:gd name="connsiteY137" fmla="*/ 5022 h 10000"/>
                  <a:gd name="connsiteX138" fmla="*/ 2817 w 10000"/>
                  <a:gd name="connsiteY138" fmla="*/ 5037 h 10000"/>
                  <a:gd name="connsiteX139" fmla="*/ 2944 w 10000"/>
                  <a:gd name="connsiteY139" fmla="*/ 5066 h 10000"/>
                  <a:gd name="connsiteX140" fmla="*/ 3071 w 10000"/>
                  <a:gd name="connsiteY140" fmla="*/ 5096 h 10000"/>
                  <a:gd name="connsiteX141" fmla="*/ 3173 w 10000"/>
                  <a:gd name="connsiteY141" fmla="*/ 5126 h 10000"/>
                  <a:gd name="connsiteX142" fmla="*/ 3299 w 10000"/>
                  <a:gd name="connsiteY142" fmla="*/ 5155 h 10000"/>
                  <a:gd name="connsiteX143" fmla="*/ 3452 w 10000"/>
                  <a:gd name="connsiteY143" fmla="*/ 5170 h 10000"/>
                  <a:gd name="connsiteX144" fmla="*/ 3680 w 10000"/>
                  <a:gd name="connsiteY144" fmla="*/ 5155 h 10000"/>
                  <a:gd name="connsiteX145" fmla="*/ 3757 w 10000"/>
                  <a:gd name="connsiteY145" fmla="*/ 5096 h 10000"/>
                  <a:gd name="connsiteX146" fmla="*/ 3832 w 10000"/>
                  <a:gd name="connsiteY146" fmla="*/ 5022 h 10000"/>
                  <a:gd name="connsiteX147" fmla="*/ 3857 w 10000"/>
                  <a:gd name="connsiteY147" fmla="*/ 4934 h 10000"/>
                  <a:gd name="connsiteX148" fmla="*/ 3884 w 10000"/>
                  <a:gd name="connsiteY148" fmla="*/ 4860 h 10000"/>
                  <a:gd name="connsiteX149" fmla="*/ 3908 w 10000"/>
                  <a:gd name="connsiteY149" fmla="*/ 4697 h 10000"/>
                  <a:gd name="connsiteX150" fmla="*/ 3884 w 10000"/>
                  <a:gd name="connsiteY150" fmla="*/ 4520 h 10000"/>
                  <a:gd name="connsiteX151" fmla="*/ 3807 w 10000"/>
                  <a:gd name="connsiteY151" fmla="*/ 4343 h 10000"/>
                  <a:gd name="connsiteX152" fmla="*/ 3731 w 10000"/>
                  <a:gd name="connsiteY152" fmla="*/ 4195 h 10000"/>
                  <a:gd name="connsiteX153" fmla="*/ 3604 w 10000"/>
                  <a:gd name="connsiteY153" fmla="*/ 4047 h 10000"/>
                  <a:gd name="connsiteX154" fmla="*/ 3477 w 10000"/>
                  <a:gd name="connsiteY154" fmla="*/ 3959 h 10000"/>
                  <a:gd name="connsiteX155" fmla="*/ 3629 w 10000"/>
                  <a:gd name="connsiteY155" fmla="*/ 3944 h 10000"/>
                  <a:gd name="connsiteX156" fmla="*/ 3757 w 10000"/>
                  <a:gd name="connsiteY156" fmla="*/ 3914 h 10000"/>
                  <a:gd name="connsiteX157" fmla="*/ 3857 w 10000"/>
                  <a:gd name="connsiteY157" fmla="*/ 3855 h 10000"/>
                  <a:gd name="connsiteX158" fmla="*/ 3983 w 10000"/>
                  <a:gd name="connsiteY158" fmla="*/ 3752 h 10000"/>
                  <a:gd name="connsiteX159" fmla="*/ 4111 w 10000"/>
                  <a:gd name="connsiteY159" fmla="*/ 3663 h 10000"/>
                  <a:gd name="connsiteX160" fmla="*/ 4213 w 10000"/>
                  <a:gd name="connsiteY160" fmla="*/ 3560 h 10000"/>
                  <a:gd name="connsiteX161" fmla="*/ 4289 w 10000"/>
                  <a:gd name="connsiteY161" fmla="*/ 3442 h 10000"/>
                  <a:gd name="connsiteX162" fmla="*/ 4366 w 10000"/>
                  <a:gd name="connsiteY162" fmla="*/ 3323 h 10000"/>
                  <a:gd name="connsiteX163" fmla="*/ 4416 w 10000"/>
                  <a:gd name="connsiteY163" fmla="*/ 3220 h 10000"/>
                  <a:gd name="connsiteX164" fmla="*/ 4441 w 10000"/>
                  <a:gd name="connsiteY164" fmla="*/ 3102 h 10000"/>
                  <a:gd name="connsiteX165" fmla="*/ 4468 w 10000"/>
                  <a:gd name="connsiteY165" fmla="*/ 3013 h 10000"/>
                  <a:gd name="connsiteX166" fmla="*/ 4441 w 10000"/>
                  <a:gd name="connsiteY166" fmla="*/ 2939 h 10000"/>
                  <a:gd name="connsiteX167" fmla="*/ 4416 w 10000"/>
                  <a:gd name="connsiteY167" fmla="*/ 2866 h 10000"/>
                  <a:gd name="connsiteX168" fmla="*/ 4340 w 10000"/>
                  <a:gd name="connsiteY168" fmla="*/ 2836 h 10000"/>
                  <a:gd name="connsiteX169" fmla="*/ 4239 w 10000"/>
                  <a:gd name="connsiteY169" fmla="*/ 2836 h 10000"/>
                  <a:gd name="connsiteX170" fmla="*/ 4111 w 10000"/>
                  <a:gd name="connsiteY170" fmla="*/ 2866 h 10000"/>
                  <a:gd name="connsiteX171" fmla="*/ 4213 w 10000"/>
                  <a:gd name="connsiteY171" fmla="*/ 2777 h 10000"/>
                  <a:gd name="connsiteX172" fmla="*/ 4265 w 10000"/>
                  <a:gd name="connsiteY172" fmla="*/ 2674 h 10000"/>
                  <a:gd name="connsiteX173" fmla="*/ 4289 w 10000"/>
                  <a:gd name="connsiteY173" fmla="*/ 2541 h 10000"/>
                  <a:gd name="connsiteX174" fmla="*/ 4289 w 10000"/>
                  <a:gd name="connsiteY174" fmla="*/ 2393 h 10000"/>
                  <a:gd name="connsiteX175" fmla="*/ 4314 w 10000"/>
                  <a:gd name="connsiteY175" fmla="*/ 2349 h 10000"/>
                  <a:gd name="connsiteX176" fmla="*/ 4366 w 10000"/>
                  <a:gd name="connsiteY176" fmla="*/ 2304 h 10000"/>
                  <a:gd name="connsiteX177" fmla="*/ 4416 w 10000"/>
                  <a:gd name="connsiteY177" fmla="*/ 2290 h 10000"/>
                  <a:gd name="connsiteX178" fmla="*/ 4493 w 10000"/>
                  <a:gd name="connsiteY178" fmla="*/ 2275 h 10000"/>
                  <a:gd name="connsiteX179" fmla="*/ 4720 w 10000"/>
                  <a:gd name="connsiteY179" fmla="*/ 2260 h 10000"/>
                  <a:gd name="connsiteX180" fmla="*/ 4923 w 10000"/>
                  <a:gd name="connsiteY180" fmla="*/ 2275 h 10000"/>
                  <a:gd name="connsiteX181" fmla="*/ 4898 w 10000"/>
                  <a:gd name="connsiteY181" fmla="*/ 2112 h 10000"/>
                  <a:gd name="connsiteX182" fmla="*/ 4848 w 10000"/>
                  <a:gd name="connsiteY182" fmla="*/ 1950 h 10000"/>
                  <a:gd name="connsiteX183" fmla="*/ 4771 w 10000"/>
                  <a:gd name="connsiteY183" fmla="*/ 1802 h 10000"/>
                  <a:gd name="connsiteX184" fmla="*/ 4671 w 10000"/>
                  <a:gd name="connsiteY184" fmla="*/ 1640 h 10000"/>
                  <a:gd name="connsiteX185" fmla="*/ 4416 w 10000"/>
                  <a:gd name="connsiteY185" fmla="*/ 1329 h 10000"/>
                  <a:gd name="connsiteX186" fmla="*/ 4162 w 10000"/>
                  <a:gd name="connsiteY186" fmla="*/ 1034 h 10000"/>
                  <a:gd name="connsiteX187" fmla="*/ 4035 w 10000"/>
                  <a:gd name="connsiteY187" fmla="*/ 901 h 10000"/>
                  <a:gd name="connsiteX188" fmla="*/ 3935 w 10000"/>
                  <a:gd name="connsiteY188" fmla="*/ 753 h 10000"/>
                  <a:gd name="connsiteX189" fmla="*/ 3857 w 10000"/>
                  <a:gd name="connsiteY189" fmla="*/ 620 h 10000"/>
                  <a:gd name="connsiteX190" fmla="*/ 3832 w 10000"/>
                  <a:gd name="connsiteY190" fmla="*/ 487 h 10000"/>
                  <a:gd name="connsiteX191" fmla="*/ 3807 w 10000"/>
                  <a:gd name="connsiteY191" fmla="*/ 355 h 10000"/>
                  <a:gd name="connsiteX192" fmla="*/ 3857 w 10000"/>
                  <a:gd name="connsiteY192" fmla="*/ 222 h 10000"/>
                  <a:gd name="connsiteX193" fmla="*/ 3884 w 10000"/>
                  <a:gd name="connsiteY193" fmla="*/ 162 h 10000"/>
                  <a:gd name="connsiteX194" fmla="*/ 3935 w 10000"/>
                  <a:gd name="connsiteY194" fmla="*/ 103 h 10000"/>
                  <a:gd name="connsiteX195" fmla="*/ 4011 w 10000"/>
                  <a:gd name="connsiteY195" fmla="*/ 59 h 10000"/>
                  <a:gd name="connsiteX196" fmla="*/ 4111 w 10000"/>
                  <a:gd name="connsiteY196" fmla="*/ 0 h 10000"/>
                  <a:gd name="connsiteX197" fmla="*/ 4289 w 10000"/>
                  <a:gd name="connsiteY197" fmla="*/ 0 h 10000"/>
                  <a:gd name="connsiteX198" fmla="*/ 4468 w 10000"/>
                  <a:gd name="connsiteY198" fmla="*/ 15 h 10000"/>
                  <a:gd name="connsiteX199" fmla="*/ 4644 w 10000"/>
                  <a:gd name="connsiteY199" fmla="*/ 44 h 10000"/>
                  <a:gd name="connsiteX200" fmla="*/ 4771 w 10000"/>
                  <a:gd name="connsiteY200" fmla="*/ 89 h 10000"/>
                  <a:gd name="connsiteX201" fmla="*/ 4975 w 10000"/>
                  <a:gd name="connsiteY201" fmla="*/ 192 h 10000"/>
                  <a:gd name="connsiteX202" fmla="*/ 5177 w 10000"/>
                  <a:gd name="connsiteY202" fmla="*/ 340 h 10000"/>
                  <a:gd name="connsiteX203" fmla="*/ 5329 w 10000"/>
                  <a:gd name="connsiteY203" fmla="*/ 473 h 10000"/>
                  <a:gd name="connsiteX204" fmla="*/ 5532 w 10000"/>
                  <a:gd name="connsiteY204" fmla="*/ 591 h 10000"/>
                  <a:gd name="connsiteX205" fmla="*/ 5660 w 10000"/>
                  <a:gd name="connsiteY205" fmla="*/ 650 h 10000"/>
                  <a:gd name="connsiteX206" fmla="*/ 5812 w 10000"/>
                  <a:gd name="connsiteY206" fmla="*/ 679 h 10000"/>
                  <a:gd name="connsiteX207" fmla="*/ 5965 w 10000"/>
                  <a:gd name="connsiteY207" fmla="*/ 709 h 10000"/>
                  <a:gd name="connsiteX208" fmla="*/ 6168 w 10000"/>
                  <a:gd name="connsiteY208" fmla="*/ 709 h 10000"/>
                  <a:gd name="connsiteX209" fmla="*/ 6168 w 10000"/>
                  <a:gd name="connsiteY209" fmla="*/ 768 h 10000"/>
                  <a:gd name="connsiteX210" fmla="*/ 6193 w 10000"/>
                  <a:gd name="connsiteY210" fmla="*/ 842 h 10000"/>
                  <a:gd name="connsiteX211" fmla="*/ 6243 w 10000"/>
                  <a:gd name="connsiteY211" fmla="*/ 916 h 10000"/>
                  <a:gd name="connsiteX212" fmla="*/ 6294 w 10000"/>
                  <a:gd name="connsiteY212" fmla="*/ 990 h 10000"/>
                  <a:gd name="connsiteX213" fmla="*/ 6369 w 10000"/>
                  <a:gd name="connsiteY213" fmla="*/ 1049 h 10000"/>
                  <a:gd name="connsiteX214" fmla="*/ 6471 w 10000"/>
                  <a:gd name="connsiteY214" fmla="*/ 1108 h 10000"/>
                  <a:gd name="connsiteX215" fmla="*/ 6598 w 10000"/>
                  <a:gd name="connsiteY215" fmla="*/ 1182 h 10000"/>
                  <a:gd name="connsiteX216" fmla="*/ 6700 w 10000"/>
                  <a:gd name="connsiteY216" fmla="*/ 1226 h 10000"/>
                  <a:gd name="connsiteX217" fmla="*/ 6802 w 10000"/>
                  <a:gd name="connsiteY217" fmla="*/ 1270 h 10000"/>
                  <a:gd name="connsiteX218" fmla="*/ 6903 w 10000"/>
                  <a:gd name="connsiteY218" fmla="*/ 1300 h 10000"/>
                  <a:gd name="connsiteX219" fmla="*/ 7005 w 10000"/>
                  <a:gd name="connsiteY219" fmla="*/ 1315 h 10000"/>
                  <a:gd name="connsiteX220" fmla="*/ 7132 w 10000"/>
                  <a:gd name="connsiteY220" fmla="*/ 1300 h 10000"/>
                  <a:gd name="connsiteX221" fmla="*/ 7234 w 10000"/>
                  <a:gd name="connsiteY221" fmla="*/ 1285 h 10000"/>
                  <a:gd name="connsiteX222" fmla="*/ 7309 w 10000"/>
                  <a:gd name="connsiteY222" fmla="*/ 1241 h 10000"/>
                  <a:gd name="connsiteX223" fmla="*/ 7361 w 10000"/>
                  <a:gd name="connsiteY223" fmla="*/ 1167 h 10000"/>
                  <a:gd name="connsiteX224" fmla="*/ 7385 w 10000"/>
                  <a:gd name="connsiteY224" fmla="*/ 1064 h 10000"/>
                  <a:gd name="connsiteX225" fmla="*/ 7766 w 10000"/>
                  <a:gd name="connsiteY225" fmla="*/ 1034 h 10000"/>
                  <a:gd name="connsiteX226" fmla="*/ 8121 w 10000"/>
                  <a:gd name="connsiteY226" fmla="*/ 1004 h 10000"/>
                  <a:gd name="connsiteX227" fmla="*/ 8427 w 10000"/>
                  <a:gd name="connsiteY227" fmla="*/ 990 h 10000"/>
                  <a:gd name="connsiteX228" fmla="*/ 8706 w 10000"/>
                  <a:gd name="connsiteY228" fmla="*/ 1004 h 10000"/>
                  <a:gd name="connsiteX229" fmla="*/ 8833 w 10000"/>
                  <a:gd name="connsiteY229" fmla="*/ 1019 h 10000"/>
                  <a:gd name="connsiteX230" fmla="*/ 8958 w 10000"/>
                  <a:gd name="connsiteY230" fmla="*/ 1034 h 10000"/>
                  <a:gd name="connsiteX231" fmla="*/ 9061 w 10000"/>
                  <a:gd name="connsiteY231" fmla="*/ 1064 h 10000"/>
                  <a:gd name="connsiteX232" fmla="*/ 9188 w 10000"/>
                  <a:gd name="connsiteY232" fmla="*/ 1108 h 10000"/>
                  <a:gd name="connsiteX233" fmla="*/ 9264 w 10000"/>
                  <a:gd name="connsiteY233" fmla="*/ 1182 h 10000"/>
                  <a:gd name="connsiteX234" fmla="*/ 9339 w 10000"/>
                  <a:gd name="connsiteY234" fmla="*/ 1241 h 10000"/>
                  <a:gd name="connsiteX235" fmla="*/ 9391 w 10000"/>
                  <a:gd name="connsiteY235" fmla="*/ 1329 h 10000"/>
                  <a:gd name="connsiteX236" fmla="*/ 9442 w 10000"/>
                  <a:gd name="connsiteY236" fmla="*/ 1433 h 10000"/>
                  <a:gd name="connsiteX237" fmla="*/ 9492 w 10000"/>
                  <a:gd name="connsiteY237" fmla="*/ 1551 h 10000"/>
                  <a:gd name="connsiteX238" fmla="*/ 9466 w 10000"/>
                  <a:gd name="connsiteY238" fmla="*/ 1625 h 10000"/>
                  <a:gd name="connsiteX239" fmla="*/ 9442 w 10000"/>
                  <a:gd name="connsiteY239" fmla="*/ 1684 h 10000"/>
                  <a:gd name="connsiteX240" fmla="*/ 9391 w 10000"/>
                  <a:gd name="connsiteY240" fmla="*/ 1758 h 10000"/>
                  <a:gd name="connsiteX241" fmla="*/ 9315 w 10000"/>
                  <a:gd name="connsiteY241" fmla="*/ 1802 h 10000"/>
                  <a:gd name="connsiteX242" fmla="*/ 9264 w 10000"/>
                  <a:gd name="connsiteY242" fmla="*/ 1861 h 10000"/>
                  <a:gd name="connsiteX243" fmla="*/ 9240 w 10000"/>
                  <a:gd name="connsiteY243" fmla="*/ 1935 h 10000"/>
                  <a:gd name="connsiteX244" fmla="*/ 9264 w 10000"/>
                  <a:gd name="connsiteY244" fmla="*/ 2024 h 10000"/>
                  <a:gd name="connsiteX245" fmla="*/ 9543 w 10000"/>
                  <a:gd name="connsiteY245" fmla="*/ 2157 h 10000"/>
                  <a:gd name="connsiteX246" fmla="*/ 9873 w 10000"/>
                  <a:gd name="connsiteY246" fmla="*/ 2275 h 10000"/>
                  <a:gd name="connsiteX247" fmla="*/ 10000 w 10000"/>
                  <a:gd name="connsiteY247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9415 w 10000"/>
                  <a:gd name="connsiteY2" fmla="*/ 3117 h 10000"/>
                  <a:gd name="connsiteX3" fmla="*/ 9442 w 10000"/>
                  <a:gd name="connsiteY3" fmla="*/ 3072 h 10000"/>
                  <a:gd name="connsiteX4" fmla="*/ 9466 w 10000"/>
                  <a:gd name="connsiteY4" fmla="*/ 3013 h 10000"/>
                  <a:gd name="connsiteX5" fmla="*/ 9466 w 10000"/>
                  <a:gd name="connsiteY5" fmla="*/ 2954 h 10000"/>
                  <a:gd name="connsiteX6" fmla="*/ 9442 w 10000"/>
                  <a:gd name="connsiteY6" fmla="*/ 2866 h 10000"/>
                  <a:gd name="connsiteX7" fmla="*/ 9264 w 10000"/>
                  <a:gd name="connsiteY7" fmla="*/ 2984 h 10000"/>
                  <a:gd name="connsiteX8" fmla="*/ 9061 w 10000"/>
                  <a:gd name="connsiteY8" fmla="*/ 3072 h 10000"/>
                  <a:gd name="connsiteX9" fmla="*/ 7716 w 10000"/>
                  <a:gd name="connsiteY9" fmla="*/ 3545 h 10000"/>
                  <a:gd name="connsiteX10" fmla="*/ 6345 w 10000"/>
                  <a:gd name="connsiteY10" fmla="*/ 4003 h 10000"/>
                  <a:gd name="connsiteX11" fmla="*/ 6143 w 10000"/>
                  <a:gd name="connsiteY11" fmla="*/ 4106 h 10000"/>
                  <a:gd name="connsiteX12" fmla="*/ 5938 w 10000"/>
                  <a:gd name="connsiteY12" fmla="*/ 4195 h 10000"/>
                  <a:gd name="connsiteX13" fmla="*/ 6091 w 10000"/>
                  <a:gd name="connsiteY13" fmla="*/ 4417 h 10000"/>
                  <a:gd name="connsiteX14" fmla="*/ 6421 w 10000"/>
                  <a:gd name="connsiteY14" fmla="*/ 5318 h 10000"/>
                  <a:gd name="connsiteX15" fmla="*/ 6447 w 10000"/>
                  <a:gd name="connsiteY15" fmla="*/ 5539 h 10000"/>
                  <a:gd name="connsiteX16" fmla="*/ 6471 w 10000"/>
                  <a:gd name="connsiteY16" fmla="*/ 5775 h 10000"/>
                  <a:gd name="connsiteX17" fmla="*/ 6471 w 10000"/>
                  <a:gd name="connsiteY17" fmla="*/ 5997 h 10000"/>
                  <a:gd name="connsiteX18" fmla="*/ 6447 w 10000"/>
                  <a:gd name="connsiteY18" fmla="*/ 6233 h 10000"/>
                  <a:gd name="connsiteX19" fmla="*/ 6396 w 10000"/>
                  <a:gd name="connsiteY19" fmla="*/ 6470 h 10000"/>
                  <a:gd name="connsiteX20" fmla="*/ 6345 w 10000"/>
                  <a:gd name="connsiteY20" fmla="*/ 6677 h 10000"/>
                  <a:gd name="connsiteX21" fmla="*/ 6269 w 10000"/>
                  <a:gd name="connsiteY21" fmla="*/ 6898 h 10000"/>
                  <a:gd name="connsiteX22" fmla="*/ 6168 w 10000"/>
                  <a:gd name="connsiteY22" fmla="*/ 7105 h 10000"/>
                  <a:gd name="connsiteX23" fmla="*/ 6041 w 10000"/>
                  <a:gd name="connsiteY23" fmla="*/ 7297 h 10000"/>
                  <a:gd name="connsiteX24" fmla="*/ 5888 w 10000"/>
                  <a:gd name="connsiteY24" fmla="*/ 7489 h 10000"/>
                  <a:gd name="connsiteX25" fmla="*/ 5735 w 10000"/>
                  <a:gd name="connsiteY25" fmla="*/ 7681 h 10000"/>
                  <a:gd name="connsiteX26" fmla="*/ 6471 w 10000"/>
                  <a:gd name="connsiteY26" fmla="*/ 7799 h 10000"/>
                  <a:gd name="connsiteX27" fmla="*/ 7234 w 10000"/>
                  <a:gd name="connsiteY27" fmla="*/ 7962 h 10000"/>
                  <a:gd name="connsiteX28" fmla="*/ 7385 w 10000"/>
                  <a:gd name="connsiteY28" fmla="*/ 8021 h 10000"/>
                  <a:gd name="connsiteX29" fmla="*/ 7512 w 10000"/>
                  <a:gd name="connsiteY29" fmla="*/ 8080 h 10000"/>
                  <a:gd name="connsiteX30" fmla="*/ 7639 w 10000"/>
                  <a:gd name="connsiteY30" fmla="*/ 8139 h 10000"/>
                  <a:gd name="connsiteX31" fmla="*/ 7716 w 10000"/>
                  <a:gd name="connsiteY31" fmla="*/ 8227 h 10000"/>
                  <a:gd name="connsiteX32" fmla="*/ 7741 w 10000"/>
                  <a:gd name="connsiteY32" fmla="*/ 8301 h 10000"/>
                  <a:gd name="connsiteX33" fmla="*/ 7741 w 10000"/>
                  <a:gd name="connsiteY33" fmla="*/ 8405 h 10000"/>
                  <a:gd name="connsiteX34" fmla="*/ 7691 w 10000"/>
                  <a:gd name="connsiteY34" fmla="*/ 8523 h 10000"/>
                  <a:gd name="connsiteX35" fmla="*/ 7614 w 10000"/>
                  <a:gd name="connsiteY35" fmla="*/ 8641 h 10000"/>
                  <a:gd name="connsiteX36" fmla="*/ 7284 w 10000"/>
                  <a:gd name="connsiteY36" fmla="*/ 8552 h 10000"/>
                  <a:gd name="connsiteX37" fmla="*/ 6979 w 10000"/>
                  <a:gd name="connsiteY37" fmla="*/ 8449 h 10000"/>
                  <a:gd name="connsiteX38" fmla="*/ 6674 w 10000"/>
                  <a:gd name="connsiteY38" fmla="*/ 8360 h 10000"/>
                  <a:gd name="connsiteX39" fmla="*/ 6369 w 10000"/>
                  <a:gd name="connsiteY39" fmla="*/ 8287 h 10000"/>
                  <a:gd name="connsiteX40" fmla="*/ 6243 w 10000"/>
                  <a:gd name="connsiteY40" fmla="*/ 8449 h 10000"/>
                  <a:gd name="connsiteX41" fmla="*/ 6143 w 10000"/>
                  <a:gd name="connsiteY41" fmla="*/ 8597 h 10000"/>
                  <a:gd name="connsiteX42" fmla="*/ 6091 w 10000"/>
                  <a:gd name="connsiteY42" fmla="*/ 8656 h 10000"/>
                  <a:gd name="connsiteX43" fmla="*/ 5989 w 10000"/>
                  <a:gd name="connsiteY43" fmla="*/ 8700 h 10000"/>
                  <a:gd name="connsiteX44" fmla="*/ 5914 w 10000"/>
                  <a:gd name="connsiteY44" fmla="*/ 8744 h 10000"/>
                  <a:gd name="connsiteX45" fmla="*/ 5838 w 10000"/>
                  <a:gd name="connsiteY45" fmla="*/ 8774 h 10000"/>
                  <a:gd name="connsiteX46" fmla="*/ 5761 w 10000"/>
                  <a:gd name="connsiteY46" fmla="*/ 8804 h 10000"/>
                  <a:gd name="connsiteX47" fmla="*/ 5660 w 10000"/>
                  <a:gd name="connsiteY47" fmla="*/ 8818 h 10000"/>
                  <a:gd name="connsiteX48" fmla="*/ 5532 w 10000"/>
                  <a:gd name="connsiteY48" fmla="*/ 8833 h 10000"/>
                  <a:gd name="connsiteX49" fmla="*/ 5406 w 10000"/>
                  <a:gd name="connsiteY49" fmla="*/ 8833 h 10000"/>
                  <a:gd name="connsiteX50" fmla="*/ 5102 w 10000"/>
                  <a:gd name="connsiteY50" fmla="*/ 8818 h 10000"/>
                  <a:gd name="connsiteX51" fmla="*/ 4720 w 10000"/>
                  <a:gd name="connsiteY51" fmla="*/ 8744 h 10000"/>
                  <a:gd name="connsiteX52" fmla="*/ 4720 w 10000"/>
                  <a:gd name="connsiteY52" fmla="*/ 8922 h 10000"/>
                  <a:gd name="connsiteX53" fmla="*/ 4695 w 10000"/>
                  <a:gd name="connsiteY53" fmla="*/ 9069 h 10000"/>
                  <a:gd name="connsiteX54" fmla="*/ 4671 w 10000"/>
                  <a:gd name="connsiteY54" fmla="*/ 9232 h 10000"/>
                  <a:gd name="connsiteX55" fmla="*/ 4644 w 10000"/>
                  <a:gd name="connsiteY55" fmla="*/ 9365 h 10000"/>
                  <a:gd name="connsiteX56" fmla="*/ 4593 w 10000"/>
                  <a:gd name="connsiteY56" fmla="*/ 9498 h 10000"/>
                  <a:gd name="connsiteX57" fmla="*/ 4493 w 10000"/>
                  <a:gd name="connsiteY57" fmla="*/ 9616 h 10000"/>
                  <a:gd name="connsiteX58" fmla="*/ 4416 w 10000"/>
                  <a:gd name="connsiteY58" fmla="*/ 9734 h 10000"/>
                  <a:gd name="connsiteX59" fmla="*/ 4289 w 10000"/>
                  <a:gd name="connsiteY59" fmla="*/ 9838 h 10000"/>
                  <a:gd name="connsiteX60" fmla="*/ 3983 w 10000"/>
                  <a:gd name="connsiteY60" fmla="*/ 9897 h 10000"/>
                  <a:gd name="connsiteX61" fmla="*/ 3731 w 10000"/>
                  <a:gd name="connsiteY61" fmla="*/ 9941 h 10000"/>
                  <a:gd name="connsiteX62" fmla="*/ 3426 w 10000"/>
                  <a:gd name="connsiteY62" fmla="*/ 9985 h 10000"/>
                  <a:gd name="connsiteX63" fmla="*/ 3198 w 10000"/>
                  <a:gd name="connsiteY63" fmla="*/ 10000 h 10000"/>
                  <a:gd name="connsiteX64" fmla="*/ 2690 w 10000"/>
                  <a:gd name="connsiteY64" fmla="*/ 10000 h 10000"/>
                  <a:gd name="connsiteX65" fmla="*/ 2208 w 10000"/>
                  <a:gd name="connsiteY65" fmla="*/ 9985 h 10000"/>
                  <a:gd name="connsiteX66" fmla="*/ 1752 w 10000"/>
                  <a:gd name="connsiteY66" fmla="*/ 9941 h 10000"/>
                  <a:gd name="connsiteX67" fmla="*/ 1270 w 10000"/>
                  <a:gd name="connsiteY67" fmla="*/ 9911 h 10000"/>
                  <a:gd name="connsiteX68" fmla="*/ 990 w 10000"/>
                  <a:gd name="connsiteY68" fmla="*/ 9911 h 10000"/>
                  <a:gd name="connsiteX69" fmla="*/ 736 w 10000"/>
                  <a:gd name="connsiteY69" fmla="*/ 9911 h 10000"/>
                  <a:gd name="connsiteX70" fmla="*/ 457 w 10000"/>
                  <a:gd name="connsiteY70" fmla="*/ 9926 h 10000"/>
                  <a:gd name="connsiteX71" fmla="*/ 178 w 10000"/>
                  <a:gd name="connsiteY71" fmla="*/ 9970 h 10000"/>
                  <a:gd name="connsiteX72" fmla="*/ 102 w 10000"/>
                  <a:gd name="connsiteY72" fmla="*/ 9867 h 10000"/>
                  <a:gd name="connsiteX73" fmla="*/ 51 w 10000"/>
                  <a:gd name="connsiteY73" fmla="*/ 9793 h 10000"/>
                  <a:gd name="connsiteX74" fmla="*/ 0 w 10000"/>
                  <a:gd name="connsiteY74" fmla="*/ 9705 h 10000"/>
                  <a:gd name="connsiteX75" fmla="*/ 0 w 10000"/>
                  <a:gd name="connsiteY75" fmla="*/ 9601 h 10000"/>
                  <a:gd name="connsiteX76" fmla="*/ 51 w 10000"/>
                  <a:gd name="connsiteY76" fmla="*/ 9424 h 10000"/>
                  <a:gd name="connsiteX77" fmla="*/ 102 w 10000"/>
                  <a:gd name="connsiteY77" fmla="*/ 9202 h 10000"/>
                  <a:gd name="connsiteX78" fmla="*/ 151 w 10000"/>
                  <a:gd name="connsiteY78" fmla="*/ 8996 h 10000"/>
                  <a:gd name="connsiteX79" fmla="*/ 203 w 10000"/>
                  <a:gd name="connsiteY79" fmla="*/ 8759 h 10000"/>
                  <a:gd name="connsiteX80" fmla="*/ 228 w 10000"/>
                  <a:gd name="connsiteY80" fmla="*/ 8641 h 10000"/>
                  <a:gd name="connsiteX81" fmla="*/ 228 w 10000"/>
                  <a:gd name="connsiteY81" fmla="*/ 8538 h 10000"/>
                  <a:gd name="connsiteX82" fmla="*/ 203 w 10000"/>
                  <a:gd name="connsiteY82" fmla="*/ 8405 h 10000"/>
                  <a:gd name="connsiteX83" fmla="*/ 178 w 10000"/>
                  <a:gd name="connsiteY83" fmla="*/ 8287 h 10000"/>
                  <a:gd name="connsiteX84" fmla="*/ 431 w 10000"/>
                  <a:gd name="connsiteY84" fmla="*/ 8213 h 10000"/>
                  <a:gd name="connsiteX85" fmla="*/ 685 w 10000"/>
                  <a:gd name="connsiteY85" fmla="*/ 8139 h 10000"/>
                  <a:gd name="connsiteX86" fmla="*/ 939 w 10000"/>
                  <a:gd name="connsiteY86" fmla="*/ 8095 h 10000"/>
                  <a:gd name="connsiteX87" fmla="*/ 1218 w 10000"/>
                  <a:gd name="connsiteY87" fmla="*/ 8065 h 10000"/>
                  <a:gd name="connsiteX88" fmla="*/ 1725 w 10000"/>
                  <a:gd name="connsiteY88" fmla="*/ 8021 h 10000"/>
                  <a:gd name="connsiteX89" fmla="*/ 2234 w 10000"/>
                  <a:gd name="connsiteY89" fmla="*/ 7976 h 10000"/>
                  <a:gd name="connsiteX90" fmla="*/ 2462 w 10000"/>
                  <a:gd name="connsiteY90" fmla="*/ 7947 h 10000"/>
                  <a:gd name="connsiteX91" fmla="*/ 2690 w 10000"/>
                  <a:gd name="connsiteY91" fmla="*/ 7917 h 10000"/>
                  <a:gd name="connsiteX92" fmla="*/ 2892 w 10000"/>
                  <a:gd name="connsiteY92" fmla="*/ 7843 h 10000"/>
                  <a:gd name="connsiteX93" fmla="*/ 3096 w 10000"/>
                  <a:gd name="connsiteY93" fmla="*/ 7784 h 10000"/>
                  <a:gd name="connsiteX94" fmla="*/ 3274 w 10000"/>
                  <a:gd name="connsiteY94" fmla="*/ 7710 h 10000"/>
                  <a:gd name="connsiteX95" fmla="*/ 3426 w 10000"/>
                  <a:gd name="connsiteY95" fmla="*/ 7592 h 10000"/>
                  <a:gd name="connsiteX96" fmla="*/ 3579 w 10000"/>
                  <a:gd name="connsiteY96" fmla="*/ 7474 h 10000"/>
                  <a:gd name="connsiteX97" fmla="*/ 3680 w 10000"/>
                  <a:gd name="connsiteY97" fmla="*/ 7312 h 10000"/>
                  <a:gd name="connsiteX98" fmla="*/ 3477 w 10000"/>
                  <a:gd name="connsiteY98" fmla="*/ 7238 h 10000"/>
                  <a:gd name="connsiteX99" fmla="*/ 3299 w 10000"/>
                  <a:gd name="connsiteY99" fmla="*/ 7179 h 10000"/>
                  <a:gd name="connsiteX100" fmla="*/ 3147 w 10000"/>
                  <a:gd name="connsiteY100" fmla="*/ 7090 h 10000"/>
                  <a:gd name="connsiteX101" fmla="*/ 2995 w 10000"/>
                  <a:gd name="connsiteY101" fmla="*/ 6987 h 10000"/>
                  <a:gd name="connsiteX102" fmla="*/ 2892 w 10000"/>
                  <a:gd name="connsiteY102" fmla="*/ 6869 h 10000"/>
                  <a:gd name="connsiteX103" fmla="*/ 2843 w 10000"/>
                  <a:gd name="connsiteY103" fmla="*/ 6721 h 10000"/>
                  <a:gd name="connsiteX104" fmla="*/ 2817 w 10000"/>
                  <a:gd name="connsiteY104" fmla="*/ 6558 h 10000"/>
                  <a:gd name="connsiteX105" fmla="*/ 2843 w 10000"/>
                  <a:gd name="connsiteY105" fmla="*/ 6352 h 10000"/>
                  <a:gd name="connsiteX106" fmla="*/ 2716 w 10000"/>
                  <a:gd name="connsiteY106" fmla="*/ 6322 h 10000"/>
                  <a:gd name="connsiteX107" fmla="*/ 2564 w 10000"/>
                  <a:gd name="connsiteY107" fmla="*/ 6292 h 10000"/>
                  <a:gd name="connsiteX108" fmla="*/ 2386 w 10000"/>
                  <a:gd name="connsiteY108" fmla="*/ 6278 h 10000"/>
                  <a:gd name="connsiteX109" fmla="*/ 2208 w 10000"/>
                  <a:gd name="connsiteY109" fmla="*/ 6263 h 10000"/>
                  <a:gd name="connsiteX110" fmla="*/ 1853 w 10000"/>
                  <a:gd name="connsiteY110" fmla="*/ 6248 h 10000"/>
                  <a:gd name="connsiteX111" fmla="*/ 1472 w 10000"/>
                  <a:gd name="connsiteY111" fmla="*/ 6263 h 10000"/>
                  <a:gd name="connsiteX112" fmla="*/ 1143 w 10000"/>
                  <a:gd name="connsiteY112" fmla="*/ 6278 h 10000"/>
                  <a:gd name="connsiteX113" fmla="*/ 837 w 10000"/>
                  <a:gd name="connsiteY113" fmla="*/ 6278 h 10000"/>
                  <a:gd name="connsiteX114" fmla="*/ 585 w 10000"/>
                  <a:gd name="connsiteY114" fmla="*/ 6263 h 10000"/>
                  <a:gd name="connsiteX115" fmla="*/ 381 w 10000"/>
                  <a:gd name="connsiteY115" fmla="*/ 6233 h 10000"/>
                  <a:gd name="connsiteX116" fmla="*/ 633 w 10000"/>
                  <a:gd name="connsiteY116" fmla="*/ 5805 h 10000"/>
                  <a:gd name="connsiteX117" fmla="*/ 914 w 10000"/>
                  <a:gd name="connsiteY117" fmla="*/ 5391 h 10000"/>
                  <a:gd name="connsiteX118" fmla="*/ 1016 w 10000"/>
                  <a:gd name="connsiteY118" fmla="*/ 5170 h 10000"/>
                  <a:gd name="connsiteX119" fmla="*/ 1091 w 10000"/>
                  <a:gd name="connsiteY119" fmla="*/ 4963 h 10000"/>
                  <a:gd name="connsiteX120" fmla="*/ 1116 w 10000"/>
                  <a:gd name="connsiteY120" fmla="*/ 4860 h 10000"/>
                  <a:gd name="connsiteX121" fmla="*/ 1091 w 10000"/>
                  <a:gd name="connsiteY121" fmla="*/ 4756 h 10000"/>
                  <a:gd name="connsiteX122" fmla="*/ 1066 w 10000"/>
                  <a:gd name="connsiteY122" fmla="*/ 4653 h 10000"/>
                  <a:gd name="connsiteX123" fmla="*/ 990 w 10000"/>
                  <a:gd name="connsiteY123" fmla="*/ 4549 h 10000"/>
                  <a:gd name="connsiteX124" fmla="*/ 1270 w 10000"/>
                  <a:gd name="connsiteY124" fmla="*/ 4520 h 10000"/>
                  <a:gd name="connsiteX125" fmla="*/ 1472 w 10000"/>
                  <a:gd name="connsiteY125" fmla="*/ 4505 h 10000"/>
                  <a:gd name="connsiteX126" fmla="*/ 1650 w 10000"/>
                  <a:gd name="connsiteY126" fmla="*/ 4505 h 10000"/>
                  <a:gd name="connsiteX127" fmla="*/ 1802 w 10000"/>
                  <a:gd name="connsiteY127" fmla="*/ 4520 h 10000"/>
                  <a:gd name="connsiteX128" fmla="*/ 1929 w 10000"/>
                  <a:gd name="connsiteY128" fmla="*/ 4520 h 10000"/>
                  <a:gd name="connsiteX129" fmla="*/ 2081 w 10000"/>
                  <a:gd name="connsiteY129" fmla="*/ 4520 h 10000"/>
                  <a:gd name="connsiteX130" fmla="*/ 2234 w 10000"/>
                  <a:gd name="connsiteY130" fmla="*/ 4490 h 10000"/>
                  <a:gd name="connsiteX131" fmla="*/ 2436 w 10000"/>
                  <a:gd name="connsiteY131" fmla="*/ 4446 h 10000"/>
                  <a:gd name="connsiteX132" fmla="*/ 2436 w 10000"/>
                  <a:gd name="connsiteY132" fmla="*/ 4579 h 10000"/>
                  <a:gd name="connsiteX133" fmla="*/ 2436 w 10000"/>
                  <a:gd name="connsiteY133" fmla="*/ 4742 h 10000"/>
                  <a:gd name="connsiteX134" fmla="*/ 2436 w 10000"/>
                  <a:gd name="connsiteY134" fmla="*/ 4874 h 10000"/>
                  <a:gd name="connsiteX135" fmla="*/ 2436 w 10000"/>
                  <a:gd name="connsiteY135" fmla="*/ 5037 h 10000"/>
                  <a:gd name="connsiteX136" fmla="*/ 2665 w 10000"/>
                  <a:gd name="connsiteY136" fmla="*/ 5022 h 10000"/>
                  <a:gd name="connsiteX137" fmla="*/ 2817 w 10000"/>
                  <a:gd name="connsiteY137" fmla="*/ 5037 h 10000"/>
                  <a:gd name="connsiteX138" fmla="*/ 2944 w 10000"/>
                  <a:gd name="connsiteY138" fmla="*/ 5066 h 10000"/>
                  <a:gd name="connsiteX139" fmla="*/ 3071 w 10000"/>
                  <a:gd name="connsiteY139" fmla="*/ 5096 h 10000"/>
                  <a:gd name="connsiteX140" fmla="*/ 3173 w 10000"/>
                  <a:gd name="connsiteY140" fmla="*/ 5126 h 10000"/>
                  <a:gd name="connsiteX141" fmla="*/ 3299 w 10000"/>
                  <a:gd name="connsiteY141" fmla="*/ 5155 h 10000"/>
                  <a:gd name="connsiteX142" fmla="*/ 3452 w 10000"/>
                  <a:gd name="connsiteY142" fmla="*/ 5170 h 10000"/>
                  <a:gd name="connsiteX143" fmla="*/ 3680 w 10000"/>
                  <a:gd name="connsiteY143" fmla="*/ 5155 h 10000"/>
                  <a:gd name="connsiteX144" fmla="*/ 3757 w 10000"/>
                  <a:gd name="connsiteY144" fmla="*/ 5096 h 10000"/>
                  <a:gd name="connsiteX145" fmla="*/ 3832 w 10000"/>
                  <a:gd name="connsiteY145" fmla="*/ 5022 h 10000"/>
                  <a:gd name="connsiteX146" fmla="*/ 3857 w 10000"/>
                  <a:gd name="connsiteY146" fmla="*/ 4934 h 10000"/>
                  <a:gd name="connsiteX147" fmla="*/ 3884 w 10000"/>
                  <a:gd name="connsiteY147" fmla="*/ 4860 h 10000"/>
                  <a:gd name="connsiteX148" fmla="*/ 3908 w 10000"/>
                  <a:gd name="connsiteY148" fmla="*/ 4697 h 10000"/>
                  <a:gd name="connsiteX149" fmla="*/ 3884 w 10000"/>
                  <a:gd name="connsiteY149" fmla="*/ 4520 h 10000"/>
                  <a:gd name="connsiteX150" fmla="*/ 3807 w 10000"/>
                  <a:gd name="connsiteY150" fmla="*/ 4343 h 10000"/>
                  <a:gd name="connsiteX151" fmla="*/ 3731 w 10000"/>
                  <a:gd name="connsiteY151" fmla="*/ 4195 h 10000"/>
                  <a:gd name="connsiteX152" fmla="*/ 3604 w 10000"/>
                  <a:gd name="connsiteY152" fmla="*/ 4047 h 10000"/>
                  <a:gd name="connsiteX153" fmla="*/ 3477 w 10000"/>
                  <a:gd name="connsiteY153" fmla="*/ 3959 h 10000"/>
                  <a:gd name="connsiteX154" fmla="*/ 3629 w 10000"/>
                  <a:gd name="connsiteY154" fmla="*/ 3944 h 10000"/>
                  <a:gd name="connsiteX155" fmla="*/ 3757 w 10000"/>
                  <a:gd name="connsiteY155" fmla="*/ 3914 h 10000"/>
                  <a:gd name="connsiteX156" fmla="*/ 3857 w 10000"/>
                  <a:gd name="connsiteY156" fmla="*/ 3855 h 10000"/>
                  <a:gd name="connsiteX157" fmla="*/ 3983 w 10000"/>
                  <a:gd name="connsiteY157" fmla="*/ 3752 h 10000"/>
                  <a:gd name="connsiteX158" fmla="*/ 4111 w 10000"/>
                  <a:gd name="connsiteY158" fmla="*/ 3663 h 10000"/>
                  <a:gd name="connsiteX159" fmla="*/ 4213 w 10000"/>
                  <a:gd name="connsiteY159" fmla="*/ 3560 h 10000"/>
                  <a:gd name="connsiteX160" fmla="*/ 4289 w 10000"/>
                  <a:gd name="connsiteY160" fmla="*/ 3442 h 10000"/>
                  <a:gd name="connsiteX161" fmla="*/ 4366 w 10000"/>
                  <a:gd name="connsiteY161" fmla="*/ 3323 h 10000"/>
                  <a:gd name="connsiteX162" fmla="*/ 4416 w 10000"/>
                  <a:gd name="connsiteY162" fmla="*/ 3220 h 10000"/>
                  <a:gd name="connsiteX163" fmla="*/ 4441 w 10000"/>
                  <a:gd name="connsiteY163" fmla="*/ 3102 h 10000"/>
                  <a:gd name="connsiteX164" fmla="*/ 4468 w 10000"/>
                  <a:gd name="connsiteY164" fmla="*/ 3013 h 10000"/>
                  <a:gd name="connsiteX165" fmla="*/ 4441 w 10000"/>
                  <a:gd name="connsiteY165" fmla="*/ 2939 h 10000"/>
                  <a:gd name="connsiteX166" fmla="*/ 4416 w 10000"/>
                  <a:gd name="connsiteY166" fmla="*/ 2866 h 10000"/>
                  <a:gd name="connsiteX167" fmla="*/ 4340 w 10000"/>
                  <a:gd name="connsiteY167" fmla="*/ 2836 h 10000"/>
                  <a:gd name="connsiteX168" fmla="*/ 4239 w 10000"/>
                  <a:gd name="connsiteY168" fmla="*/ 2836 h 10000"/>
                  <a:gd name="connsiteX169" fmla="*/ 4111 w 10000"/>
                  <a:gd name="connsiteY169" fmla="*/ 2866 h 10000"/>
                  <a:gd name="connsiteX170" fmla="*/ 4213 w 10000"/>
                  <a:gd name="connsiteY170" fmla="*/ 2777 h 10000"/>
                  <a:gd name="connsiteX171" fmla="*/ 4265 w 10000"/>
                  <a:gd name="connsiteY171" fmla="*/ 2674 h 10000"/>
                  <a:gd name="connsiteX172" fmla="*/ 4289 w 10000"/>
                  <a:gd name="connsiteY172" fmla="*/ 2541 h 10000"/>
                  <a:gd name="connsiteX173" fmla="*/ 4289 w 10000"/>
                  <a:gd name="connsiteY173" fmla="*/ 2393 h 10000"/>
                  <a:gd name="connsiteX174" fmla="*/ 4314 w 10000"/>
                  <a:gd name="connsiteY174" fmla="*/ 2349 h 10000"/>
                  <a:gd name="connsiteX175" fmla="*/ 4366 w 10000"/>
                  <a:gd name="connsiteY175" fmla="*/ 2304 h 10000"/>
                  <a:gd name="connsiteX176" fmla="*/ 4416 w 10000"/>
                  <a:gd name="connsiteY176" fmla="*/ 2290 h 10000"/>
                  <a:gd name="connsiteX177" fmla="*/ 4493 w 10000"/>
                  <a:gd name="connsiteY177" fmla="*/ 2275 h 10000"/>
                  <a:gd name="connsiteX178" fmla="*/ 4720 w 10000"/>
                  <a:gd name="connsiteY178" fmla="*/ 2260 h 10000"/>
                  <a:gd name="connsiteX179" fmla="*/ 4923 w 10000"/>
                  <a:gd name="connsiteY179" fmla="*/ 2275 h 10000"/>
                  <a:gd name="connsiteX180" fmla="*/ 4898 w 10000"/>
                  <a:gd name="connsiteY180" fmla="*/ 2112 h 10000"/>
                  <a:gd name="connsiteX181" fmla="*/ 4848 w 10000"/>
                  <a:gd name="connsiteY181" fmla="*/ 1950 h 10000"/>
                  <a:gd name="connsiteX182" fmla="*/ 4771 w 10000"/>
                  <a:gd name="connsiteY182" fmla="*/ 1802 h 10000"/>
                  <a:gd name="connsiteX183" fmla="*/ 4671 w 10000"/>
                  <a:gd name="connsiteY183" fmla="*/ 1640 h 10000"/>
                  <a:gd name="connsiteX184" fmla="*/ 4416 w 10000"/>
                  <a:gd name="connsiteY184" fmla="*/ 1329 h 10000"/>
                  <a:gd name="connsiteX185" fmla="*/ 4162 w 10000"/>
                  <a:gd name="connsiteY185" fmla="*/ 1034 h 10000"/>
                  <a:gd name="connsiteX186" fmla="*/ 4035 w 10000"/>
                  <a:gd name="connsiteY186" fmla="*/ 901 h 10000"/>
                  <a:gd name="connsiteX187" fmla="*/ 3935 w 10000"/>
                  <a:gd name="connsiteY187" fmla="*/ 753 h 10000"/>
                  <a:gd name="connsiteX188" fmla="*/ 3857 w 10000"/>
                  <a:gd name="connsiteY188" fmla="*/ 620 h 10000"/>
                  <a:gd name="connsiteX189" fmla="*/ 3832 w 10000"/>
                  <a:gd name="connsiteY189" fmla="*/ 487 h 10000"/>
                  <a:gd name="connsiteX190" fmla="*/ 3807 w 10000"/>
                  <a:gd name="connsiteY190" fmla="*/ 355 h 10000"/>
                  <a:gd name="connsiteX191" fmla="*/ 3857 w 10000"/>
                  <a:gd name="connsiteY191" fmla="*/ 222 h 10000"/>
                  <a:gd name="connsiteX192" fmla="*/ 3884 w 10000"/>
                  <a:gd name="connsiteY192" fmla="*/ 162 h 10000"/>
                  <a:gd name="connsiteX193" fmla="*/ 3935 w 10000"/>
                  <a:gd name="connsiteY193" fmla="*/ 103 h 10000"/>
                  <a:gd name="connsiteX194" fmla="*/ 4011 w 10000"/>
                  <a:gd name="connsiteY194" fmla="*/ 59 h 10000"/>
                  <a:gd name="connsiteX195" fmla="*/ 4111 w 10000"/>
                  <a:gd name="connsiteY195" fmla="*/ 0 h 10000"/>
                  <a:gd name="connsiteX196" fmla="*/ 4289 w 10000"/>
                  <a:gd name="connsiteY196" fmla="*/ 0 h 10000"/>
                  <a:gd name="connsiteX197" fmla="*/ 4468 w 10000"/>
                  <a:gd name="connsiteY197" fmla="*/ 15 h 10000"/>
                  <a:gd name="connsiteX198" fmla="*/ 4644 w 10000"/>
                  <a:gd name="connsiteY198" fmla="*/ 44 h 10000"/>
                  <a:gd name="connsiteX199" fmla="*/ 4771 w 10000"/>
                  <a:gd name="connsiteY199" fmla="*/ 89 h 10000"/>
                  <a:gd name="connsiteX200" fmla="*/ 4975 w 10000"/>
                  <a:gd name="connsiteY200" fmla="*/ 192 h 10000"/>
                  <a:gd name="connsiteX201" fmla="*/ 5177 w 10000"/>
                  <a:gd name="connsiteY201" fmla="*/ 340 h 10000"/>
                  <a:gd name="connsiteX202" fmla="*/ 5329 w 10000"/>
                  <a:gd name="connsiteY202" fmla="*/ 473 h 10000"/>
                  <a:gd name="connsiteX203" fmla="*/ 5532 w 10000"/>
                  <a:gd name="connsiteY203" fmla="*/ 591 h 10000"/>
                  <a:gd name="connsiteX204" fmla="*/ 5660 w 10000"/>
                  <a:gd name="connsiteY204" fmla="*/ 650 h 10000"/>
                  <a:gd name="connsiteX205" fmla="*/ 5812 w 10000"/>
                  <a:gd name="connsiteY205" fmla="*/ 679 h 10000"/>
                  <a:gd name="connsiteX206" fmla="*/ 5965 w 10000"/>
                  <a:gd name="connsiteY206" fmla="*/ 709 h 10000"/>
                  <a:gd name="connsiteX207" fmla="*/ 6168 w 10000"/>
                  <a:gd name="connsiteY207" fmla="*/ 709 h 10000"/>
                  <a:gd name="connsiteX208" fmla="*/ 6168 w 10000"/>
                  <a:gd name="connsiteY208" fmla="*/ 768 h 10000"/>
                  <a:gd name="connsiteX209" fmla="*/ 6193 w 10000"/>
                  <a:gd name="connsiteY209" fmla="*/ 842 h 10000"/>
                  <a:gd name="connsiteX210" fmla="*/ 6243 w 10000"/>
                  <a:gd name="connsiteY210" fmla="*/ 916 h 10000"/>
                  <a:gd name="connsiteX211" fmla="*/ 6294 w 10000"/>
                  <a:gd name="connsiteY211" fmla="*/ 990 h 10000"/>
                  <a:gd name="connsiteX212" fmla="*/ 6369 w 10000"/>
                  <a:gd name="connsiteY212" fmla="*/ 1049 h 10000"/>
                  <a:gd name="connsiteX213" fmla="*/ 6471 w 10000"/>
                  <a:gd name="connsiteY213" fmla="*/ 1108 h 10000"/>
                  <a:gd name="connsiteX214" fmla="*/ 6598 w 10000"/>
                  <a:gd name="connsiteY214" fmla="*/ 1182 h 10000"/>
                  <a:gd name="connsiteX215" fmla="*/ 6700 w 10000"/>
                  <a:gd name="connsiteY215" fmla="*/ 1226 h 10000"/>
                  <a:gd name="connsiteX216" fmla="*/ 6802 w 10000"/>
                  <a:gd name="connsiteY216" fmla="*/ 1270 h 10000"/>
                  <a:gd name="connsiteX217" fmla="*/ 6903 w 10000"/>
                  <a:gd name="connsiteY217" fmla="*/ 1300 h 10000"/>
                  <a:gd name="connsiteX218" fmla="*/ 7005 w 10000"/>
                  <a:gd name="connsiteY218" fmla="*/ 1315 h 10000"/>
                  <a:gd name="connsiteX219" fmla="*/ 7132 w 10000"/>
                  <a:gd name="connsiteY219" fmla="*/ 1300 h 10000"/>
                  <a:gd name="connsiteX220" fmla="*/ 7234 w 10000"/>
                  <a:gd name="connsiteY220" fmla="*/ 1285 h 10000"/>
                  <a:gd name="connsiteX221" fmla="*/ 7309 w 10000"/>
                  <a:gd name="connsiteY221" fmla="*/ 1241 h 10000"/>
                  <a:gd name="connsiteX222" fmla="*/ 7361 w 10000"/>
                  <a:gd name="connsiteY222" fmla="*/ 1167 h 10000"/>
                  <a:gd name="connsiteX223" fmla="*/ 7385 w 10000"/>
                  <a:gd name="connsiteY223" fmla="*/ 1064 h 10000"/>
                  <a:gd name="connsiteX224" fmla="*/ 7766 w 10000"/>
                  <a:gd name="connsiteY224" fmla="*/ 1034 h 10000"/>
                  <a:gd name="connsiteX225" fmla="*/ 8121 w 10000"/>
                  <a:gd name="connsiteY225" fmla="*/ 1004 h 10000"/>
                  <a:gd name="connsiteX226" fmla="*/ 8427 w 10000"/>
                  <a:gd name="connsiteY226" fmla="*/ 990 h 10000"/>
                  <a:gd name="connsiteX227" fmla="*/ 8706 w 10000"/>
                  <a:gd name="connsiteY227" fmla="*/ 1004 h 10000"/>
                  <a:gd name="connsiteX228" fmla="*/ 8833 w 10000"/>
                  <a:gd name="connsiteY228" fmla="*/ 1019 h 10000"/>
                  <a:gd name="connsiteX229" fmla="*/ 8958 w 10000"/>
                  <a:gd name="connsiteY229" fmla="*/ 1034 h 10000"/>
                  <a:gd name="connsiteX230" fmla="*/ 9061 w 10000"/>
                  <a:gd name="connsiteY230" fmla="*/ 1064 h 10000"/>
                  <a:gd name="connsiteX231" fmla="*/ 9188 w 10000"/>
                  <a:gd name="connsiteY231" fmla="*/ 1108 h 10000"/>
                  <a:gd name="connsiteX232" fmla="*/ 9264 w 10000"/>
                  <a:gd name="connsiteY232" fmla="*/ 1182 h 10000"/>
                  <a:gd name="connsiteX233" fmla="*/ 9339 w 10000"/>
                  <a:gd name="connsiteY233" fmla="*/ 1241 h 10000"/>
                  <a:gd name="connsiteX234" fmla="*/ 9391 w 10000"/>
                  <a:gd name="connsiteY234" fmla="*/ 1329 h 10000"/>
                  <a:gd name="connsiteX235" fmla="*/ 9442 w 10000"/>
                  <a:gd name="connsiteY235" fmla="*/ 1433 h 10000"/>
                  <a:gd name="connsiteX236" fmla="*/ 9492 w 10000"/>
                  <a:gd name="connsiteY236" fmla="*/ 1551 h 10000"/>
                  <a:gd name="connsiteX237" fmla="*/ 9466 w 10000"/>
                  <a:gd name="connsiteY237" fmla="*/ 1625 h 10000"/>
                  <a:gd name="connsiteX238" fmla="*/ 9442 w 10000"/>
                  <a:gd name="connsiteY238" fmla="*/ 1684 h 10000"/>
                  <a:gd name="connsiteX239" fmla="*/ 9391 w 10000"/>
                  <a:gd name="connsiteY239" fmla="*/ 1758 h 10000"/>
                  <a:gd name="connsiteX240" fmla="*/ 9315 w 10000"/>
                  <a:gd name="connsiteY240" fmla="*/ 1802 h 10000"/>
                  <a:gd name="connsiteX241" fmla="*/ 9264 w 10000"/>
                  <a:gd name="connsiteY241" fmla="*/ 1861 h 10000"/>
                  <a:gd name="connsiteX242" fmla="*/ 9240 w 10000"/>
                  <a:gd name="connsiteY242" fmla="*/ 1935 h 10000"/>
                  <a:gd name="connsiteX243" fmla="*/ 9264 w 10000"/>
                  <a:gd name="connsiteY243" fmla="*/ 2024 h 10000"/>
                  <a:gd name="connsiteX244" fmla="*/ 9543 w 10000"/>
                  <a:gd name="connsiteY244" fmla="*/ 2157 h 10000"/>
                  <a:gd name="connsiteX245" fmla="*/ 9873 w 10000"/>
                  <a:gd name="connsiteY245" fmla="*/ 2275 h 10000"/>
                  <a:gd name="connsiteX246" fmla="*/ 10000 w 10000"/>
                  <a:gd name="connsiteY246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9415 w 10000"/>
                  <a:gd name="connsiteY2" fmla="*/ 3117 h 10000"/>
                  <a:gd name="connsiteX3" fmla="*/ 9442 w 10000"/>
                  <a:gd name="connsiteY3" fmla="*/ 3072 h 10000"/>
                  <a:gd name="connsiteX4" fmla="*/ 9466 w 10000"/>
                  <a:gd name="connsiteY4" fmla="*/ 3013 h 10000"/>
                  <a:gd name="connsiteX5" fmla="*/ 9466 w 10000"/>
                  <a:gd name="connsiteY5" fmla="*/ 2954 h 10000"/>
                  <a:gd name="connsiteX6" fmla="*/ 9442 w 10000"/>
                  <a:gd name="connsiteY6" fmla="*/ 2866 h 10000"/>
                  <a:gd name="connsiteX7" fmla="*/ 9264 w 10000"/>
                  <a:gd name="connsiteY7" fmla="*/ 2984 h 10000"/>
                  <a:gd name="connsiteX8" fmla="*/ 7716 w 10000"/>
                  <a:gd name="connsiteY8" fmla="*/ 3545 h 10000"/>
                  <a:gd name="connsiteX9" fmla="*/ 6345 w 10000"/>
                  <a:gd name="connsiteY9" fmla="*/ 4003 h 10000"/>
                  <a:gd name="connsiteX10" fmla="*/ 6143 w 10000"/>
                  <a:gd name="connsiteY10" fmla="*/ 4106 h 10000"/>
                  <a:gd name="connsiteX11" fmla="*/ 5938 w 10000"/>
                  <a:gd name="connsiteY11" fmla="*/ 4195 h 10000"/>
                  <a:gd name="connsiteX12" fmla="*/ 6091 w 10000"/>
                  <a:gd name="connsiteY12" fmla="*/ 4417 h 10000"/>
                  <a:gd name="connsiteX13" fmla="*/ 6421 w 10000"/>
                  <a:gd name="connsiteY13" fmla="*/ 5318 h 10000"/>
                  <a:gd name="connsiteX14" fmla="*/ 6447 w 10000"/>
                  <a:gd name="connsiteY14" fmla="*/ 5539 h 10000"/>
                  <a:gd name="connsiteX15" fmla="*/ 6471 w 10000"/>
                  <a:gd name="connsiteY15" fmla="*/ 5775 h 10000"/>
                  <a:gd name="connsiteX16" fmla="*/ 6471 w 10000"/>
                  <a:gd name="connsiteY16" fmla="*/ 5997 h 10000"/>
                  <a:gd name="connsiteX17" fmla="*/ 6447 w 10000"/>
                  <a:gd name="connsiteY17" fmla="*/ 6233 h 10000"/>
                  <a:gd name="connsiteX18" fmla="*/ 6396 w 10000"/>
                  <a:gd name="connsiteY18" fmla="*/ 6470 h 10000"/>
                  <a:gd name="connsiteX19" fmla="*/ 6345 w 10000"/>
                  <a:gd name="connsiteY19" fmla="*/ 6677 h 10000"/>
                  <a:gd name="connsiteX20" fmla="*/ 6269 w 10000"/>
                  <a:gd name="connsiteY20" fmla="*/ 6898 h 10000"/>
                  <a:gd name="connsiteX21" fmla="*/ 6168 w 10000"/>
                  <a:gd name="connsiteY21" fmla="*/ 7105 h 10000"/>
                  <a:gd name="connsiteX22" fmla="*/ 6041 w 10000"/>
                  <a:gd name="connsiteY22" fmla="*/ 7297 h 10000"/>
                  <a:gd name="connsiteX23" fmla="*/ 5888 w 10000"/>
                  <a:gd name="connsiteY23" fmla="*/ 7489 h 10000"/>
                  <a:gd name="connsiteX24" fmla="*/ 5735 w 10000"/>
                  <a:gd name="connsiteY24" fmla="*/ 7681 h 10000"/>
                  <a:gd name="connsiteX25" fmla="*/ 6471 w 10000"/>
                  <a:gd name="connsiteY25" fmla="*/ 7799 h 10000"/>
                  <a:gd name="connsiteX26" fmla="*/ 7234 w 10000"/>
                  <a:gd name="connsiteY26" fmla="*/ 7962 h 10000"/>
                  <a:gd name="connsiteX27" fmla="*/ 7385 w 10000"/>
                  <a:gd name="connsiteY27" fmla="*/ 8021 h 10000"/>
                  <a:gd name="connsiteX28" fmla="*/ 7512 w 10000"/>
                  <a:gd name="connsiteY28" fmla="*/ 8080 h 10000"/>
                  <a:gd name="connsiteX29" fmla="*/ 7639 w 10000"/>
                  <a:gd name="connsiteY29" fmla="*/ 8139 h 10000"/>
                  <a:gd name="connsiteX30" fmla="*/ 7716 w 10000"/>
                  <a:gd name="connsiteY30" fmla="*/ 8227 h 10000"/>
                  <a:gd name="connsiteX31" fmla="*/ 7741 w 10000"/>
                  <a:gd name="connsiteY31" fmla="*/ 8301 h 10000"/>
                  <a:gd name="connsiteX32" fmla="*/ 7741 w 10000"/>
                  <a:gd name="connsiteY32" fmla="*/ 8405 h 10000"/>
                  <a:gd name="connsiteX33" fmla="*/ 7691 w 10000"/>
                  <a:gd name="connsiteY33" fmla="*/ 8523 h 10000"/>
                  <a:gd name="connsiteX34" fmla="*/ 7614 w 10000"/>
                  <a:gd name="connsiteY34" fmla="*/ 8641 h 10000"/>
                  <a:gd name="connsiteX35" fmla="*/ 7284 w 10000"/>
                  <a:gd name="connsiteY35" fmla="*/ 8552 h 10000"/>
                  <a:gd name="connsiteX36" fmla="*/ 6979 w 10000"/>
                  <a:gd name="connsiteY36" fmla="*/ 8449 h 10000"/>
                  <a:gd name="connsiteX37" fmla="*/ 6674 w 10000"/>
                  <a:gd name="connsiteY37" fmla="*/ 8360 h 10000"/>
                  <a:gd name="connsiteX38" fmla="*/ 6369 w 10000"/>
                  <a:gd name="connsiteY38" fmla="*/ 8287 h 10000"/>
                  <a:gd name="connsiteX39" fmla="*/ 6243 w 10000"/>
                  <a:gd name="connsiteY39" fmla="*/ 8449 h 10000"/>
                  <a:gd name="connsiteX40" fmla="*/ 6143 w 10000"/>
                  <a:gd name="connsiteY40" fmla="*/ 8597 h 10000"/>
                  <a:gd name="connsiteX41" fmla="*/ 6091 w 10000"/>
                  <a:gd name="connsiteY41" fmla="*/ 8656 h 10000"/>
                  <a:gd name="connsiteX42" fmla="*/ 5989 w 10000"/>
                  <a:gd name="connsiteY42" fmla="*/ 8700 h 10000"/>
                  <a:gd name="connsiteX43" fmla="*/ 5914 w 10000"/>
                  <a:gd name="connsiteY43" fmla="*/ 8744 h 10000"/>
                  <a:gd name="connsiteX44" fmla="*/ 5838 w 10000"/>
                  <a:gd name="connsiteY44" fmla="*/ 8774 h 10000"/>
                  <a:gd name="connsiteX45" fmla="*/ 5761 w 10000"/>
                  <a:gd name="connsiteY45" fmla="*/ 8804 h 10000"/>
                  <a:gd name="connsiteX46" fmla="*/ 5660 w 10000"/>
                  <a:gd name="connsiteY46" fmla="*/ 8818 h 10000"/>
                  <a:gd name="connsiteX47" fmla="*/ 5532 w 10000"/>
                  <a:gd name="connsiteY47" fmla="*/ 8833 h 10000"/>
                  <a:gd name="connsiteX48" fmla="*/ 5406 w 10000"/>
                  <a:gd name="connsiteY48" fmla="*/ 8833 h 10000"/>
                  <a:gd name="connsiteX49" fmla="*/ 5102 w 10000"/>
                  <a:gd name="connsiteY49" fmla="*/ 8818 h 10000"/>
                  <a:gd name="connsiteX50" fmla="*/ 4720 w 10000"/>
                  <a:gd name="connsiteY50" fmla="*/ 8744 h 10000"/>
                  <a:gd name="connsiteX51" fmla="*/ 4720 w 10000"/>
                  <a:gd name="connsiteY51" fmla="*/ 8922 h 10000"/>
                  <a:gd name="connsiteX52" fmla="*/ 4695 w 10000"/>
                  <a:gd name="connsiteY52" fmla="*/ 9069 h 10000"/>
                  <a:gd name="connsiteX53" fmla="*/ 4671 w 10000"/>
                  <a:gd name="connsiteY53" fmla="*/ 9232 h 10000"/>
                  <a:gd name="connsiteX54" fmla="*/ 4644 w 10000"/>
                  <a:gd name="connsiteY54" fmla="*/ 9365 h 10000"/>
                  <a:gd name="connsiteX55" fmla="*/ 4593 w 10000"/>
                  <a:gd name="connsiteY55" fmla="*/ 9498 h 10000"/>
                  <a:gd name="connsiteX56" fmla="*/ 4493 w 10000"/>
                  <a:gd name="connsiteY56" fmla="*/ 9616 h 10000"/>
                  <a:gd name="connsiteX57" fmla="*/ 4416 w 10000"/>
                  <a:gd name="connsiteY57" fmla="*/ 9734 h 10000"/>
                  <a:gd name="connsiteX58" fmla="*/ 4289 w 10000"/>
                  <a:gd name="connsiteY58" fmla="*/ 9838 h 10000"/>
                  <a:gd name="connsiteX59" fmla="*/ 3983 w 10000"/>
                  <a:gd name="connsiteY59" fmla="*/ 9897 h 10000"/>
                  <a:gd name="connsiteX60" fmla="*/ 3731 w 10000"/>
                  <a:gd name="connsiteY60" fmla="*/ 9941 h 10000"/>
                  <a:gd name="connsiteX61" fmla="*/ 3426 w 10000"/>
                  <a:gd name="connsiteY61" fmla="*/ 9985 h 10000"/>
                  <a:gd name="connsiteX62" fmla="*/ 3198 w 10000"/>
                  <a:gd name="connsiteY62" fmla="*/ 10000 h 10000"/>
                  <a:gd name="connsiteX63" fmla="*/ 2690 w 10000"/>
                  <a:gd name="connsiteY63" fmla="*/ 10000 h 10000"/>
                  <a:gd name="connsiteX64" fmla="*/ 2208 w 10000"/>
                  <a:gd name="connsiteY64" fmla="*/ 9985 h 10000"/>
                  <a:gd name="connsiteX65" fmla="*/ 1752 w 10000"/>
                  <a:gd name="connsiteY65" fmla="*/ 9941 h 10000"/>
                  <a:gd name="connsiteX66" fmla="*/ 1270 w 10000"/>
                  <a:gd name="connsiteY66" fmla="*/ 9911 h 10000"/>
                  <a:gd name="connsiteX67" fmla="*/ 990 w 10000"/>
                  <a:gd name="connsiteY67" fmla="*/ 9911 h 10000"/>
                  <a:gd name="connsiteX68" fmla="*/ 736 w 10000"/>
                  <a:gd name="connsiteY68" fmla="*/ 9911 h 10000"/>
                  <a:gd name="connsiteX69" fmla="*/ 457 w 10000"/>
                  <a:gd name="connsiteY69" fmla="*/ 9926 h 10000"/>
                  <a:gd name="connsiteX70" fmla="*/ 178 w 10000"/>
                  <a:gd name="connsiteY70" fmla="*/ 9970 h 10000"/>
                  <a:gd name="connsiteX71" fmla="*/ 102 w 10000"/>
                  <a:gd name="connsiteY71" fmla="*/ 9867 h 10000"/>
                  <a:gd name="connsiteX72" fmla="*/ 51 w 10000"/>
                  <a:gd name="connsiteY72" fmla="*/ 9793 h 10000"/>
                  <a:gd name="connsiteX73" fmla="*/ 0 w 10000"/>
                  <a:gd name="connsiteY73" fmla="*/ 9705 h 10000"/>
                  <a:gd name="connsiteX74" fmla="*/ 0 w 10000"/>
                  <a:gd name="connsiteY74" fmla="*/ 9601 h 10000"/>
                  <a:gd name="connsiteX75" fmla="*/ 51 w 10000"/>
                  <a:gd name="connsiteY75" fmla="*/ 9424 h 10000"/>
                  <a:gd name="connsiteX76" fmla="*/ 102 w 10000"/>
                  <a:gd name="connsiteY76" fmla="*/ 9202 h 10000"/>
                  <a:gd name="connsiteX77" fmla="*/ 151 w 10000"/>
                  <a:gd name="connsiteY77" fmla="*/ 8996 h 10000"/>
                  <a:gd name="connsiteX78" fmla="*/ 203 w 10000"/>
                  <a:gd name="connsiteY78" fmla="*/ 8759 h 10000"/>
                  <a:gd name="connsiteX79" fmla="*/ 228 w 10000"/>
                  <a:gd name="connsiteY79" fmla="*/ 8641 h 10000"/>
                  <a:gd name="connsiteX80" fmla="*/ 228 w 10000"/>
                  <a:gd name="connsiteY80" fmla="*/ 8538 h 10000"/>
                  <a:gd name="connsiteX81" fmla="*/ 203 w 10000"/>
                  <a:gd name="connsiteY81" fmla="*/ 8405 h 10000"/>
                  <a:gd name="connsiteX82" fmla="*/ 178 w 10000"/>
                  <a:gd name="connsiteY82" fmla="*/ 8287 h 10000"/>
                  <a:gd name="connsiteX83" fmla="*/ 431 w 10000"/>
                  <a:gd name="connsiteY83" fmla="*/ 8213 h 10000"/>
                  <a:gd name="connsiteX84" fmla="*/ 685 w 10000"/>
                  <a:gd name="connsiteY84" fmla="*/ 8139 h 10000"/>
                  <a:gd name="connsiteX85" fmla="*/ 939 w 10000"/>
                  <a:gd name="connsiteY85" fmla="*/ 8095 h 10000"/>
                  <a:gd name="connsiteX86" fmla="*/ 1218 w 10000"/>
                  <a:gd name="connsiteY86" fmla="*/ 8065 h 10000"/>
                  <a:gd name="connsiteX87" fmla="*/ 1725 w 10000"/>
                  <a:gd name="connsiteY87" fmla="*/ 8021 h 10000"/>
                  <a:gd name="connsiteX88" fmla="*/ 2234 w 10000"/>
                  <a:gd name="connsiteY88" fmla="*/ 7976 h 10000"/>
                  <a:gd name="connsiteX89" fmla="*/ 2462 w 10000"/>
                  <a:gd name="connsiteY89" fmla="*/ 7947 h 10000"/>
                  <a:gd name="connsiteX90" fmla="*/ 2690 w 10000"/>
                  <a:gd name="connsiteY90" fmla="*/ 7917 h 10000"/>
                  <a:gd name="connsiteX91" fmla="*/ 2892 w 10000"/>
                  <a:gd name="connsiteY91" fmla="*/ 7843 h 10000"/>
                  <a:gd name="connsiteX92" fmla="*/ 3096 w 10000"/>
                  <a:gd name="connsiteY92" fmla="*/ 7784 h 10000"/>
                  <a:gd name="connsiteX93" fmla="*/ 3274 w 10000"/>
                  <a:gd name="connsiteY93" fmla="*/ 7710 h 10000"/>
                  <a:gd name="connsiteX94" fmla="*/ 3426 w 10000"/>
                  <a:gd name="connsiteY94" fmla="*/ 7592 h 10000"/>
                  <a:gd name="connsiteX95" fmla="*/ 3579 w 10000"/>
                  <a:gd name="connsiteY95" fmla="*/ 7474 h 10000"/>
                  <a:gd name="connsiteX96" fmla="*/ 3680 w 10000"/>
                  <a:gd name="connsiteY96" fmla="*/ 7312 h 10000"/>
                  <a:gd name="connsiteX97" fmla="*/ 3477 w 10000"/>
                  <a:gd name="connsiteY97" fmla="*/ 7238 h 10000"/>
                  <a:gd name="connsiteX98" fmla="*/ 3299 w 10000"/>
                  <a:gd name="connsiteY98" fmla="*/ 7179 h 10000"/>
                  <a:gd name="connsiteX99" fmla="*/ 3147 w 10000"/>
                  <a:gd name="connsiteY99" fmla="*/ 7090 h 10000"/>
                  <a:gd name="connsiteX100" fmla="*/ 2995 w 10000"/>
                  <a:gd name="connsiteY100" fmla="*/ 6987 h 10000"/>
                  <a:gd name="connsiteX101" fmla="*/ 2892 w 10000"/>
                  <a:gd name="connsiteY101" fmla="*/ 6869 h 10000"/>
                  <a:gd name="connsiteX102" fmla="*/ 2843 w 10000"/>
                  <a:gd name="connsiteY102" fmla="*/ 6721 h 10000"/>
                  <a:gd name="connsiteX103" fmla="*/ 2817 w 10000"/>
                  <a:gd name="connsiteY103" fmla="*/ 6558 h 10000"/>
                  <a:gd name="connsiteX104" fmla="*/ 2843 w 10000"/>
                  <a:gd name="connsiteY104" fmla="*/ 6352 h 10000"/>
                  <a:gd name="connsiteX105" fmla="*/ 2716 w 10000"/>
                  <a:gd name="connsiteY105" fmla="*/ 6322 h 10000"/>
                  <a:gd name="connsiteX106" fmla="*/ 2564 w 10000"/>
                  <a:gd name="connsiteY106" fmla="*/ 6292 h 10000"/>
                  <a:gd name="connsiteX107" fmla="*/ 2386 w 10000"/>
                  <a:gd name="connsiteY107" fmla="*/ 6278 h 10000"/>
                  <a:gd name="connsiteX108" fmla="*/ 2208 w 10000"/>
                  <a:gd name="connsiteY108" fmla="*/ 6263 h 10000"/>
                  <a:gd name="connsiteX109" fmla="*/ 1853 w 10000"/>
                  <a:gd name="connsiteY109" fmla="*/ 6248 h 10000"/>
                  <a:gd name="connsiteX110" fmla="*/ 1472 w 10000"/>
                  <a:gd name="connsiteY110" fmla="*/ 6263 h 10000"/>
                  <a:gd name="connsiteX111" fmla="*/ 1143 w 10000"/>
                  <a:gd name="connsiteY111" fmla="*/ 6278 h 10000"/>
                  <a:gd name="connsiteX112" fmla="*/ 837 w 10000"/>
                  <a:gd name="connsiteY112" fmla="*/ 6278 h 10000"/>
                  <a:gd name="connsiteX113" fmla="*/ 585 w 10000"/>
                  <a:gd name="connsiteY113" fmla="*/ 6263 h 10000"/>
                  <a:gd name="connsiteX114" fmla="*/ 381 w 10000"/>
                  <a:gd name="connsiteY114" fmla="*/ 6233 h 10000"/>
                  <a:gd name="connsiteX115" fmla="*/ 633 w 10000"/>
                  <a:gd name="connsiteY115" fmla="*/ 5805 h 10000"/>
                  <a:gd name="connsiteX116" fmla="*/ 914 w 10000"/>
                  <a:gd name="connsiteY116" fmla="*/ 5391 h 10000"/>
                  <a:gd name="connsiteX117" fmla="*/ 1016 w 10000"/>
                  <a:gd name="connsiteY117" fmla="*/ 5170 h 10000"/>
                  <a:gd name="connsiteX118" fmla="*/ 1091 w 10000"/>
                  <a:gd name="connsiteY118" fmla="*/ 4963 h 10000"/>
                  <a:gd name="connsiteX119" fmla="*/ 1116 w 10000"/>
                  <a:gd name="connsiteY119" fmla="*/ 4860 h 10000"/>
                  <a:gd name="connsiteX120" fmla="*/ 1091 w 10000"/>
                  <a:gd name="connsiteY120" fmla="*/ 4756 h 10000"/>
                  <a:gd name="connsiteX121" fmla="*/ 1066 w 10000"/>
                  <a:gd name="connsiteY121" fmla="*/ 4653 h 10000"/>
                  <a:gd name="connsiteX122" fmla="*/ 990 w 10000"/>
                  <a:gd name="connsiteY122" fmla="*/ 4549 h 10000"/>
                  <a:gd name="connsiteX123" fmla="*/ 1270 w 10000"/>
                  <a:gd name="connsiteY123" fmla="*/ 4520 h 10000"/>
                  <a:gd name="connsiteX124" fmla="*/ 1472 w 10000"/>
                  <a:gd name="connsiteY124" fmla="*/ 4505 h 10000"/>
                  <a:gd name="connsiteX125" fmla="*/ 1650 w 10000"/>
                  <a:gd name="connsiteY125" fmla="*/ 4505 h 10000"/>
                  <a:gd name="connsiteX126" fmla="*/ 1802 w 10000"/>
                  <a:gd name="connsiteY126" fmla="*/ 4520 h 10000"/>
                  <a:gd name="connsiteX127" fmla="*/ 1929 w 10000"/>
                  <a:gd name="connsiteY127" fmla="*/ 4520 h 10000"/>
                  <a:gd name="connsiteX128" fmla="*/ 2081 w 10000"/>
                  <a:gd name="connsiteY128" fmla="*/ 4520 h 10000"/>
                  <a:gd name="connsiteX129" fmla="*/ 2234 w 10000"/>
                  <a:gd name="connsiteY129" fmla="*/ 4490 h 10000"/>
                  <a:gd name="connsiteX130" fmla="*/ 2436 w 10000"/>
                  <a:gd name="connsiteY130" fmla="*/ 4446 h 10000"/>
                  <a:gd name="connsiteX131" fmla="*/ 2436 w 10000"/>
                  <a:gd name="connsiteY131" fmla="*/ 4579 h 10000"/>
                  <a:gd name="connsiteX132" fmla="*/ 2436 w 10000"/>
                  <a:gd name="connsiteY132" fmla="*/ 4742 h 10000"/>
                  <a:gd name="connsiteX133" fmla="*/ 2436 w 10000"/>
                  <a:gd name="connsiteY133" fmla="*/ 4874 h 10000"/>
                  <a:gd name="connsiteX134" fmla="*/ 2436 w 10000"/>
                  <a:gd name="connsiteY134" fmla="*/ 5037 h 10000"/>
                  <a:gd name="connsiteX135" fmla="*/ 2665 w 10000"/>
                  <a:gd name="connsiteY135" fmla="*/ 5022 h 10000"/>
                  <a:gd name="connsiteX136" fmla="*/ 2817 w 10000"/>
                  <a:gd name="connsiteY136" fmla="*/ 5037 h 10000"/>
                  <a:gd name="connsiteX137" fmla="*/ 2944 w 10000"/>
                  <a:gd name="connsiteY137" fmla="*/ 5066 h 10000"/>
                  <a:gd name="connsiteX138" fmla="*/ 3071 w 10000"/>
                  <a:gd name="connsiteY138" fmla="*/ 5096 h 10000"/>
                  <a:gd name="connsiteX139" fmla="*/ 3173 w 10000"/>
                  <a:gd name="connsiteY139" fmla="*/ 5126 h 10000"/>
                  <a:gd name="connsiteX140" fmla="*/ 3299 w 10000"/>
                  <a:gd name="connsiteY140" fmla="*/ 5155 h 10000"/>
                  <a:gd name="connsiteX141" fmla="*/ 3452 w 10000"/>
                  <a:gd name="connsiteY141" fmla="*/ 5170 h 10000"/>
                  <a:gd name="connsiteX142" fmla="*/ 3680 w 10000"/>
                  <a:gd name="connsiteY142" fmla="*/ 5155 h 10000"/>
                  <a:gd name="connsiteX143" fmla="*/ 3757 w 10000"/>
                  <a:gd name="connsiteY143" fmla="*/ 5096 h 10000"/>
                  <a:gd name="connsiteX144" fmla="*/ 3832 w 10000"/>
                  <a:gd name="connsiteY144" fmla="*/ 5022 h 10000"/>
                  <a:gd name="connsiteX145" fmla="*/ 3857 w 10000"/>
                  <a:gd name="connsiteY145" fmla="*/ 4934 h 10000"/>
                  <a:gd name="connsiteX146" fmla="*/ 3884 w 10000"/>
                  <a:gd name="connsiteY146" fmla="*/ 4860 h 10000"/>
                  <a:gd name="connsiteX147" fmla="*/ 3908 w 10000"/>
                  <a:gd name="connsiteY147" fmla="*/ 4697 h 10000"/>
                  <a:gd name="connsiteX148" fmla="*/ 3884 w 10000"/>
                  <a:gd name="connsiteY148" fmla="*/ 4520 h 10000"/>
                  <a:gd name="connsiteX149" fmla="*/ 3807 w 10000"/>
                  <a:gd name="connsiteY149" fmla="*/ 4343 h 10000"/>
                  <a:gd name="connsiteX150" fmla="*/ 3731 w 10000"/>
                  <a:gd name="connsiteY150" fmla="*/ 4195 h 10000"/>
                  <a:gd name="connsiteX151" fmla="*/ 3604 w 10000"/>
                  <a:gd name="connsiteY151" fmla="*/ 4047 h 10000"/>
                  <a:gd name="connsiteX152" fmla="*/ 3477 w 10000"/>
                  <a:gd name="connsiteY152" fmla="*/ 3959 h 10000"/>
                  <a:gd name="connsiteX153" fmla="*/ 3629 w 10000"/>
                  <a:gd name="connsiteY153" fmla="*/ 3944 h 10000"/>
                  <a:gd name="connsiteX154" fmla="*/ 3757 w 10000"/>
                  <a:gd name="connsiteY154" fmla="*/ 3914 h 10000"/>
                  <a:gd name="connsiteX155" fmla="*/ 3857 w 10000"/>
                  <a:gd name="connsiteY155" fmla="*/ 3855 h 10000"/>
                  <a:gd name="connsiteX156" fmla="*/ 3983 w 10000"/>
                  <a:gd name="connsiteY156" fmla="*/ 3752 h 10000"/>
                  <a:gd name="connsiteX157" fmla="*/ 4111 w 10000"/>
                  <a:gd name="connsiteY157" fmla="*/ 3663 h 10000"/>
                  <a:gd name="connsiteX158" fmla="*/ 4213 w 10000"/>
                  <a:gd name="connsiteY158" fmla="*/ 3560 h 10000"/>
                  <a:gd name="connsiteX159" fmla="*/ 4289 w 10000"/>
                  <a:gd name="connsiteY159" fmla="*/ 3442 h 10000"/>
                  <a:gd name="connsiteX160" fmla="*/ 4366 w 10000"/>
                  <a:gd name="connsiteY160" fmla="*/ 3323 h 10000"/>
                  <a:gd name="connsiteX161" fmla="*/ 4416 w 10000"/>
                  <a:gd name="connsiteY161" fmla="*/ 3220 h 10000"/>
                  <a:gd name="connsiteX162" fmla="*/ 4441 w 10000"/>
                  <a:gd name="connsiteY162" fmla="*/ 3102 h 10000"/>
                  <a:gd name="connsiteX163" fmla="*/ 4468 w 10000"/>
                  <a:gd name="connsiteY163" fmla="*/ 3013 h 10000"/>
                  <a:gd name="connsiteX164" fmla="*/ 4441 w 10000"/>
                  <a:gd name="connsiteY164" fmla="*/ 2939 h 10000"/>
                  <a:gd name="connsiteX165" fmla="*/ 4416 w 10000"/>
                  <a:gd name="connsiteY165" fmla="*/ 2866 h 10000"/>
                  <a:gd name="connsiteX166" fmla="*/ 4340 w 10000"/>
                  <a:gd name="connsiteY166" fmla="*/ 2836 h 10000"/>
                  <a:gd name="connsiteX167" fmla="*/ 4239 w 10000"/>
                  <a:gd name="connsiteY167" fmla="*/ 2836 h 10000"/>
                  <a:gd name="connsiteX168" fmla="*/ 4111 w 10000"/>
                  <a:gd name="connsiteY168" fmla="*/ 2866 h 10000"/>
                  <a:gd name="connsiteX169" fmla="*/ 4213 w 10000"/>
                  <a:gd name="connsiteY169" fmla="*/ 2777 h 10000"/>
                  <a:gd name="connsiteX170" fmla="*/ 4265 w 10000"/>
                  <a:gd name="connsiteY170" fmla="*/ 2674 h 10000"/>
                  <a:gd name="connsiteX171" fmla="*/ 4289 w 10000"/>
                  <a:gd name="connsiteY171" fmla="*/ 2541 h 10000"/>
                  <a:gd name="connsiteX172" fmla="*/ 4289 w 10000"/>
                  <a:gd name="connsiteY172" fmla="*/ 2393 h 10000"/>
                  <a:gd name="connsiteX173" fmla="*/ 4314 w 10000"/>
                  <a:gd name="connsiteY173" fmla="*/ 2349 h 10000"/>
                  <a:gd name="connsiteX174" fmla="*/ 4366 w 10000"/>
                  <a:gd name="connsiteY174" fmla="*/ 2304 h 10000"/>
                  <a:gd name="connsiteX175" fmla="*/ 4416 w 10000"/>
                  <a:gd name="connsiteY175" fmla="*/ 2290 h 10000"/>
                  <a:gd name="connsiteX176" fmla="*/ 4493 w 10000"/>
                  <a:gd name="connsiteY176" fmla="*/ 2275 h 10000"/>
                  <a:gd name="connsiteX177" fmla="*/ 4720 w 10000"/>
                  <a:gd name="connsiteY177" fmla="*/ 2260 h 10000"/>
                  <a:gd name="connsiteX178" fmla="*/ 4923 w 10000"/>
                  <a:gd name="connsiteY178" fmla="*/ 2275 h 10000"/>
                  <a:gd name="connsiteX179" fmla="*/ 4898 w 10000"/>
                  <a:gd name="connsiteY179" fmla="*/ 2112 h 10000"/>
                  <a:gd name="connsiteX180" fmla="*/ 4848 w 10000"/>
                  <a:gd name="connsiteY180" fmla="*/ 1950 h 10000"/>
                  <a:gd name="connsiteX181" fmla="*/ 4771 w 10000"/>
                  <a:gd name="connsiteY181" fmla="*/ 1802 h 10000"/>
                  <a:gd name="connsiteX182" fmla="*/ 4671 w 10000"/>
                  <a:gd name="connsiteY182" fmla="*/ 1640 h 10000"/>
                  <a:gd name="connsiteX183" fmla="*/ 4416 w 10000"/>
                  <a:gd name="connsiteY183" fmla="*/ 1329 h 10000"/>
                  <a:gd name="connsiteX184" fmla="*/ 4162 w 10000"/>
                  <a:gd name="connsiteY184" fmla="*/ 1034 h 10000"/>
                  <a:gd name="connsiteX185" fmla="*/ 4035 w 10000"/>
                  <a:gd name="connsiteY185" fmla="*/ 901 h 10000"/>
                  <a:gd name="connsiteX186" fmla="*/ 3935 w 10000"/>
                  <a:gd name="connsiteY186" fmla="*/ 753 h 10000"/>
                  <a:gd name="connsiteX187" fmla="*/ 3857 w 10000"/>
                  <a:gd name="connsiteY187" fmla="*/ 620 h 10000"/>
                  <a:gd name="connsiteX188" fmla="*/ 3832 w 10000"/>
                  <a:gd name="connsiteY188" fmla="*/ 487 h 10000"/>
                  <a:gd name="connsiteX189" fmla="*/ 3807 w 10000"/>
                  <a:gd name="connsiteY189" fmla="*/ 355 h 10000"/>
                  <a:gd name="connsiteX190" fmla="*/ 3857 w 10000"/>
                  <a:gd name="connsiteY190" fmla="*/ 222 h 10000"/>
                  <a:gd name="connsiteX191" fmla="*/ 3884 w 10000"/>
                  <a:gd name="connsiteY191" fmla="*/ 162 h 10000"/>
                  <a:gd name="connsiteX192" fmla="*/ 3935 w 10000"/>
                  <a:gd name="connsiteY192" fmla="*/ 103 h 10000"/>
                  <a:gd name="connsiteX193" fmla="*/ 4011 w 10000"/>
                  <a:gd name="connsiteY193" fmla="*/ 59 h 10000"/>
                  <a:gd name="connsiteX194" fmla="*/ 4111 w 10000"/>
                  <a:gd name="connsiteY194" fmla="*/ 0 h 10000"/>
                  <a:gd name="connsiteX195" fmla="*/ 4289 w 10000"/>
                  <a:gd name="connsiteY195" fmla="*/ 0 h 10000"/>
                  <a:gd name="connsiteX196" fmla="*/ 4468 w 10000"/>
                  <a:gd name="connsiteY196" fmla="*/ 15 h 10000"/>
                  <a:gd name="connsiteX197" fmla="*/ 4644 w 10000"/>
                  <a:gd name="connsiteY197" fmla="*/ 44 h 10000"/>
                  <a:gd name="connsiteX198" fmla="*/ 4771 w 10000"/>
                  <a:gd name="connsiteY198" fmla="*/ 89 h 10000"/>
                  <a:gd name="connsiteX199" fmla="*/ 4975 w 10000"/>
                  <a:gd name="connsiteY199" fmla="*/ 192 h 10000"/>
                  <a:gd name="connsiteX200" fmla="*/ 5177 w 10000"/>
                  <a:gd name="connsiteY200" fmla="*/ 340 h 10000"/>
                  <a:gd name="connsiteX201" fmla="*/ 5329 w 10000"/>
                  <a:gd name="connsiteY201" fmla="*/ 473 h 10000"/>
                  <a:gd name="connsiteX202" fmla="*/ 5532 w 10000"/>
                  <a:gd name="connsiteY202" fmla="*/ 591 h 10000"/>
                  <a:gd name="connsiteX203" fmla="*/ 5660 w 10000"/>
                  <a:gd name="connsiteY203" fmla="*/ 650 h 10000"/>
                  <a:gd name="connsiteX204" fmla="*/ 5812 w 10000"/>
                  <a:gd name="connsiteY204" fmla="*/ 679 h 10000"/>
                  <a:gd name="connsiteX205" fmla="*/ 5965 w 10000"/>
                  <a:gd name="connsiteY205" fmla="*/ 709 h 10000"/>
                  <a:gd name="connsiteX206" fmla="*/ 6168 w 10000"/>
                  <a:gd name="connsiteY206" fmla="*/ 709 h 10000"/>
                  <a:gd name="connsiteX207" fmla="*/ 6168 w 10000"/>
                  <a:gd name="connsiteY207" fmla="*/ 768 h 10000"/>
                  <a:gd name="connsiteX208" fmla="*/ 6193 w 10000"/>
                  <a:gd name="connsiteY208" fmla="*/ 842 h 10000"/>
                  <a:gd name="connsiteX209" fmla="*/ 6243 w 10000"/>
                  <a:gd name="connsiteY209" fmla="*/ 916 h 10000"/>
                  <a:gd name="connsiteX210" fmla="*/ 6294 w 10000"/>
                  <a:gd name="connsiteY210" fmla="*/ 990 h 10000"/>
                  <a:gd name="connsiteX211" fmla="*/ 6369 w 10000"/>
                  <a:gd name="connsiteY211" fmla="*/ 1049 h 10000"/>
                  <a:gd name="connsiteX212" fmla="*/ 6471 w 10000"/>
                  <a:gd name="connsiteY212" fmla="*/ 1108 h 10000"/>
                  <a:gd name="connsiteX213" fmla="*/ 6598 w 10000"/>
                  <a:gd name="connsiteY213" fmla="*/ 1182 h 10000"/>
                  <a:gd name="connsiteX214" fmla="*/ 6700 w 10000"/>
                  <a:gd name="connsiteY214" fmla="*/ 1226 h 10000"/>
                  <a:gd name="connsiteX215" fmla="*/ 6802 w 10000"/>
                  <a:gd name="connsiteY215" fmla="*/ 1270 h 10000"/>
                  <a:gd name="connsiteX216" fmla="*/ 6903 w 10000"/>
                  <a:gd name="connsiteY216" fmla="*/ 1300 h 10000"/>
                  <a:gd name="connsiteX217" fmla="*/ 7005 w 10000"/>
                  <a:gd name="connsiteY217" fmla="*/ 1315 h 10000"/>
                  <a:gd name="connsiteX218" fmla="*/ 7132 w 10000"/>
                  <a:gd name="connsiteY218" fmla="*/ 1300 h 10000"/>
                  <a:gd name="connsiteX219" fmla="*/ 7234 w 10000"/>
                  <a:gd name="connsiteY219" fmla="*/ 1285 h 10000"/>
                  <a:gd name="connsiteX220" fmla="*/ 7309 w 10000"/>
                  <a:gd name="connsiteY220" fmla="*/ 1241 h 10000"/>
                  <a:gd name="connsiteX221" fmla="*/ 7361 w 10000"/>
                  <a:gd name="connsiteY221" fmla="*/ 1167 h 10000"/>
                  <a:gd name="connsiteX222" fmla="*/ 7385 w 10000"/>
                  <a:gd name="connsiteY222" fmla="*/ 1064 h 10000"/>
                  <a:gd name="connsiteX223" fmla="*/ 7766 w 10000"/>
                  <a:gd name="connsiteY223" fmla="*/ 1034 h 10000"/>
                  <a:gd name="connsiteX224" fmla="*/ 8121 w 10000"/>
                  <a:gd name="connsiteY224" fmla="*/ 1004 h 10000"/>
                  <a:gd name="connsiteX225" fmla="*/ 8427 w 10000"/>
                  <a:gd name="connsiteY225" fmla="*/ 990 h 10000"/>
                  <a:gd name="connsiteX226" fmla="*/ 8706 w 10000"/>
                  <a:gd name="connsiteY226" fmla="*/ 1004 h 10000"/>
                  <a:gd name="connsiteX227" fmla="*/ 8833 w 10000"/>
                  <a:gd name="connsiteY227" fmla="*/ 1019 h 10000"/>
                  <a:gd name="connsiteX228" fmla="*/ 8958 w 10000"/>
                  <a:gd name="connsiteY228" fmla="*/ 1034 h 10000"/>
                  <a:gd name="connsiteX229" fmla="*/ 9061 w 10000"/>
                  <a:gd name="connsiteY229" fmla="*/ 1064 h 10000"/>
                  <a:gd name="connsiteX230" fmla="*/ 9188 w 10000"/>
                  <a:gd name="connsiteY230" fmla="*/ 1108 h 10000"/>
                  <a:gd name="connsiteX231" fmla="*/ 9264 w 10000"/>
                  <a:gd name="connsiteY231" fmla="*/ 1182 h 10000"/>
                  <a:gd name="connsiteX232" fmla="*/ 9339 w 10000"/>
                  <a:gd name="connsiteY232" fmla="*/ 1241 h 10000"/>
                  <a:gd name="connsiteX233" fmla="*/ 9391 w 10000"/>
                  <a:gd name="connsiteY233" fmla="*/ 1329 h 10000"/>
                  <a:gd name="connsiteX234" fmla="*/ 9442 w 10000"/>
                  <a:gd name="connsiteY234" fmla="*/ 1433 h 10000"/>
                  <a:gd name="connsiteX235" fmla="*/ 9492 w 10000"/>
                  <a:gd name="connsiteY235" fmla="*/ 1551 h 10000"/>
                  <a:gd name="connsiteX236" fmla="*/ 9466 w 10000"/>
                  <a:gd name="connsiteY236" fmla="*/ 1625 h 10000"/>
                  <a:gd name="connsiteX237" fmla="*/ 9442 w 10000"/>
                  <a:gd name="connsiteY237" fmla="*/ 1684 h 10000"/>
                  <a:gd name="connsiteX238" fmla="*/ 9391 w 10000"/>
                  <a:gd name="connsiteY238" fmla="*/ 1758 h 10000"/>
                  <a:gd name="connsiteX239" fmla="*/ 9315 w 10000"/>
                  <a:gd name="connsiteY239" fmla="*/ 1802 h 10000"/>
                  <a:gd name="connsiteX240" fmla="*/ 9264 w 10000"/>
                  <a:gd name="connsiteY240" fmla="*/ 1861 h 10000"/>
                  <a:gd name="connsiteX241" fmla="*/ 9240 w 10000"/>
                  <a:gd name="connsiteY241" fmla="*/ 1935 h 10000"/>
                  <a:gd name="connsiteX242" fmla="*/ 9264 w 10000"/>
                  <a:gd name="connsiteY242" fmla="*/ 2024 h 10000"/>
                  <a:gd name="connsiteX243" fmla="*/ 9543 w 10000"/>
                  <a:gd name="connsiteY243" fmla="*/ 2157 h 10000"/>
                  <a:gd name="connsiteX244" fmla="*/ 9873 w 10000"/>
                  <a:gd name="connsiteY244" fmla="*/ 2275 h 10000"/>
                  <a:gd name="connsiteX245" fmla="*/ 10000 w 10000"/>
                  <a:gd name="connsiteY245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9415 w 10000"/>
                  <a:gd name="connsiteY2" fmla="*/ 3117 h 10000"/>
                  <a:gd name="connsiteX3" fmla="*/ 9442 w 10000"/>
                  <a:gd name="connsiteY3" fmla="*/ 3072 h 10000"/>
                  <a:gd name="connsiteX4" fmla="*/ 9466 w 10000"/>
                  <a:gd name="connsiteY4" fmla="*/ 3013 h 10000"/>
                  <a:gd name="connsiteX5" fmla="*/ 9466 w 10000"/>
                  <a:gd name="connsiteY5" fmla="*/ 2954 h 10000"/>
                  <a:gd name="connsiteX6" fmla="*/ 9442 w 10000"/>
                  <a:gd name="connsiteY6" fmla="*/ 2866 h 10000"/>
                  <a:gd name="connsiteX7" fmla="*/ 7716 w 10000"/>
                  <a:gd name="connsiteY7" fmla="*/ 3545 h 10000"/>
                  <a:gd name="connsiteX8" fmla="*/ 6345 w 10000"/>
                  <a:gd name="connsiteY8" fmla="*/ 4003 h 10000"/>
                  <a:gd name="connsiteX9" fmla="*/ 6143 w 10000"/>
                  <a:gd name="connsiteY9" fmla="*/ 4106 h 10000"/>
                  <a:gd name="connsiteX10" fmla="*/ 5938 w 10000"/>
                  <a:gd name="connsiteY10" fmla="*/ 4195 h 10000"/>
                  <a:gd name="connsiteX11" fmla="*/ 6091 w 10000"/>
                  <a:gd name="connsiteY11" fmla="*/ 4417 h 10000"/>
                  <a:gd name="connsiteX12" fmla="*/ 6421 w 10000"/>
                  <a:gd name="connsiteY12" fmla="*/ 5318 h 10000"/>
                  <a:gd name="connsiteX13" fmla="*/ 6447 w 10000"/>
                  <a:gd name="connsiteY13" fmla="*/ 5539 h 10000"/>
                  <a:gd name="connsiteX14" fmla="*/ 6471 w 10000"/>
                  <a:gd name="connsiteY14" fmla="*/ 5775 h 10000"/>
                  <a:gd name="connsiteX15" fmla="*/ 6471 w 10000"/>
                  <a:gd name="connsiteY15" fmla="*/ 5997 h 10000"/>
                  <a:gd name="connsiteX16" fmla="*/ 6447 w 10000"/>
                  <a:gd name="connsiteY16" fmla="*/ 6233 h 10000"/>
                  <a:gd name="connsiteX17" fmla="*/ 6396 w 10000"/>
                  <a:gd name="connsiteY17" fmla="*/ 6470 h 10000"/>
                  <a:gd name="connsiteX18" fmla="*/ 6345 w 10000"/>
                  <a:gd name="connsiteY18" fmla="*/ 6677 h 10000"/>
                  <a:gd name="connsiteX19" fmla="*/ 6269 w 10000"/>
                  <a:gd name="connsiteY19" fmla="*/ 6898 h 10000"/>
                  <a:gd name="connsiteX20" fmla="*/ 6168 w 10000"/>
                  <a:gd name="connsiteY20" fmla="*/ 7105 h 10000"/>
                  <a:gd name="connsiteX21" fmla="*/ 6041 w 10000"/>
                  <a:gd name="connsiteY21" fmla="*/ 7297 h 10000"/>
                  <a:gd name="connsiteX22" fmla="*/ 5888 w 10000"/>
                  <a:gd name="connsiteY22" fmla="*/ 7489 h 10000"/>
                  <a:gd name="connsiteX23" fmla="*/ 5735 w 10000"/>
                  <a:gd name="connsiteY23" fmla="*/ 7681 h 10000"/>
                  <a:gd name="connsiteX24" fmla="*/ 6471 w 10000"/>
                  <a:gd name="connsiteY24" fmla="*/ 7799 h 10000"/>
                  <a:gd name="connsiteX25" fmla="*/ 7234 w 10000"/>
                  <a:gd name="connsiteY25" fmla="*/ 7962 h 10000"/>
                  <a:gd name="connsiteX26" fmla="*/ 7385 w 10000"/>
                  <a:gd name="connsiteY26" fmla="*/ 8021 h 10000"/>
                  <a:gd name="connsiteX27" fmla="*/ 7512 w 10000"/>
                  <a:gd name="connsiteY27" fmla="*/ 8080 h 10000"/>
                  <a:gd name="connsiteX28" fmla="*/ 7639 w 10000"/>
                  <a:gd name="connsiteY28" fmla="*/ 8139 h 10000"/>
                  <a:gd name="connsiteX29" fmla="*/ 7716 w 10000"/>
                  <a:gd name="connsiteY29" fmla="*/ 8227 h 10000"/>
                  <a:gd name="connsiteX30" fmla="*/ 7741 w 10000"/>
                  <a:gd name="connsiteY30" fmla="*/ 8301 h 10000"/>
                  <a:gd name="connsiteX31" fmla="*/ 7741 w 10000"/>
                  <a:gd name="connsiteY31" fmla="*/ 8405 h 10000"/>
                  <a:gd name="connsiteX32" fmla="*/ 7691 w 10000"/>
                  <a:gd name="connsiteY32" fmla="*/ 8523 h 10000"/>
                  <a:gd name="connsiteX33" fmla="*/ 7614 w 10000"/>
                  <a:gd name="connsiteY33" fmla="*/ 8641 h 10000"/>
                  <a:gd name="connsiteX34" fmla="*/ 7284 w 10000"/>
                  <a:gd name="connsiteY34" fmla="*/ 8552 h 10000"/>
                  <a:gd name="connsiteX35" fmla="*/ 6979 w 10000"/>
                  <a:gd name="connsiteY35" fmla="*/ 8449 h 10000"/>
                  <a:gd name="connsiteX36" fmla="*/ 6674 w 10000"/>
                  <a:gd name="connsiteY36" fmla="*/ 8360 h 10000"/>
                  <a:gd name="connsiteX37" fmla="*/ 6369 w 10000"/>
                  <a:gd name="connsiteY37" fmla="*/ 8287 h 10000"/>
                  <a:gd name="connsiteX38" fmla="*/ 6243 w 10000"/>
                  <a:gd name="connsiteY38" fmla="*/ 8449 h 10000"/>
                  <a:gd name="connsiteX39" fmla="*/ 6143 w 10000"/>
                  <a:gd name="connsiteY39" fmla="*/ 8597 h 10000"/>
                  <a:gd name="connsiteX40" fmla="*/ 6091 w 10000"/>
                  <a:gd name="connsiteY40" fmla="*/ 8656 h 10000"/>
                  <a:gd name="connsiteX41" fmla="*/ 5989 w 10000"/>
                  <a:gd name="connsiteY41" fmla="*/ 8700 h 10000"/>
                  <a:gd name="connsiteX42" fmla="*/ 5914 w 10000"/>
                  <a:gd name="connsiteY42" fmla="*/ 8744 h 10000"/>
                  <a:gd name="connsiteX43" fmla="*/ 5838 w 10000"/>
                  <a:gd name="connsiteY43" fmla="*/ 8774 h 10000"/>
                  <a:gd name="connsiteX44" fmla="*/ 5761 w 10000"/>
                  <a:gd name="connsiteY44" fmla="*/ 8804 h 10000"/>
                  <a:gd name="connsiteX45" fmla="*/ 5660 w 10000"/>
                  <a:gd name="connsiteY45" fmla="*/ 8818 h 10000"/>
                  <a:gd name="connsiteX46" fmla="*/ 5532 w 10000"/>
                  <a:gd name="connsiteY46" fmla="*/ 8833 h 10000"/>
                  <a:gd name="connsiteX47" fmla="*/ 5406 w 10000"/>
                  <a:gd name="connsiteY47" fmla="*/ 8833 h 10000"/>
                  <a:gd name="connsiteX48" fmla="*/ 5102 w 10000"/>
                  <a:gd name="connsiteY48" fmla="*/ 8818 h 10000"/>
                  <a:gd name="connsiteX49" fmla="*/ 4720 w 10000"/>
                  <a:gd name="connsiteY49" fmla="*/ 8744 h 10000"/>
                  <a:gd name="connsiteX50" fmla="*/ 4720 w 10000"/>
                  <a:gd name="connsiteY50" fmla="*/ 8922 h 10000"/>
                  <a:gd name="connsiteX51" fmla="*/ 4695 w 10000"/>
                  <a:gd name="connsiteY51" fmla="*/ 9069 h 10000"/>
                  <a:gd name="connsiteX52" fmla="*/ 4671 w 10000"/>
                  <a:gd name="connsiteY52" fmla="*/ 9232 h 10000"/>
                  <a:gd name="connsiteX53" fmla="*/ 4644 w 10000"/>
                  <a:gd name="connsiteY53" fmla="*/ 9365 h 10000"/>
                  <a:gd name="connsiteX54" fmla="*/ 4593 w 10000"/>
                  <a:gd name="connsiteY54" fmla="*/ 9498 h 10000"/>
                  <a:gd name="connsiteX55" fmla="*/ 4493 w 10000"/>
                  <a:gd name="connsiteY55" fmla="*/ 9616 h 10000"/>
                  <a:gd name="connsiteX56" fmla="*/ 4416 w 10000"/>
                  <a:gd name="connsiteY56" fmla="*/ 9734 h 10000"/>
                  <a:gd name="connsiteX57" fmla="*/ 4289 w 10000"/>
                  <a:gd name="connsiteY57" fmla="*/ 9838 h 10000"/>
                  <a:gd name="connsiteX58" fmla="*/ 3983 w 10000"/>
                  <a:gd name="connsiteY58" fmla="*/ 9897 h 10000"/>
                  <a:gd name="connsiteX59" fmla="*/ 3731 w 10000"/>
                  <a:gd name="connsiteY59" fmla="*/ 9941 h 10000"/>
                  <a:gd name="connsiteX60" fmla="*/ 3426 w 10000"/>
                  <a:gd name="connsiteY60" fmla="*/ 9985 h 10000"/>
                  <a:gd name="connsiteX61" fmla="*/ 3198 w 10000"/>
                  <a:gd name="connsiteY61" fmla="*/ 10000 h 10000"/>
                  <a:gd name="connsiteX62" fmla="*/ 2690 w 10000"/>
                  <a:gd name="connsiteY62" fmla="*/ 10000 h 10000"/>
                  <a:gd name="connsiteX63" fmla="*/ 2208 w 10000"/>
                  <a:gd name="connsiteY63" fmla="*/ 9985 h 10000"/>
                  <a:gd name="connsiteX64" fmla="*/ 1752 w 10000"/>
                  <a:gd name="connsiteY64" fmla="*/ 9941 h 10000"/>
                  <a:gd name="connsiteX65" fmla="*/ 1270 w 10000"/>
                  <a:gd name="connsiteY65" fmla="*/ 9911 h 10000"/>
                  <a:gd name="connsiteX66" fmla="*/ 990 w 10000"/>
                  <a:gd name="connsiteY66" fmla="*/ 9911 h 10000"/>
                  <a:gd name="connsiteX67" fmla="*/ 736 w 10000"/>
                  <a:gd name="connsiteY67" fmla="*/ 9911 h 10000"/>
                  <a:gd name="connsiteX68" fmla="*/ 457 w 10000"/>
                  <a:gd name="connsiteY68" fmla="*/ 9926 h 10000"/>
                  <a:gd name="connsiteX69" fmla="*/ 178 w 10000"/>
                  <a:gd name="connsiteY69" fmla="*/ 9970 h 10000"/>
                  <a:gd name="connsiteX70" fmla="*/ 102 w 10000"/>
                  <a:gd name="connsiteY70" fmla="*/ 9867 h 10000"/>
                  <a:gd name="connsiteX71" fmla="*/ 51 w 10000"/>
                  <a:gd name="connsiteY71" fmla="*/ 9793 h 10000"/>
                  <a:gd name="connsiteX72" fmla="*/ 0 w 10000"/>
                  <a:gd name="connsiteY72" fmla="*/ 9705 h 10000"/>
                  <a:gd name="connsiteX73" fmla="*/ 0 w 10000"/>
                  <a:gd name="connsiteY73" fmla="*/ 9601 h 10000"/>
                  <a:gd name="connsiteX74" fmla="*/ 51 w 10000"/>
                  <a:gd name="connsiteY74" fmla="*/ 9424 h 10000"/>
                  <a:gd name="connsiteX75" fmla="*/ 102 w 10000"/>
                  <a:gd name="connsiteY75" fmla="*/ 9202 h 10000"/>
                  <a:gd name="connsiteX76" fmla="*/ 151 w 10000"/>
                  <a:gd name="connsiteY76" fmla="*/ 8996 h 10000"/>
                  <a:gd name="connsiteX77" fmla="*/ 203 w 10000"/>
                  <a:gd name="connsiteY77" fmla="*/ 8759 h 10000"/>
                  <a:gd name="connsiteX78" fmla="*/ 228 w 10000"/>
                  <a:gd name="connsiteY78" fmla="*/ 8641 h 10000"/>
                  <a:gd name="connsiteX79" fmla="*/ 228 w 10000"/>
                  <a:gd name="connsiteY79" fmla="*/ 8538 h 10000"/>
                  <a:gd name="connsiteX80" fmla="*/ 203 w 10000"/>
                  <a:gd name="connsiteY80" fmla="*/ 8405 h 10000"/>
                  <a:gd name="connsiteX81" fmla="*/ 178 w 10000"/>
                  <a:gd name="connsiteY81" fmla="*/ 8287 h 10000"/>
                  <a:gd name="connsiteX82" fmla="*/ 431 w 10000"/>
                  <a:gd name="connsiteY82" fmla="*/ 8213 h 10000"/>
                  <a:gd name="connsiteX83" fmla="*/ 685 w 10000"/>
                  <a:gd name="connsiteY83" fmla="*/ 8139 h 10000"/>
                  <a:gd name="connsiteX84" fmla="*/ 939 w 10000"/>
                  <a:gd name="connsiteY84" fmla="*/ 8095 h 10000"/>
                  <a:gd name="connsiteX85" fmla="*/ 1218 w 10000"/>
                  <a:gd name="connsiteY85" fmla="*/ 8065 h 10000"/>
                  <a:gd name="connsiteX86" fmla="*/ 1725 w 10000"/>
                  <a:gd name="connsiteY86" fmla="*/ 8021 h 10000"/>
                  <a:gd name="connsiteX87" fmla="*/ 2234 w 10000"/>
                  <a:gd name="connsiteY87" fmla="*/ 7976 h 10000"/>
                  <a:gd name="connsiteX88" fmla="*/ 2462 w 10000"/>
                  <a:gd name="connsiteY88" fmla="*/ 7947 h 10000"/>
                  <a:gd name="connsiteX89" fmla="*/ 2690 w 10000"/>
                  <a:gd name="connsiteY89" fmla="*/ 7917 h 10000"/>
                  <a:gd name="connsiteX90" fmla="*/ 2892 w 10000"/>
                  <a:gd name="connsiteY90" fmla="*/ 7843 h 10000"/>
                  <a:gd name="connsiteX91" fmla="*/ 3096 w 10000"/>
                  <a:gd name="connsiteY91" fmla="*/ 7784 h 10000"/>
                  <a:gd name="connsiteX92" fmla="*/ 3274 w 10000"/>
                  <a:gd name="connsiteY92" fmla="*/ 7710 h 10000"/>
                  <a:gd name="connsiteX93" fmla="*/ 3426 w 10000"/>
                  <a:gd name="connsiteY93" fmla="*/ 7592 h 10000"/>
                  <a:gd name="connsiteX94" fmla="*/ 3579 w 10000"/>
                  <a:gd name="connsiteY94" fmla="*/ 7474 h 10000"/>
                  <a:gd name="connsiteX95" fmla="*/ 3680 w 10000"/>
                  <a:gd name="connsiteY95" fmla="*/ 7312 h 10000"/>
                  <a:gd name="connsiteX96" fmla="*/ 3477 w 10000"/>
                  <a:gd name="connsiteY96" fmla="*/ 7238 h 10000"/>
                  <a:gd name="connsiteX97" fmla="*/ 3299 w 10000"/>
                  <a:gd name="connsiteY97" fmla="*/ 7179 h 10000"/>
                  <a:gd name="connsiteX98" fmla="*/ 3147 w 10000"/>
                  <a:gd name="connsiteY98" fmla="*/ 7090 h 10000"/>
                  <a:gd name="connsiteX99" fmla="*/ 2995 w 10000"/>
                  <a:gd name="connsiteY99" fmla="*/ 6987 h 10000"/>
                  <a:gd name="connsiteX100" fmla="*/ 2892 w 10000"/>
                  <a:gd name="connsiteY100" fmla="*/ 6869 h 10000"/>
                  <a:gd name="connsiteX101" fmla="*/ 2843 w 10000"/>
                  <a:gd name="connsiteY101" fmla="*/ 6721 h 10000"/>
                  <a:gd name="connsiteX102" fmla="*/ 2817 w 10000"/>
                  <a:gd name="connsiteY102" fmla="*/ 6558 h 10000"/>
                  <a:gd name="connsiteX103" fmla="*/ 2843 w 10000"/>
                  <a:gd name="connsiteY103" fmla="*/ 6352 h 10000"/>
                  <a:gd name="connsiteX104" fmla="*/ 2716 w 10000"/>
                  <a:gd name="connsiteY104" fmla="*/ 6322 h 10000"/>
                  <a:gd name="connsiteX105" fmla="*/ 2564 w 10000"/>
                  <a:gd name="connsiteY105" fmla="*/ 6292 h 10000"/>
                  <a:gd name="connsiteX106" fmla="*/ 2386 w 10000"/>
                  <a:gd name="connsiteY106" fmla="*/ 6278 h 10000"/>
                  <a:gd name="connsiteX107" fmla="*/ 2208 w 10000"/>
                  <a:gd name="connsiteY107" fmla="*/ 6263 h 10000"/>
                  <a:gd name="connsiteX108" fmla="*/ 1853 w 10000"/>
                  <a:gd name="connsiteY108" fmla="*/ 6248 h 10000"/>
                  <a:gd name="connsiteX109" fmla="*/ 1472 w 10000"/>
                  <a:gd name="connsiteY109" fmla="*/ 6263 h 10000"/>
                  <a:gd name="connsiteX110" fmla="*/ 1143 w 10000"/>
                  <a:gd name="connsiteY110" fmla="*/ 6278 h 10000"/>
                  <a:gd name="connsiteX111" fmla="*/ 837 w 10000"/>
                  <a:gd name="connsiteY111" fmla="*/ 6278 h 10000"/>
                  <a:gd name="connsiteX112" fmla="*/ 585 w 10000"/>
                  <a:gd name="connsiteY112" fmla="*/ 6263 h 10000"/>
                  <a:gd name="connsiteX113" fmla="*/ 381 w 10000"/>
                  <a:gd name="connsiteY113" fmla="*/ 6233 h 10000"/>
                  <a:gd name="connsiteX114" fmla="*/ 633 w 10000"/>
                  <a:gd name="connsiteY114" fmla="*/ 5805 h 10000"/>
                  <a:gd name="connsiteX115" fmla="*/ 914 w 10000"/>
                  <a:gd name="connsiteY115" fmla="*/ 5391 h 10000"/>
                  <a:gd name="connsiteX116" fmla="*/ 1016 w 10000"/>
                  <a:gd name="connsiteY116" fmla="*/ 5170 h 10000"/>
                  <a:gd name="connsiteX117" fmla="*/ 1091 w 10000"/>
                  <a:gd name="connsiteY117" fmla="*/ 4963 h 10000"/>
                  <a:gd name="connsiteX118" fmla="*/ 1116 w 10000"/>
                  <a:gd name="connsiteY118" fmla="*/ 4860 h 10000"/>
                  <a:gd name="connsiteX119" fmla="*/ 1091 w 10000"/>
                  <a:gd name="connsiteY119" fmla="*/ 4756 h 10000"/>
                  <a:gd name="connsiteX120" fmla="*/ 1066 w 10000"/>
                  <a:gd name="connsiteY120" fmla="*/ 4653 h 10000"/>
                  <a:gd name="connsiteX121" fmla="*/ 990 w 10000"/>
                  <a:gd name="connsiteY121" fmla="*/ 4549 h 10000"/>
                  <a:gd name="connsiteX122" fmla="*/ 1270 w 10000"/>
                  <a:gd name="connsiteY122" fmla="*/ 4520 h 10000"/>
                  <a:gd name="connsiteX123" fmla="*/ 1472 w 10000"/>
                  <a:gd name="connsiteY123" fmla="*/ 4505 h 10000"/>
                  <a:gd name="connsiteX124" fmla="*/ 1650 w 10000"/>
                  <a:gd name="connsiteY124" fmla="*/ 4505 h 10000"/>
                  <a:gd name="connsiteX125" fmla="*/ 1802 w 10000"/>
                  <a:gd name="connsiteY125" fmla="*/ 4520 h 10000"/>
                  <a:gd name="connsiteX126" fmla="*/ 1929 w 10000"/>
                  <a:gd name="connsiteY126" fmla="*/ 4520 h 10000"/>
                  <a:gd name="connsiteX127" fmla="*/ 2081 w 10000"/>
                  <a:gd name="connsiteY127" fmla="*/ 4520 h 10000"/>
                  <a:gd name="connsiteX128" fmla="*/ 2234 w 10000"/>
                  <a:gd name="connsiteY128" fmla="*/ 4490 h 10000"/>
                  <a:gd name="connsiteX129" fmla="*/ 2436 w 10000"/>
                  <a:gd name="connsiteY129" fmla="*/ 4446 h 10000"/>
                  <a:gd name="connsiteX130" fmla="*/ 2436 w 10000"/>
                  <a:gd name="connsiteY130" fmla="*/ 4579 h 10000"/>
                  <a:gd name="connsiteX131" fmla="*/ 2436 w 10000"/>
                  <a:gd name="connsiteY131" fmla="*/ 4742 h 10000"/>
                  <a:gd name="connsiteX132" fmla="*/ 2436 w 10000"/>
                  <a:gd name="connsiteY132" fmla="*/ 4874 h 10000"/>
                  <a:gd name="connsiteX133" fmla="*/ 2436 w 10000"/>
                  <a:gd name="connsiteY133" fmla="*/ 5037 h 10000"/>
                  <a:gd name="connsiteX134" fmla="*/ 2665 w 10000"/>
                  <a:gd name="connsiteY134" fmla="*/ 5022 h 10000"/>
                  <a:gd name="connsiteX135" fmla="*/ 2817 w 10000"/>
                  <a:gd name="connsiteY135" fmla="*/ 5037 h 10000"/>
                  <a:gd name="connsiteX136" fmla="*/ 2944 w 10000"/>
                  <a:gd name="connsiteY136" fmla="*/ 5066 h 10000"/>
                  <a:gd name="connsiteX137" fmla="*/ 3071 w 10000"/>
                  <a:gd name="connsiteY137" fmla="*/ 5096 h 10000"/>
                  <a:gd name="connsiteX138" fmla="*/ 3173 w 10000"/>
                  <a:gd name="connsiteY138" fmla="*/ 5126 h 10000"/>
                  <a:gd name="connsiteX139" fmla="*/ 3299 w 10000"/>
                  <a:gd name="connsiteY139" fmla="*/ 5155 h 10000"/>
                  <a:gd name="connsiteX140" fmla="*/ 3452 w 10000"/>
                  <a:gd name="connsiteY140" fmla="*/ 5170 h 10000"/>
                  <a:gd name="connsiteX141" fmla="*/ 3680 w 10000"/>
                  <a:gd name="connsiteY141" fmla="*/ 5155 h 10000"/>
                  <a:gd name="connsiteX142" fmla="*/ 3757 w 10000"/>
                  <a:gd name="connsiteY142" fmla="*/ 5096 h 10000"/>
                  <a:gd name="connsiteX143" fmla="*/ 3832 w 10000"/>
                  <a:gd name="connsiteY143" fmla="*/ 5022 h 10000"/>
                  <a:gd name="connsiteX144" fmla="*/ 3857 w 10000"/>
                  <a:gd name="connsiteY144" fmla="*/ 4934 h 10000"/>
                  <a:gd name="connsiteX145" fmla="*/ 3884 w 10000"/>
                  <a:gd name="connsiteY145" fmla="*/ 4860 h 10000"/>
                  <a:gd name="connsiteX146" fmla="*/ 3908 w 10000"/>
                  <a:gd name="connsiteY146" fmla="*/ 4697 h 10000"/>
                  <a:gd name="connsiteX147" fmla="*/ 3884 w 10000"/>
                  <a:gd name="connsiteY147" fmla="*/ 4520 h 10000"/>
                  <a:gd name="connsiteX148" fmla="*/ 3807 w 10000"/>
                  <a:gd name="connsiteY148" fmla="*/ 4343 h 10000"/>
                  <a:gd name="connsiteX149" fmla="*/ 3731 w 10000"/>
                  <a:gd name="connsiteY149" fmla="*/ 4195 h 10000"/>
                  <a:gd name="connsiteX150" fmla="*/ 3604 w 10000"/>
                  <a:gd name="connsiteY150" fmla="*/ 4047 h 10000"/>
                  <a:gd name="connsiteX151" fmla="*/ 3477 w 10000"/>
                  <a:gd name="connsiteY151" fmla="*/ 3959 h 10000"/>
                  <a:gd name="connsiteX152" fmla="*/ 3629 w 10000"/>
                  <a:gd name="connsiteY152" fmla="*/ 3944 h 10000"/>
                  <a:gd name="connsiteX153" fmla="*/ 3757 w 10000"/>
                  <a:gd name="connsiteY153" fmla="*/ 3914 h 10000"/>
                  <a:gd name="connsiteX154" fmla="*/ 3857 w 10000"/>
                  <a:gd name="connsiteY154" fmla="*/ 3855 h 10000"/>
                  <a:gd name="connsiteX155" fmla="*/ 3983 w 10000"/>
                  <a:gd name="connsiteY155" fmla="*/ 3752 h 10000"/>
                  <a:gd name="connsiteX156" fmla="*/ 4111 w 10000"/>
                  <a:gd name="connsiteY156" fmla="*/ 3663 h 10000"/>
                  <a:gd name="connsiteX157" fmla="*/ 4213 w 10000"/>
                  <a:gd name="connsiteY157" fmla="*/ 3560 h 10000"/>
                  <a:gd name="connsiteX158" fmla="*/ 4289 w 10000"/>
                  <a:gd name="connsiteY158" fmla="*/ 3442 h 10000"/>
                  <a:gd name="connsiteX159" fmla="*/ 4366 w 10000"/>
                  <a:gd name="connsiteY159" fmla="*/ 3323 h 10000"/>
                  <a:gd name="connsiteX160" fmla="*/ 4416 w 10000"/>
                  <a:gd name="connsiteY160" fmla="*/ 3220 h 10000"/>
                  <a:gd name="connsiteX161" fmla="*/ 4441 w 10000"/>
                  <a:gd name="connsiteY161" fmla="*/ 3102 h 10000"/>
                  <a:gd name="connsiteX162" fmla="*/ 4468 w 10000"/>
                  <a:gd name="connsiteY162" fmla="*/ 3013 h 10000"/>
                  <a:gd name="connsiteX163" fmla="*/ 4441 w 10000"/>
                  <a:gd name="connsiteY163" fmla="*/ 2939 h 10000"/>
                  <a:gd name="connsiteX164" fmla="*/ 4416 w 10000"/>
                  <a:gd name="connsiteY164" fmla="*/ 2866 h 10000"/>
                  <a:gd name="connsiteX165" fmla="*/ 4340 w 10000"/>
                  <a:gd name="connsiteY165" fmla="*/ 2836 h 10000"/>
                  <a:gd name="connsiteX166" fmla="*/ 4239 w 10000"/>
                  <a:gd name="connsiteY166" fmla="*/ 2836 h 10000"/>
                  <a:gd name="connsiteX167" fmla="*/ 4111 w 10000"/>
                  <a:gd name="connsiteY167" fmla="*/ 2866 h 10000"/>
                  <a:gd name="connsiteX168" fmla="*/ 4213 w 10000"/>
                  <a:gd name="connsiteY168" fmla="*/ 2777 h 10000"/>
                  <a:gd name="connsiteX169" fmla="*/ 4265 w 10000"/>
                  <a:gd name="connsiteY169" fmla="*/ 2674 h 10000"/>
                  <a:gd name="connsiteX170" fmla="*/ 4289 w 10000"/>
                  <a:gd name="connsiteY170" fmla="*/ 2541 h 10000"/>
                  <a:gd name="connsiteX171" fmla="*/ 4289 w 10000"/>
                  <a:gd name="connsiteY171" fmla="*/ 2393 h 10000"/>
                  <a:gd name="connsiteX172" fmla="*/ 4314 w 10000"/>
                  <a:gd name="connsiteY172" fmla="*/ 2349 h 10000"/>
                  <a:gd name="connsiteX173" fmla="*/ 4366 w 10000"/>
                  <a:gd name="connsiteY173" fmla="*/ 2304 h 10000"/>
                  <a:gd name="connsiteX174" fmla="*/ 4416 w 10000"/>
                  <a:gd name="connsiteY174" fmla="*/ 2290 h 10000"/>
                  <a:gd name="connsiteX175" fmla="*/ 4493 w 10000"/>
                  <a:gd name="connsiteY175" fmla="*/ 2275 h 10000"/>
                  <a:gd name="connsiteX176" fmla="*/ 4720 w 10000"/>
                  <a:gd name="connsiteY176" fmla="*/ 2260 h 10000"/>
                  <a:gd name="connsiteX177" fmla="*/ 4923 w 10000"/>
                  <a:gd name="connsiteY177" fmla="*/ 2275 h 10000"/>
                  <a:gd name="connsiteX178" fmla="*/ 4898 w 10000"/>
                  <a:gd name="connsiteY178" fmla="*/ 2112 h 10000"/>
                  <a:gd name="connsiteX179" fmla="*/ 4848 w 10000"/>
                  <a:gd name="connsiteY179" fmla="*/ 1950 h 10000"/>
                  <a:gd name="connsiteX180" fmla="*/ 4771 w 10000"/>
                  <a:gd name="connsiteY180" fmla="*/ 1802 h 10000"/>
                  <a:gd name="connsiteX181" fmla="*/ 4671 w 10000"/>
                  <a:gd name="connsiteY181" fmla="*/ 1640 h 10000"/>
                  <a:gd name="connsiteX182" fmla="*/ 4416 w 10000"/>
                  <a:gd name="connsiteY182" fmla="*/ 1329 h 10000"/>
                  <a:gd name="connsiteX183" fmla="*/ 4162 w 10000"/>
                  <a:gd name="connsiteY183" fmla="*/ 1034 h 10000"/>
                  <a:gd name="connsiteX184" fmla="*/ 4035 w 10000"/>
                  <a:gd name="connsiteY184" fmla="*/ 901 h 10000"/>
                  <a:gd name="connsiteX185" fmla="*/ 3935 w 10000"/>
                  <a:gd name="connsiteY185" fmla="*/ 753 h 10000"/>
                  <a:gd name="connsiteX186" fmla="*/ 3857 w 10000"/>
                  <a:gd name="connsiteY186" fmla="*/ 620 h 10000"/>
                  <a:gd name="connsiteX187" fmla="*/ 3832 w 10000"/>
                  <a:gd name="connsiteY187" fmla="*/ 487 h 10000"/>
                  <a:gd name="connsiteX188" fmla="*/ 3807 w 10000"/>
                  <a:gd name="connsiteY188" fmla="*/ 355 h 10000"/>
                  <a:gd name="connsiteX189" fmla="*/ 3857 w 10000"/>
                  <a:gd name="connsiteY189" fmla="*/ 222 h 10000"/>
                  <a:gd name="connsiteX190" fmla="*/ 3884 w 10000"/>
                  <a:gd name="connsiteY190" fmla="*/ 162 h 10000"/>
                  <a:gd name="connsiteX191" fmla="*/ 3935 w 10000"/>
                  <a:gd name="connsiteY191" fmla="*/ 103 h 10000"/>
                  <a:gd name="connsiteX192" fmla="*/ 4011 w 10000"/>
                  <a:gd name="connsiteY192" fmla="*/ 59 h 10000"/>
                  <a:gd name="connsiteX193" fmla="*/ 4111 w 10000"/>
                  <a:gd name="connsiteY193" fmla="*/ 0 h 10000"/>
                  <a:gd name="connsiteX194" fmla="*/ 4289 w 10000"/>
                  <a:gd name="connsiteY194" fmla="*/ 0 h 10000"/>
                  <a:gd name="connsiteX195" fmla="*/ 4468 w 10000"/>
                  <a:gd name="connsiteY195" fmla="*/ 15 h 10000"/>
                  <a:gd name="connsiteX196" fmla="*/ 4644 w 10000"/>
                  <a:gd name="connsiteY196" fmla="*/ 44 h 10000"/>
                  <a:gd name="connsiteX197" fmla="*/ 4771 w 10000"/>
                  <a:gd name="connsiteY197" fmla="*/ 89 h 10000"/>
                  <a:gd name="connsiteX198" fmla="*/ 4975 w 10000"/>
                  <a:gd name="connsiteY198" fmla="*/ 192 h 10000"/>
                  <a:gd name="connsiteX199" fmla="*/ 5177 w 10000"/>
                  <a:gd name="connsiteY199" fmla="*/ 340 h 10000"/>
                  <a:gd name="connsiteX200" fmla="*/ 5329 w 10000"/>
                  <a:gd name="connsiteY200" fmla="*/ 473 h 10000"/>
                  <a:gd name="connsiteX201" fmla="*/ 5532 w 10000"/>
                  <a:gd name="connsiteY201" fmla="*/ 591 h 10000"/>
                  <a:gd name="connsiteX202" fmla="*/ 5660 w 10000"/>
                  <a:gd name="connsiteY202" fmla="*/ 650 h 10000"/>
                  <a:gd name="connsiteX203" fmla="*/ 5812 w 10000"/>
                  <a:gd name="connsiteY203" fmla="*/ 679 h 10000"/>
                  <a:gd name="connsiteX204" fmla="*/ 5965 w 10000"/>
                  <a:gd name="connsiteY204" fmla="*/ 709 h 10000"/>
                  <a:gd name="connsiteX205" fmla="*/ 6168 w 10000"/>
                  <a:gd name="connsiteY205" fmla="*/ 709 h 10000"/>
                  <a:gd name="connsiteX206" fmla="*/ 6168 w 10000"/>
                  <a:gd name="connsiteY206" fmla="*/ 768 h 10000"/>
                  <a:gd name="connsiteX207" fmla="*/ 6193 w 10000"/>
                  <a:gd name="connsiteY207" fmla="*/ 842 h 10000"/>
                  <a:gd name="connsiteX208" fmla="*/ 6243 w 10000"/>
                  <a:gd name="connsiteY208" fmla="*/ 916 h 10000"/>
                  <a:gd name="connsiteX209" fmla="*/ 6294 w 10000"/>
                  <a:gd name="connsiteY209" fmla="*/ 990 h 10000"/>
                  <a:gd name="connsiteX210" fmla="*/ 6369 w 10000"/>
                  <a:gd name="connsiteY210" fmla="*/ 1049 h 10000"/>
                  <a:gd name="connsiteX211" fmla="*/ 6471 w 10000"/>
                  <a:gd name="connsiteY211" fmla="*/ 1108 h 10000"/>
                  <a:gd name="connsiteX212" fmla="*/ 6598 w 10000"/>
                  <a:gd name="connsiteY212" fmla="*/ 1182 h 10000"/>
                  <a:gd name="connsiteX213" fmla="*/ 6700 w 10000"/>
                  <a:gd name="connsiteY213" fmla="*/ 1226 h 10000"/>
                  <a:gd name="connsiteX214" fmla="*/ 6802 w 10000"/>
                  <a:gd name="connsiteY214" fmla="*/ 1270 h 10000"/>
                  <a:gd name="connsiteX215" fmla="*/ 6903 w 10000"/>
                  <a:gd name="connsiteY215" fmla="*/ 1300 h 10000"/>
                  <a:gd name="connsiteX216" fmla="*/ 7005 w 10000"/>
                  <a:gd name="connsiteY216" fmla="*/ 1315 h 10000"/>
                  <a:gd name="connsiteX217" fmla="*/ 7132 w 10000"/>
                  <a:gd name="connsiteY217" fmla="*/ 1300 h 10000"/>
                  <a:gd name="connsiteX218" fmla="*/ 7234 w 10000"/>
                  <a:gd name="connsiteY218" fmla="*/ 1285 h 10000"/>
                  <a:gd name="connsiteX219" fmla="*/ 7309 w 10000"/>
                  <a:gd name="connsiteY219" fmla="*/ 1241 h 10000"/>
                  <a:gd name="connsiteX220" fmla="*/ 7361 w 10000"/>
                  <a:gd name="connsiteY220" fmla="*/ 1167 h 10000"/>
                  <a:gd name="connsiteX221" fmla="*/ 7385 w 10000"/>
                  <a:gd name="connsiteY221" fmla="*/ 1064 h 10000"/>
                  <a:gd name="connsiteX222" fmla="*/ 7766 w 10000"/>
                  <a:gd name="connsiteY222" fmla="*/ 1034 h 10000"/>
                  <a:gd name="connsiteX223" fmla="*/ 8121 w 10000"/>
                  <a:gd name="connsiteY223" fmla="*/ 1004 h 10000"/>
                  <a:gd name="connsiteX224" fmla="*/ 8427 w 10000"/>
                  <a:gd name="connsiteY224" fmla="*/ 990 h 10000"/>
                  <a:gd name="connsiteX225" fmla="*/ 8706 w 10000"/>
                  <a:gd name="connsiteY225" fmla="*/ 1004 h 10000"/>
                  <a:gd name="connsiteX226" fmla="*/ 8833 w 10000"/>
                  <a:gd name="connsiteY226" fmla="*/ 1019 h 10000"/>
                  <a:gd name="connsiteX227" fmla="*/ 8958 w 10000"/>
                  <a:gd name="connsiteY227" fmla="*/ 1034 h 10000"/>
                  <a:gd name="connsiteX228" fmla="*/ 9061 w 10000"/>
                  <a:gd name="connsiteY228" fmla="*/ 1064 h 10000"/>
                  <a:gd name="connsiteX229" fmla="*/ 9188 w 10000"/>
                  <a:gd name="connsiteY229" fmla="*/ 1108 h 10000"/>
                  <a:gd name="connsiteX230" fmla="*/ 9264 w 10000"/>
                  <a:gd name="connsiteY230" fmla="*/ 1182 h 10000"/>
                  <a:gd name="connsiteX231" fmla="*/ 9339 w 10000"/>
                  <a:gd name="connsiteY231" fmla="*/ 1241 h 10000"/>
                  <a:gd name="connsiteX232" fmla="*/ 9391 w 10000"/>
                  <a:gd name="connsiteY232" fmla="*/ 1329 h 10000"/>
                  <a:gd name="connsiteX233" fmla="*/ 9442 w 10000"/>
                  <a:gd name="connsiteY233" fmla="*/ 1433 h 10000"/>
                  <a:gd name="connsiteX234" fmla="*/ 9492 w 10000"/>
                  <a:gd name="connsiteY234" fmla="*/ 1551 h 10000"/>
                  <a:gd name="connsiteX235" fmla="*/ 9466 w 10000"/>
                  <a:gd name="connsiteY235" fmla="*/ 1625 h 10000"/>
                  <a:gd name="connsiteX236" fmla="*/ 9442 w 10000"/>
                  <a:gd name="connsiteY236" fmla="*/ 1684 h 10000"/>
                  <a:gd name="connsiteX237" fmla="*/ 9391 w 10000"/>
                  <a:gd name="connsiteY237" fmla="*/ 1758 h 10000"/>
                  <a:gd name="connsiteX238" fmla="*/ 9315 w 10000"/>
                  <a:gd name="connsiteY238" fmla="*/ 1802 h 10000"/>
                  <a:gd name="connsiteX239" fmla="*/ 9264 w 10000"/>
                  <a:gd name="connsiteY239" fmla="*/ 1861 h 10000"/>
                  <a:gd name="connsiteX240" fmla="*/ 9240 w 10000"/>
                  <a:gd name="connsiteY240" fmla="*/ 1935 h 10000"/>
                  <a:gd name="connsiteX241" fmla="*/ 9264 w 10000"/>
                  <a:gd name="connsiteY241" fmla="*/ 2024 h 10000"/>
                  <a:gd name="connsiteX242" fmla="*/ 9543 w 10000"/>
                  <a:gd name="connsiteY242" fmla="*/ 2157 h 10000"/>
                  <a:gd name="connsiteX243" fmla="*/ 9873 w 10000"/>
                  <a:gd name="connsiteY243" fmla="*/ 2275 h 10000"/>
                  <a:gd name="connsiteX244" fmla="*/ 10000 w 10000"/>
                  <a:gd name="connsiteY244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9415 w 10000"/>
                  <a:gd name="connsiteY2" fmla="*/ 3117 h 10000"/>
                  <a:gd name="connsiteX3" fmla="*/ 9442 w 10000"/>
                  <a:gd name="connsiteY3" fmla="*/ 3072 h 10000"/>
                  <a:gd name="connsiteX4" fmla="*/ 9466 w 10000"/>
                  <a:gd name="connsiteY4" fmla="*/ 3013 h 10000"/>
                  <a:gd name="connsiteX5" fmla="*/ 9466 w 10000"/>
                  <a:gd name="connsiteY5" fmla="*/ 2954 h 10000"/>
                  <a:gd name="connsiteX6" fmla="*/ 9442 w 10000"/>
                  <a:gd name="connsiteY6" fmla="*/ 2866 h 10000"/>
                  <a:gd name="connsiteX7" fmla="*/ 6345 w 10000"/>
                  <a:gd name="connsiteY7" fmla="*/ 4003 h 10000"/>
                  <a:gd name="connsiteX8" fmla="*/ 6143 w 10000"/>
                  <a:gd name="connsiteY8" fmla="*/ 4106 h 10000"/>
                  <a:gd name="connsiteX9" fmla="*/ 5938 w 10000"/>
                  <a:gd name="connsiteY9" fmla="*/ 4195 h 10000"/>
                  <a:gd name="connsiteX10" fmla="*/ 6091 w 10000"/>
                  <a:gd name="connsiteY10" fmla="*/ 4417 h 10000"/>
                  <a:gd name="connsiteX11" fmla="*/ 6421 w 10000"/>
                  <a:gd name="connsiteY11" fmla="*/ 5318 h 10000"/>
                  <a:gd name="connsiteX12" fmla="*/ 6447 w 10000"/>
                  <a:gd name="connsiteY12" fmla="*/ 5539 h 10000"/>
                  <a:gd name="connsiteX13" fmla="*/ 6471 w 10000"/>
                  <a:gd name="connsiteY13" fmla="*/ 5775 h 10000"/>
                  <a:gd name="connsiteX14" fmla="*/ 6471 w 10000"/>
                  <a:gd name="connsiteY14" fmla="*/ 5997 h 10000"/>
                  <a:gd name="connsiteX15" fmla="*/ 6447 w 10000"/>
                  <a:gd name="connsiteY15" fmla="*/ 6233 h 10000"/>
                  <a:gd name="connsiteX16" fmla="*/ 6396 w 10000"/>
                  <a:gd name="connsiteY16" fmla="*/ 6470 h 10000"/>
                  <a:gd name="connsiteX17" fmla="*/ 6345 w 10000"/>
                  <a:gd name="connsiteY17" fmla="*/ 6677 h 10000"/>
                  <a:gd name="connsiteX18" fmla="*/ 6269 w 10000"/>
                  <a:gd name="connsiteY18" fmla="*/ 6898 h 10000"/>
                  <a:gd name="connsiteX19" fmla="*/ 6168 w 10000"/>
                  <a:gd name="connsiteY19" fmla="*/ 7105 h 10000"/>
                  <a:gd name="connsiteX20" fmla="*/ 6041 w 10000"/>
                  <a:gd name="connsiteY20" fmla="*/ 7297 h 10000"/>
                  <a:gd name="connsiteX21" fmla="*/ 5888 w 10000"/>
                  <a:gd name="connsiteY21" fmla="*/ 7489 h 10000"/>
                  <a:gd name="connsiteX22" fmla="*/ 5735 w 10000"/>
                  <a:gd name="connsiteY22" fmla="*/ 7681 h 10000"/>
                  <a:gd name="connsiteX23" fmla="*/ 6471 w 10000"/>
                  <a:gd name="connsiteY23" fmla="*/ 7799 h 10000"/>
                  <a:gd name="connsiteX24" fmla="*/ 7234 w 10000"/>
                  <a:gd name="connsiteY24" fmla="*/ 7962 h 10000"/>
                  <a:gd name="connsiteX25" fmla="*/ 7385 w 10000"/>
                  <a:gd name="connsiteY25" fmla="*/ 8021 h 10000"/>
                  <a:gd name="connsiteX26" fmla="*/ 7512 w 10000"/>
                  <a:gd name="connsiteY26" fmla="*/ 8080 h 10000"/>
                  <a:gd name="connsiteX27" fmla="*/ 7639 w 10000"/>
                  <a:gd name="connsiteY27" fmla="*/ 8139 h 10000"/>
                  <a:gd name="connsiteX28" fmla="*/ 7716 w 10000"/>
                  <a:gd name="connsiteY28" fmla="*/ 8227 h 10000"/>
                  <a:gd name="connsiteX29" fmla="*/ 7741 w 10000"/>
                  <a:gd name="connsiteY29" fmla="*/ 8301 h 10000"/>
                  <a:gd name="connsiteX30" fmla="*/ 7741 w 10000"/>
                  <a:gd name="connsiteY30" fmla="*/ 8405 h 10000"/>
                  <a:gd name="connsiteX31" fmla="*/ 7691 w 10000"/>
                  <a:gd name="connsiteY31" fmla="*/ 8523 h 10000"/>
                  <a:gd name="connsiteX32" fmla="*/ 7614 w 10000"/>
                  <a:gd name="connsiteY32" fmla="*/ 8641 h 10000"/>
                  <a:gd name="connsiteX33" fmla="*/ 7284 w 10000"/>
                  <a:gd name="connsiteY33" fmla="*/ 8552 h 10000"/>
                  <a:gd name="connsiteX34" fmla="*/ 6979 w 10000"/>
                  <a:gd name="connsiteY34" fmla="*/ 8449 h 10000"/>
                  <a:gd name="connsiteX35" fmla="*/ 6674 w 10000"/>
                  <a:gd name="connsiteY35" fmla="*/ 8360 h 10000"/>
                  <a:gd name="connsiteX36" fmla="*/ 6369 w 10000"/>
                  <a:gd name="connsiteY36" fmla="*/ 8287 h 10000"/>
                  <a:gd name="connsiteX37" fmla="*/ 6243 w 10000"/>
                  <a:gd name="connsiteY37" fmla="*/ 8449 h 10000"/>
                  <a:gd name="connsiteX38" fmla="*/ 6143 w 10000"/>
                  <a:gd name="connsiteY38" fmla="*/ 8597 h 10000"/>
                  <a:gd name="connsiteX39" fmla="*/ 6091 w 10000"/>
                  <a:gd name="connsiteY39" fmla="*/ 8656 h 10000"/>
                  <a:gd name="connsiteX40" fmla="*/ 5989 w 10000"/>
                  <a:gd name="connsiteY40" fmla="*/ 8700 h 10000"/>
                  <a:gd name="connsiteX41" fmla="*/ 5914 w 10000"/>
                  <a:gd name="connsiteY41" fmla="*/ 8744 h 10000"/>
                  <a:gd name="connsiteX42" fmla="*/ 5838 w 10000"/>
                  <a:gd name="connsiteY42" fmla="*/ 8774 h 10000"/>
                  <a:gd name="connsiteX43" fmla="*/ 5761 w 10000"/>
                  <a:gd name="connsiteY43" fmla="*/ 8804 h 10000"/>
                  <a:gd name="connsiteX44" fmla="*/ 5660 w 10000"/>
                  <a:gd name="connsiteY44" fmla="*/ 8818 h 10000"/>
                  <a:gd name="connsiteX45" fmla="*/ 5532 w 10000"/>
                  <a:gd name="connsiteY45" fmla="*/ 8833 h 10000"/>
                  <a:gd name="connsiteX46" fmla="*/ 5406 w 10000"/>
                  <a:gd name="connsiteY46" fmla="*/ 8833 h 10000"/>
                  <a:gd name="connsiteX47" fmla="*/ 5102 w 10000"/>
                  <a:gd name="connsiteY47" fmla="*/ 8818 h 10000"/>
                  <a:gd name="connsiteX48" fmla="*/ 4720 w 10000"/>
                  <a:gd name="connsiteY48" fmla="*/ 8744 h 10000"/>
                  <a:gd name="connsiteX49" fmla="*/ 4720 w 10000"/>
                  <a:gd name="connsiteY49" fmla="*/ 8922 h 10000"/>
                  <a:gd name="connsiteX50" fmla="*/ 4695 w 10000"/>
                  <a:gd name="connsiteY50" fmla="*/ 9069 h 10000"/>
                  <a:gd name="connsiteX51" fmla="*/ 4671 w 10000"/>
                  <a:gd name="connsiteY51" fmla="*/ 9232 h 10000"/>
                  <a:gd name="connsiteX52" fmla="*/ 4644 w 10000"/>
                  <a:gd name="connsiteY52" fmla="*/ 9365 h 10000"/>
                  <a:gd name="connsiteX53" fmla="*/ 4593 w 10000"/>
                  <a:gd name="connsiteY53" fmla="*/ 9498 h 10000"/>
                  <a:gd name="connsiteX54" fmla="*/ 4493 w 10000"/>
                  <a:gd name="connsiteY54" fmla="*/ 9616 h 10000"/>
                  <a:gd name="connsiteX55" fmla="*/ 4416 w 10000"/>
                  <a:gd name="connsiteY55" fmla="*/ 9734 h 10000"/>
                  <a:gd name="connsiteX56" fmla="*/ 4289 w 10000"/>
                  <a:gd name="connsiteY56" fmla="*/ 9838 h 10000"/>
                  <a:gd name="connsiteX57" fmla="*/ 3983 w 10000"/>
                  <a:gd name="connsiteY57" fmla="*/ 9897 h 10000"/>
                  <a:gd name="connsiteX58" fmla="*/ 3731 w 10000"/>
                  <a:gd name="connsiteY58" fmla="*/ 9941 h 10000"/>
                  <a:gd name="connsiteX59" fmla="*/ 3426 w 10000"/>
                  <a:gd name="connsiteY59" fmla="*/ 9985 h 10000"/>
                  <a:gd name="connsiteX60" fmla="*/ 3198 w 10000"/>
                  <a:gd name="connsiteY60" fmla="*/ 10000 h 10000"/>
                  <a:gd name="connsiteX61" fmla="*/ 2690 w 10000"/>
                  <a:gd name="connsiteY61" fmla="*/ 10000 h 10000"/>
                  <a:gd name="connsiteX62" fmla="*/ 2208 w 10000"/>
                  <a:gd name="connsiteY62" fmla="*/ 9985 h 10000"/>
                  <a:gd name="connsiteX63" fmla="*/ 1752 w 10000"/>
                  <a:gd name="connsiteY63" fmla="*/ 9941 h 10000"/>
                  <a:gd name="connsiteX64" fmla="*/ 1270 w 10000"/>
                  <a:gd name="connsiteY64" fmla="*/ 9911 h 10000"/>
                  <a:gd name="connsiteX65" fmla="*/ 990 w 10000"/>
                  <a:gd name="connsiteY65" fmla="*/ 9911 h 10000"/>
                  <a:gd name="connsiteX66" fmla="*/ 736 w 10000"/>
                  <a:gd name="connsiteY66" fmla="*/ 9911 h 10000"/>
                  <a:gd name="connsiteX67" fmla="*/ 457 w 10000"/>
                  <a:gd name="connsiteY67" fmla="*/ 9926 h 10000"/>
                  <a:gd name="connsiteX68" fmla="*/ 178 w 10000"/>
                  <a:gd name="connsiteY68" fmla="*/ 9970 h 10000"/>
                  <a:gd name="connsiteX69" fmla="*/ 102 w 10000"/>
                  <a:gd name="connsiteY69" fmla="*/ 9867 h 10000"/>
                  <a:gd name="connsiteX70" fmla="*/ 51 w 10000"/>
                  <a:gd name="connsiteY70" fmla="*/ 9793 h 10000"/>
                  <a:gd name="connsiteX71" fmla="*/ 0 w 10000"/>
                  <a:gd name="connsiteY71" fmla="*/ 9705 h 10000"/>
                  <a:gd name="connsiteX72" fmla="*/ 0 w 10000"/>
                  <a:gd name="connsiteY72" fmla="*/ 9601 h 10000"/>
                  <a:gd name="connsiteX73" fmla="*/ 51 w 10000"/>
                  <a:gd name="connsiteY73" fmla="*/ 9424 h 10000"/>
                  <a:gd name="connsiteX74" fmla="*/ 102 w 10000"/>
                  <a:gd name="connsiteY74" fmla="*/ 9202 h 10000"/>
                  <a:gd name="connsiteX75" fmla="*/ 151 w 10000"/>
                  <a:gd name="connsiteY75" fmla="*/ 8996 h 10000"/>
                  <a:gd name="connsiteX76" fmla="*/ 203 w 10000"/>
                  <a:gd name="connsiteY76" fmla="*/ 8759 h 10000"/>
                  <a:gd name="connsiteX77" fmla="*/ 228 w 10000"/>
                  <a:gd name="connsiteY77" fmla="*/ 8641 h 10000"/>
                  <a:gd name="connsiteX78" fmla="*/ 228 w 10000"/>
                  <a:gd name="connsiteY78" fmla="*/ 8538 h 10000"/>
                  <a:gd name="connsiteX79" fmla="*/ 203 w 10000"/>
                  <a:gd name="connsiteY79" fmla="*/ 8405 h 10000"/>
                  <a:gd name="connsiteX80" fmla="*/ 178 w 10000"/>
                  <a:gd name="connsiteY80" fmla="*/ 8287 h 10000"/>
                  <a:gd name="connsiteX81" fmla="*/ 431 w 10000"/>
                  <a:gd name="connsiteY81" fmla="*/ 8213 h 10000"/>
                  <a:gd name="connsiteX82" fmla="*/ 685 w 10000"/>
                  <a:gd name="connsiteY82" fmla="*/ 8139 h 10000"/>
                  <a:gd name="connsiteX83" fmla="*/ 939 w 10000"/>
                  <a:gd name="connsiteY83" fmla="*/ 8095 h 10000"/>
                  <a:gd name="connsiteX84" fmla="*/ 1218 w 10000"/>
                  <a:gd name="connsiteY84" fmla="*/ 8065 h 10000"/>
                  <a:gd name="connsiteX85" fmla="*/ 1725 w 10000"/>
                  <a:gd name="connsiteY85" fmla="*/ 8021 h 10000"/>
                  <a:gd name="connsiteX86" fmla="*/ 2234 w 10000"/>
                  <a:gd name="connsiteY86" fmla="*/ 7976 h 10000"/>
                  <a:gd name="connsiteX87" fmla="*/ 2462 w 10000"/>
                  <a:gd name="connsiteY87" fmla="*/ 7947 h 10000"/>
                  <a:gd name="connsiteX88" fmla="*/ 2690 w 10000"/>
                  <a:gd name="connsiteY88" fmla="*/ 7917 h 10000"/>
                  <a:gd name="connsiteX89" fmla="*/ 2892 w 10000"/>
                  <a:gd name="connsiteY89" fmla="*/ 7843 h 10000"/>
                  <a:gd name="connsiteX90" fmla="*/ 3096 w 10000"/>
                  <a:gd name="connsiteY90" fmla="*/ 7784 h 10000"/>
                  <a:gd name="connsiteX91" fmla="*/ 3274 w 10000"/>
                  <a:gd name="connsiteY91" fmla="*/ 7710 h 10000"/>
                  <a:gd name="connsiteX92" fmla="*/ 3426 w 10000"/>
                  <a:gd name="connsiteY92" fmla="*/ 7592 h 10000"/>
                  <a:gd name="connsiteX93" fmla="*/ 3579 w 10000"/>
                  <a:gd name="connsiteY93" fmla="*/ 7474 h 10000"/>
                  <a:gd name="connsiteX94" fmla="*/ 3680 w 10000"/>
                  <a:gd name="connsiteY94" fmla="*/ 7312 h 10000"/>
                  <a:gd name="connsiteX95" fmla="*/ 3477 w 10000"/>
                  <a:gd name="connsiteY95" fmla="*/ 7238 h 10000"/>
                  <a:gd name="connsiteX96" fmla="*/ 3299 w 10000"/>
                  <a:gd name="connsiteY96" fmla="*/ 7179 h 10000"/>
                  <a:gd name="connsiteX97" fmla="*/ 3147 w 10000"/>
                  <a:gd name="connsiteY97" fmla="*/ 7090 h 10000"/>
                  <a:gd name="connsiteX98" fmla="*/ 2995 w 10000"/>
                  <a:gd name="connsiteY98" fmla="*/ 6987 h 10000"/>
                  <a:gd name="connsiteX99" fmla="*/ 2892 w 10000"/>
                  <a:gd name="connsiteY99" fmla="*/ 6869 h 10000"/>
                  <a:gd name="connsiteX100" fmla="*/ 2843 w 10000"/>
                  <a:gd name="connsiteY100" fmla="*/ 6721 h 10000"/>
                  <a:gd name="connsiteX101" fmla="*/ 2817 w 10000"/>
                  <a:gd name="connsiteY101" fmla="*/ 6558 h 10000"/>
                  <a:gd name="connsiteX102" fmla="*/ 2843 w 10000"/>
                  <a:gd name="connsiteY102" fmla="*/ 6352 h 10000"/>
                  <a:gd name="connsiteX103" fmla="*/ 2716 w 10000"/>
                  <a:gd name="connsiteY103" fmla="*/ 6322 h 10000"/>
                  <a:gd name="connsiteX104" fmla="*/ 2564 w 10000"/>
                  <a:gd name="connsiteY104" fmla="*/ 6292 h 10000"/>
                  <a:gd name="connsiteX105" fmla="*/ 2386 w 10000"/>
                  <a:gd name="connsiteY105" fmla="*/ 6278 h 10000"/>
                  <a:gd name="connsiteX106" fmla="*/ 2208 w 10000"/>
                  <a:gd name="connsiteY106" fmla="*/ 6263 h 10000"/>
                  <a:gd name="connsiteX107" fmla="*/ 1853 w 10000"/>
                  <a:gd name="connsiteY107" fmla="*/ 6248 h 10000"/>
                  <a:gd name="connsiteX108" fmla="*/ 1472 w 10000"/>
                  <a:gd name="connsiteY108" fmla="*/ 6263 h 10000"/>
                  <a:gd name="connsiteX109" fmla="*/ 1143 w 10000"/>
                  <a:gd name="connsiteY109" fmla="*/ 6278 h 10000"/>
                  <a:gd name="connsiteX110" fmla="*/ 837 w 10000"/>
                  <a:gd name="connsiteY110" fmla="*/ 6278 h 10000"/>
                  <a:gd name="connsiteX111" fmla="*/ 585 w 10000"/>
                  <a:gd name="connsiteY111" fmla="*/ 6263 h 10000"/>
                  <a:gd name="connsiteX112" fmla="*/ 381 w 10000"/>
                  <a:gd name="connsiteY112" fmla="*/ 6233 h 10000"/>
                  <a:gd name="connsiteX113" fmla="*/ 633 w 10000"/>
                  <a:gd name="connsiteY113" fmla="*/ 5805 h 10000"/>
                  <a:gd name="connsiteX114" fmla="*/ 914 w 10000"/>
                  <a:gd name="connsiteY114" fmla="*/ 5391 h 10000"/>
                  <a:gd name="connsiteX115" fmla="*/ 1016 w 10000"/>
                  <a:gd name="connsiteY115" fmla="*/ 5170 h 10000"/>
                  <a:gd name="connsiteX116" fmla="*/ 1091 w 10000"/>
                  <a:gd name="connsiteY116" fmla="*/ 4963 h 10000"/>
                  <a:gd name="connsiteX117" fmla="*/ 1116 w 10000"/>
                  <a:gd name="connsiteY117" fmla="*/ 4860 h 10000"/>
                  <a:gd name="connsiteX118" fmla="*/ 1091 w 10000"/>
                  <a:gd name="connsiteY118" fmla="*/ 4756 h 10000"/>
                  <a:gd name="connsiteX119" fmla="*/ 1066 w 10000"/>
                  <a:gd name="connsiteY119" fmla="*/ 4653 h 10000"/>
                  <a:gd name="connsiteX120" fmla="*/ 990 w 10000"/>
                  <a:gd name="connsiteY120" fmla="*/ 4549 h 10000"/>
                  <a:gd name="connsiteX121" fmla="*/ 1270 w 10000"/>
                  <a:gd name="connsiteY121" fmla="*/ 4520 h 10000"/>
                  <a:gd name="connsiteX122" fmla="*/ 1472 w 10000"/>
                  <a:gd name="connsiteY122" fmla="*/ 4505 h 10000"/>
                  <a:gd name="connsiteX123" fmla="*/ 1650 w 10000"/>
                  <a:gd name="connsiteY123" fmla="*/ 4505 h 10000"/>
                  <a:gd name="connsiteX124" fmla="*/ 1802 w 10000"/>
                  <a:gd name="connsiteY124" fmla="*/ 4520 h 10000"/>
                  <a:gd name="connsiteX125" fmla="*/ 1929 w 10000"/>
                  <a:gd name="connsiteY125" fmla="*/ 4520 h 10000"/>
                  <a:gd name="connsiteX126" fmla="*/ 2081 w 10000"/>
                  <a:gd name="connsiteY126" fmla="*/ 4520 h 10000"/>
                  <a:gd name="connsiteX127" fmla="*/ 2234 w 10000"/>
                  <a:gd name="connsiteY127" fmla="*/ 4490 h 10000"/>
                  <a:gd name="connsiteX128" fmla="*/ 2436 w 10000"/>
                  <a:gd name="connsiteY128" fmla="*/ 4446 h 10000"/>
                  <a:gd name="connsiteX129" fmla="*/ 2436 w 10000"/>
                  <a:gd name="connsiteY129" fmla="*/ 4579 h 10000"/>
                  <a:gd name="connsiteX130" fmla="*/ 2436 w 10000"/>
                  <a:gd name="connsiteY130" fmla="*/ 4742 h 10000"/>
                  <a:gd name="connsiteX131" fmla="*/ 2436 w 10000"/>
                  <a:gd name="connsiteY131" fmla="*/ 4874 h 10000"/>
                  <a:gd name="connsiteX132" fmla="*/ 2436 w 10000"/>
                  <a:gd name="connsiteY132" fmla="*/ 5037 h 10000"/>
                  <a:gd name="connsiteX133" fmla="*/ 2665 w 10000"/>
                  <a:gd name="connsiteY133" fmla="*/ 5022 h 10000"/>
                  <a:gd name="connsiteX134" fmla="*/ 2817 w 10000"/>
                  <a:gd name="connsiteY134" fmla="*/ 5037 h 10000"/>
                  <a:gd name="connsiteX135" fmla="*/ 2944 w 10000"/>
                  <a:gd name="connsiteY135" fmla="*/ 5066 h 10000"/>
                  <a:gd name="connsiteX136" fmla="*/ 3071 w 10000"/>
                  <a:gd name="connsiteY136" fmla="*/ 5096 h 10000"/>
                  <a:gd name="connsiteX137" fmla="*/ 3173 w 10000"/>
                  <a:gd name="connsiteY137" fmla="*/ 5126 h 10000"/>
                  <a:gd name="connsiteX138" fmla="*/ 3299 w 10000"/>
                  <a:gd name="connsiteY138" fmla="*/ 5155 h 10000"/>
                  <a:gd name="connsiteX139" fmla="*/ 3452 w 10000"/>
                  <a:gd name="connsiteY139" fmla="*/ 5170 h 10000"/>
                  <a:gd name="connsiteX140" fmla="*/ 3680 w 10000"/>
                  <a:gd name="connsiteY140" fmla="*/ 5155 h 10000"/>
                  <a:gd name="connsiteX141" fmla="*/ 3757 w 10000"/>
                  <a:gd name="connsiteY141" fmla="*/ 5096 h 10000"/>
                  <a:gd name="connsiteX142" fmla="*/ 3832 w 10000"/>
                  <a:gd name="connsiteY142" fmla="*/ 5022 h 10000"/>
                  <a:gd name="connsiteX143" fmla="*/ 3857 w 10000"/>
                  <a:gd name="connsiteY143" fmla="*/ 4934 h 10000"/>
                  <a:gd name="connsiteX144" fmla="*/ 3884 w 10000"/>
                  <a:gd name="connsiteY144" fmla="*/ 4860 h 10000"/>
                  <a:gd name="connsiteX145" fmla="*/ 3908 w 10000"/>
                  <a:gd name="connsiteY145" fmla="*/ 4697 h 10000"/>
                  <a:gd name="connsiteX146" fmla="*/ 3884 w 10000"/>
                  <a:gd name="connsiteY146" fmla="*/ 4520 h 10000"/>
                  <a:gd name="connsiteX147" fmla="*/ 3807 w 10000"/>
                  <a:gd name="connsiteY147" fmla="*/ 4343 h 10000"/>
                  <a:gd name="connsiteX148" fmla="*/ 3731 w 10000"/>
                  <a:gd name="connsiteY148" fmla="*/ 4195 h 10000"/>
                  <a:gd name="connsiteX149" fmla="*/ 3604 w 10000"/>
                  <a:gd name="connsiteY149" fmla="*/ 4047 h 10000"/>
                  <a:gd name="connsiteX150" fmla="*/ 3477 w 10000"/>
                  <a:gd name="connsiteY150" fmla="*/ 3959 h 10000"/>
                  <a:gd name="connsiteX151" fmla="*/ 3629 w 10000"/>
                  <a:gd name="connsiteY151" fmla="*/ 3944 h 10000"/>
                  <a:gd name="connsiteX152" fmla="*/ 3757 w 10000"/>
                  <a:gd name="connsiteY152" fmla="*/ 3914 h 10000"/>
                  <a:gd name="connsiteX153" fmla="*/ 3857 w 10000"/>
                  <a:gd name="connsiteY153" fmla="*/ 3855 h 10000"/>
                  <a:gd name="connsiteX154" fmla="*/ 3983 w 10000"/>
                  <a:gd name="connsiteY154" fmla="*/ 3752 h 10000"/>
                  <a:gd name="connsiteX155" fmla="*/ 4111 w 10000"/>
                  <a:gd name="connsiteY155" fmla="*/ 3663 h 10000"/>
                  <a:gd name="connsiteX156" fmla="*/ 4213 w 10000"/>
                  <a:gd name="connsiteY156" fmla="*/ 3560 h 10000"/>
                  <a:gd name="connsiteX157" fmla="*/ 4289 w 10000"/>
                  <a:gd name="connsiteY157" fmla="*/ 3442 h 10000"/>
                  <a:gd name="connsiteX158" fmla="*/ 4366 w 10000"/>
                  <a:gd name="connsiteY158" fmla="*/ 3323 h 10000"/>
                  <a:gd name="connsiteX159" fmla="*/ 4416 w 10000"/>
                  <a:gd name="connsiteY159" fmla="*/ 3220 h 10000"/>
                  <a:gd name="connsiteX160" fmla="*/ 4441 w 10000"/>
                  <a:gd name="connsiteY160" fmla="*/ 3102 h 10000"/>
                  <a:gd name="connsiteX161" fmla="*/ 4468 w 10000"/>
                  <a:gd name="connsiteY161" fmla="*/ 3013 h 10000"/>
                  <a:gd name="connsiteX162" fmla="*/ 4441 w 10000"/>
                  <a:gd name="connsiteY162" fmla="*/ 2939 h 10000"/>
                  <a:gd name="connsiteX163" fmla="*/ 4416 w 10000"/>
                  <a:gd name="connsiteY163" fmla="*/ 2866 h 10000"/>
                  <a:gd name="connsiteX164" fmla="*/ 4340 w 10000"/>
                  <a:gd name="connsiteY164" fmla="*/ 2836 h 10000"/>
                  <a:gd name="connsiteX165" fmla="*/ 4239 w 10000"/>
                  <a:gd name="connsiteY165" fmla="*/ 2836 h 10000"/>
                  <a:gd name="connsiteX166" fmla="*/ 4111 w 10000"/>
                  <a:gd name="connsiteY166" fmla="*/ 2866 h 10000"/>
                  <a:gd name="connsiteX167" fmla="*/ 4213 w 10000"/>
                  <a:gd name="connsiteY167" fmla="*/ 2777 h 10000"/>
                  <a:gd name="connsiteX168" fmla="*/ 4265 w 10000"/>
                  <a:gd name="connsiteY168" fmla="*/ 2674 h 10000"/>
                  <a:gd name="connsiteX169" fmla="*/ 4289 w 10000"/>
                  <a:gd name="connsiteY169" fmla="*/ 2541 h 10000"/>
                  <a:gd name="connsiteX170" fmla="*/ 4289 w 10000"/>
                  <a:gd name="connsiteY170" fmla="*/ 2393 h 10000"/>
                  <a:gd name="connsiteX171" fmla="*/ 4314 w 10000"/>
                  <a:gd name="connsiteY171" fmla="*/ 2349 h 10000"/>
                  <a:gd name="connsiteX172" fmla="*/ 4366 w 10000"/>
                  <a:gd name="connsiteY172" fmla="*/ 2304 h 10000"/>
                  <a:gd name="connsiteX173" fmla="*/ 4416 w 10000"/>
                  <a:gd name="connsiteY173" fmla="*/ 2290 h 10000"/>
                  <a:gd name="connsiteX174" fmla="*/ 4493 w 10000"/>
                  <a:gd name="connsiteY174" fmla="*/ 2275 h 10000"/>
                  <a:gd name="connsiteX175" fmla="*/ 4720 w 10000"/>
                  <a:gd name="connsiteY175" fmla="*/ 2260 h 10000"/>
                  <a:gd name="connsiteX176" fmla="*/ 4923 w 10000"/>
                  <a:gd name="connsiteY176" fmla="*/ 2275 h 10000"/>
                  <a:gd name="connsiteX177" fmla="*/ 4898 w 10000"/>
                  <a:gd name="connsiteY177" fmla="*/ 2112 h 10000"/>
                  <a:gd name="connsiteX178" fmla="*/ 4848 w 10000"/>
                  <a:gd name="connsiteY178" fmla="*/ 1950 h 10000"/>
                  <a:gd name="connsiteX179" fmla="*/ 4771 w 10000"/>
                  <a:gd name="connsiteY179" fmla="*/ 1802 h 10000"/>
                  <a:gd name="connsiteX180" fmla="*/ 4671 w 10000"/>
                  <a:gd name="connsiteY180" fmla="*/ 1640 h 10000"/>
                  <a:gd name="connsiteX181" fmla="*/ 4416 w 10000"/>
                  <a:gd name="connsiteY181" fmla="*/ 1329 h 10000"/>
                  <a:gd name="connsiteX182" fmla="*/ 4162 w 10000"/>
                  <a:gd name="connsiteY182" fmla="*/ 1034 h 10000"/>
                  <a:gd name="connsiteX183" fmla="*/ 4035 w 10000"/>
                  <a:gd name="connsiteY183" fmla="*/ 901 h 10000"/>
                  <a:gd name="connsiteX184" fmla="*/ 3935 w 10000"/>
                  <a:gd name="connsiteY184" fmla="*/ 753 h 10000"/>
                  <a:gd name="connsiteX185" fmla="*/ 3857 w 10000"/>
                  <a:gd name="connsiteY185" fmla="*/ 620 h 10000"/>
                  <a:gd name="connsiteX186" fmla="*/ 3832 w 10000"/>
                  <a:gd name="connsiteY186" fmla="*/ 487 h 10000"/>
                  <a:gd name="connsiteX187" fmla="*/ 3807 w 10000"/>
                  <a:gd name="connsiteY187" fmla="*/ 355 h 10000"/>
                  <a:gd name="connsiteX188" fmla="*/ 3857 w 10000"/>
                  <a:gd name="connsiteY188" fmla="*/ 222 h 10000"/>
                  <a:gd name="connsiteX189" fmla="*/ 3884 w 10000"/>
                  <a:gd name="connsiteY189" fmla="*/ 162 h 10000"/>
                  <a:gd name="connsiteX190" fmla="*/ 3935 w 10000"/>
                  <a:gd name="connsiteY190" fmla="*/ 103 h 10000"/>
                  <a:gd name="connsiteX191" fmla="*/ 4011 w 10000"/>
                  <a:gd name="connsiteY191" fmla="*/ 59 h 10000"/>
                  <a:gd name="connsiteX192" fmla="*/ 4111 w 10000"/>
                  <a:gd name="connsiteY192" fmla="*/ 0 h 10000"/>
                  <a:gd name="connsiteX193" fmla="*/ 4289 w 10000"/>
                  <a:gd name="connsiteY193" fmla="*/ 0 h 10000"/>
                  <a:gd name="connsiteX194" fmla="*/ 4468 w 10000"/>
                  <a:gd name="connsiteY194" fmla="*/ 15 h 10000"/>
                  <a:gd name="connsiteX195" fmla="*/ 4644 w 10000"/>
                  <a:gd name="connsiteY195" fmla="*/ 44 h 10000"/>
                  <a:gd name="connsiteX196" fmla="*/ 4771 w 10000"/>
                  <a:gd name="connsiteY196" fmla="*/ 89 h 10000"/>
                  <a:gd name="connsiteX197" fmla="*/ 4975 w 10000"/>
                  <a:gd name="connsiteY197" fmla="*/ 192 h 10000"/>
                  <a:gd name="connsiteX198" fmla="*/ 5177 w 10000"/>
                  <a:gd name="connsiteY198" fmla="*/ 340 h 10000"/>
                  <a:gd name="connsiteX199" fmla="*/ 5329 w 10000"/>
                  <a:gd name="connsiteY199" fmla="*/ 473 h 10000"/>
                  <a:gd name="connsiteX200" fmla="*/ 5532 w 10000"/>
                  <a:gd name="connsiteY200" fmla="*/ 591 h 10000"/>
                  <a:gd name="connsiteX201" fmla="*/ 5660 w 10000"/>
                  <a:gd name="connsiteY201" fmla="*/ 650 h 10000"/>
                  <a:gd name="connsiteX202" fmla="*/ 5812 w 10000"/>
                  <a:gd name="connsiteY202" fmla="*/ 679 h 10000"/>
                  <a:gd name="connsiteX203" fmla="*/ 5965 w 10000"/>
                  <a:gd name="connsiteY203" fmla="*/ 709 h 10000"/>
                  <a:gd name="connsiteX204" fmla="*/ 6168 w 10000"/>
                  <a:gd name="connsiteY204" fmla="*/ 709 h 10000"/>
                  <a:gd name="connsiteX205" fmla="*/ 6168 w 10000"/>
                  <a:gd name="connsiteY205" fmla="*/ 768 h 10000"/>
                  <a:gd name="connsiteX206" fmla="*/ 6193 w 10000"/>
                  <a:gd name="connsiteY206" fmla="*/ 842 h 10000"/>
                  <a:gd name="connsiteX207" fmla="*/ 6243 w 10000"/>
                  <a:gd name="connsiteY207" fmla="*/ 916 h 10000"/>
                  <a:gd name="connsiteX208" fmla="*/ 6294 w 10000"/>
                  <a:gd name="connsiteY208" fmla="*/ 990 h 10000"/>
                  <a:gd name="connsiteX209" fmla="*/ 6369 w 10000"/>
                  <a:gd name="connsiteY209" fmla="*/ 1049 h 10000"/>
                  <a:gd name="connsiteX210" fmla="*/ 6471 w 10000"/>
                  <a:gd name="connsiteY210" fmla="*/ 1108 h 10000"/>
                  <a:gd name="connsiteX211" fmla="*/ 6598 w 10000"/>
                  <a:gd name="connsiteY211" fmla="*/ 1182 h 10000"/>
                  <a:gd name="connsiteX212" fmla="*/ 6700 w 10000"/>
                  <a:gd name="connsiteY212" fmla="*/ 1226 h 10000"/>
                  <a:gd name="connsiteX213" fmla="*/ 6802 w 10000"/>
                  <a:gd name="connsiteY213" fmla="*/ 1270 h 10000"/>
                  <a:gd name="connsiteX214" fmla="*/ 6903 w 10000"/>
                  <a:gd name="connsiteY214" fmla="*/ 1300 h 10000"/>
                  <a:gd name="connsiteX215" fmla="*/ 7005 w 10000"/>
                  <a:gd name="connsiteY215" fmla="*/ 1315 h 10000"/>
                  <a:gd name="connsiteX216" fmla="*/ 7132 w 10000"/>
                  <a:gd name="connsiteY216" fmla="*/ 1300 h 10000"/>
                  <a:gd name="connsiteX217" fmla="*/ 7234 w 10000"/>
                  <a:gd name="connsiteY217" fmla="*/ 1285 h 10000"/>
                  <a:gd name="connsiteX218" fmla="*/ 7309 w 10000"/>
                  <a:gd name="connsiteY218" fmla="*/ 1241 h 10000"/>
                  <a:gd name="connsiteX219" fmla="*/ 7361 w 10000"/>
                  <a:gd name="connsiteY219" fmla="*/ 1167 h 10000"/>
                  <a:gd name="connsiteX220" fmla="*/ 7385 w 10000"/>
                  <a:gd name="connsiteY220" fmla="*/ 1064 h 10000"/>
                  <a:gd name="connsiteX221" fmla="*/ 7766 w 10000"/>
                  <a:gd name="connsiteY221" fmla="*/ 1034 h 10000"/>
                  <a:gd name="connsiteX222" fmla="*/ 8121 w 10000"/>
                  <a:gd name="connsiteY222" fmla="*/ 1004 h 10000"/>
                  <a:gd name="connsiteX223" fmla="*/ 8427 w 10000"/>
                  <a:gd name="connsiteY223" fmla="*/ 990 h 10000"/>
                  <a:gd name="connsiteX224" fmla="*/ 8706 w 10000"/>
                  <a:gd name="connsiteY224" fmla="*/ 1004 h 10000"/>
                  <a:gd name="connsiteX225" fmla="*/ 8833 w 10000"/>
                  <a:gd name="connsiteY225" fmla="*/ 1019 h 10000"/>
                  <a:gd name="connsiteX226" fmla="*/ 8958 w 10000"/>
                  <a:gd name="connsiteY226" fmla="*/ 1034 h 10000"/>
                  <a:gd name="connsiteX227" fmla="*/ 9061 w 10000"/>
                  <a:gd name="connsiteY227" fmla="*/ 1064 h 10000"/>
                  <a:gd name="connsiteX228" fmla="*/ 9188 w 10000"/>
                  <a:gd name="connsiteY228" fmla="*/ 1108 h 10000"/>
                  <a:gd name="connsiteX229" fmla="*/ 9264 w 10000"/>
                  <a:gd name="connsiteY229" fmla="*/ 1182 h 10000"/>
                  <a:gd name="connsiteX230" fmla="*/ 9339 w 10000"/>
                  <a:gd name="connsiteY230" fmla="*/ 1241 h 10000"/>
                  <a:gd name="connsiteX231" fmla="*/ 9391 w 10000"/>
                  <a:gd name="connsiteY231" fmla="*/ 1329 h 10000"/>
                  <a:gd name="connsiteX232" fmla="*/ 9442 w 10000"/>
                  <a:gd name="connsiteY232" fmla="*/ 1433 h 10000"/>
                  <a:gd name="connsiteX233" fmla="*/ 9492 w 10000"/>
                  <a:gd name="connsiteY233" fmla="*/ 1551 h 10000"/>
                  <a:gd name="connsiteX234" fmla="*/ 9466 w 10000"/>
                  <a:gd name="connsiteY234" fmla="*/ 1625 h 10000"/>
                  <a:gd name="connsiteX235" fmla="*/ 9442 w 10000"/>
                  <a:gd name="connsiteY235" fmla="*/ 1684 h 10000"/>
                  <a:gd name="connsiteX236" fmla="*/ 9391 w 10000"/>
                  <a:gd name="connsiteY236" fmla="*/ 1758 h 10000"/>
                  <a:gd name="connsiteX237" fmla="*/ 9315 w 10000"/>
                  <a:gd name="connsiteY237" fmla="*/ 1802 h 10000"/>
                  <a:gd name="connsiteX238" fmla="*/ 9264 w 10000"/>
                  <a:gd name="connsiteY238" fmla="*/ 1861 h 10000"/>
                  <a:gd name="connsiteX239" fmla="*/ 9240 w 10000"/>
                  <a:gd name="connsiteY239" fmla="*/ 1935 h 10000"/>
                  <a:gd name="connsiteX240" fmla="*/ 9264 w 10000"/>
                  <a:gd name="connsiteY240" fmla="*/ 2024 h 10000"/>
                  <a:gd name="connsiteX241" fmla="*/ 9543 w 10000"/>
                  <a:gd name="connsiteY241" fmla="*/ 2157 h 10000"/>
                  <a:gd name="connsiteX242" fmla="*/ 9873 w 10000"/>
                  <a:gd name="connsiteY242" fmla="*/ 2275 h 10000"/>
                  <a:gd name="connsiteX243" fmla="*/ 10000 w 10000"/>
                  <a:gd name="connsiteY243" fmla="*/ 2349 h 10000"/>
                  <a:gd name="connsiteX0" fmla="*/ 6369 w 10000"/>
                  <a:gd name="connsiteY0" fmla="*/ 4313 h 10000"/>
                  <a:gd name="connsiteX1" fmla="*/ 9415 w 10000"/>
                  <a:gd name="connsiteY1" fmla="*/ 3117 h 10000"/>
                  <a:gd name="connsiteX2" fmla="*/ 9442 w 10000"/>
                  <a:gd name="connsiteY2" fmla="*/ 3072 h 10000"/>
                  <a:gd name="connsiteX3" fmla="*/ 9466 w 10000"/>
                  <a:gd name="connsiteY3" fmla="*/ 3013 h 10000"/>
                  <a:gd name="connsiteX4" fmla="*/ 9466 w 10000"/>
                  <a:gd name="connsiteY4" fmla="*/ 2954 h 10000"/>
                  <a:gd name="connsiteX5" fmla="*/ 9442 w 10000"/>
                  <a:gd name="connsiteY5" fmla="*/ 2866 h 10000"/>
                  <a:gd name="connsiteX6" fmla="*/ 6345 w 10000"/>
                  <a:gd name="connsiteY6" fmla="*/ 4003 h 10000"/>
                  <a:gd name="connsiteX7" fmla="*/ 6143 w 10000"/>
                  <a:gd name="connsiteY7" fmla="*/ 4106 h 10000"/>
                  <a:gd name="connsiteX8" fmla="*/ 5938 w 10000"/>
                  <a:gd name="connsiteY8" fmla="*/ 4195 h 10000"/>
                  <a:gd name="connsiteX9" fmla="*/ 6091 w 10000"/>
                  <a:gd name="connsiteY9" fmla="*/ 4417 h 10000"/>
                  <a:gd name="connsiteX10" fmla="*/ 6421 w 10000"/>
                  <a:gd name="connsiteY10" fmla="*/ 5318 h 10000"/>
                  <a:gd name="connsiteX11" fmla="*/ 6447 w 10000"/>
                  <a:gd name="connsiteY11" fmla="*/ 5539 h 10000"/>
                  <a:gd name="connsiteX12" fmla="*/ 6471 w 10000"/>
                  <a:gd name="connsiteY12" fmla="*/ 5775 h 10000"/>
                  <a:gd name="connsiteX13" fmla="*/ 6471 w 10000"/>
                  <a:gd name="connsiteY13" fmla="*/ 5997 h 10000"/>
                  <a:gd name="connsiteX14" fmla="*/ 6447 w 10000"/>
                  <a:gd name="connsiteY14" fmla="*/ 6233 h 10000"/>
                  <a:gd name="connsiteX15" fmla="*/ 6396 w 10000"/>
                  <a:gd name="connsiteY15" fmla="*/ 6470 h 10000"/>
                  <a:gd name="connsiteX16" fmla="*/ 6345 w 10000"/>
                  <a:gd name="connsiteY16" fmla="*/ 6677 h 10000"/>
                  <a:gd name="connsiteX17" fmla="*/ 6269 w 10000"/>
                  <a:gd name="connsiteY17" fmla="*/ 6898 h 10000"/>
                  <a:gd name="connsiteX18" fmla="*/ 6168 w 10000"/>
                  <a:gd name="connsiteY18" fmla="*/ 7105 h 10000"/>
                  <a:gd name="connsiteX19" fmla="*/ 6041 w 10000"/>
                  <a:gd name="connsiteY19" fmla="*/ 7297 h 10000"/>
                  <a:gd name="connsiteX20" fmla="*/ 5888 w 10000"/>
                  <a:gd name="connsiteY20" fmla="*/ 7489 h 10000"/>
                  <a:gd name="connsiteX21" fmla="*/ 5735 w 10000"/>
                  <a:gd name="connsiteY21" fmla="*/ 7681 h 10000"/>
                  <a:gd name="connsiteX22" fmla="*/ 6471 w 10000"/>
                  <a:gd name="connsiteY22" fmla="*/ 7799 h 10000"/>
                  <a:gd name="connsiteX23" fmla="*/ 7234 w 10000"/>
                  <a:gd name="connsiteY23" fmla="*/ 7962 h 10000"/>
                  <a:gd name="connsiteX24" fmla="*/ 7385 w 10000"/>
                  <a:gd name="connsiteY24" fmla="*/ 8021 h 10000"/>
                  <a:gd name="connsiteX25" fmla="*/ 7512 w 10000"/>
                  <a:gd name="connsiteY25" fmla="*/ 8080 h 10000"/>
                  <a:gd name="connsiteX26" fmla="*/ 7639 w 10000"/>
                  <a:gd name="connsiteY26" fmla="*/ 8139 h 10000"/>
                  <a:gd name="connsiteX27" fmla="*/ 7716 w 10000"/>
                  <a:gd name="connsiteY27" fmla="*/ 8227 h 10000"/>
                  <a:gd name="connsiteX28" fmla="*/ 7741 w 10000"/>
                  <a:gd name="connsiteY28" fmla="*/ 8301 h 10000"/>
                  <a:gd name="connsiteX29" fmla="*/ 7741 w 10000"/>
                  <a:gd name="connsiteY29" fmla="*/ 8405 h 10000"/>
                  <a:gd name="connsiteX30" fmla="*/ 7691 w 10000"/>
                  <a:gd name="connsiteY30" fmla="*/ 8523 h 10000"/>
                  <a:gd name="connsiteX31" fmla="*/ 7614 w 10000"/>
                  <a:gd name="connsiteY31" fmla="*/ 8641 h 10000"/>
                  <a:gd name="connsiteX32" fmla="*/ 7284 w 10000"/>
                  <a:gd name="connsiteY32" fmla="*/ 8552 h 10000"/>
                  <a:gd name="connsiteX33" fmla="*/ 6979 w 10000"/>
                  <a:gd name="connsiteY33" fmla="*/ 8449 h 10000"/>
                  <a:gd name="connsiteX34" fmla="*/ 6674 w 10000"/>
                  <a:gd name="connsiteY34" fmla="*/ 8360 h 10000"/>
                  <a:gd name="connsiteX35" fmla="*/ 6369 w 10000"/>
                  <a:gd name="connsiteY35" fmla="*/ 8287 h 10000"/>
                  <a:gd name="connsiteX36" fmla="*/ 6243 w 10000"/>
                  <a:gd name="connsiteY36" fmla="*/ 8449 h 10000"/>
                  <a:gd name="connsiteX37" fmla="*/ 6143 w 10000"/>
                  <a:gd name="connsiteY37" fmla="*/ 8597 h 10000"/>
                  <a:gd name="connsiteX38" fmla="*/ 6091 w 10000"/>
                  <a:gd name="connsiteY38" fmla="*/ 8656 h 10000"/>
                  <a:gd name="connsiteX39" fmla="*/ 5989 w 10000"/>
                  <a:gd name="connsiteY39" fmla="*/ 8700 h 10000"/>
                  <a:gd name="connsiteX40" fmla="*/ 5914 w 10000"/>
                  <a:gd name="connsiteY40" fmla="*/ 8744 h 10000"/>
                  <a:gd name="connsiteX41" fmla="*/ 5838 w 10000"/>
                  <a:gd name="connsiteY41" fmla="*/ 8774 h 10000"/>
                  <a:gd name="connsiteX42" fmla="*/ 5761 w 10000"/>
                  <a:gd name="connsiteY42" fmla="*/ 8804 h 10000"/>
                  <a:gd name="connsiteX43" fmla="*/ 5660 w 10000"/>
                  <a:gd name="connsiteY43" fmla="*/ 8818 h 10000"/>
                  <a:gd name="connsiteX44" fmla="*/ 5532 w 10000"/>
                  <a:gd name="connsiteY44" fmla="*/ 8833 h 10000"/>
                  <a:gd name="connsiteX45" fmla="*/ 5406 w 10000"/>
                  <a:gd name="connsiteY45" fmla="*/ 8833 h 10000"/>
                  <a:gd name="connsiteX46" fmla="*/ 5102 w 10000"/>
                  <a:gd name="connsiteY46" fmla="*/ 8818 h 10000"/>
                  <a:gd name="connsiteX47" fmla="*/ 4720 w 10000"/>
                  <a:gd name="connsiteY47" fmla="*/ 8744 h 10000"/>
                  <a:gd name="connsiteX48" fmla="*/ 4720 w 10000"/>
                  <a:gd name="connsiteY48" fmla="*/ 8922 h 10000"/>
                  <a:gd name="connsiteX49" fmla="*/ 4695 w 10000"/>
                  <a:gd name="connsiteY49" fmla="*/ 9069 h 10000"/>
                  <a:gd name="connsiteX50" fmla="*/ 4671 w 10000"/>
                  <a:gd name="connsiteY50" fmla="*/ 9232 h 10000"/>
                  <a:gd name="connsiteX51" fmla="*/ 4644 w 10000"/>
                  <a:gd name="connsiteY51" fmla="*/ 9365 h 10000"/>
                  <a:gd name="connsiteX52" fmla="*/ 4593 w 10000"/>
                  <a:gd name="connsiteY52" fmla="*/ 9498 h 10000"/>
                  <a:gd name="connsiteX53" fmla="*/ 4493 w 10000"/>
                  <a:gd name="connsiteY53" fmla="*/ 9616 h 10000"/>
                  <a:gd name="connsiteX54" fmla="*/ 4416 w 10000"/>
                  <a:gd name="connsiteY54" fmla="*/ 9734 h 10000"/>
                  <a:gd name="connsiteX55" fmla="*/ 4289 w 10000"/>
                  <a:gd name="connsiteY55" fmla="*/ 9838 h 10000"/>
                  <a:gd name="connsiteX56" fmla="*/ 3983 w 10000"/>
                  <a:gd name="connsiteY56" fmla="*/ 9897 h 10000"/>
                  <a:gd name="connsiteX57" fmla="*/ 3731 w 10000"/>
                  <a:gd name="connsiteY57" fmla="*/ 9941 h 10000"/>
                  <a:gd name="connsiteX58" fmla="*/ 3426 w 10000"/>
                  <a:gd name="connsiteY58" fmla="*/ 9985 h 10000"/>
                  <a:gd name="connsiteX59" fmla="*/ 3198 w 10000"/>
                  <a:gd name="connsiteY59" fmla="*/ 10000 h 10000"/>
                  <a:gd name="connsiteX60" fmla="*/ 2690 w 10000"/>
                  <a:gd name="connsiteY60" fmla="*/ 10000 h 10000"/>
                  <a:gd name="connsiteX61" fmla="*/ 2208 w 10000"/>
                  <a:gd name="connsiteY61" fmla="*/ 9985 h 10000"/>
                  <a:gd name="connsiteX62" fmla="*/ 1752 w 10000"/>
                  <a:gd name="connsiteY62" fmla="*/ 9941 h 10000"/>
                  <a:gd name="connsiteX63" fmla="*/ 1270 w 10000"/>
                  <a:gd name="connsiteY63" fmla="*/ 9911 h 10000"/>
                  <a:gd name="connsiteX64" fmla="*/ 990 w 10000"/>
                  <a:gd name="connsiteY64" fmla="*/ 9911 h 10000"/>
                  <a:gd name="connsiteX65" fmla="*/ 736 w 10000"/>
                  <a:gd name="connsiteY65" fmla="*/ 9911 h 10000"/>
                  <a:gd name="connsiteX66" fmla="*/ 457 w 10000"/>
                  <a:gd name="connsiteY66" fmla="*/ 9926 h 10000"/>
                  <a:gd name="connsiteX67" fmla="*/ 178 w 10000"/>
                  <a:gd name="connsiteY67" fmla="*/ 9970 h 10000"/>
                  <a:gd name="connsiteX68" fmla="*/ 102 w 10000"/>
                  <a:gd name="connsiteY68" fmla="*/ 9867 h 10000"/>
                  <a:gd name="connsiteX69" fmla="*/ 51 w 10000"/>
                  <a:gd name="connsiteY69" fmla="*/ 9793 h 10000"/>
                  <a:gd name="connsiteX70" fmla="*/ 0 w 10000"/>
                  <a:gd name="connsiteY70" fmla="*/ 9705 h 10000"/>
                  <a:gd name="connsiteX71" fmla="*/ 0 w 10000"/>
                  <a:gd name="connsiteY71" fmla="*/ 9601 h 10000"/>
                  <a:gd name="connsiteX72" fmla="*/ 51 w 10000"/>
                  <a:gd name="connsiteY72" fmla="*/ 9424 h 10000"/>
                  <a:gd name="connsiteX73" fmla="*/ 102 w 10000"/>
                  <a:gd name="connsiteY73" fmla="*/ 9202 h 10000"/>
                  <a:gd name="connsiteX74" fmla="*/ 151 w 10000"/>
                  <a:gd name="connsiteY74" fmla="*/ 8996 h 10000"/>
                  <a:gd name="connsiteX75" fmla="*/ 203 w 10000"/>
                  <a:gd name="connsiteY75" fmla="*/ 8759 h 10000"/>
                  <a:gd name="connsiteX76" fmla="*/ 228 w 10000"/>
                  <a:gd name="connsiteY76" fmla="*/ 8641 h 10000"/>
                  <a:gd name="connsiteX77" fmla="*/ 228 w 10000"/>
                  <a:gd name="connsiteY77" fmla="*/ 8538 h 10000"/>
                  <a:gd name="connsiteX78" fmla="*/ 203 w 10000"/>
                  <a:gd name="connsiteY78" fmla="*/ 8405 h 10000"/>
                  <a:gd name="connsiteX79" fmla="*/ 178 w 10000"/>
                  <a:gd name="connsiteY79" fmla="*/ 8287 h 10000"/>
                  <a:gd name="connsiteX80" fmla="*/ 431 w 10000"/>
                  <a:gd name="connsiteY80" fmla="*/ 8213 h 10000"/>
                  <a:gd name="connsiteX81" fmla="*/ 685 w 10000"/>
                  <a:gd name="connsiteY81" fmla="*/ 8139 h 10000"/>
                  <a:gd name="connsiteX82" fmla="*/ 939 w 10000"/>
                  <a:gd name="connsiteY82" fmla="*/ 8095 h 10000"/>
                  <a:gd name="connsiteX83" fmla="*/ 1218 w 10000"/>
                  <a:gd name="connsiteY83" fmla="*/ 8065 h 10000"/>
                  <a:gd name="connsiteX84" fmla="*/ 1725 w 10000"/>
                  <a:gd name="connsiteY84" fmla="*/ 8021 h 10000"/>
                  <a:gd name="connsiteX85" fmla="*/ 2234 w 10000"/>
                  <a:gd name="connsiteY85" fmla="*/ 7976 h 10000"/>
                  <a:gd name="connsiteX86" fmla="*/ 2462 w 10000"/>
                  <a:gd name="connsiteY86" fmla="*/ 7947 h 10000"/>
                  <a:gd name="connsiteX87" fmla="*/ 2690 w 10000"/>
                  <a:gd name="connsiteY87" fmla="*/ 7917 h 10000"/>
                  <a:gd name="connsiteX88" fmla="*/ 2892 w 10000"/>
                  <a:gd name="connsiteY88" fmla="*/ 7843 h 10000"/>
                  <a:gd name="connsiteX89" fmla="*/ 3096 w 10000"/>
                  <a:gd name="connsiteY89" fmla="*/ 7784 h 10000"/>
                  <a:gd name="connsiteX90" fmla="*/ 3274 w 10000"/>
                  <a:gd name="connsiteY90" fmla="*/ 7710 h 10000"/>
                  <a:gd name="connsiteX91" fmla="*/ 3426 w 10000"/>
                  <a:gd name="connsiteY91" fmla="*/ 7592 h 10000"/>
                  <a:gd name="connsiteX92" fmla="*/ 3579 w 10000"/>
                  <a:gd name="connsiteY92" fmla="*/ 7474 h 10000"/>
                  <a:gd name="connsiteX93" fmla="*/ 3680 w 10000"/>
                  <a:gd name="connsiteY93" fmla="*/ 7312 h 10000"/>
                  <a:gd name="connsiteX94" fmla="*/ 3477 w 10000"/>
                  <a:gd name="connsiteY94" fmla="*/ 7238 h 10000"/>
                  <a:gd name="connsiteX95" fmla="*/ 3299 w 10000"/>
                  <a:gd name="connsiteY95" fmla="*/ 7179 h 10000"/>
                  <a:gd name="connsiteX96" fmla="*/ 3147 w 10000"/>
                  <a:gd name="connsiteY96" fmla="*/ 7090 h 10000"/>
                  <a:gd name="connsiteX97" fmla="*/ 2995 w 10000"/>
                  <a:gd name="connsiteY97" fmla="*/ 6987 h 10000"/>
                  <a:gd name="connsiteX98" fmla="*/ 2892 w 10000"/>
                  <a:gd name="connsiteY98" fmla="*/ 6869 h 10000"/>
                  <a:gd name="connsiteX99" fmla="*/ 2843 w 10000"/>
                  <a:gd name="connsiteY99" fmla="*/ 6721 h 10000"/>
                  <a:gd name="connsiteX100" fmla="*/ 2817 w 10000"/>
                  <a:gd name="connsiteY100" fmla="*/ 6558 h 10000"/>
                  <a:gd name="connsiteX101" fmla="*/ 2843 w 10000"/>
                  <a:gd name="connsiteY101" fmla="*/ 6352 h 10000"/>
                  <a:gd name="connsiteX102" fmla="*/ 2716 w 10000"/>
                  <a:gd name="connsiteY102" fmla="*/ 6322 h 10000"/>
                  <a:gd name="connsiteX103" fmla="*/ 2564 w 10000"/>
                  <a:gd name="connsiteY103" fmla="*/ 6292 h 10000"/>
                  <a:gd name="connsiteX104" fmla="*/ 2386 w 10000"/>
                  <a:gd name="connsiteY104" fmla="*/ 6278 h 10000"/>
                  <a:gd name="connsiteX105" fmla="*/ 2208 w 10000"/>
                  <a:gd name="connsiteY105" fmla="*/ 6263 h 10000"/>
                  <a:gd name="connsiteX106" fmla="*/ 1853 w 10000"/>
                  <a:gd name="connsiteY106" fmla="*/ 6248 h 10000"/>
                  <a:gd name="connsiteX107" fmla="*/ 1472 w 10000"/>
                  <a:gd name="connsiteY107" fmla="*/ 6263 h 10000"/>
                  <a:gd name="connsiteX108" fmla="*/ 1143 w 10000"/>
                  <a:gd name="connsiteY108" fmla="*/ 6278 h 10000"/>
                  <a:gd name="connsiteX109" fmla="*/ 837 w 10000"/>
                  <a:gd name="connsiteY109" fmla="*/ 6278 h 10000"/>
                  <a:gd name="connsiteX110" fmla="*/ 585 w 10000"/>
                  <a:gd name="connsiteY110" fmla="*/ 6263 h 10000"/>
                  <a:gd name="connsiteX111" fmla="*/ 381 w 10000"/>
                  <a:gd name="connsiteY111" fmla="*/ 6233 h 10000"/>
                  <a:gd name="connsiteX112" fmla="*/ 633 w 10000"/>
                  <a:gd name="connsiteY112" fmla="*/ 5805 h 10000"/>
                  <a:gd name="connsiteX113" fmla="*/ 914 w 10000"/>
                  <a:gd name="connsiteY113" fmla="*/ 5391 h 10000"/>
                  <a:gd name="connsiteX114" fmla="*/ 1016 w 10000"/>
                  <a:gd name="connsiteY114" fmla="*/ 5170 h 10000"/>
                  <a:gd name="connsiteX115" fmla="*/ 1091 w 10000"/>
                  <a:gd name="connsiteY115" fmla="*/ 4963 h 10000"/>
                  <a:gd name="connsiteX116" fmla="*/ 1116 w 10000"/>
                  <a:gd name="connsiteY116" fmla="*/ 4860 h 10000"/>
                  <a:gd name="connsiteX117" fmla="*/ 1091 w 10000"/>
                  <a:gd name="connsiteY117" fmla="*/ 4756 h 10000"/>
                  <a:gd name="connsiteX118" fmla="*/ 1066 w 10000"/>
                  <a:gd name="connsiteY118" fmla="*/ 4653 h 10000"/>
                  <a:gd name="connsiteX119" fmla="*/ 990 w 10000"/>
                  <a:gd name="connsiteY119" fmla="*/ 4549 h 10000"/>
                  <a:gd name="connsiteX120" fmla="*/ 1270 w 10000"/>
                  <a:gd name="connsiteY120" fmla="*/ 4520 h 10000"/>
                  <a:gd name="connsiteX121" fmla="*/ 1472 w 10000"/>
                  <a:gd name="connsiteY121" fmla="*/ 4505 h 10000"/>
                  <a:gd name="connsiteX122" fmla="*/ 1650 w 10000"/>
                  <a:gd name="connsiteY122" fmla="*/ 4505 h 10000"/>
                  <a:gd name="connsiteX123" fmla="*/ 1802 w 10000"/>
                  <a:gd name="connsiteY123" fmla="*/ 4520 h 10000"/>
                  <a:gd name="connsiteX124" fmla="*/ 1929 w 10000"/>
                  <a:gd name="connsiteY124" fmla="*/ 4520 h 10000"/>
                  <a:gd name="connsiteX125" fmla="*/ 2081 w 10000"/>
                  <a:gd name="connsiteY125" fmla="*/ 4520 h 10000"/>
                  <a:gd name="connsiteX126" fmla="*/ 2234 w 10000"/>
                  <a:gd name="connsiteY126" fmla="*/ 4490 h 10000"/>
                  <a:gd name="connsiteX127" fmla="*/ 2436 w 10000"/>
                  <a:gd name="connsiteY127" fmla="*/ 4446 h 10000"/>
                  <a:gd name="connsiteX128" fmla="*/ 2436 w 10000"/>
                  <a:gd name="connsiteY128" fmla="*/ 4579 h 10000"/>
                  <a:gd name="connsiteX129" fmla="*/ 2436 w 10000"/>
                  <a:gd name="connsiteY129" fmla="*/ 4742 h 10000"/>
                  <a:gd name="connsiteX130" fmla="*/ 2436 w 10000"/>
                  <a:gd name="connsiteY130" fmla="*/ 4874 h 10000"/>
                  <a:gd name="connsiteX131" fmla="*/ 2436 w 10000"/>
                  <a:gd name="connsiteY131" fmla="*/ 5037 h 10000"/>
                  <a:gd name="connsiteX132" fmla="*/ 2665 w 10000"/>
                  <a:gd name="connsiteY132" fmla="*/ 5022 h 10000"/>
                  <a:gd name="connsiteX133" fmla="*/ 2817 w 10000"/>
                  <a:gd name="connsiteY133" fmla="*/ 5037 h 10000"/>
                  <a:gd name="connsiteX134" fmla="*/ 2944 w 10000"/>
                  <a:gd name="connsiteY134" fmla="*/ 5066 h 10000"/>
                  <a:gd name="connsiteX135" fmla="*/ 3071 w 10000"/>
                  <a:gd name="connsiteY135" fmla="*/ 5096 h 10000"/>
                  <a:gd name="connsiteX136" fmla="*/ 3173 w 10000"/>
                  <a:gd name="connsiteY136" fmla="*/ 5126 h 10000"/>
                  <a:gd name="connsiteX137" fmla="*/ 3299 w 10000"/>
                  <a:gd name="connsiteY137" fmla="*/ 5155 h 10000"/>
                  <a:gd name="connsiteX138" fmla="*/ 3452 w 10000"/>
                  <a:gd name="connsiteY138" fmla="*/ 5170 h 10000"/>
                  <a:gd name="connsiteX139" fmla="*/ 3680 w 10000"/>
                  <a:gd name="connsiteY139" fmla="*/ 5155 h 10000"/>
                  <a:gd name="connsiteX140" fmla="*/ 3757 w 10000"/>
                  <a:gd name="connsiteY140" fmla="*/ 5096 h 10000"/>
                  <a:gd name="connsiteX141" fmla="*/ 3832 w 10000"/>
                  <a:gd name="connsiteY141" fmla="*/ 5022 h 10000"/>
                  <a:gd name="connsiteX142" fmla="*/ 3857 w 10000"/>
                  <a:gd name="connsiteY142" fmla="*/ 4934 h 10000"/>
                  <a:gd name="connsiteX143" fmla="*/ 3884 w 10000"/>
                  <a:gd name="connsiteY143" fmla="*/ 4860 h 10000"/>
                  <a:gd name="connsiteX144" fmla="*/ 3908 w 10000"/>
                  <a:gd name="connsiteY144" fmla="*/ 4697 h 10000"/>
                  <a:gd name="connsiteX145" fmla="*/ 3884 w 10000"/>
                  <a:gd name="connsiteY145" fmla="*/ 4520 h 10000"/>
                  <a:gd name="connsiteX146" fmla="*/ 3807 w 10000"/>
                  <a:gd name="connsiteY146" fmla="*/ 4343 h 10000"/>
                  <a:gd name="connsiteX147" fmla="*/ 3731 w 10000"/>
                  <a:gd name="connsiteY147" fmla="*/ 4195 h 10000"/>
                  <a:gd name="connsiteX148" fmla="*/ 3604 w 10000"/>
                  <a:gd name="connsiteY148" fmla="*/ 4047 h 10000"/>
                  <a:gd name="connsiteX149" fmla="*/ 3477 w 10000"/>
                  <a:gd name="connsiteY149" fmla="*/ 3959 h 10000"/>
                  <a:gd name="connsiteX150" fmla="*/ 3629 w 10000"/>
                  <a:gd name="connsiteY150" fmla="*/ 3944 h 10000"/>
                  <a:gd name="connsiteX151" fmla="*/ 3757 w 10000"/>
                  <a:gd name="connsiteY151" fmla="*/ 3914 h 10000"/>
                  <a:gd name="connsiteX152" fmla="*/ 3857 w 10000"/>
                  <a:gd name="connsiteY152" fmla="*/ 3855 h 10000"/>
                  <a:gd name="connsiteX153" fmla="*/ 3983 w 10000"/>
                  <a:gd name="connsiteY153" fmla="*/ 3752 h 10000"/>
                  <a:gd name="connsiteX154" fmla="*/ 4111 w 10000"/>
                  <a:gd name="connsiteY154" fmla="*/ 3663 h 10000"/>
                  <a:gd name="connsiteX155" fmla="*/ 4213 w 10000"/>
                  <a:gd name="connsiteY155" fmla="*/ 3560 h 10000"/>
                  <a:gd name="connsiteX156" fmla="*/ 4289 w 10000"/>
                  <a:gd name="connsiteY156" fmla="*/ 3442 h 10000"/>
                  <a:gd name="connsiteX157" fmla="*/ 4366 w 10000"/>
                  <a:gd name="connsiteY157" fmla="*/ 3323 h 10000"/>
                  <a:gd name="connsiteX158" fmla="*/ 4416 w 10000"/>
                  <a:gd name="connsiteY158" fmla="*/ 3220 h 10000"/>
                  <a:gd name="connsiteX159" fmla="*/ 4441 w 10000"/>
                  <a:gd name="connsiteY159" fmla="*/ 3102 h 10000"/>
                  <a:gd name="connsiteX160" fmla="*/ 4468 w 10000"/>
                  <a:gd name="connsiteY160" fmla="*/ 3013 h 10000"/>
                  <a:gd name="connsiteX161" fmla="*/ 4441 w 10000"/>
                  <a:gd name="connsiteY161" fmla="*/ 2939 h 10000"/>
                  <a:gd name="connsiteX162" fmla="*/ 4416 w 10000"/>
                  <a:gd name="connsiteY162" fmla="*/ 2866 h 10000"/>
                  <a:gd name="connsiteX163" fmla="*/ 4340 w 10000"/>
                  <a:gd name="connsiteY163" fmla="*/ 2836 h 10000"/>
                  <a:gd name="connsiteX164" fmla="*/ 4239 w 10000"/>
                  <a:gd name="connsiteY164" fmla="*/ 2836 h 10000"/>
                  <a:gd name="connsiteX165" fmla="*/ 4111 w 10000"/>
                  <a:gd name="connsiteY165" fmla="*/ 2866 h 10000"/>
                  <a:gd name="connsiteX166" fmla="*/ 4213 w 10000"/>
                  <a:gd name="connsiteY166" fmla="*/ 2777 h 10000"/>
                  <a:gd name="connsiteX167" fmla="*/ 4265 w 10000"/>
                  <a:gd name="connsiteY167" fmla="*/ 2674 h 10000"/>
                  <a:gd name="connsiteX168" fmla="*/ 4289 w 10000"/>
                  <a:gd name="connsiteY168" fmla="*/ 2541 h 10000"/>
                  <a:gd name="connsiteX169" fmla="*/ 4289 w 10000"/>
                  <a:gd name="connsiteY169" fmla="*/ 2393 h 10000"/>
                  <a:gd name="connsiteX170" fmla="*/ 4314 w 10000"/>
                  <a:gd name="connsiteY170" fmla="*/ 2349 h 10000"/>
                  <a:gd name="connsiteX171" fmla="*/ 4366 w 10000"/>
                  <a:gd name="connsiteY171" fmla="*/ 2304 h 10000"/>
                  <a:gd name="connsiteX172" fmla="*/ 4416 w 10000"/>
                  <a:gd name="connsiteY172" fmla="*/ 2290 h 10000"/>
                  <a:gd name="connsiteX173" fmla="*/ 4493 w 10000"/>
                  <a:gd name="connsiteY173" fmla="*/ 2275 h 10000"/>
                  <a:gd name="connsiteX174" fmla="*/ 4720 w 10000"/>
                  <a:gd name="connsiteY174" fmla="*/ 2260 h 10000"/>
                  <a:gd name="connsiteX175" fmla="*/ 4923 w 10000"/>
                  <a:gd name="connsiteY175" fmla="*/ 2275 h 10000"/>
                  <a:gd name="connsiteX176" fmla="*/ 4898 w 10000"/>
                  <a:gd name="connsiteY176" fmla="*/ 2112 h 10000"/>
                  <a:gd name="connsiteX177" fmla="*/ 4848 w 10000"/>
                  <a:gd name="connsiteY177" fmla="*/ 1950 h 10000"/>
                  <a:gd name="connsiteX178" fmla="*/ 4771 w 10000"/>
                  <a:gd name="connsiteY178" fmla="*/ 1802 h 10000"/>
                  <a:gd name="connsiteX179" fmla="*/ 4671 w 10000"/>
                  <a:gd name="connsiteY179" fmla="*/ 1640 h 10000"/>
                  <a:gd name="connsiteX180" fmla="*/ 4416 w 10000"/>
                  <a:gd name="connsiteY180" fmla="*/ 1329 h 10000"/>
                  <a:gd name="connsiteX181" fmla="*/ 4162 w 10000"/>
                  <a:gd name="connsiteY181" fmla="*/ 1034 h 10000"/>
                  <a:gd name="connsiteX182" fmla="*/ 4035 w 10000"/>
                  <a:gd name="connsiteY182" fmla="*/ 901 h 10000"/>
                  <a:gd name="connsiteX183" fmla="*/ 3935 w 10000"/>
                  <a:gd name="connsiteY183" fmla="*/ 753 h 10000"/>
                  <a:gd name="connsiteX184" fmla="*/ 3857 w 10000"/>
                  <a:gd name="connsiteY184" fmla="*/ 620 h 10000"/>
                  <a:gd name="connsiteX185" fmla="*/ 3832 w 10000"/>
                  <a:gd name="connsiteY185" fmla="*/ 487 h 10000"/>
                  <a:gd name="connsiteX186" fmla="*/ 3807 w 10000"/>
                  <a:gd name="connsiteY186" fmla="*/ 355 h 10000"/>
                  <a:gd name="connsiteX187" fmla="*/ 3857 w 10000"/>
                  <a:gd name="connsiteY187" fmla="*/ 222 h 10000"/>
                  <a:gd name="connsiteX188" fmla="*/ 3884 w 10000"/>
                  <a:gd name="connsiteY188" fmla="*/ 162 h 10000"/>
                  <a:gd name="connsiteX189" fmla="*/ 3935 w 10000"/>
                  <a:gd name="connsiteY189" fmla="*/ 103 h 10000"/>
                  <a:gd name="connsiteX190" fmla="*/ 4011 w 10000"/>
                  <a:gd name="connsiteY190" fmla="*/ 59 h 10000"/>
                  <a:gd name="connsiteX191" fmla="*/ 4111 w 10000"/>
                  <a:gd name="connsiteY191" fmla="*/ 0 h 10000"/>
                  <a:gd name="connsiteX192" fmla="*/ 4289 w 10000"/>
                  <a:gd name="connsiteY192" fmla="*/ 0 h 10000"/>
                  <a:gd name="connsiteX193" fmla="*/ 4468 w 10000"/>
                  <a:gd name="connsiteY193" fmla="*/ 15 h 10000"/>
                  <a:gd name="connsiteX194" fmla="*/ 4644 w 10000"/>
                  <a:gd name="connsiteY194" fmla="*/ 44 h 10000"/>
                  <a:gd name="connsiteX195" fmla="*/ 4771 w 10000"/>
                  <a:gd name="connsiteY195" fmla="*/ 89 h 10000"/>
                  <a:gd name="connsiteX196" fmla="*/ 4975 w 10000"/>
                  <a:gd name="connsiteY196" fmla="*/ 192 h 10000"/>
                  <a:gd name="connsiteX197" fmla="*/ 5177 w 10000"/>
                  <a:gd name="connsiteY197" fmla="*/ 340 h 10000"/>
                  <a:gd name="connsiteX198" fmla="*/ 5329 w 10000"/>
                  <a:gd name="connsiteY198" fmla="*/ 473 h 10000"/>
                  <a:gd name="connsiteX199" fmla="*/ 5532 w 10000"/>
                  <a:gd name="connsiteY199" fmla="*/ 591 h 10000"/>
                  <a:gd name="connsiteX200" fmla="*/ 5660 w 10000"/>
                  <a:gd name="connsiteY200" fmla="*/ 650 h 10000"/>
                  <a:gd name="connsiteX201" fmla="*/ 5812 w 10000"/>
                  <a:gd name="connsiteY201" fmla="*/ 679 h 10000"/>
                  <a:gd name="connsiteX202" fmla="*/ 5965 w 10000"/>
                  <a:gd name="connsiteY202" fmla="*/ 709 h 10000"/>
                  <a:gd name="connsiteX203" fmla="*/ 6168 w 10000"/>
                  <a:gd name="connsiteY203" fmla="*/ 709 h 10000"/>
                  <a:gd name="connsiteX204" fmla="*/ 6168 w 10000"/>
                  <a:gd name="connsiteY204" fmla="*/ 768 h 10000"/>
                  <a:gd name="connsiteX205" fmla="*/ 6193 w 10000"/>
                  <a:gd name="connsiteY205" fmla="*/ 842 h 10000"/>
                  <a:gd name="connsiteX206" fmla="*/ 6243 w 10000"/>
                  <a:gd name="connsiteY206" fmla="*/ 916 h 10000"/>
                  <a:gd name="connsiteX207" fmla="*/ 6294 w 10000"/>
                  <a:gd name="connsiteY207" fmla="*/ 990 h 10000"/>
                  <a:gd name="connsiteX208" fmla="*/ 6369 w 10000"/>
                  <a:gd name="connsiteY208" fmla="*/ 1049 h 10000"/>
                  <a:gd name="connsiteX209" fmla="*/ 6471 w 10000"/>
                  <a:gd name="connsiteY209" fmla="*/ 1108 h 10000"/>
                  <a:gd name="connsiteX210" fmla="*/ 6598 w 10000"/>
                  <a:gd name="connsiteY210" fmla="*/ 1182 h 10000"/>
                  <a:gd name="connsiteX211" fmla="*/ 6700 w 10000"/>
                  <a:gd name="connsiteY211" fmla="*/ 1226 h 10000"/>
                  <a:gd name="connsiteX212" fmla="*/ 6802 w 10000"/>
                  <a:gd name="connsiteY212" fmla="*/ 1270 h 10000"/>
                  <a:gd name="connsiteX213" fmla="*/ 6903 w 10000"/>
                  <a:gd name="connsiteY213" fmla="*/ 1300 h 10000"/>
                  <a:gd name="connsiteX214" fmla="*/ 7005 w 10000"/>
                  <a:gd name="connsiteY214" fmla="*/ 1315 h 10000"/>
                  <a:gd name="connsiteX215" fmla="*/ 7132 w 10000"/>
                  <a:gd name="connsiteY215" fmla="*/ 1300 h 10000"/>
                  <a:gd name="connsiteX216" fmla="*/ 7234 w 10000"/>
                  <a:gd name="connsiteY216" fmla="*/ 1285 h 10000"/>
                  <a:gd name="connsiteX217" fmla="*/ 7309 w 10000"/>
                  <a:gd name="connsiteY217" fmla="*/ 1241 h 10000"/>
                  <a:gd name="connsiteX218" fmla="*/ 7361 w 10000"/>
                  <a:gd name="connsiteY218" fmla="*/ 1167 h 10000"/>
                  <a:gd name="connsiteX219" fmla="*/ 7385 w 10000"/>
                  <a:gd name="connsiteY219" fmla="*/ 1064 h 10000"/>
                  <a:gd name="connsiteX220" fmla="*/ 7766 w 10000"/>
                  <a:gd name="connsiteY220" fmla="*/ 1034 h 10000"/>
                  <a:gd name="connsiteX221" fmla="*/ 8121 w 10000"/>
                  <a:gd name="connsiteY221" fmla="*/ 1004 h 10000"/>
                  <a:gd name="connsiteX222" fmla="*/ 8427 w 10000"/>
                  <a:gd name="connsiteY222" fmla="*/ 990 h 10000"/>
                  <a:gd name="connsiteX223" fmla="*/ 8706 w 10000"/>
                  <a:gd name="connsiteY223" fmla="*/ 1004 h 10000"/>
                  <a:gd name="connsiteX224" fmla="*/ 8833 w 10000"/>
                  <a:gd name="connsiteY224" fmla="*/ 1019 h 10000"/>
                  <a:gd name="connsiteX225" fmla="*/ 8958 w 10000"/>
                  <a:gd name="connsiteY225" fmla="*/ 1034 h 10000"/>
                  <a:gd name="connsiteX226" fmla="*/ 9061 w 10000"/>
                  <a:gd name="connsiteY226" fmla="*/ 1064 h 10000"/>
                  <a:gd name="connsiteX227" fmla="*/ 9188 w 10000"/>
                  <a:gd name="connsiteY227" fmla="*/ 1108 h 10000"/>
                  <a:gd name="connsiteX228" fmla="*/ 9264 w 10000"/>
                  <a:gd name="connsiteY228" fmla="*/ 1182 h 10000"/>
                  <a:gd name="connsiteX229" fmla="*/ 9339 w 10000"/>
                  <a:gd name="connsiteY229" fmla="*/ 1241 h 10000"/>
                  <a:gd name="connsiteX230" fmla="*/ 9391 w 10000"/>
                  <a:gd name="connsiteY230" fmla="*/ 1329 h 10000"/>
                  <a:gd name="connsiteX231" fmla="*/ 9442 w 10000"/>
                  <a:gd name="connsiteY231" fmla="*/ 1433 h 10000"/>
                  <a:gd name="connsiteX232" fmla="*/ 9492 w 10000"/>
                  <a:gd name="connsiteY232" fmla="*/ 1551 h 10000"/>
                  <a:gd name="connsiteX233" fmla="*/ 9466 w 10000"/>
                  <a:gd name="connsiteY233" fmla="*/ 1625 h 10000"/>
                  <a:gd name="connsiteX234" fmla="*/ 9442 w 10000"/>
                  <a:gd name="connsiteY234" fmla="*/ 1684 h 10000"/>
                  <a:gd name="connsiteX235" fmla="*/ 9391 w 10000"/>
                  <a:gd name="connsiteY235" fmla="*/ 1758 h 10000"/>
                  <a:gd name="connsiteX236" fmla="*/ 9315 w 10000"/>
                  <a:gd name="connsiteY236" fmla="*/ 1802 h 10000"/>
                  <a:gd name="connsiteX237" fmla="*/ 9264 w 10000"/>
                  <a:gd name="connsiteY237" fmla="*/ 1861 h 10000"/>
                  <a:gd name="connsiteX238" fmla="*/ 9240 w 10000"/>
                  <a:gd name="connsiteY238" fmla="*/ 1935 h 10000"/>
                  <a:gd name="connsiteX239" fmla="*/ 9264 w 10000"/>
                  <a:gd name="connsiteY239" fmla="*/ 2024 h 10000"/>
                  <a:gd name="connsiteX240" fmla="*/ 9543 w 10000"/>
                  <a:gd name="connsiteY240" fmla="*/ 2157 h 10000"/>
                  <a:gd name="connsiteX241" fmla="*/ 9873 w 10000"/>
                  <a:gd name="connsiteY241" fmla="*/ 2275 h 10000"/>
                  <a:gd name="connsiteX242" fmla="*/ 10000 w 10000"/>
                  <a:gd name="connsiteY242" fmla="*/ 2349 h 10000"/>
                  <a:gd name="connsiteX0" fmla="*/ 6369 w 10000"/>
                  <a:gd name="connsiteY0" fmla="*/ 4313 h 10000"/>
                  <a:gd name="connsiteX1" fmla="*/ 9415 w 10000"/>
                  <a:gd name="connsiteY1" fmla="*/ 3117 h 10000"/>
                  <a:gd name="connsiteX2" fmla="*/ 9442 w 10000"/>
                  <a:gd name="connsiteY2" fmla="*/ 3072 h 10000"/>
                  <a:gd name="connsiteX3" fmla="*/ 9466 w 10000"/>
                  <a:gd name="connsiteY3" fmla="*/ 3013 h 10000"/>
                  <a:gd name="connsiteX4" fmla="*/ 9466 w 10000"/>
                  <a:gd name="connsiteY4" fmla="*/ 2954 h 10000"/>
                  <a:gd name="connsiteX5" fmla="*/ 9442 w 10000"/>
                  <a:gd name="connsiteY5" fmla="*/ 2866 h 10000"/>
                  <a:gd name="connsiteX6" fmla="*/ 6345 w 10000"/>
                  <a:gd name="connsiteY6" fmla="*/ 4003 h 10000"/>
                  <a:gd name="connsiteX7" fmla="*/ 6143 w 10000"/>
                  <a:gd name="connsiteY7" fmla="*/ 4106 h 10000"/>
                  <a:gd name="connsiteX8" fmla="*/ 5938 w 10000"/>
                  <a:gd name="connsiteY8" fmla="*/ 4195 h 10000"/>
                  <a:gd name="connsiteX9" fmla="*/ 6421 w 10000"/>
                  <a:gd name="connsiteY9" fmla="*/ 5318 h 10000"/>
                  <a:gd name="connsiteX10" fmla="*/ 6447 w 10000"/>
                  <a:gd name="connsiteY10" fmla="*/ 5539 h 10000"/>
                  <a:gd name="connsiteX11" fmla="*/ 6471 w 10000"/>
                  <a:gd name="connsiteY11" fmla="*/ 5775 h 10000"/>
                  <a:gd name="connsiteX12" fmla="*/ 6471 w 10000"/>
                  <a:gd name="connsiteY12" fmla="*/ 5997 h 10000"/>
                  <a:gd name="connsiteX13" fmla="*/ 6447 w 10000"/>
                  <a:gd name="connsiteY13" fmla="*/ 6233 h 10000"/>
                  <a:gd name="connsiteX14" fmla="*/ 6396 w 10000"/>
                  <a:gd name="connsiteY14" fmla="*/ 6470 h 10000"/>
                  <a:gd name="connsiteX15" fmla="*/ 6345 w 10000"/>
                  <a:gd name="connsiteY15" fmla="*/ 6677 h 10000"/>
                  <a:gd name="connsiteX16" fmla="*/ 6269 w 10000"/>
                  <a:gd name="connsiteY16" fmla="*/ 6898 h 10000"/>
                  <a:gd name="connsiteX17" fmla="*/ 6168 w 10000"/>
                  <a:gd name="connsiteY17" fmla="*/ 7105 h 10000"/>
                  <a:gd name="connsiteX18" fmla="*/ 6041 w 10000"/>
                  <a:gd name="connsiteY18" fmla="*/ 7297 h 10000"/>
                  <a:gd name="connsiteX19" fmla="*/ 5888 w 10000"/>
                  <a:gd name="connsiteY19" fmla="*/ 7489 h 10000"/>
                  <a:gd name="connsiteX20" fmla="*/ 5735 w 10000"/>
                  <a:gd name="connsiteY20" fmla="*/ 7681 h 10000"/>
                  <a:gd name="connsiteX21" fmla="*/ 6471 w 10000"/>
                  <a:gd name="connsiteY21" fmla="*/ 7799 h 10000"/>
                  <a:gd name="connsiteX22" fmla="*/ 7234 w 10000"/>
                  <a:gd name="connsiteY22" fmla="*/ 7962 h 10000"/>
                  <a:gd name="connsiteX23" fmla="*/ 7385 w 10000"/>
                  <a:gd name="connsiteY23" fmla="*/ 8021 h 10000"/>
                  <a:gd name="connsiteX24" fmla="*/ 7512 w 10000"/>
                  <a:gd name="connsiteY24" fmla="*/ 8080 h 10000"/>
                  <a:gd name="connsiteX25" fmla="*/ 7639 w 10000"/>
                  <a:gd name="connsiteY25" fmla="*/ 8139 h 10000"/>
                  <a:gd name="connsiteX26" fmla="*/ 7716 w 10000"/>
                  <a:gd name="connsiteY26" fmla="*/ 8227 h 10000"/>
                  <a:gd name="connsiteX27" fmla="*/ 7741 w 10000"/>
                  <a:gd name="connsiteY27" fmla="*/ 8301 h 10000"/>
                  <a:gd name="connsiteX28" fmla="*/ 7741 w 10000"/>
                  <a:gd name="connsiteY28" fmla="*/ 8405 h 10000"/>
                  <a:gd name="connsiteX29" fmla="*/ 7691 w 10000"/>
                  <a:gd name="connsiteY29" fmla="*/ 8523 h 10000"/>
                  <a:gd name="connsiteX30" fmla="*/ 7614 w 10000"/>
                  <a:gd name="connsiteY30" fmla="*/ 8641 h 10000"/>
                  <a:gd name="connsiteX31" fmla="*/ 7284 w 10000"/>
                  <a:gd name="connsiteY31" fmla="*/ 8552 h 10000"/>
                  <a:gd name="connsiteX32" fmla="*/ 6979 w 10000"/>
                  <a:gd name="connsiteY32" fmla="*/ 8449 h 10000"/>
                  <a:gd name="connsiteX33" fmla="*/ 6674 w 10000"/>
                  <a:gd name="connsiteY33" fmla="*/ 8360 h 10000"/>
                  <a:gd name="connsiteX34" fmla="*/ 6369 w 10000"/>
                  <a:gd name="connsiteY34" fmla="*/ 8287 h 10000"/>
                  <a:gd name="connsiteX35" fmla="*/ 6243 w 10000"/>
                  <a:gd name="connsiteY35" fmla="*/ 8449 h 10000"/>
                  <a:gd name="connsiteX36" fmla="*/ 6143 w 10000"/>
                  <a:gd name="connsiteY36" fmla="*/ 8597 h 10000"/>
                  <a:gd name="connsiteX37" fmla="*/ 6091 w 10000"/>
                  <a:gd name="connsiteY37" fmla="*/ 8656 h 10000"/>
                  <a:gd name="connsiteX38" fmla="*/ 5989 w 10000"/>
                  <a:gd name="connsiteY38" fmla="*/ 8700 h 10000"/>
                  <a:gd name="connsiteX39" fmla="*/ 5914 w 10000"/>
                  <a:gd name="connsiteY39" fmla="*/ 8744 h 10000"/>
                  <a:gd name="connsiteX40" fmla="*/ 5838 w 10000"/>
                  <a:gd name="connsiteY40" fmla="*/ 8774 h 10000"/>
                  <a:gd name="connsiteX41" fmla="*/ 5761 w 10000"/>
                  <a:gd name="connsiteY41" fmla="*/ 8804 h 10000"/>
                  <a:gd name="connsiteX42" fmla="*/ 5660 w 10000"/>
                  <a:gd name="connsiteY42" fmla="*/ 8818 h 10000"/>
                  <a:gd name="connsiteX43" fmla="*/ 5532 w 10000"/>
                  <a:gd name="connsiteY43" fmla="*/ 8833 h 10000"/>
                  <a:gd name="connsiteX44" fmla="*/ 5406 w 10000"/>
                  <a:gd name="connsiteY44" fmla="*/ 8833 h 10000"/>
                  <a:gd name="connsiteX45" fmla="*/ 5102 w 10000"/>
                  <a:gd name="connsiteY45" fmla="*/ 8818 h 10000"/>
                  <a:gd name="connsiteX46" fmla="*/ 4720 w 10000"/>
                  <a:gd name="connsiteY46" fmla="*/ 8744 h 10000"/>
                  <a:gd name="connsiteX47" fmla="*/ 4720 w 10000"/>
                  <a:gd name="connsiteY47" fmla="*/ 8922 h 10000"/>
                  <a:gd name="connsiteX48" fmla="*/ 4695 w 10000"/>
                  <a:gd name="connsiteY48" fmla="*/ 9069 h 10000"/>
                  <a:gd name="connsiteX49" fmla="*/ 4671 w 10000"/>
                  <a:gd name="connsiteY49" fmla="*/ 9232 h 10000"/>
                  <a:gd name="connsiteX50" fmla="*/ 4644 w 10000"/>
                  <a:gd name="connsiteY50" fmla="*/ 9365 h 10000"/>
                  <a:gd name="connsiteX51" fmla="*/ 4593 w 10000"/>
                  <a:gd name="connsiteY51" fmla="*/ 9498 h 10000"/>
                  <a:gd name="connsiteX52" fmla="*/ 4493 w 10000"/>
                  <a:gd name="connsiteY52" fmla="*/ 9616 h 10000"/>
                  <a:gd name="connsiteX53" fmla="*/ 4416 w 10000"/>
                  <a:gd name="connsiteY53" fmla="*/ 9734 h 10000"/>
                  <a:gd name="connsiteX54" fmla="*/ 4289 w 10000"/>
                  <a:gd name="connsiteY54" fmla="*/ 9838 h 10000"/>
                  <a:gd name="connsiteX55" fmla="*/ 3983 w 10000"/>
                  <a:gd name="connsiteY55" fmla="*/ 9897 h 10000"/>
                  <a:gd name="connsiteX56" fmla="*/ 3731 w 10000"/>
                  <a:gd name="connsiteY56" fmla="*/ 9941 h 10000"/>
                  <a:gd name="connsiteX57" fmla="*/ 3426 w 10000"/>
                  <a:gd name="connsiteY57" fmla="*/ 9985 h 10000"/>
                  <a:gd name="connsiteX58" fmla="*/ 3198 w 10000"/>
                  <a:gd name="connsiteY58" fmla="*/ 10000 h 10000"/>
                  <a:gd name="connsiteX59" fmla="*/ 2690 w 10000"/>
                  <a:gd name="connsiteY59" fmla="*/ 10000 h 10000"/>
                  <a:gd name="connsiteX60" fmla="*/ 2208 w 10000"/>
                  <a:gd name="connsiteY60" fmla="*/ 9985 h 10000"/>
                  <a:gd name="connsiteX61" fmla="*/ 1752 w 10000"/>
                  <a:gd name="connsiteY61" fmla="*/ 9941 h 10000"/>
                  <a:gd name="connsiteX62" fmla="*/ 1270 w 10000"/>
                  <a:gd name="connsiteY62" fmla="*/ 9911 h 10000"/>
                  <a:gd name="connsiteX63" fmla="*/ 990 w 10000"/>
                  <a:gd name="connsiteY63" fmla="*/ 9911 h 10000"/>
                  <a:gd name="connsiteX64" fmla="*/ 736 w 10000"/>
                  <a:gd name="connsiteY64" fmla="*/ 9911 h 10000"/>
                  <a:gd name="connsiteX65" fmla="*/ 457 w 10000"/>
                  <a:gd name="connsiteY65" fmla="*/ 9926 h 10000"/>
                  <a:gd name="connsiteX66" fmla="*/ 178 w 10000"/>
                  <a:gd name="connsiteY66" fmla="*/ 9970 h 10000"/>
                  <a:gd name="connsiteX67" fmla="*/ 102 w 10000"/>
                  <a:gd name="connsiteY67" fmla="*/ 9867 h 10000"/>
                  <a:gd name="connsiteX68" fmla="*/ 51 w 10000"/>
                  <a:gd name="connsiteY68" fmla="*/ 9793 h 10000"/>
                  <a:gd name="connsiteX69" fmla="*/ 0 w 10000"/>
                  <a:gd name="connsiteY69" fmla="*/ 9705 h 10000"/>
                  <a:gd name="connsiteX70" fmla="*/ 0 w 10000"/>
                  <a:gd name="connsiteY70" fmla="*/ 9601 h 10000"/>
                  <a:gd name="connsiteX71" fmla="*/ 51 w 10000"/>
                  <a:gd name="connsiteY71" fmla="*/ 9424 h 10000"/>
                  <a:gd name="connsiteX72" fmla="*/ 102 w 10000"/>
                  <a:gd name="connsiteY72" fmla="*/ 9202 h 10000"/>
                  <a:gd name="connsiteX73" fmla="*/ 151 w 10000"/>
                  <a:gd name="connsiteY73" fmla="*/ 8996 h 10000"/>
                  <a:gd name="connsiteX74" fmla="*/ 203 w 10000"/>
                  <a:gd name="connsiteY74" fmla="*/ 8759 h 10000"/>
                  <a:gd name="connsiteX75" fmla="*/ 228 w 10000"/>
                  <a:gd name="connsiteY75" fmla="*/ 8641 h 10000"/>
                  <a:gd name="connsiteX76" fmla="*/ 228 w 10000"/>
                  <a:gd name="connsiteY76" fmla="*/ 8538 h 10000"/>
                  <a:gd name="connsiteX77" fmla="*/ 203 w 10000"/>
                  <a:gd name="connsiteY77" fmla="*/ 8405 h 10000"/>
                  <a:gd name="connsiteX78" fmla="*/ 178 w 10000"/>
                  <a:gd name="connsiteY78" fmla="*/ 8287 h 10000"/>
                  <a:gd name="connsiteX79" fmla="*/ 431 w 10000"/>
                  <a:gd name="connsiteY79" fmla="*/ 8213 h 10000"/>
                  <a:gd name="connsiteX80" fmla="*/ 685 w 10000"/>
                  <a:gd name="connsiteY80" fmla="*/ 8139 h 10000"/>
                  <a:gd name="connsiteX81" fmla="*/ 939 w 10000"/>
                  <a:gd name="connsiteY81" fmla="*/ 8095 h 10000"/>
                  <a:gd name="connsiteX82" fmla="*/ 1218 w 10000"/>
                  <a:gd name="connsiteY82" fmla="*/ 8065 h 10000"/>
                  <a:gd name="connsiteX83" fmla="*/ 1725 w 10000"/>
                  <a:gd name="connsiteY83" fmla="*/ 8021 h 10000"/>
                  <a:gd name="connsiteX84" fmla="*/ 2234 w 10000"/>
                  <a:gd name="connsiteY84" fmla="*/ 7976 h 10000"/>
                  <a:gd name="connsiteX85" fmla="*/ 2462 w 10000"/>
                  <a:gd name="connsiteY85" fmla="*/ 7947 h 10000"/>
                  <a:gd name="connsiteX86" fmla="*/ 2690 w 10000"/>
                  <a:gd name="connsiteY86" fmla="*/ 7917 h 10000"/>
                  <a:gd name="connsiteX87" fmla="*/ 2892 w 10000"/>
                  <a:gd name="connsiteY87" fmla="*/ 7843 h 10000"/>
                  <a:gd name="connsiteX88" fmla="*/ 3096 w 10000"/>
                  <a:gd name="connsiteY88" fmla="*/ 7784 h 10000"/>
                  <a:gd name="connsiteX89" fmla="*/ 3274 w 10000"/>
                  <a:gd name="connsiteY89" fmla="*/ 7710 h 10000"/>
                  <a:gd name="connsiteX90" fmla="*/ 3426 w 10000"/>
                  <a:gd name="connsiteY90" fmla="*/ 7592 h 10000"/>
                  <a:gd name="connsiteX91" fmla="*/ 3579 w 10000"/>
                  <a:gd name="connsiteY91" fmla="*/ 7474 h 10000"/>
                  <a:gd name="connsiteX92" fmla="*/ 3680 w 10000"/>
                  <a:gd name="connsiteY92" fmla="*/ 7312 h 10000"/>
                  <a:gd name="connsiteX93" fmla="*/ 3477 w 10000"/>
                  <a:gd name="connsiteY93" fmla="*/ 7238 h 10000"/>
                  <a:gd name="connsiteX94" fmla="*/ 3299 w 10000"/>
                  <a:gd name="connsiteY94" fmla="*/ 7179 h 10000"/>
                  <a:gd name="connsiteX95" fmla="*/ 3147 w 10000"/>
                  <a:gd name="connsiteY95" fmla="*/ 7090 h 10000"/>
                  <a:gd name="connsiteX96" fmla="*/ 2995 w 10000"/>
                  <a:gd name="connsiteY96" fmla="*/ 6987 h 10000"/>
                  <a:gd name="connsiteX97" fmla="*/ 2892 w 10000"/>
                  <a:gd name="connsiteY97" fmla="*/ 6869 h 10000"/>
                  <a:gd name="connsiteX98" fmla="*/ 2843 w 10000"/>
                  <a:gd name="connsiteY98" fmla="*/ 6721 h 10000"/>
                  <a:gd name="connsiteX99" fmla="*/ 2817 w 10000"/>
                  <a:gd name="connsiteY99" fmla="*/ 6558 h 10000"/>
                  <a:gd name="connsiteX100" fmla="*/ 2843 w 10000"/>
                  <a:gd name="connsiteY100" fmla="*/ 6352 h 10000"/>
                  <a:gd name="connsiteX101" fmla="*/ 2716 w 10000"/>
                  <a:gd name="connsiteY101" fmla="*/ 6322 h 10000"/>
                  <a:gd name="connsiteX102" fmla="*/ 2564 w 10000"/>
                  <a:gd name="connsiteY102" fmla="*/ 6292 h 10000"/>
                  <a:gd name="connsiteX103" fmla="*/ 2386 w 10000"/>
                  <a:gd name="connsiteY103" fmla="*/ 6278 h 10000"/>
                  <a:gd name="connsiteX104" fmla="*/ 2208 w 10000"/>
                  <a:gd name="connsiteY104" fmla="*/ 6263 h 10000"/>
                  <a:gd name="connsiteX105" fmla="*/ 1853 w 10000"/>
                  <a:gd name="connsiteY105" fmla="*/ 6248 h 10000"/>
                  <a:gd name="connsiteX106" fmla="*/ 1472 w 10000"/>
                  <a:gd name="connsiteY106" fmla="*/ 6263 h 10000"/>
                  <a:gd name="connsiteX107" fmla="*/ 1143 w 10000"/>
                  <a:gd name="connsiteY107" fmla="*/ 6278 h 10000"/>
                  <a:gd name="connsiteX108" fmla="*/ 837 w 10000"/>
                  <a:gd name="connsiteY108" fmla="*/ 6278 h 10000"/>
                  <a:gd name="connsiteX109" fmla="*/ 585 w 10000"/>
                  <a:gd name="connsiteY109" fmla="*/ 6263 h 10000"/>
                  <a:gd name="connsiteX110" fmla="*/ 381 w 10000"/>
                  <a:gd name="connsiteY110" fmla="*/ 6233 h 10000"/>
                  <a:gd name="connsiteX111" fmla="*/ 633 w 10000"/>
                  <a:gd name="connsiteY111" fmla="*/ 5805 h 10000"/>
                  <a:gd name="connsiteX112" fmla="*/ 914 w 10000"/>
                  <a:gd name="connsiteY112" fmla="*/ 5391 h 10000"/>
                  <a:gd name="connsiteX113" fmla="*/ 1016 w 10000"/>
                  <a:gd name="connsiteY113" fmla="*/ 5170 h 10000"/>
                  <a:gd name="connsiteX114" fmla="*/ 1091 w 10000"/>
                  <a:gd name="connsiteY114" fmla="*/ 4963 h 10000"/>
                  <a:gd name="connsiteX115" fmla="*/ 1116 w 10000"/>
                  <a:gd name="connsiteY115" fmla="*/ 4860 h 10000"/>
                  <a:gd name="connsiteX116" fmla="*/ 1091 w 10000"/>
                  <a:gd name="connsiteY116" fmla="*/ 4756 h 10000"/>
                  <a:gd name="connsiteX117" fmla="*/ 1066 w 10000"/>
                  <a:gd name="connsiteY117" fmla="*/ 4653 h 10000"/>
                  <a:gd name="connsiteX118" fmla="*/ 990 w 10000"/>
                  <a:gd name="connsiteY118" fmla="*/ 4549 h 10000"/>
                  <a:gd name="connsiteX119" fmla="*/ 1270 w 10000"/>
                  <a:gd name="connsiteY119" fmla="*/ 4520 h 10000"/>
                  <a:gd name="connsiteX120" fmla="*/ 1472 w 10000"/>
                  <a:gd name="connsiteY120" fmla="*/ 4505 h 10000"/>
                  <a:gd name="connsiteX121" fmla="*/ 1650 w 10000"/>
                  <a:gd name="connsiteY121" fmla="*/ 4505 h 10000"/>
                  <a:gd name="connsiteX122" fmla="*/ 1802 w 10000"/>
                  <a:gd name="connsiteY122" fmla="*/ 4520 h 10000"/>
                  <a:gd name="connsiteX123" fmla="*/ 1929 w 10000"/>
                  <a:gd name="connsiteY123" fmla="*/ 4520 h 10000"/>
                  <a:gd name="connsiteX124" fmla="*/ 2081 w 10000"/>
                  <a:gd name="connsiteY124" fmla="*/ 4520 h 10000"/>
                  <a:gd name="connsiteX125" fmla="*/ 2234 w 10000"/>
                  <a:gd name="connsiteY125" fmla="*/ 4490 h 10000"/>
                  <a:gd name="connsiteX126" fmla="*/ 2436 w 10000"/>
                  <a:gd name="connsiteY126" fmla="*/ 4446 h 10000"/>
                  <a:gd name="connsiteX127" fmla="*/ 2436 w 10000"/>
                  <a:gd name="connsiteY127" fmla="*/ 4579 h 10000"/>
                  <a:gd name="connsiteX128" fmla="*/ 2436 w 10000"/>
                  <a:gd name="connsiteY128" fmla="*/ 4742 h 10000"/>
                  <a:gd name="connsiteX129" fmla="*/ 2436 w 10000"/>
                  <a:gd name="connsiteY129" fmla="*/ 4874 h 10000"/>
                  <a:gd name="connsiteX130" fmla="*/ 2436 w 10000"/>
                  <a:gd name="connsiteY130" fmla="*/ 5037 h 10000"/>
                  <a:gd name="connsiteX131" fmla="*/ 2665 w 10000"/>
                  <a:gd name="connsiteY131" fmla="*/ 5022 h 10000"/>
                  <a:gd name="connsiteX132" fmla="*/ 2817 w 10000"/>
                  <a:gd name="connsiteY132" fmla="*/ 5037 h 10000"/>
                  <a:gd name="connsiteX133" fmla="*/ 2944 w 10000"/>
                  <a:gd name="connsiteY133" fmla="*/ 5066 h 10000"/>
                  <a:gd name="connsiteX134" fmla="*/ 3071 w 10000"/>
                  <a:gd name="connsiteY134" fmla="*/ 5096 h 10000"/>
                  <a:gd name="connsiteX135" fmla="*/ 3173 w 10000"/>
                  <a:gd name="connsiteY135" fmla="*/ 5126 h 10000"/>
                  <a:gd name="connsiteX136" fmla="*/ 3299 w 10000"/>
                  <a:gd name="connsiteY136" fmla="*/ 5155 h 10000"/>
                  <a:gd name="connsiteX137" fmla="*/ 3452 w 10000"/>
                  <a:gd name="connsiteY137" fmla="*/ 5170 h 10000"/>
                  <a:gd name="connsiteX138" fmla="*/ 3680 w 10000"/>
                  <a:gd name="connsiteY138" fmla="*/ 5155 h 10000"/>
                  <a:gd name="connsiteX139" fmla="*/ 3757 w 10000"/>
                  <a:gd name="connsiteY139" fmla="*/ 5096 h 10000"/>
                  <a:gd name="connsiteX140" fmla="*/ 3832 w 10000"/>
                  <a:gd name="connsiteY140" fmla="*/ 5022 h 10000"/>
                  <a:gd name="connsiteX141" fmla="*/ 3857 w 10000"/>
                  <a:gd name="connsiteY141" fmla="*/ 4934 h 10000"/>
                  <a:gd name="connsiteX142" fmla="*/ 3884 w 10000"/>
                  <a:gd name="connsiteY142" fmla="*/ 4860 h 10000"/>
                  <a:gd name="connsiteX143" fmla="*/ 3908 w 10000"/>
                  <a:gd name="connsiteY143" fmla="*/ 4697 h 10000"/>
                  <a:gd name="connsiteX144" fmla="*/ 3884 w 10000"/>
                  <a:gd name="connsiteY144" fmla="*/ 4520 h 10000"/>
                  <a:gd name="connsiteX145" fmla="*/ 3807 w 10000"/>
                  <a:gd name="connsiteY145" fmla="*/ 4343 h 10000"/>
                  <a:gd name="connsiteX146" fmla="*/ 3731 w 10000"/>
                  <a:gd name="connsiteY146" fmla="*/ 4195 h 10000"/>
                  <a:gd name="connsiteX147" fmla="*/ 3604 w 10000"/>
                  <a:gd name="connsiteY147" fmla="*/ 4047 h 10000"/>
                  <a:gd name="connsiteX148" fmla="*/ 3477 w 10000"/>
                  <a:gd name="connsiteY148" fmla="*/ 3959 h 10000"/>
                  <a:gd name="connsiteX149" fmla="*/ 3629 w 10000"/>
                  <a:gd name="connsiteY149" fmla="*/ 3944 h 10000"/>
                  <a:gd name="connsiteX150" fmla="*/ 3757 w 10000"/>
                  <a:gd name="connsiteY150" fmla="*/ 3914 h 10000"/>
                  <a:gd name="connsiteX151" fmla="*/ 3857 w 10000"/>
                  <a:gd name="connsiteY151" fmla="*/ 3855 h 10000"/>
                  <a:gd name="connsiteX152" fmla="*/ 3983 w 10000"/>
                  <a:gd name="connsiteY152" fmla="*/ 3752 h 10000"/>
                  <a:gd name="connsiteX153" fmla="*/ 4111 w 10000"/>
                  <a:gd name="connsiteY153" fmla="*/ 3663 h 10000"/>
                  <a:gd name="connsiteX154" fmla="*/ 4213 w 10000"/>
                  <a:gd name="connsiteY154" fmla="*/ 3560 h 10000"/>
                  <a:gd name="connsiteX155" fmla="*/ 4289 w 10000"/>
                  <a:gd name="connsiteY155" fmla="*/ 3442 h 10000"/>
                  <a:gd name="connsiteX156" fmla="*/ 4366 w 10000"/>
                  <a:gd name="connsiteY156" fmla="*/ 3323 h 10000"/>
                  <a:gd name="connsiteX157" fmla="*/ 4416 w 10000"/>
                  <a:gd name="connsiteY157" fmla="*/ 3220 h 10000"/>
                  <a:gd name="connsiteX158" fmla="*/ 4441 w 10000"/>
                  <a:gd name="connsiteY158" fmla="*/ 3102 h 10000"/>
                  <a:gd name="connsiteX159" fmla="*/ 4468 w 10000"/>
                  <a:gd name="connsiteY159" fmla="*/ 3013 h 10000"/>
                  <a:gd name="connsiteX160" fmla="*/ 4441 w 10000"/>
                  <a:gd name="connsiteY160" fmla="*/ 2939 h 10000"/>
                  <a:gd name="connsiteX161" fmla="*/ 4416 w 10000"/>
                  <a:gd name="connsiteY161" fmla="*/ 2866 h 10000"/>
                  <a:gd name="connsiteX162" fmla="*/ 4340 w 10000"/>
                  <a:gd name="connsiteY162" fmla="*/ 2836 h 10000"/>
                  <a:gd name="connsiteX163" fmla="*/ 4239 w 10000"/>
                  <a:gd name="connsiteY163" fmla="*/ 2836 h 10000"/>
                  <a:gd name="connsiteX164" fmla="*/ 4111 w 10000"/>
                  <a:gd name="connsiteY164" fmla="*/ 2866 h 10000"/>
                  <a:gd name="connsiteX165" fmla="*/ 4213 w 10000"/>
                  <a:gd name="connsiteY165" fmla="*/ 2777 h 10000"/>
                  <a:gd name="connsiteX166" fmla="*/ 4265 w 10000"/>
                  <a:gd name="connsiteY166" fmla="*/ 2674 h 10000"/>
                  <a:gd name="connsiteX167" fmla="*/ 4289 w 10000"/>
                  <a:gd name="connsiteY167" fmla="*/ 2541 h 10000"/>
                  <a:gd name="connsiteX168" fmla="*/ 4289 w 10000"/>
                  <a:gd name="connsiteY168" fmla="*/ 2393 h 10000"/>
                  <a:gd name="connsiteX169" fmla="*/ 4314 w 10000"/>
                  <a:gd name="connsiteY169" fmla="*/ 2349 h 10000"/>
                  <a:gd name="connsiteX170" fmla="*/ 4366 w 10000"/>
                  <a:gd name="connsiteY170" fmla="*/ 2304 h 10000"/>
                  <a:gd name="connsiteX171" fmla="*/ 4416 w 10000"/>
                  <a:gd name="connsiteY171" fmla="*/ 2290 h 10000"/>
                  <a:gd name="connsiteX172" fmla="*/ 4493 w 10000"/>
                  <a:gd name="connsiteY172" fmla="*/ 2275 h 10000"/>
                  <a:gd name="connsiteX173" fmla="*/ 4720 w 10000"/>
                  <a:gd name="connsiteY173" fmla="*/ 2260 h 10000"/>
                  <a:gd name="connsiteX174" fmla="*/ 4923 w 10000"/>
                  <a:gd name="connsiteY174" fmla="*/ 2275 h 10000"/>
                  <a:gd name="connsiteX175" fmla="*/ 4898 w 10000"/>
                  <a:gd name="connsiteY175" fmla="*/ 2112 h 10000"/>
                  <a:gd name="connsiteX176" fmla="*/ 4848 w 10000"/>
                  <a:gd name="connsiteY176" fmla="*/ 1950 h 10000"/>
                  <a:gd name="connsiteX177" fmla="*/ 4771 w 10000"/>
                  <a:gd name="connsiteY177" fmla="*/ 1802 h 10000"/>
                  <a:gd name="connsiteX178" fmla="*/ 4671 w 10000"/>
                  <a:gd name="connsiteY178" fmla="*/ 1640 h 10000"/>
                  <a:gd name="connsiteX179" fmla="*/ 4416 w 10000"/>
                  <a:gd name="connsiteY179" fmla="*/ 1329 h 10000"/>
                  <a:gd name="connsiteX180" fmla="*/ 4162 w 10000"/>
                  <a:gd name="connsiteY180" fmla="*/ 1034 h 10000"/>
                  <a:gd name="connsiteX181" fmla="*/ 4035 w 10000"/>
                  <a:gd name="connsiteY181" fmla="*/ 901 h 10000"/>
                  <a:gd name="connsiteX182" fmla="*/ 3935 w 10000"/>
                  <a:gd name="connsiteY182" fmla="*/ 753 h 10000"/>
                  <a:gd name="connsiteX183" fmla="*/ 3857 w 10000"/>
                  <a:gd name="connsiteY183" fmla="*/ 620 h 10000"/>
                  <a:gd name="connsiteX184" fmla="*/ 3832 w 10000"/>
                  <a:gd name="connsiteY184" fmla="*/ 487 h 10000"/>
                  <a:gd name="connsiteX185" fmla="*/ 3807 w 10000"/>
                  <a:gd name="connsiteY185" fmla="*/ 355 h 10000"/>
                  <a:gd name="connsiteX186" fmla="*/ 3857 w 10000"/>
                  <a:gd name="connsiteY186" fmla="*/ 222 h 10000"/>
                  <a:gd name="connsiteX187" fmla="*/ 3884 w 10000"/>
                  <a:gd name="connsiteY187" fmla="*/ 162 h 10000"/>
                  <a:gd name="connsiteX188" fmla="*/ 3935 w 10000"/>
                  <a:gd name="connsiteY188" fmla="*/ 103 h 10000"/>
                  <a:gd name="connsiteX189" fmla="*/ 4011 w 10000"/>
                  <a:gd name="connsiteY189" fmla="*/ 59 h 10000"/>
                  <a:gd name="connsiteX190" fmla="*/ 4111 w 10000"/>
                  <a:gd name="connsiteY190" fmla="*/ 0 h 10000"/>
                  <a:gd name="connsiteX191" fmla="*/ 4289 w 10000"/>
                  <a:gd name="connsiteY191" fmla="*/ 0 h 10000"/>
                  <a:gd name="connsiteX192" fmla="*/ 4468 w 10000"/>
                  <a:gd name="connsiteY192" fmla="*/ 15 h 10000"/>
                  <a:gd name="connsiteX193" fmla="*/ 4644 w 10000"/>
                  <a:gd name="connsiteY193" fmla="*/ 44 h 10000"/>
                  <a:gd name="connsiteX194" fmla="*/ 4771 w 10000"/>
                  <a:gd name="connsiteY194" fmla="*/ 89 h 10000"/>
                  <a:gd name="connsiteX195" fmla="*/ 4975 w 10000"/>
                  <a:gd name="connsiteY195" fmla="*/ 192 h 10000"/>
                  <a:gd name="connsiteX196" fmla="*/ 5177 w 10000"/>
                  <a:gd name="connsiteY196" fmla="*/ 340 h 10000"/>
                  <a:gd name="connsiteX197" fmla="*/ 5329 w 10000"/>
                  <a:gd name="connsiteY197" fmla="*/ 473 h 10000"/>
                  <a:gd name="connsiteX198" fmla="*/ 5532 w 10000"/>
                  <a:gd name="connsiteY198" fmla="*/ 591 h 10000"/>
                  <a:gd name="connsiteX199" fmla="*/ 5660 w 10000"/>
                  <a:gd name="connsiteY199" fmla="*/ 650 h 10000"/>
                  <a:gd name="connsiteX200" fmla="*/ 5812 w 10000"/>
                  <a:gd name="connsiteY200" fmla="*/ 679 h 10000"/>
                  <a:gd name="connsiteX201" fmla="*/ 5965 w 10000"/>
                  <a:gd name="connsiteY201" fmla="*/ 709 h 10000"/>
                  <a:gd name="connsiteX202" fmla="*/ 6168 w 10000"/>
                  <a:gd name="connsiteY202" fmla="*/ 709 h 10000"/>
                  <a:gd name="connsiteX203" fmla="*/ 6168 w 10000"/>
                  <a:gd name="connsiteY203" fmla="*/ 768 h 10000"/>
                  <a:gd name="connsiteX204" fmla="*/ 6193 w 10000"/>
                  <a:gd name="connsiteY204" fmla="*/ 842 h 10000"/>
                  <a:gd name="connsiteX205" fmla="*/ 6243 w 10000"/>
                  <a:gd name="connsiteY205" fmla="*/ 916 h 10000"/>
                  <a:gd name="connsiteX206" fmla="*/ 6294 w 10000"/>
                  <a:gd name="connsiteY206" fmla="*/ 990 h 10000"/>
                  <a:gd name="connsiteX207" fmla="*/ 6369 w 10000"/>
                  <a:gd name="connsiteY207" fmla="*/ 1049 h 10000"/>
                  <a:gd name="connsiteX208" fmla="*/ 6471 w 10000"/>
                  <a:gd name="connsiteY208" fmla="*/ 1108 h 10000"/>
                  <a:gd name="connsiteX209" fmla="*/ 6598 w 10000"/>
                  <a:gd name="connsiteY209" fmla="*/ 1182 h 10000"/>
                  <a:gd name="connsiteX210" fmla="*/ 6700 w 10000"/>
                  <a:gd name="connsiteY210" fmla="*/ 1226 h 10000"/>
                  <a:gd name="connsiteX211" fmla="*/ 6802 w 10000"/>
                  <a:gd name="connsiteY211" fmla="*/ 1270 h 10000"/>
                  <a:gd name="connsiteX212" fmla="*/ 6903 w 10000"/>
                  <a:gd name="connsiteY212" fmla="*/ 1300 h 10000"/>
                  <a:gd name="connsiteX213" fmla="*/ 7005 w 10000"/>
                  <a:gd name="connsiteY213" fmla="*/ 1315 h 10000"/>
                  <a:gd name="connsiteX214" fmla="*/ 7132 w 10000"/>
                  <a:gd name="connsiteY214" fmla="*/ 1300 h 10000"/>
                  <a:gd name="connsiteX215" fmla="*/ 7234 w 10000"/>
                  <a:gd name="connsiteY215" fmla="*/ 1285 h 10000"/>
                  <a:gd name="connsiteX216" fmla="*/ 7309 w 10000"/>
                  <a:gd name="connsiteY216" fmla="*/ 1241 h 10000"/>
                  <a:gd name="connsiteX217" fmla="*/ 7361 w 10000"/>
                  <a:gd name="connsiteY217" fmla="*/ 1167 h 10000"/>
                  <a:gd name="connsiteX218" fmla="*/ 7385 w 10000"/>
                  <a:gd name="connsiteY218" fmla="*/ 1064 h 10000"/>
                  <a:gd name="connsiteX219" fmla="*/ 7766 w 10000"/>
                  <a:gd name="connsiteY219" fmla="*/ 1034 h 10000"/>
                  <a:gd name="connsiteX220" fmla="*/ 8121 w 10000"/>
                  <a:gd name="connsiteY220" fmla="*/ 1004 h 10000"/>
                  <a:gd name="connsiteX221" fmla="*/ 8427 w 10000"/>
                  <a:gd name="connsiteY221" fmla="*/ 990 h 10000"/>
                  <a:gd name="connsiteX222" fmla="*/ 8706 w 10000"/>
                  <a:gd name="connsiteY222" fmla="*/ 1004 h 10000"/>
                  <a:gd name="connsiteX223" fmla="*/ 8833 w 10000"/>
                  <a:gd name="connsiteY223" fmla="*/ 1019 h 10000"/>
                  <a:gd name="connsiteX224" fmla="*/ 8958 w 10000"/>
                  <a:gd name="connsiteY224" fmla="*/ 1034 h 10000"/>
                  <a:gd name="connsiteX225" fmla="*/ 9061 w 10000"/>
                  <a:gd name="connsiteY225" fmla="*/ 1064 h 10000"/>
                  <a:gd name="connsiteX226" fmla="*/ 9188 w 10000"/>
                  <a:gd name="connsiteY226" fmla="*/ 1108 h 10000"/>
                  <a:gd name="connsiteX227" fmla="*/ 9264 w 10000"/>
                  <a:gd name="connsiteY227" fmla="*/ 1182 h 10000"/>
                  <a:gd name="connsiteX228" fmla="*/ 9339 w 10000"/>
                  <a:gd name="connsiteY228" fmla="*/ 1241 h 10000"/>
                  <a:gd name="connsiteX229" fmla="*/ 9391 w 10000"/>
                  <a:gd name="connsiteY229" fmla="*/ 1329 h 10000"/>
                  <a:gd name="connsiteX230" fmla="*/ 9442 w 10000"/>
                  <a:gd name="connsiteY230" fmla="*/ 1433 h 10000"/>
                  <a:gd name="connsiteX231" fmla="*/ 9492 w 10000"/>
                  <a:gd name="connsiteY231" fmla="*/ 1551 h 10000"/>
                  <a:gd name="connsiteX232" fmla="*/ 9466 w 10000"/>
                  <a:gd name="connsiteY232" fmla="*/ 1625 h 10000"/>
                  <a:gd name="connsiteX233" fmla="*/ 9442 w 10000"/>
                  <a:gd name="connsiteY233" fmla="*/ 1684 h 10000"/>
                  <a:gd name="connsiteX234" fmla="*/ 9391 w 10000"/>
                  <a:gd name="connsiteY234" fmla="*/ 1758 h 10000"/>
                  <a:gd name="connsiteX235" fmla="*/ 9315 w 10000"/>
                  <a:gd name="connsiteY235" fmla="*/ 1802 h 10000"/>
                  <a:gd name="connsiteX236" fmla="*/ 9264 w 10000"/>
                  <a:gd name="connsiteY236" fmla="*/ 1861 h 10000"/>
                  <a:gd name="connsiteX237" fmla="*/ 9240 w 10000"/>
                  <a:gd name="connsiteY237" fmla="*/ 1935 h 10000"/>
                  <a:gd name="connsiteX238" fmla="*/ 9264 w 10000"/>
                  <a:gd name="connsiteY238" fmla="*/ 2024 h 10000"/>
                  <a:gd name="connsiteX239" fmla="*/ 9543 w 10000"/>
                  <a:gd name="connsiteY239" fmla="*/ 2157 h 10000"/>
                  <a:gd name="connsiteX240" fmla="*/ 9873 w 10000"/>
                  <a:gd name="connsiteY240" fmla="*/ 2275 h 10000"/>
                  <a:gd name="connsiteX241" fmla="*/ 10000 w 10000"/>
                  <a:gd name="connsiteY241" fmla="*/ 2349 h 10000"/>
                  <a:gd name="connsiteX0" fmla="*/ 6369 w 10000"/>
                  <a:gd name="connsiteY0" fmla="*/ 4313 h 10000"/>
                  <a:gd name="connsiteX1" fmla="*/ 9415 w 10000"/>
                  <a:gd name="connsiteY1" fmla="*/ 3117 h 10000"/>
                  <a:gd name="connsiteX2" fmla="*/ 9442 w 10000"/>
                  <a:gd name="connsiteY2" fmla="*/ 3072 h 10000"/>
                  <a:gd name="connsiteX3" fmla="*/ 9466 w 10000"/>
                  <a:gd name="connsiteY3" fmla="*/ 3013 h 10000"/>
                  <a:gd name="connsiteX4" fmla="*/ 9466 w 10000"/>
                  <a:gd name="connsiteY4" fmla="*/ 2954 h 10000"/>
                  <a:gd name="connsiteX5" fmla="*/ 9442 w 10000"/>
                  <a:gd name="connsiteY5" fmla="*/ 2866 h 10000"/>
                  <a:gd name="connsiteX6" fmla="*/ 6345 w 10000"/>
                  <a:gd name="connsiteY6" fmla="*/ 4003 h 10000"/>
                  <a:gd name="connsiteX7" fmla="*/ 5938 w 10000"/>
                  <a:gd name="connsiteY7" fmla="*/ 4195 h 10000"/>
                  <a:gd name="connsiteX8" fmla="*/ 6421 w 10000"/>
                  <a:gd name="connsiteY8" fmla="*/ 5318 h 10000"/>
                  <a:gd name="connsiteX9" fmla="*/ 6447 w 10000"/>
                  <a:gd name="connsiteY9" fmla="*/ 5539 h 10000"/>
                  <a:gd name="connsiteX10" fmla="*/ 6471 w 10000"/>
                  <a:gd name="connsiteY10" fmla="*/ 5775 h 10000"/>
                  <a:gd name="connsiteX11" fmla="*/ 6471 w 10000"/>
                  <a:gd name="connsiteY11" fmla="*/ 5997 h 10000"/>
                  <a:gd name="connsiteX12" fmla="*/ 6447 w 10000"/>
                  <a:gd name="connsiteY12" fmla="*/ 6233 h 10000"/>
                  <a:gd name="connsiteX13" fmla="*/ 6396 w 10000"/>
                  <a:gd name="connsiteY13" fmla="*/ 6470 h 10000"/>
                  <a:gd name="connsiteX14" fmla="*/ 6345 w 10000"/>
                  <a:gd name="connsiteY14" fmla="*/ 6677 h 10000"/>
                  <a:gd name="connsiteX15" fmla="*/ 6269 w 10000"/>
                  <a:gd name="connsiteY15" fmla="*/ 6898 h 10000"/>
                  <a:gd name="connsiteX16" fmla="*/ 6168 w 10000"/>
                  <a:gd name="connsiteY16" fmla="*/ 7105 h 10000"/>
                  <a:gd name="connsiteX17" fmla="*/ 6041 w 10000"/>
                  <a:gd name="connsiteY17" fmla="*/ 7297 h 10000"/>
                  <a:gd name="connsiteX18" fmla="*/ 5888 w 10000"/>
                  <a:gd name="connsiteY18" fmla="*/ 7489 h 10000"/>
                  <a:gd name="connsiteX19" fmla="*/ 5735 w 10000"/>
                  <a:gd name="connsiteY19" fmla="*/ 7681 h 10000"/>
                  <a:gd name="connsiteX20" fmla="*/ 6471 w 10000"/>
                  <a:gd name="connsiteY20" fmla="*/ 7799 h 10000"/>
                  <a:gd name="connsiteX21" fmla="*/ 7234 w 10000"/>
                  <a:gd name="connsiteY21" fmla="*/ 7962 h 10000"/>
                  <a:gd name="connsiteX22" fmla="*/ 7385 w 10000"/>
                  <a:gd name="connsiteY22" fmla="*/ 8021 h 10000"/>
                  <a:gd name="connsiteX23" fmla="*/ 7512 w 10000"/>
                  <a:gd name="connsiteY23" fmla="*/ 8080 h 10000"/>
                  <a:gd name="connsiteX24" fmla="*/ 7639 w 10000"/>
                  <a:gd name="connsiteY24" fmla="*/ 8139 h 10000"/>
                  <a:gd name="connsiteX25" fmla="*/ 7716 w 10000"/>
                  <a:gd name="connsiteY25" fmla="*/ 8227 h 10000"/>
                  <a:gd name="connsiteX26" fmla="*/ 7741 w 10000"/>
                  <a:gd name="connsiteY26" fmla="*/ 8301 h 10000"/>
                  <a:gd name="connsiteX27" fmla="*/ 7741 w 10000"/>
                  <a:gd name="connsiteY27" fmla="*/ 8405 h 10000"/>
                  <a:gd name="connsiteX28" fmla="*/ 7691 w 10000"/>
                  <a:gd name="connsiteY28" fmla="*/ 8523 h 10000"/>
                  <a:gd name="connsiteX29" fmla="*/ 7614 w 10000"/>
                  <a:gd name="connsiteY29" fmla="*/ 8641 h 10000"/>
                  <a:gd name="connsiteX30" fmla="*/ 7284 w 10000"/>
                  <a:gd name="connsiteY30" fmla="*/ 8552 h 10000"/>
                  <a:gd name="connsiteX31" fmla="*/ 6979 w 10000"/>
                  <a:gd name="connsiteY31" fmla="*/ 8449 h 10000"/>
                  <a:gd name="connsiteX32" fmla="*/ 6674 w 10000"/>
                  <a:gd name="connsiteY32" fmla="*/ 8360 h 10000"/>
                  <a:gd name="connsiteX33" fmla="*/ 6369 w 10000"/>
                  <a:gd name="connsiteY33" fmla="*/ 8287 h 10000"/>
                  <a:gd name="connsiteX34" fmla="*/ 6243 w 10000"/>
                  <a:gd name="connsiteY34" fmla="*/ 8449 h 10000"/>
                  <a:gd name="connsiteX35" fmla="*/ 6143 w 10000"/>
                  <a:gd name="connsiteY35" fmla="*/ 8597 h 10000"/>
                  <a:gd name="connsiteX36" fmla="*/ 6091 w 10000"/>
                  <a:gd name="connsiteY36" fmla="*/ 8656 h 10000"/>
                  <a:gd name="connsiteX37" fmla="*/ 5989 w 10000"/>
                  <a:gd name="connsiteY37" fmla="*/ 8700 h 10000"/>
                  <a:gd name="connsiteX38" fmla="*/ 5914 w 10000"/>
                  <a:gd name="connsiteY38" fmla="*/ 8744 h 10000"/>
                  <a:gd name="connsiteX39" fmla="*/ 5838 w 10000"/>
                  <a:gd name="connsiteY39" fmla="*/ 8774 h 10000"/>
                  <a:gd name="connsiteX40" fmla="*/ 5761 w 10000"/>
                  <a:gd name="connsiteY40" fmla="*/ 8804 h 10000"/>
                  <a:gd name="connsiteX41" fmla="*/ 5660 w 10000"/>
                  <a:gd name="connsiteY41" fmla="*/ 8818 h 10000"/>
                  <a:gd name="connsiteX42" fmla="*/ 5532 w 10000"/>
                  <a:gd name="connsiteY42" fmla="*/ 8833 h 10000"/>
                  <a:gd name="connsiteX43" fmla="*/ 5406 w 10000"/>
                  <a:gd name="connsiteY43" fmla="*/ 8833 h 10000"/>
                  <a:gd name="connsiteX44" fmla="*/ 5102 w 10000"/>
                  <a:gd name="connsiteY44" fmla="*/ 8818 h 10000"/>
                  <a:gd name="connsiteX45" fmla="*/ 4720 w 10000"/>
                  <a:gd name="connsiteY45" fmla="*/ 8744 h 10000"/>
                  <a:gd name="connsiteX46" fmla="*/ 4720 w 10000"/>
                  <a:gd name="connsiteY46" fmla="*/ 8922 h 10000"/>
                  <a:gd name="connsiteX47" fmla="*/ 4695 w 10000"/>
                  <a:gd name="connsiteY47" fmla="*/ 9069 h 10000"/>
                  <a:gd name="connsiteX48" fmla="*/ 4671 w 10000"/>
                  <a:gd name="connsiteY48" fmla="*/ 9232 h 10000"/>
                  <a:gd name="connsiteX49" fmla="*/ 4644 w 10000"/>
                  <a:gd name="connsiteY49" fmla="*/ 9365 h 10000"/>
                  <a:gd name="connsiteX50" fmla="*/ 4593 w 10000"/>
                  <a:gd name="connsiteY50" fmla="*/ 9498 h 10000"/>
                  <a:gd name="connsiteX51" fmla="*/ 4493 w 10000"/>
                  <a:gd name="connsiteY51" fmla="*/ 9616 h 10000"/>
                  <a:gd name="connsiteX52" fmla="*/ 4416 w 10000"/>
                  <a:gd name="connsiteY52" fmla="*/ 9734 h 10000"/>
                  <a:gd name="connsiteX53" fmla="*/ 4289 w 10000"/>
                  <a:gd name="connsiteY53" fmla="*/ 9838 h 10000"/>
                  <a:gd name="connsiteX54" fmla="*/ 3983 w 10000"/>
                  <a:gd name="connsiteY54" fmla="*/ 9897 h 10000"/>
                  <a:gd name="connsiteX55" fmla="*/ 3731 w 10000"/>
                  <a:gd name="connsiteY55" fmla="*/ 9941 h 10000"/>
                  <a:gd name="connsiteX56" fmla="*/ 3426 w 10000"/>
                  <a:gd name="connsiteY56" fmla="*/ 9985 h 10000"/>
                  <a:gd name="connsiteX57" fmla="*/ 3198 w 10000"/>
                  <a:gd name="connsiteY57" fmla="*/ 10000 h 10000"/>
                  <a:gd name="connsiteX58" fmla="*/ 2690 w 10000"/>
                  <a:gd name="connsiteY58" fmla="*/ 10000 h 10000"/>
                  <a:gd name="connsiteX59" fmla="*/ 2208 w 10000"/>
                  <a:gd name="connsiteY59" fmla="*/ 9985 h 10000"/>
                  <a:gd name="connsiteX60" fmla="*/ 1752 w 10000"/>
                  <a:gd name="connsiteY60" fmla="*/ 9941 h 10000"/>
                  <a:gd name="connsiteX61" fmla="*/ 1270 w 10000"/>
                  <a:gd name="connsiteY61" fmla="*/ 9911 h 10000"/>
                  <a:gd name="connsiteX62" fmla="*/ 990 w 10000"/>
                  <a:gd name="connsiteY62" fmla="*/ 9911 h 10000"/>
                  <a:gd name="connsiteX63" fmla="*/ 736 w 10000"/>
                  <a:gd name="connsiteY63" fmla="*/ 9911 h 10000"/>
                  <a:gd name="connsiteX64" fmla="*/ 457 w 10000"/>
                  <a:gd name="connsiteY64" fmla="*/ 9926 h 10000"/>
                  <a:gd name="connsiteX65" fmla="*/ 178 w 10000"/>
                  <a:gd name="connsiteY65" fmla="*/ 9970 h 10000"/>
                  <a:gd name="connsiteX66" fmla="*/ 102 w 10000"/>
                  <a:gd name="connsiteY66" fmla="*/ 9867 h 10000"/>
                  <a:gd name="connsiteX67" fmla="*/ 51 w 10000"/>
                  <a:gd name="connsiteY67" fmla="*/ 9793 h 10000"/>
                  <a:gd name="connsiteX68" fmla="*/ 0 w 10000"/>
                  <a:gd name="connsiteY68" fmla="*/ 9705 h 10000"/>
                  <a:gd name="connsiteX69" fmla="*/ 0 w 10000"/>
                  <a:gd name="connsiteY69" fmla="*/ 9601 h 10000"/>
                  <a:gd name="connsiteX70" fmla="*/ 51 w 10000"/>
                  <a:gd name="connsiteY70" fmla="*/ 9424 h 10000"/>
                  <a:gd name="connsiteX71" fmla="*/ 102 w 10000"/>
                  <a:gd name="connsiteY71" fmla="*/ 9202 h 10000"/>
                  <a:gd name="connsiteX72" fmla="*/ 151 w 10000"/>
                  <a:gd name="connsiteY72" fmla="*/ 8996 h 10000"/>
                  <a:gd name="connsiteX73" fmla="*/ 203 w 10000"/>
                  <a:gd name="connsiteY73" fmla="*/ 8759 h 10000"/>
                  <a:gd name="connsiteX74" fmla="*/ 228 w 10000"/>
                  <a:gd name="connsiteY74" fmla="*/ 8641 h 10000"/>
                  <a:gd name="connsiteX75" fmla="*/ 228 w 10000"/>
                  <a:gd name="connsiteY75" fmla="*/ 8538 h 10000"/>
                  <a:gd name="connsiteX76" fmla="*/ 203 w 10000"/>
                  <a:gd name="connsiteY76" fmla="*/ 8405 h 10000"/>
                  <a:gd name="connsiteX77" fmla="*/ 178 w 10000"/>
                  <a:gd name="connsiteY77" fmla="*/ 8287 h 10000"/>
                  <a:gd name="connsiteX78" fmla="*/ 431 w 10000"/>
                  <a:gd name="connsiteY78" fmla="*/ 8213 h 10000"/>
                  <a:gd name="connsiteX79" fmla="*/ 685 w 10000"/>
                  <a:gd name="connsiteY79" fmla="*/ 8139 h 10000"/>
                  <a:gd name="connsiteX80" fmla="*/ 939 w 10000"/>
                  <a:gd name="connsiteY80" fmla="*/ 8095 h 10000"/>
                  <a:gd name="connsiteX81" fmla="*/ 1218 w 10000"/>
                  <a:gd name="connsiteY81" fmla="*/ 8065 h 10000"/>
                  <a:gd name="connsiteX82" fmla="*/ 1725 w 10000"/>
                  <a:gd name="connsiteY82" fmla="*/ 8021 h 10000"/>
                  <a:gd name="connsiteX83" fmla="*/ 2234 w 10000"/>
                  <a:gd name="connsiteY83" fmla="*/ 7976 h 10000"/>
                  <a:gd name="connsiteX84" fmla="*/ 2462 w 10000"/>
                  <a:gd name="connsiteY84" fmla="*/ 7947 h 10000"/>
                  <a:gd name="connsiteX85" fmla="*/ 2690 w 10000"/>
                  <a:gd name="connsiteY85" fmla="*/ 7917 h 10000"/>
                  <a:gd name="connsiteX86" fmla="*/ 2892 w 10000"/>
                  <a:gd name="connsiteY86" fmla="*/ 7843 h 10000"/>
                  <a:gd name="connsiteX87" fmla="*/ 3096 w 10000"/>
                  <a:gd name="connsiteY87" fmla="*/ 7784 h 10000"/>
                  <a:gd name="connsiteX88" fmla="*/ 3274 w 10000"/>
                  <a:gd name="connsiteY88" fmla="*/ 7710 h 10000"/>
                  <a:gd name="connsiteX89" fmla="*/ 3426 w 10000"/>
                  <a:gd name="connsiteY89" fmla="*/ 7592 h 10000"/>
                  <a:gd name="connsiteX90" fmla="*/ 3579 w 10000"/>
                  <a:gd name="connsiteY90" fmla="*/ 7474 h 10000"/>
                  <a:gd name="connsiteX91" fmla="*/ 3680 w 10000"/>
                  <a:gd name="connsiteY91" fmla="*/ 7312 h 10000"/>
                  <a:gd name="connsiteX92" fmla="*/ 3477 w 10000"/>
                  <a:gd name="connsiteY92" fmla="*/ 7238 h 10000"/>
                  <a:gd name="connsiteX93" fmla="*/ 3299 w 10000"/>
                  <a:gd name="connsiteY93" fmla="*/ 7179 h 10000"/>
                  <a:gd name="connsiteX94" fmla="*/ 3147 w 10000"/>
                  <a:gd name="connsiteY94" fmla="*/ 7090 h 10000"/>
                  <a:gd name="connsiteX95" fmla="*/ 2995 w 10000"/>
                  <a:gd name="connsiteY95" fmla="*/ 6987 h 10000"/>
                  <a:gd name="connsiteX96" fmla="*/ 2892 w 10000"/>
                  <a:gd name="connsiteY96" fmla="*/ 6869 h 10000"/>
                  <a:gd name="connsiteX97" fmla="*/ 2843 w 10000"/>
                  <a:gd name="connsiteY97" fmla="*/ 6721 h 10000"/>
                  <a:gd name="connsiteX98" fmla="*/ 2817 w 10000"/>
                  <a:gd name="connsiteY98" fmla="*/ 6558 h 10000"/>
                  <a:gd name="connsiteX99" fmla="*/ 2843 w 10000"/>
                  <a:gd name="connsiteY99" fmla="*/ 6352 h 10000"/>
                  <a:gd name="connsiteX100" fmla="*/ 2716 w 10000"/>
                  <a:gd name="connsiteY100" fmla="*/ 6322 h 10000"/>
                  <a:gd name="connsiteX101" fmla="*/ 2564 w 10000"/>
                  <a:gd name="connsiteY101" fmla="*/ 6292 h 10000"/>
                  <a:gd name="connsiteX102" fmla="*/ 2386 w 10000"/>
                  <a:gd name="connsiteY102" fmla="*/ 6278 h 10000"/>
                  <a:gd name="connsiteX103" fmla="*/ 2208 w 10000"/>
                  <a:gd name="connsiteY103" fmla="*/ 6263 h 10000"/>
                  <a:gd name="connsiteX104" fmla="*/ 1853 w 10000"/>
                  <a:gd name="connsiteY104" fmla="*/ 6248 h 10000"/>
                  <a:gd name="connsiteX105" fmla="*/ 1472 w 10000"/>
                  <a:gd name="connsiteY105" fmla="*/ 6263 h 10000"/>
                  <a:gd name="connsiteX106" fmla="*/ 1143 w 10000"/>
                  <a:gd name="connsiteY106" fmla="*/ 6278 h 10000"/>
                  <a:gd name="connsiteX107" fmla="*/ 837 w 10000"/>
                  <a:gd name="connsiteY107" fmla="*/ 6278 h 10000"/>
                  <a:gd name="connsiteX108" fmla="*/ 585 w 10000"/>
                  <a:gd name="connsiteY108" fmla="*/ 6263 h 10000"/>
                  <a:gd name="connsiteX109" fmla="*/ 381 w 10000"/>
                  <a:gd name="connsiteY109" fmla="*/ 6233 h 10000"/>
                  <a:gd name="connsiteX110" fmla="*/ 633 w 10000"/>
                  <a:gd name="connsiteY110" fmla="*/ 5805 h 10000"/>
                  <a:gd name="connsiteX111" fmla="*/ 914 w 10000"/>
                  <a:gd name="connsiteY111" fmla="*/ 5391 h 10000"/>
                  <a:gd name="connsiteX112" fmla="*/ 1016 w 10000"/>
                  <a:gd name="connsiteY112" fmla="*/ 5170 h 10000"/>
                  <a:gd name="connsiteX113" fmla="*/ 1091 w 10000"/>
                  <a:gd name="connsiteY113" fmla="*/ 4963 h 10000"/>
                  <a:gd name="connsiteX114" fmla="*/ 1116 w 10000"/>
                  <a:gd name="connsiteY114" fmla="*/ 4860 h 10000"/>
                  <a:gd name="connsiteX115" fmla="*/ 1091 w 10000"/>
                  <a:gd name="connsiteY115" fmla="*/ 4756 h 10000"/>
                  <a:gd name="connsiteX116" fmla="*/ 1066 w 10000"/>
                  <a:gd name="connsiteY116" fmla="*/ 4653 h 10000"/>
                  <a:gd name="connsiteX117" fmla="*/ 990 w 10000"/>
                  <a:gd name="connsiteY117" fmla="*/ 4549 h 10000"/>
                  <a:gd name="connsiteX118" fmla="*/ 1270 w 10000"/>
                  <a:gd name="connsiteY118" fmla="*/ 4520 h 10000"/>
                  <a:gd name="connsiteX119" fmla="*/ 1472 w 10000"/>
                  <a:gd name="connsiteY119" fmla="*/ 4505 h 10000"/>
                  <a:gd name="connsiteX120" fmla="*/ 1650 w 10000"/>
                  <a:gd name="connsiteY120" fmla="*/ 4505 h 10000"/>
                  <a:gd name="connsiteX121" fmla="*/ 1802 w 10000"/>
                  <a:gd name="connsiteY121" fmla="*/ 4520 h 10000"/>
                  <a:gd name="connsiteX122" fmla="*/ 1929 w 10000"/>
                  <a:gd name="connsiteY122" fmla="*/ 4520 h 10000"/>
                  <a:gd name="connsiteX123" fmla="*/ 2081 w 10000"/>
                  <a:gd name="connsiteY123" fmla="*/ 4520 h 10000"/>
                  <a:gd name="connsiteX124" fmla="*/ 2234 w 10000"/>
                  <a:gd name="connsiteY124" fmla="*/ 4490 h 10000"/>
                  <a:gd name="connsiteX125" fmla="*/ 2436 w 10000"/>
                  <a:gd name="connsiteY125" fmla="*/ 4446 h 10000"/>
                  <a:gd name="connsiteX126" fmla="*/ 2436 w 10000"/>
                  <a:gd name="connsiteY126" fmla="*/ 4579 h 10000"/>
                  <a:gd name="connsiteX127" fmla="*/ 2436 w 10000"/>
                  <a:gd name="connsiteY127" fmla="*/ 4742 h 10000"/>
                  <a:gd name="connsiteX128" fmla="*/ 2436 w 10000"/>
                  <a:gd name="connsiteY128" fmla="*/ 4874 h 10000"/>
                  <a:gd name="connsiteX129" fmla="*/ 2436 w 10000"/>
                  <a:gd name="connsiteY129" fmla="*/ 5037 h 10000"/>
                  <a:gd name="connsiteX130" fmla="*/ 2665 w 10000"/>
                  <a:gd name="connsiteY130" fmla="*/ 5022 h 10000"/>
                  <a:gd name="connsiteX131" fmla="*/ 2817 w 10000"/>
                  <a:gd name="connsiteY131" fmla="*/ 5037 h 10000"/>
                  <a:gd name="connsiteX132" fmla="*/ 2944 w 10000"/>
                  <a:gd name="connsiteY132" fmla="*/ 5066 h 10000"/>
                  <a:gd name="connsiteX133" fmla="*/ 3071 w 10000"/>
                  <a:gd name="connsiteY133" fmla="*/ 5096 h 10000"/>
                  <a:gd name="connsiteX134" fmla="*/ 3173 w 10000"/>
                  <a:gd name="connsiteY134" fmla="*/ 5126 h 10000"/>
                  <a:gd name="connsiteX135" fmla="*/ 3299 w 10000"/>
                  <a:gd name="connsiteY135" fmla="*/ 5155 h 10000"/>
                  <a:gd name="connsiteX136" fmla="*/ 3452 w 10000"/>
                  <a:gd name="connsiteY136" fmla="*/ 5170 h 10000"/>
                  <a:gd name="connsiteX137" fmla="*/ 3680 w 10000"/>
                  <a:gd name="connsiteY137" fmla="*/ 5155 h 10000"/>
                  <a:gd name="connsiteX138" fmla="*/ 3757 w 10000"/>
                  <a:gd name="connsiteY138" fmla="*/ 5096 h 10000"/>
                  <a:gd name="connsiteX139" fmla="*/ 3832 w 10000"/>
                  <a:gd name="connsiteY139" fmla="*/ 5022 h 10000"/>
                  <a:gd name="connsiteX140" fmla="*/ 3857 w 10000"/>
                  <a:gd name="connsiteY140" fmla="*/ 4934 h 10000"/>
                  <a:gd name="connsiteX141" fmla="*/ 3884 w 10000"/>
                  <a:gd name="connsiteY141" fmla="*/ 4860 h 10000"/>
                  <a:gd name="connsiteX142" fmla="*/ 3908 w 10000"/>
                  <a:gd name="connsiteY142" fmla="*/ 4697 h 10000"/>
                  <a:gd name="connsiteX143" fmla="*/ 3884 w 10000"/>
                  <a:gd name="connsiteY143" fmla="*/ 4520 h 10000"/>
                  <a:gd name="connsiteX144" fmla="*/ 3807 w 10000"/>
                  <a:gd name="connsiteY144" fmla="*/ 4343 h 10000"/>
                  <a:gd name="connsiteX145" fmla="*/ 3731 w 10000"/>
                  <a:gd name="connsiteY145" fmla="*/ 4195 h 10000"/>
                  <a:gd name="connsiteX146" fmla="*/ 3604 w 10000"/>
                  <a:gd name="connsiteY146" fmla="*/ 4047 h 10000"/>
                  <a:gd name="connsiteX147" fmla="*/ 3477 w 10000"/>
                  <a:gd name="connsiteY147" fmla="*/ 3959 h 10000"/>
                  <a:gd name="connsiteX148" fmla="*/ 3629 w 10000"/>
                  <a:gd name="connsiteY148" fmla="*/ 3944 h 10000"/>
                  <a:gd name="connsiteX149" fmla="*/ 3757 w 10000"/>
                  <a:gd name="connsiteY149" fmla="*/ 3914 h 10000"/>
                  <a:gd name="connsiteX150" fmla="*/ 3857 w 10000"/>
                  <a:gd name="connsiteY150" fmla="*/ 3855 h 10000"/>
                  <a:gd name="connsiteX151" fmla="*/ 3983 w 10000"/>
                  <a:gd name="connsiteY151" fmla="*/ 3752 h 10000"/>
                  <a:gd name="connsiteX152" fmla="*/ 4111 w 10000"/>
                  <a:gd name="connsiteY152" fmla="*/ 3663 h 10000"/>
                  <a:gd name="connsiteX153" fmla="*/ 4213 w 10000"/>
                  <a:gd name="connsiteY153" fmla="*/ 3560 h 10000"/>
                  <a:gd name="connsiteX154" fmla="*/ 4289 w 10000"/>
                  <a:gd name="connsiteY154" fmla="*/ 3442 h 10000"/>
                  <a:gd name="connsiteX155" fmla="*/ 4366 w 10000"/>
                  <a:gd name="connsiteY155" fmla="*/ 3323 h 10000"/>
                  <a:gd name="connsiteX156" fmla="*/ 4416 w 10000"/>
                  <a:gd name="connsiteY156" fmla="*/ 3220 h 10000"/>
                  <a:gd name="connsiteX157" fmla="*/ 4441 w 10000"/>
                  <a:gd name="connsiteY157" fmla="*/ 3102 h 10000"/>
                  <a:gd name="connsiteX158" fmla="*/ 4468 w 10000"/>
                  <a:gd name="connsiteY158" fmla="*/ 3013 h 10000"/>
                  <a:gd name="connsiteX159" fmla="*/ 4441 w 10000"/>
                  <a:gd name="connsiteY159" fmla="*/ 2939 h 10000"/>
                  <a:gd name="connsiteX160" fmla="*/ 4416 w 10000"/>
                  <a:gd name="connsiteY160" fmla="*/ 2866 h 10000"/>
                  <a:gd name="connsiteX161" fmla="*/ 4340 w 10000"/>
                  <a:gd name="connsiteY161" fmla="*/ 2836 h 10000"/>
                  <a:gd name="connsiteX162" fmla="*/ 4239 w 10000"/>
                  <a:gd name="connsiteY162" fmla="*/ 2836 h 10000"/>
                  <a:gd name="connsiteX163" fmla="*/ 4111 w 10000"/>
                  <a:gd name="connsiteY163" fmla="*/ 2866 h 10000"/>
                  <a:gd name="connsiteX164" fmla="*/ 4213 w 10000"/>
                  <a:gd name="connsiteY164" fmla="*/ 2777 h 10000"/>
                  <a:gd name="connsiteX165" fmla="*/ 4265 w 10000"/>
                  <a:gd name="connsiteY165" fmla="*/ 2674 h 10000"/>
                  <a:gd name="connsiteX166" fmla="*/ 4289 w 10000"/>
                  <a:gd name="connsiteY166" fmla="*/ 2541 h 10000"/>
                  <a:gd name="connsiteX167" fmla="*/ 4289 w 10000"/>
                  <a:gd name="connsiteY167" fmla="*/ 2393 h 10000"/>
                  <a:gd name="connsiteX168" fmla="*/ 4314 w 10000"/>
                  <a:gd name="connsiteY168" fmla="*/ 2349 h 10000"/>
                  <a:gd name="connsiteX169" fmla="*/ 4366 w 10000"/>
                  <a:gd name="connsiteY169" fmla="*/ 2304 h 10000"/>
                  <a:gd name="connsiteX170" fmla="*/ 4416 w 10000"/>
                  <a:gd name="connsiteY170" fmla="*/ 2290 h 10000"/>
                  <a:gd name="connsiteX171" fmla="*/ 4493 w 10000"/>
                  <a:gd name="connsiteY171" fmla="*/ 2275 h 10000"/>
                  <a:gd name="connsiteX172" fmla="*/ 4720 w 10000"/>
                  <a:gd name="connsiteY172" fmla="*/ 2260 h 10000"/>
                  <a:gd name="connsiteX173" fmla="*/ 4923 w 10000"/>
                  <a:gd name="connsiteY173" fmla="*/ 2275 h 10000"/>
                  <a:gd name="connsiteX174" fmla="*/ 4898 w 10000"/>
                  <a:gd name="connsiteY174" fmla="*/ 2112 h 10000"/>
                  <a:gd name="connsiteX175" fmla="*/ 4848 w 10000"/>
                  <a:gd name="connsiteY175" fmla="*/ 1950 h 10000"/>
                  <a:gd name="connsiteX176" fmla="*/ 4771 w 10000"/>
                  <a:gd name="connsiteY176" fmla="*/ 1802 h 10000"/>
                  <a:gd name="connsiteX177" fmla="*/ 4671 w 10000"/>
                  <a:gd name="connsiteY177" fmla="*/ 1640 h 10000"/>
                  <a:gd name="connsiteX178" fmla="*/ 4416 w 10000"/>
                  <a:gd name="connsiteY178" fmla="*/ 1329 h 10000"/>
                  <a:gd name="connsiteX179" fmla="*/ 4162 w 10000"/>
                  <a:gd name="connsiteY179" fmla="*/ 1034 h 10000"/>
                  <a:gd name="connsiteX180" fmla="*/ 4035 w 10000"/>
                  <a:gd name="connsiteY180" fmla="*/ 901 h 10000"/>
                  <a:gd name="connsiteX181" fmla="*/ 3935 w 10000"/>
                  <a:gd name="connsiteY181" fmla="*/ 753 h 10000"/>
                  <a:gd name="connsiteX182" fmla="*/ 3857 w 10000"/>
                  <a:gd name="connsiteY182" fmla="*/ 620 h 10000"/>
                  <a:gd name="connsiteX183" fmla="*/ 3832 w 10000"/>
                  <a:gd name="connsiteY183" fmla="*/ 487 h 10000"/>
                  <a:gd name="connsiteX184" fmla="*/ 3807 w 10000"/>
                  <a:gd name="connsiteY184" fmla="*/ 355 h 10000"/>
                  <a:gd name="connsiteX185" fmla="*/ 3857 w 10000"/>
                  <a:gd name="connsiteY185" fmla="*/ 222 h 10000"/>
                  <a:gd name="connsiteX186" fmla="*/ 3884 w 10000"/>
                  <a:gd name="connsiteY186" fmla="*/ 162 h 10000"/>
                  <a:gd name="connsiteX187" fmla="*/ 3935 w 10000"/>
                  <a:gd name="connsiteY187" fmla="*/ 103 h 10000"/>
                  <a:gd name="connsiteX188" fmla="*/ 4011 w 10000"/>
                  <a:gd name="connsiteY188" fmla="*/ 59 h 10000"/>
                  <a:gd name="connsiteX189" fmla="*/ 4111 w 10000"/>
                  <a:gd name="connsiteY189" fmla="*/ 0 h 10000"/>
                  <a:gd name="connsiteX190" fmla="*/ 4289 w 10000"/>
                  <a:gd name="connsiteY190" fmla="*/ 0 h 10000"/>
                  <a:gd name="connsiteX191" fmla="*/ 4468 w 10000"/>
                  <a:gd name="connsiteY191" fmla="*/ 15 h 10000"/>
                  <a:gd name="connsiteX192" fmla="*/ 4644 w 10000"/>
                  <a:gd name="connsiteY192" fmla="*/ 44 h 10000"/>
                  <a:gd name="connsiteX193" fmla="*/ 4771 w 10000"/>
                  <a:gd name="connsiteY193" fmla="*/ 89 h 10000"/>
                  <a:gd name="connsiteX194" fmla="*/ 4975 w 10000"/>
                  <a:gd name="connsiteY194" fmla="*/ 192 h 10000"/>
                  <a:gd name="connsiteX195" fmla="*/ 5177 w 10000"/>
                  <a:gd name="connsiteY195" fmla="*/ 340 h 10000"/>
                  <a:gd name="connsiteX196" fmla="*/ 5329 w 10000"/>
                  <a:gd name="connsiteY196" fmla="*/ 473 h 10000"/>
                  <a:gd name="connsiteX197" fmla="*/ 5532 w 10000"/>
                  <a:gd name="connsiteY197" fmla="*/ 591 h 10000"/>
                  <a:gd name="connsiteX198" fmla="*/ 5660 w 10000"/>
                  <a:gd name="connsiteY198" fmla="*/ 650 h 10000"/>
                  <a:gd name="connsiteX199" fmla="*/ 5812 w 10000"/>
                  <a:gd name="connsiteY199" fmla="*/ 679 h 10000"/>
                  <a:gd name="connsiteX200" fmla="*/ 5965 w 10000"/>
                  <a:gd name="connsiteY200" fmla="*/ 709 h 10000"/>
                  <a:gd name="connsiteX201" fmla="*/ 6168 w 10000"/>
                  <a:gd name="connsiteY201" fmla="*/ 709 h 10000"/>
                  <a:gd name="connsiteX202" fmla="*/ 6168 w 10000"/>
                  <a:gd name="connsiteY202" fmla="*/ 768 h 10000"/>
                  <a:gd name="connsiteX203" fmla="*/ 6193 w 10000"/>
                  <a:gd name="connsiteY203" fmla="*/ 842 h 10000"/>
                  <a:gd name="connsiteX204" fmla="*/ 6243 w 10000"/>
                  <a:gd name="connsiteY204" fmla="*/ 916 h 10000"/>
                  <a:gd name="connsiteX205" fmla="*/ 6294 w 10000"/>
                  <a:gd name="connsiteY205" fmla="*/ 990 h 10000"/>
                  <a:gd name="connsiteX206" fmla="*/ 6369 w 10000"/>
                  <a:gd name="connsiteY206" fmla="*/ 1049 h 10000"/>
                  <a:gd name="connsiteX207" fmla="*/ 6471 w 10000"/>
                  <a:gd name="connsiteY207" fmla="*/ 1108 h 10000"/>
                  <a:gd name="connsiteX208" fmla="*/ 6598 w 10000"/>
                  <a:gd name="connsiteY208" fmla="*/ 1182 h 10000"/>
                  <a:gd name="connsiteX209" fmla="*/ 6700 w 10000"/>
                  <a:gd name="connsiteY209" fmla="*/ 1226 h 10000"/>
                  <a:gd name="connsiteX210" fmla="*/ 6802 w 10000"/>
                  <a:gd name="connsiteY210" fmla="*/ 1270 h 10000"/>
                  <a:gd name="connsiteX211" fmla="*/ 6903 w 10000"/>
                  <a:gd name="connsiteY211" fmla="*/ 1300 h 10000"/>
                  <a:gd name="connsiteX212" fmla="*/ 7005 w 10000"/>
                  <a:gd name="connsiteY212" fmla="*/ 1315 h 10000"/>
                  <a:gd name="connsiteX213" fmla="*/ 7132 w 10000"/>
                  <a:gd name="connsiteY213" fmla="*/ 1300 h 10000"/>
                  <a:gd name="connsiteX214" fmla="*/ 7234 w 10000"/>
                  <a:gd name="connsiteY214" fmla="*/ 1285 h 10000"/>
                  <a:gd name="connsiteX215" fmla="*/ 7309 w 10000"/>
                  <a:gd name="connsiteY215" fmla="*/ 1241 h 10000"/>
                  <a:gd name="connsiteX216" fmla="*/ 7361 w 10000"/>
                  <a:gd name="connsiteY216" fmla="*/ 1167 h 10000"/>
                  <a:gd name="connsiteX217" fmla="*/ 7385 w 10000"/>
                  <a:gd name="connsiteY217" fmla="*/ 1064 h 10000"/>
                  <a:gd name="connsiteX218" fmla="*/ 7766 w 10000"/>
                  <a:gd name="connsiteY218" fmla="*/ 1034 h 10000"/>
                  <a:gd name="connsiteX219" fmla="*/ 8121 w 10000"/>
                  <a:gd name="connsiteY219" fmla="*/ 1004 h 10000"/>
                  <a:gd name="connsiteX220" fmla="*/ 8427 w 10000"/>
                  <a:gd name="connsiteY220" fmla="*/ 990 h 10000"/>
                  <a:gd name="connsiteX221" fmla="*/ 8706 w 10000"/>
                  <a:gd name="connsiteY221" fmla="*/ 1004 h 10000"/>
                  <a:gd name="connsiteX222" fmla="*/ 8833 w 10000"/>
                  <a:gd name="connsiteY222" fmla="*/ 1019 h 10000"/>
                  <a:gd name="connsiteX223" fmla="*/ 8958 w 10000"/>
                  <a:gd name="connsiteY223" fmla="*/ 1034 h 10000"/>
                  <a:gd name="connsiteX224" fmla="*/ 9061 w 10000"/>
                  <a:gd name="connsiteY224" fmla="*/ 1064 h 10000"/>
                  <a:gd name="connsiteX225" fmla="*/ 9188 w 10000"/>
                  <a:gd name="connsiteY225" fmla="*/ 1108 h 10000"/>
                  <a:gd name="connsiteX226" fmla="*/ 9264 w 10000"/>
                  <a:gd name="connsiteY226" fmla="*/ 1182 h 10000"/>
                  <a:gd name="connsiteX227" fmla="*/ 9339 w 10000"/>
                  <a:gd name="connsiteY227" fmla="*/ 1241 h 10000"/>
                  <a:gd name="connsiteX228" fmla="*/ 9391 w 10000"/>
                  <a:gd name="connsiteY228" fmla="*/ 1329 h 10000"/>
                  <a:gd name="connsiteX229" fmla="*/ 9442 w 10000"/>
                  <a:gd name="connsiteY229" fmla="*/ 1433 h 10000"/>
                  <a:gd name="connsiteX230" fmla="*/ 9492 w 10000"/>
                  <a:gd name="connsiteY230" fmla="*/ 1551 h 10000"/>
                  <a:gd name="connsiteX231" fmla="*/ 9466 w 10000"/>
                  <a:gd name="connsiteY231" fmla="*/ 1625 h 10000"/>
                  <a:gd name="connsiteX232" fmla="*/ 9442 w 10000"/>
                  <a:gd name="connsiteY232" fmla="*/ 1684 h 10000"/>
                  <a:gd name="connsiteX233" fmla="*/ 9391 w 10000"/>
                  <a:gd name="connsiteY233" fmla="*/ 1758 h 10000"/>
                  <a:gd name="connsiteX234" fmla="*/ 9315 w 10000"/>
                  <a:gd name="connsiteY234" fmla="*/ 1802 h 10000"/>
                  <a:gd name="connsiteX235" fmla="*/ 9264 w 10000"/>
                  <a:gd name="connsiteY235" fmla="*/ 1861 h 10000"/>
                  <a:gd name="connsiteX236" fmla="*/ 9240 w 10000"/>
                  <a:gd name="connsiteY236" fmla="*/ 1935 h 10000"/>
                  <a:gd name="connsiteX237" fmla="*/ 9264 w 10000"/>
                  <a:gd name="connsiteY237" fmla="*/ 2024 h 10000"/>
                  <a:gd name="connsiteX238" fmla="*/ 9543 w 10000"/>
                  <a:gd name="connsiteY238" fmla="*/ 2157 h 10000"/>
                  <a:gd name="connsiteX239" fmla="*/ 9873 w 10000"/>
                  <a:gd name="connsiteY239" fmla="*/ 2275 h 10000"/>
                  <a:gd name="connsiteX240" fmla="*/ 10000 w 10000"/>
                  <a:gd name="connsiteY240" fmla="*/ 2349 h 10000"/>
                  <a:gd name="connsiteX0" fmla="*/ 9415 w 10000"/>
                  <a:gd name="connsiteY0" fmla="*/ 3117 h 10000"/>
                  <a:gd name="connsiteX1" fmla="*/ 9442 w 10000"/>
                  <a:gd name="connsiteY1" fmla="*/ 3072 h 10000"/>
                  <a:gd name="connsiteX2" fmla="*/ 9466 w 10000"/>
                  <a:gd name="connsiteY2" fmla="*/ 3013 h 10000"/>
                  <a:gd name="connsiteX3" fmla="*/ 9466 w 10000"/>
                  <a:gd name="connsiteY3" fmla="*/ 2954 h 10000"/>
                  <a:gd name="connsiteX4" fmla="*/ 9442 w 10000"/>
                  <a:gd name="connsiteY4" fmla="*/ 2866 h 10000"/>
                  <a:gd name="connsiteX5" fmla="*/ 6345 w 10000"/>
                  <a:gd name="connsiteY5" fmla="*/ 4003 h 10000"/>
                  <a:gd name="connsiteX6" fmla="*/ 5938 w 10000"/>
                  <a:gd name="connsiteY6" fmla="*/ 4195 h 10000"/>
                  <a:gd name="connsiteX7" fmla="*/ 6421 w 10000"/>
                  <a:gd name="connsiteY7" fmla="*/ 5318 h 10000"/>
                  <a:gd name="connsiteX8" fmla="*/ 6447 w 10000"/>
                  <a:gd name="connsiteY8" fmla="*/ 5539 h 10000"/>
                  <a:gd name="connsiteX9" fmla="*/ 6471 w 10000"/>
                  <a:gd name="connsiteY9" fmla="*/ 5775 h 10000"/>
                  <a:gd name="connsiteX10" fmla="*/ 6471 w 10000"/>
                  <a:gd name="connsiteY10" fmla="*/ 5997 h 10000"/>
                  <a:gd name="connsiteX11" fmla="*/ 6447 w 10000"/>
                  <a:gd name="connsiteY11" fmla="*/ 6233 h 10000"/>
                  <a:gd name="connsiteX12" fmla="*/ 6396 w 10000"/>
                  <a:gd name="connsiteY12" fmla="*/ 6470 h 10000"/>
                  <a:gd name="connsiteX13" fmla="*/ 6345 w 10000"/>
                  <a:gd name="connsiteY13" fmla="*/ 6677 h 10000"/>
                  <a:gd name="connsiteX14" fmla="*/ 6269 w 10000"/>
                  <a:gd name="connsiteY14" fmla="*/ 6898 h 10000"/>
                  <a:gd name="connsiteX15" fmla="*/ 6168 w 10000"/>
                  <a:gd name="connsiteY15" fmla="*/ 7105 h 10000"/>
                  <a:gd name="connsiteX16" fmla="*/ 6041 w 10000"/>
                  <a:gd name="connsiteY16" fmla="*/ 7297 h 10000"/>
                  <a:gd name="connsiteX17" fmla="*/ 5888 w 10000"/>
                  <a:gd name="connsiteY17" fmla="*/ 7489 h 10000"/>
                  <a:gd name="connsiteX18" fmla="*/ 5735 w 10000"/>
                  <a:gd name="connsiteY18" fmla="*/ 7681 h 10000"/>
                  <a:gd name="connsiteX19" fmla="*/ 6471 w 10000"/>
                  <a:gd name="connsiteY19" fmla="*/ 7799 h 10000"/>
                  <a:gd name="connsiteX20" fmla="*/ 7234 w 10000"/>
                  <a:gd name="connsiteY20" fmla="*/ 7962 h 10000"/>
                  <a:gd name="connsiteX21" fmla="*/ 7385 w 10000"/>
                  <a:gd name="connsiteY21" fmla="*/ 8021 h 10000"/>
                  <a:gd name="connsiteX22" fmla="*/ 7512 w 10000"/>
                  <a:gd name="connsiteY22" fmla="*/ 8080 h 10000"/>
                  <a:gd name="connsiteX23" fmla="*/ 7639 w 10000"/>
                  <a:gd name="connsiteY23" fmla="*/ 8139 h 10000"/>
                  <a:gd name="connsiteX24" fmla="*/ 7716 w 10000"/>
                  <a:gd name="connsiteY24" fmla="*/ 8227 h 10000"/>
                  <a:gd name="connsiteX25" fmla="*/ 7741 w 10000"/>
                  <a:gd name="connsiteY25" fmla="*/ 8301 h 10000"/>
                  <a:gd name="connsiteX26" fmla="*/ 7741 w 10000"/>
                  <a:gd name="connsiteY26" fmla="*/ 8405 h 10000"/>
                  <a:gd name="connsiteX27" fmla="*/ 7691 w 10000"/>
                  <a:gd name="connsiteY27" fmla="*/ 8523 h 10000"/>
                  <a:gd name="connsiteX28" fmla="*/ 7614 w 10000"/>
                  <a:gd name="connsiteY28" fmla="*/ 8641 h 10000"/>
                  <a:gd name="connsiteX29" fmla="*/ 7284 w 10000"/>
                  <a:gd name="connsiteY29" fmla="*/ 8552 h 10000"/>
                  <a:gd name="connsiteX30" fmla="*/ 6979 w 10000"/>
                  <a:gd name="connsiteY30" fmla="*/ 8449 h 10000"/>
                  <a:gd name="connsiteX31" fmla="*/ 6674 w 10000"/>
                  <a:gd name="connsiteY31" fmla="*/ 8360 h 10000"/>
                  <a:gd name="connsiteX32" fmla="*/ 6369 w 10000"/>
                  <a:gd name="connsiteY32" fmla="*/ 8287 h 10000"/>
                  <a:gd name="connsiteX33" fmla="*/ 6243 w 10000"/>
                  <a:gd name="connsiteY33" fmla="*/ 8449 h 10000"/>
                  <a:gd name="connsiteX34" fmla="*/ 6143 w 10000"/>
                  <a:gd name="connsiteY34" fmla="*/ 8597 h 10000"/>
                  <a:gd name="connsiteX35" fmla="*/ 6091 w 10000"/>
                  <a:gd name="connsiteY35" fmla="*/ 8656 h 10000"/>
                  <a:gd name="connsiteX36" fmla="*/ 5989 w 10000"/>
                  <a:gd name="connsiteY36" fmla="*/ 8700 h 10000"/>
                  <a:gd name="connsiteX37" fmla="*/ 5914 w 10000"/>
                  <a:gd name="connsiteY37" fmla="*/ 8744 h 10000"/>
                  <a:gd name="connsiteX38" fmla="*/ 5838 w 10000"/>
                  <a:gd name="connsiteY38" fmla="*/ 8774 h 10000"/>
                  <a:gd name="connsiteX39" fmla="*/ 5761 w 10000"/>
                  <a:gd name="connsiteY39" fmla="*/ 8804 h 10000"/>
                  <a:gd name="connsiteX40" fmla="*/ 5660 w 10000"/>
                  <a:gd name="connsiteY40" fmla="*/ 8818 h 10000"/>
                  <a:gd name="connsiteX41" fmla="*/ 5532 w 10000"/>
                  <a:gd name="connsiteY41" fmla="*/ 8833 h 10000"/>
                  <a:gd name="connsiteX42" fmla="*/ 5406 w 10000"/>
                  <a:gd name="connsiteY42" fmla="*/ 8833 h 10000"/>
                  <a:gd name="connsiteX43" fmla="*/ 5102 w 10000"/>
                  <a:gd name="connsiteY43" fmla="*/ 8818 h 10000"/>
                  <a:gd name="connsiteX44" fmla="*/ 4720 w 10000"/>
                  <a:gd name="connsiteY44" fmla="*/ 8744 h 10000"/>
                  <a:gd name="connsiteX45" fmla="*/ 4720 w 10000"/>
                  <a:gd name="connsiteY45" fmla="*/ 8922 h 10000"/>
                  <a:gd name="connsiteX46" fmla="*/ 4695 w 10000"/>
                  <a:gd name="connsiteY46" fmla="*/ 9069 h 10000"/>
                  <a:gd name="connsiteX47" fmla="*/ 4671 w 10000"/>
                  <a:gd name="connsiteY47" fmla="*/ 9232 h 10000"/>
                  <a:gd name="connsiteX48" fmla="*/ 4644 w 10000"/>
                  <a:gd name="connsiteY48" fmla="*/ 9365 h 10000"/>
                  <a:gd name="connsiteX49" fmla="*/ 4593 w 10000"/>
                  <a:gd name="connsiteY49" fmla="*/ 9498 h 10000"/>
                  <a:gd name="connsiteX50" fmla="*/ 4493 w 10000"/>
                  <a:gd name="connsiteY50" fmla="*/ 9616 h 10000"/>
                  <a:gd name="connsiteX51" fmla="*/ 4416 w 10000"/>
                  <a:gd name="connsiteY51" fmla="*/ 9734 h 10000"/>
                  <a:gd name="connsiteX52" fmla="*/ 4289 w 10000"/>
                  <a:gd name="connsiteY52" fmla="*/ 9838 h 10000"/>
                  <a:gd name="connsiteX53" fmla="*/ 3983 w 10000"/>
                  <a:gd name="connsiteY53" fmla="*/ 9897 h 10000"/>
                  <a:gd name="connsiteX54" fmla="*/ 3731 w 10000"/>
                  <a:gd name="connsiteY54" fmla="*/ 9941 h 10000"/>
                  <a:gd name="connsiteX55" fmla="*/ 3426 w 10000"/>
                  <a:gd name="connsiteY55" fmla="*/ 9985 h 10000"/>
                  <a:gd name="connsiteX56" fmla="*/ 3198 w 10000"/>
                  <a:gd name="connsiteY56" fmla="*/ 10000 h 10000"/>
                  <a:gd name="connsiteX57" fmla="*/ 2690 w 10000"/>
                  <a:gd name="connsiteY57" fmla="*/ 10000 h 10000"/>
                  <a:gd name="connsiteX58" fmla="*/ 2208 w 10000"/>
                  <a:gd name="connsiteY58" fmla="*/ 9985 h 10000"/>
                  <a:gd name="connsiteX59" fmla="*/ 1752 w 10000"/>
                  <a:gd name="connsiteY59" fmla="*/ 9941 h 10000"/>
                  <a:gd name="connsiteX60" fmla="*/ 1270 w 10000"/>
                  <a:gd name="connsiteY60" fmla="*/ 9911 h 10000"/>
                  <a:gd name="connsiteX61" fmla="*/ 990 w 10000"/>
                  <a:gd name="connsiteY61" fmla="*/ 9911 h 10000"/>
                  <a:gd name="connsiteX62" fmla="*/ 736 w 10000"/>
                  <a:gd name="connsiteY62" fmla="*/ 9911 h 10000"/>
                  <a:gd name="connsiteX63" fmla="*/ 457 w 10000"/>
                  <a:gd name="connsiteY63" fmla="*/ 9926 h 10000"/>
                  <a:gd name="connsiteX64" fmla="*/ 178 w 10000"/>
                  <a:gd name="connsiteY64" fmla="*/ 9970 h 10000"/>
                  <a:gd name="connsiteX65" fmla="*/ 102 w 10000"/>
                  <a:gd name="connsiteY65" fmla="*/ 9867 h 10000"/>
                  <a:gd name="connsiteX66" fmla="*/ 51 w 10000"/>
                  <a:gd name="connsiteY66" fmla="*/ 9793 h 10000"/>
                  <a:gd name="connsiteX67" fmla="*/ 0 w 10000"/>
                  <a:gd name="connsiteY67" fmla="*/ 9705 h 10000"/>
                  <a:gd name="connsiteX68" fmla="*/ 0 w 10000"/>
                  <a:gd name="connsiteY68" fmla="*/ 9601 h 10000"/>
                  <a:gd name="connsiteX69" fmla="*/ 51 w 10000"/>
                  <a:gd name="connsiteY69" fmla="*/ 9424 h 10000"/>
                  <a:gd name="connsiteX70" fmla="*/ 102 w 10000"/>
                  <a:gd name="connsiteY70" fmla="*/ 9202 h 10000"/>
                  <a:gd name="connsiteX71" fmla="*/ 151 w 10000"/>
                  <a:gd name="connsiteY71" fmla="*/ 8996 h 10000"/>
                  <a:gd name="connsiteX72" fmla="*/ 203 w 10000"/>
                  <a:gd name="connsiteY72" fmla="*/ 8759 h 10000"/>
                  <a:gd name="connsiteX73" fmla="*/ 228 w 10000"/>
                  <a:gd name="connsiteY73" fmla="*/ 8641 h 10000"/>
                  <a:gd name="connsiteX74" fmla="*/ 228 w 10000"/>
                  <a:gd name="connsiteY74" fmla="*/ 8538 h 10000"/>
                  <a:gd name="connsiteX75" fmla="*/ 203 w 10000"/>
                  <a:gd name="connsiteY75" fmla="*/ 8405 h 10000"/>
                  <a:gd name="connsiteX76" fmla="*/ 178 w 10000"/>
                  <a:gd name="connsiteY76" fmla="*/ 8287 h 10000"/>
                  <a:gd name="connsiteX77" fmla="*/ 431 w 10000"/>
                  <a:gd name="connsiteY77" fmla="*/ 8213 h 10000"/>
                  <a:gd name="connsiteX78" fmla="*/ 685 w 10000"/>
                  <a:gd name="connsiteY78" fmla="*/ 8139 h 10000"/>
                  <a:gd name="connsiteX79" fmla="*/ 939 w 10000"/>
                  <a:gd name="connsiteY79" fmla="*/ 8095 h 10000"/>
                  <a:gd name="connsiteX80" fmla="*/ 1218 w 10000"/>
                  <a:gd name="connsiteY80" fmla="*/ 8065 h 10000"/>
                  <a:gd name="connsiteX81" fmla="*/ 1725 w 10000"/>
                  <a:gd name="connsiteY81" fmla="*/ 8021 h 10000"/>
                  <a:gd name="connsiteX82" fmla="*/ 2234 w 10000"/>
                  <a:gd name="connsiteY82" fmla="*/ 7976 h 10000"/>
                  <a:gd name="connsiteX83" fmla="*/ 2462 w 10000"/>
                  <a:gd name="connsiteY83" fmla="*/ 7947 h 10000"/>
                  <a:gd name="connsiteX84" fmla="*/ 2690 w 10000"/>
                  <a:gd name="connsiteY84" fmla="*/ 7917 h 10000"/>
                  <a:gd name="connsiteX85" fmla="*/ 2892 w 10000"/>
                  <a:gd name="connsiteY85" fmla="*/ 7843 h 10000"/>
                  <a:gd name="connsiteX86" fmla="*/ 3096 w 10000"/>
                  <a:gd name="connsiteY86" fmla="*/ 7784 h 10000"/>
                  <a:gd name="connsiteX87" fmla="*/ 3274 w 10000"/>
                  <a:gd name="connsiteY87" fmla="*/ 7710 h 10000"/>
                  <a:gd name="connsiteX88" fmla="*/ 3426 w 10000"/>
                  <a:gd name="connsiteY88" fmla="*/ 7592 h 10000"/>
                  <a:gd name="connsiteX89" fmla="*/ 3579 w 10000"/>
                  <a:gd name="connsiteY89" fmla="*/ 7474 h 10000"/>
                  <a:gd name="connsiteX90" fmla="*/ 3680 w 10000"/>
                  <a:gd name="connsiteY90" fmla="*/ 7312 h 10000"/>
                  <a:gd name="connsiteX91" fmla="*/ 3477 w 10000"/>
                  <a:gd name="connsiteY91" fmla="*/ 7238 h 10000"/>
                  <a:gd name="connsiteX92" fmla="*/ 3299 w 10000"/>
                  <a:gd name="connsiteY92" fmla="*/ 7179 h 10000"/>
                  <a:gd name="connsiteX93" fmla="*/ 3147 w 10000"/>
                  <a:gd name="connsiteY93" fmla="*/ 7090 h 10000"/>
                  <a:gd name="connsiteX94" fmla="*/ 2995 w 10000"/>
                  <a:gd name="connsiteY94" fmla="*/ 6987 h 10000"/>
                  <a:gd name="connsiteX95" fmla="*/ 2892 w 10000"/>
                  <a:gd name="connsiteY95" fmla="*/ 6869 h 10000"/>
                  <a:gd name="connsiteX96" fmla="*/ 2843 w 10000"/>
                  <a:gd name="connsiteY96" fmla="*/ 6721 h 10000"/>
                  <a:gd name="connsiteX97" fmla="*/ 2817 w 10000"/>
                  <a:gd name="connsiteY97" fmla="*/ 6558 h 10000"/>
                  <a:gd name="connsiteX98" fmla="*/ 2843 w 10000"/>
                  <a:gd name="connsiteY98" fmla="*/ 6352 h 10000"/>
                  <a:gd name="connsiteX99" fmla="*/ 2716 w 10000"/>
                  <a:gd name="connsiteY99" fmla="*/ 6322 h 10000"/>
                  <a:gd name="connsiteX100" fmla="*/ 2564 w 10000"/>
                  <a:gd name="connsiteY100" fmla="*/ 6292 h 10000"/>
                  <a:gd name="connsiteX101" fmla="*/ 2386 w 10000"/>
                  <a:gd name="connsiteY101" fmla="*/ 6278 h 10000"/>
                  <a:gd name="connsiteX102" fmla="*/ 2208 w 10000"/>
                  <a:gd name="connsiteY102" fmla="*/ 6263 h 10000"/>
                  <a:gd name="connsiteX103" fmla="*/ 1853 w 10000"/>
                  <a:gd name="connsiteY103" fmla="*/ 6248 h 10000"/>
                  <a:gd name="connsiteX104" fmla="*/ 1472 w 10000"/>
                  <a:gd name="connsiteY104" fmla="*/ 6263 h 10000"/>
                  <a:gd name="connsiteX105" fmla="*/ 1143 w 10000"/>
                  <a:gd name="connsiteY105" fmla="*/ 6278 h 10000"/>
                  <a:gd name="connsiteX106" fmla="*/ 837 w 10000"/>
                  <a:gd name="connsiteY106" fmla="*/ 6278 h 10000"/>
                  <a:gd name="connsiteX107" fmla="*/ 585 w 10000"/>
                  <a:gd name="connsiteY107" fmla="*/ 6263 h 10000"/>
                  <a:gd name="connsiteX108" fmla="*/ 381 w 10000"/>
                  <a:gd name="connsiteY108" fmla="*/ 6233 h 10000"/>
                  <a:gd name="connsiteX109" fmla="*/ 633 w 10000"/>
                  <a:gd name="connsiteY109" fmla="*/ 5805 h 10000"/>
                  <a:gd name="connsiteX110" fmla="*/ 914 w 10000"/>
                  <a:gd name="connsiteY110" fmla="*/ 5391 h 10000"/>
                  <a:gd name="connsiteX111" fmla="*/ 1016 w 10000"/>
                  <a:gd name="connsiteY111" fmla="*/ 5170 h 10000"/>
                  <a:gd name="connsiteX112" fmla="*/ 1091 w 10000"/>
                  <a:gd name="connsiteY112" fmla="*/ 4963 h 10000"/>
                  <a:gd name="connsiteX113" fmla="*/ 1116 w 10000"/>
                  <a:gd name="connsiteY113" fmla="*/ 4860 h 10000"/>
                  <a:gd name="connsiteX114" fmla="*/ 1091 w 10000"/>
                  <a:gd name="connsiteY114" fmla="*/ 4756 h 10000"/>
                  <a:gd name="connsiteX115" fmla="*/ 1066 w 10000"/>
                  <a:gd name="connsiteY115" fmla="*/ 4653 h 10000"/>
                  <a:gd name="connsiteX116" fmla="*/ 990 w 10000"/>
                  <a:gd name="connsiteY116" fmla="*/ 4549 h 10000"/>
                  <a:gd name="connsiteX117" fmla="*/ 1270 w 10000"/>
                  <a:gd name="connsiteY117" fmla="*/ 4520 h 10000"/>
                  <a:gd name="connsiteX118" fmla="*/ 1472 w 10000"/>
                  <a:gd name="connsiteY118" fmla="*/ 4505 h 10000"/>
                  <a:gd name="connsiteX119" fmla="*/ 1650 w 10000"/>
                  <a:gd name="connsiteY119" fmla="*/ 4505 h 10000"/>
                  <a:gd name="connsiteX120" fmla="*/ 1802 w 10000"/>
                  <a:gd name="connsiteY120" fmla="*/ 4520 h 10000"/>
                  <a:gd name="connsiteX121" fmla="*/ 1929 w 10000"/>
                  <a:gd name="connsiteY121" fmla="*/ 4520 h 10000"/>
                  <a:gd name="connsiteX122" fmla="*/ 2081 w 10000"/>
                  <a:gd name="connsiteY122" fmla="*/ 4520 h 10000"/>
                  <a:gd name="connsiteX123" fmla="*/ 2234 w 10000"/>
                  <a:gd name="connsiteY123" fmla="*/ 4490 h 10000"/>
                  <a:gd name="connsiteX124" fmla="*/ 2436 w 10000"/>
                  <a:gd name="connsiteY124" fmla="*/ 4446 h 10000"/>
                  <a:gd name="connsiteX125" fmla="*/ 2436 w 10000"/>
                  <a:gd name="connsiteY125" fmla="*/ 4579 h 10000"/>
                  <a:gd name="connsiteX126" fmla="*/ 2436 w 10000"/>
                  <a:gd name="connsiteY126" fmla="*/ 4742 h 10000"/>
                  <a:gd name="connsiteX127" fmla="*/ 2436 w 10000"/>
                  <a:gd name="connsiteY127" fmla="*/ 4874 h 10000"/>
                  <a:gd name="connsiteX128" fmla="*/ 2436 w 10000"/>
                  <a:gd name="connsiteY128" fmla="*/ 5037 h 10000"/>
                  <a:gd name="connsiteX129" fmla="*/ 2665 w 10000"/>
                  <a:gd name="connsiteY129" fmla="*/ 5022 h 10000"/>
                  <a:gd name="connsiteX130" fmla="*/ 2817 w 10000"/>
                  <a:gd name="connsiteY130" fmla="*/ 5037 h 10000"/>
                  <a:gd name="connsiteX131" fmla="*/ 2944 w 10000"/>
                  <a:gd name="connsiteY131" fmla="*/ 5066 h 10000"/>
                  <a:gd name="connsiteX132" fmla="*/ 3071 w 10000"/>
                  <a:gd name="connsiteY132" fmla="*/ 5096 h 10000"/>
                  <a:gd name="connsiteX133" fmla="*/ 3173 w 10000"/>
                  <a:gd name="connsiteY133" fmla="*/ 5126 h 10000"/>
                  <a:gd name="connsiteX134" fmla="*/ 3299 w 10000"/>
                  <a:gd name="connsiteY134" fmla="*/ 5155 h 10000"/>
                  <a:gd name="connsiteX135" fmla="*/ 3452 w 10000"/>
                  <a:gd name="connsiteY135" fmla="*/ 5170 h 10000"/>
                  <a:gd name="connsiteX136" fmla="*/ 3680 w 10000"/>
                  <a:gd name="connsiteY136" fmla="*/ 5155 h 10000"/>
                  <a:gd name="connsiteX137" fmla="*/ 3757 w 10000"/>
                  <a:gd name="connsiteY137" fmla="*/ 5096 h 10000"/>
                  <a:gd name="connsiteX138" fmla="*/ 3832 w 10000"/>
                  <a:gd name="connsiteY138" fmla="*/ 5022 h 10000"/>
                  <a:gd name="connsiteX139" fmla="*/ 3857 w 10000"/>
                  <a:gd name="connsiteY139" fmla="*/ 4934 h 10000"/>
                  <a:gd name="connsiteX140" fmla="*/ 3884 w 10000"/>
                  <a:gd name="connsiteY140" fmla="*/ 4860 h 10000"/>
                  <a:gd name="connsiteX141" fmla="*/ 3908 w 10000"/>
                  <a:gd name="connsiteY141" fmla="*/ 4697 h 10000"/>
                  <a:gd name="connsiteX142" fmla="*/ 3884 w 10000"/>
                  <a:gd name="connsiteY142" fmla="*/ 4520 h 10000"/>
                  <a:gd name="connsiteX143" fmla="*/ 3807 w 10000"/>
                  <a:gd name="connsiteY143" fmla="*/ 4343 h 10000"/>
                  <a:gd name="connsiteX144" fmla="*/ 3731 w 10000"/>
                  <a:gd name="connsiteY144" fmla="*/ 4195 h 10000"/>
                  <a:gd name="connsiteX145" fmla="*/ 3604 w 10000"/>
                  <a:gd name="connsiteY145" fmla="*/ 4047 h 10000"/>
                  <a:gd name="connsiteX146" fmla="*/ 3477 w 10000"/>
                  <a:gd name="connsiteY146" fmla="*/ 3959 h 10000"/>
                  <a:gd name="connsiteX147" fmla="*/ 3629 w 10000"/>
                  <a:gd name="connsiteY147" fmla="*/ 3944 h 10000"/>
                  <a:gd name="connsiteX148" fmla="*/ 3757 w 10000"/>
                  <a:gd name="connsiteY148" fmla="*/ 3914 h 10000"/>
                  <a:gd name="connsiteX149" fmla="*/ 3857 w 10000"/>
                  <a:gd name="connsiteY149" fmla="*/ 3855 h 10000"/>
                  <a:gd name="connsiteX150" fmla="*/ 3983 w 10000"/>
                  <a:gd name="connsiteY150" fmla="*/ 3752 h 10000"/>
                  <a:gd name="connsiteX151" fmla="*/ 4111 w 10000"/>
                  <a:gd name="connsiteY151" fmla="*/ 3663 h 10000"/>
                  <a:gd name="connsiteX152" fmla="*/ 4213 w 10000"/>
                  <a:gd name="connsiteY152" fmla="*/ 3560 h 10000"/>
                  <a:gd name="connsiteX153" fmla="*/ 4289 w 10000"/>
                  <a:gd name="connsiteY153" fmla="*/ 3442 h 10000"/>
                  <a:gd name="connsiteX154" fmla="*/ 4366 w 10000"/>
                  <a:gd name="connsiteY154" fmla="*/ 3323 h 10000"/>
                  <a:gd name="connsiteX155" fmla="*/ 4416 w 10000"/>
                  <a:gd name="connsiteY155" fmla="*/ 3220 h 10000"/>
                  <a:gd name="connsiteX156" fmla="*/ 4441 w 10000"/>
                  <a:gd name="connsiteY156" fmla="*/ 3102 h 10000"/>
                  <a:gd name="connsiteX157" fmla="*/ 4468 w 10000"/>
                  <a:gd name="connsiteY157" fmla="*/ 3013 h 10000"/>
                  <a:gd name="connsiteX158" fmla="*/ 4441 w 10000"/>
                  <a:gd name="connsiteY158" fmla="*/ 2939 h 10000"/>
                  <a:gd name="connsiteX159" fmla="*/ 4416 w 10000"/>
                  <a:gd name="connsiteY159" fmla="*/ 2866 h 10000"/>
                  <a:gd name="connsiteX160" fmla="*/ 4340 w 10000"/>
                  <a:gd name="connsiteY160" fmla="*/ 2836 h 10000"/>
                  <a:gd name="connsiteX161" fmla="*/ 4239 w 10000"/>
                  <a:gd name="connsiteY161" fmla="*/ 2836 h 10000"/>
                  <a:gd name="connsiteX162" fmla="*/ 4111 w 10000"/>
                  <a:gd name="connsiteY162" fmla="*/ 2866 h 10000"/>
                  <a:gd name="connsiteX163" fmla="*/ 4213 w 10000"/>
                  <a:gd name="connsiteY163" fmla="*/ 2777 h 10000"/>
                  <a:gd name="connsiteX164" fmla="*/ 4265 w 10000"/>
                  <a:gd name="connsiteY164" fmla="*/ 2674 h 10000"/>
                  <a:gd name="connsiteX165" fmla="*/ 4289 w 10000"/>
                  <a:gd name="connsiteY165" fmla="*/ 2541 h 10000"/>
                  <a:gd name="connsiteX166" fmla="*/ 4289 w 10000"/>
                  <a:gd name="connsiteY166" fmla="*/ 2393 h 10000"/>
                  <a:gd name="connsiteX167" fmla="*/ 4314 w 10000"/>
                  <a:gd name="connsiteY167" fmla="*/ 2349 h 10000"/>
                  <a:gd name="connsiteX168" fmla="*/ 4366 w 10000"/>
                  <a:gd name="connsiteY168" fmla="*/ 2304 h 10000"/>
                  <a:gd name="connsiteX169" fmla="*/ 4416 w 10000"/>
                  <a:gd name="connsiteY169" fmla="*/ 2290 h 10000"/>
                  <a:gd name="connsiteX170" fmla="*/ 4493 w 10000"/>
                  <a:gd name="connsiteY170" fmla="*/ 2275 h 10000"/>
                  <a:gd name="connsiteX171" fmla="*/ 4720 w 10000"/>
                  <a:gd name="connsiteY171" fmla="*/ 2260 h 10000"/>
                  <a:gd name="connsiteX172" fmla="*/ 4923 w 10000"/>
                  <a:gd name="connsiteY172" fmla="*/ 2275 h 10000"/>
                  <a:gd name="connsiteX173" fmla="*/ 4898 w 10000"/>
                  <a:gd name="connsiteY173" fmla="*/ 2112 h 10000"/>
                  <a:gd name="connsiteX174" fmla="*/ 4848 w 10000"/>
                  <a:gd name="connsiteY174" fmla="*/ 1950 h 10000"/>
                  <a:gd name="connsiteX175" fmla="*/ 4771 w 10000"/>
                  <a:gd name="connsiteY175" fmla="*/ 1802 h 10000"/>
                  <a:gd name="connsiteX176" fmla="*/ 4671 w 10000"/>
                  <a:gd name="connsiteY176" fmla="*/ 1640 h 10000"/>
                  <a:gd name="connsiteX177" fmla="*/ 4416 w 10000"/>
                  <a:gd name="connsiteY177" fmla="*/ 1329 h 10000"/>
                  <a:gd name="connsiteX178" fmla="*/ 4162 w 10000"/>
                  <a:gd name="connsiteY178" fmla="*/ 1034 h 10000"/>
                  <a:gd name="connsiteX179" fmla="*/ 4035 w 10000"/>
                  <a:gd name="connsiteY179" fmla="*/ 901 h 10000"/>
                  <a:gd name="connsiteX180" fmla="*/ 3935 w 10000"/>
                  <a:gd name="connsiteY180" fmla="*/ 753 h 10000"/>
                  <a:gd name="connsiteX181" fmla="*/ 3857 w 10000"/>
                  <a:gd name="connsiteY181" fmla="*/ 620 h 10000"/>
                  <a:gd name="connsiteX182" fmla="*/ 3832 w 10000"/>
                  <a:gd name="connsiteY182" fmla="*/ 487 h 10000"/>
                  <a:gd name="connsiteX183" fmla="*/ 3807 w 10000"/>
                  <a:gd name="connsiteY183" fmla="*/ 355 h 10000"/>
                  <a:gd name="connsiteX184" fmla="*/ 3857 w 10000"/>
                  <a:gd name="connsiteY184" fmla="*/ 222 h 10000"/>
                  <a:gd name="connsiteX185" fmla="*/ 3884 w 10000"/>
                  <a:gd name="connsiteY185" fmla="*/ 162 h 10000"/>
                  <a:gd name="connsiteX186" fmla="*/ 3935 w 10000"/>
                  <a:gd name="connsiteY186" fmla="*/ 103 h 10000"/>
                  <a:gd name="connsiteX187" fmla="*/ 4011 w 10000"/>
                  <a:gd name="connsiteY187" fmla="*/ 59 h 10000"/>
                  <a:gd name="connsiteX188" fmla="*/ 4111 w 10000"/>
                  <a:gd name="connsiteY188" fmla="*/ 0 h 10000"/>
                  <a:gd name="connsiteX189" fmla="*/ 4289 w 10000"/>
                  <a:gd name="connsiteY189" fmla="*/ 0 h 10000"/>
                  <a:gd name="connsiteX190" fmla="*/ 4468 w 10000"/>
                  <a:gd name="connsiteY190" fmla="*/ 15 h 10000"/>
                  <a:gd name="connsiteX191" fmla="*/ 4644 w 10000"/>
                  <a:gd name="connsiteY191" fmla="*/ 44 h 10000"/>
                  <a:gd name="connsiteX192" fmla="*/ 4771 w 10000"/>
                  <a:gd name="connsiteY192" fmla="*/ 89 h 10000"/>
                  <a:gd name="connsiteX193" fmla="*/ 4975 w 10000"/>
                  <a:gd name="connsiteY193" fmla="*/ 192 h 10000"/>
                  <a:gd name="connsiteX194" fmla="*/ 5177 w 10000"/>
                  <a:gd name="connsiteY194" fmla="*/ 340 h 10000"/>
                  <a:gd name="connsiteX195" fmla="*/ 5329 w 10000"/>
                  <a:gd name="connsiteY195" fmla="*/ 473 h 10000"/>
                  <a:gd name="connsiteX196" fmla="*/ 5532 w 10000"/>
                  <a:gd name="connsiteY196" fmla="*/ 591 h 10000"/>
                  <a:gd name="connsiteX197" fmla="*/ 5660 w 10000"/>
                  <a:gd name="connsiteY197" fmla="*/ 650 h 10000"/>
                  <a:gd name="connsiteX198" fmla="*/ 5812 w 10000"/>
                  <a:gd name="connsiteY198" fmla="*/ 679 h 10000"/>
                  <a:gd name="connsiteX199" fmla="*/ 5965 w 10000"/>
                  <a:gd name="connsiteY199" fmla="*/ 709 h 10000"/>
                  <a:gd name="connsiteX200" fmla="*/ 6168 w 10000"/>
                  <a:gd name="connsiteY200" fmla="*/ 709 h 10000"/>
                  <a:gd name="connsiteX201" fmla="*/ 6168 w 10000"/>
                  <a:gd name="connsiteY201" fmla="*/ 768 h 10000"/>
                  <a:gd name="connsiteX202" fmla="*/ 6193 w 10000"/>
                  <a:gd name="connsiteY202" fmla="*/ 842 h 10000"/>
                  <a:gd name="connsiteX203" fmla="*/ 6243 w 10000"/>
                  <a:gd name="connsiteY203" fmla="*/ 916 h 10000"/>
                  <a:gd name="connsiteX204" fmla="*/ 6294 w 10000"/>
                  <a:gd name="connsiteY204" fmla="*/ 990 h 10000"/>
                  <a:gd name="connsiteX205" fmla="*/ 6369 w 10000"/>
                  <a:gd name="connsiteY205" fmla="*/ 1049 h 10000"/>
                  <a:gd name="connsiteX206" fmla="*/ 6471 w 10000"/>
                  <a:gd name="connsiteY206" fmla="*/ 1108 h 10000"/>
                  <a:gd name="connsiteX207" fmla="*/ 6598 w 10000"/>
                  <a:gd name="connsiteY207" fmla="*/ 1182 h 10000"/>
                  <a:gd name="connsiteX208" fmla="*/ 6700 w 10000"/>
                  <a:gd name="connsiteY208" fmla="*/ 1226 h 10000"/>
                  <a:gd name="connsiteX209" fmla="*/ 6802 w 10000"/>
                  <a:gd name="connsiteY209" fmla="*/ 1270 h 10000"/>
                  <a:gd name="connsiteX210" fmla="*/ 6903 w 10000"/>
                  <a:gd name="connsiteY210" fmla="*/ 1300 h 10000"/>
                  <a:gd name="connsiteX211" fmla="*/ 7005 w 10000"/>
                  <a:gd name="connsiteY211" fmla="*/ 1315 h 10000"/>
                  <a:gd name="connsiteX212" fmla="*/ 7132 w 10000"/>
                  <a:gd name="connsiteY212" fmla="*/ 1300 h 10000"/>
                  <a:gd name="connsiteX213" fmla="*/ 7234 w 10000"/>
                  <a:gd name="connsiteY213" fmla="*/ 1285 h 10000"/>
                  <a:gd name="connsiteX214" fmla="*/ 7309 w 10000"/>
                  <a:gd name="connsiteY214" fmla="*/ 1241 h 10000"/>
                  <a:gd name="connsiteX215" fmla="*/ 7361 w 10000"/>
                  <a:gd name="connsiteY215" fmla="*/ 1167 h 10000"/>
                  <a:gd name="connsiteX216" fmla="*/ 7385 w 10000"/>
                  <a:gd name="connsiteY216" fmla="*/ 1064 h 10000"/>
                  <a:gd name="connsiteX217" fmla="*/ 7766 w 10000"/>
                  <a:gd name="connsiteY217" fmla="*/ 1034 h 10000"/>
                  <a:gd name="connsiteX218" fmla="*/ 8121 w 10000"/>
                  <a:gd name="connsiteY218" fmla="*/ 1004 h 10000"/>
                  <a:gd name="connsiteX219" fmla="*/ 8427 w 10000"/>
                  <a:gd name="connsiteY219" fmla="*/ 990 h 10000"/>
                  <a:gd name="connsiteX220" fmla="*/ 8706 w 10000"/>
                  <a:gd name="connsiteY220" fmla="*/ 1004 h 10000"/>
                  <a:gd name="connsiteX221" fmla="*/ 8833 w 10000"/>
                  <a:gd name="connsiteY221" fmla="*/ 1019 h 10000"/>
                  <a:gd name="connsiteX222" fmla="*/ 8958 w 10000"/>
                  <a:gd name="connsiteY222" fmla="*/ 1034 h 10000"/>
                  <a:gd name="connsiteX223" fmla="*/ 9061 w 10000"/>
                  <a:gd name="connsiteY223" fmla="*/ 1064 h 10000"/>
                  <a:gd name="connsiteX224" fmla="*/ 9188 w 10000"/>
                  <a:gd name="connsiteY224" fmla="*/ 1108 h 10000"/>
                  <a:gd name="connsiteX225" fmla="*/ 9264 w 10000"/>
                  <a:gd name="connsiteY225" fmla="*/ 1182 h 10000"/>
                  <a:gd name="connsiteX226" fmla="*/ 9339 w 10000"/>
                  <a:gd name="connsiteY226" fmla="*/ 1241 h 10000"/>
                  <a:gd name="connsiteX227" fmla="*/ 9391 w 10000"/>
                  <a:gd name="connsiteY227" fmla="*/ 1329 h 10000"/>
                  <a:gd name="connsiteX228" fmla="*/ 9442 w 10000"/>
                  <a:gd name="connsiteY228" fmla="*/ 1433 h 10000"/>
                  <a:gd name="connsiteX229" fmla="*/ 9492 w 10000"/>
                  <a:gd name="connsiteY229" fmla="*/ 1551 h 10000"/>
                  <a:gd name="connsiteX230" fmla="*/ 9466 w 10000"/>
                  <a:gd name="connsiteY230" fmla="*/ 1625 h 10000"/>
                  <a:gd name="connsiteX231" fmla="*/ 9442 w 10000"/>
                  <a:gd name="connsiteY231" fmla="*/ 1684 h 10000"/>
                  <a:gd name="connsiteX232" fmla="*/ 9391 w 10000"/>
                  <a:gd name="connsiteY232" fmla="*/ 1758 h 10000"/>
                  <a:gd name="connsiteX233" fmla="*/ 9315 w 10000"/>
                  <a:gd name="connsiteY233" fmla="*/ 1802 h 10000"/>
                  <a:gd name="connsiteX234" fmla="*/ 9264 w 10000"/>
                  <a:gd name="connsiteY234" fmla="*/ 1861 h 10000"/>
                  <a:gd name="connsiteX235" fmla="*/ 9240 w 10000"/>
                  <a:gd name="connsiteY235" fmla="*/ 1935 h 10000"/>
                  <a:gd name="connsiteX236" fmla="*/ 9264 w 10000"/>
                  <a:gd name="connsiteY236" fmla="*/ 2024 h 10000"/>
                  <a:gd name="connsiteX237" fmla="*/ 9543 w 10000"/>
                  <a:gd name="connsiteY237" fmla="*/ 2157 h 10000"/>
                  <a:gd name="connsiteX238" fmla="*/ 9873 w 10000"/>
                  <a:gd name="connsiteY238" fmla="*/ 2275 h 10000"/>
                  <a:gd name="connsiteX239" fmla="*/ 10000 w 10000"/>
                  <a:gd name="connsiteY239" fmla="*/ 2349 h 10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</a:cxnLst>
                <a:rect l="l" t="t" r="r" b="b"/>
                <a:pathLst>
                  <a:path w="10000" h="10000">
                    <a:moveTo>
                      <a:pt x="9415" y="3117"/>
                    </a:moveTo>
                    <a:cubicBezTo>
                      <a:pt x="9423" y="3102"/>
                      <a:pt x="9433" y="3087"/>
                      <a:pt x="9442" y="3072"/>
                    </a:cubicBezTo>
                    <a:cubicBezTo>
                      <a:pt x="9450" y="3052"/>
                      <a:pt x="9458" y="3033"/>
                      <a:pt x="9466" y="3013"/>
                    </a:cubicBezTo>
                    <a:lnTo>
                      <a:pt x="9466" y="2954"/>
                    </a:lnTo>
                    <a:cubicBezTo>
                      <a:pt x="9458" y="2925"/>
                      <a:pt x="9450" y="2895"/>
                      <a:pt x="9442" y="2866"/>
                    </a:cubicBezTo>
                    <a:lnTo>
                      <a:pt x="6345" y="4003"/>
                    </a:lnTo>
                    <a:lnTo>
                      <a:pt x="5938" y="4195"/>
                    </a:lnTo>
                    <a:cubicBezTo>
                      <a:pt x="5984" y="4397"/>
                      <a:pt x="6336" y="5094"/>
                      <a:pt x="6421" y="5318"/>
                    </a:cubicBezTo>
                    <a:cubicBezTo>
                      <a:pt x="6429" y="5392"/>
                      <a:pt x="6439" y="5465"/>
                      <a:pt x="6447" y="5539"/>
                    </a:cubicBezTo>
                    <a:cubicBezTo>
                      <a:pt x="6455" y="5618"/>
                      <a:pt x="6463" y="5696"/>
                      <a:pt x="6471" y="5775"/>
                    </a:cubicBezTo>
                    <a:lnTo>
                      <a:pt x="6471" y="5997"/>
                    </a:lnTo>
                    <a:cubicBezTo>
                      <a:pt x="6463" y="6076"/>
                      <a:pt x="6455" y="6154"/>
                      <a:pt x="6447" y="6233"/>
                    </a:cubicBezTo>
                    <a:lnTo>
                      <a:pt x="6396" y="6470"/>
                    </a:lnTo>
                    <a:cubicBezTo>
                      <a:pt x="6380" y="6539"/>
                      <a:pt x="6361" y="6608"/>
                      <a:pt x="6345" y="6677"/>
                    </a:cubicBezTo>
                    <a:cubicBezTo>
                      <a:pt x="6320" y="6751"/>
                      <a:pt x="6294" y="6824"/>
                      <a:pt x="6269" y="6898"/>
                    </a:cubicBezTo>
                    <a:cubicBezTo>
                      <a:pt x="6236" y="6967"/>
                      <a:pt x="6201" y="7036"/>
                      <a:pt x="6168" y="7105"/>
                    </a:cubicBezTo>
                    <a:cubicBezTo>
                      <a:pt x="6125" y="7169"/>
                      <a:pt x="6084" y="7233"/>
                      <a:pt x="6041" y="7297"/>
                    </a:cubicBezTo>
                    <a:lnTo>
                      <a:pt x="5888" y="7489"/>
                    </a:lnTo>
                    <a:lnTo>
                      <a:pt x="5735" y="7681"/>
                    </a:lnTo>
                    <a:lnTo>
                      <a:pt x="6471" y="7799"/>
                    </a:lnTo>
                    <a:lnTo>
                      <a:pt x="7234" y="7962"/>
                    </a:lnTo>
                    <a:lnTo>
                      <a:pt x="7385" y="8021"/>
                    </a:lnTo>
                    <a:cubicBezTo>
                      <a:pt x="7427" y="8041"/>
                      <a:pt x="7470" y="8060"/>
                      <a:pt x="7512" y="8080"/>
                    </a:cubicBezTo>
                    <a:cubicBezTo>
                      <a:pt x="7554" y="8100"/>
                      <a:pt x="7597" y="8119"/>
                      <a:pt x="7639" y="8139"/>
                    </a:cubicBezTo>
                    <a:cubicBezTo>
                      <a:pt x="7665" y="8168"/>
                      <a:pt x="7691" y="8198"/>
                      <a:pt x="7716" y="8227"/>
                    </a:cubicBezTo>
                    <a:cubicBezTo>
                      <a:pt x="7724" y="8252"/>
                      <a:pt x="7733" y="8276"/>
                      <a:pt x="7741" y="8301"/>
                    </a:cubicBezTo>
                    <a:lnTo>
                      <a:pt x="7741" y="8405"/>
                    </a:lnTo>
                    <a:cubicBezTo>
                      <a:pt x="7724" y="8444"/>
                      <a:pt x="7707" y="8484"/>
                      <a:pt x="7691" y="8523"/>
                    </a:cubicBezTo>
                    <a:cubicBezTo>
                      <a:pt x="7665" y="8562"/>
                      <a:pt x="7640" y="8602"/>
                      <a:pt x="7614" y="8641"/>
                    </a:cubicBezTo>
                    <a:lnTo>
                      <a:pt x="7284" y="8552"/>
                    </a:lnTo>
                    <a:lnTo>
                      <a:pt x="6979" y="8449"/>
                    </a:lnTo>
                    <a:lnTo>
                      <a:pt x="6674" y="8360"/>
                    </a:lnTo>
                    <a:lnTo>
                      <a:pt x="6369" y="8287"/>
                    </a:lnTo>
                    <a:cubicBezTo>
                      <a:pt x="6328" y="8341"/>
                      <a:pt x="6285" y="8395"/>
                      <a:pt x="6243" y="8449"/>
                    </a:cubicBezTo>
                    <a:lnTo>
                      <a:pt x="6143" y="8597"/>
                    </a:lnTo>
                    <a:cubicBezTo>
                      <a:pt x="6125" y="8617"/>
                      <a:pt x="6108" y="8636"/>
                      <a:pt x="6091" y="8656"/>
                    </a:cubicBezTo>
                    <a:lnTo>
                      <a:pt x="5989" y="8700"/>
                    </a:lnTo>
                    <a:cubicBezTo>
                      <a:pt x="5965" y="8715"/>
                      <a:pt x="5938" y="8729"/>
                      <a:pt x="5914" y="8744"/>
                    </a:cubicBezTo>
                    <a:lnTo>
                      <a:pt x="5838" y="8774"/>
                    </a:lnTo>
                    <a:lnTo>
                      <a:pt x="5761" y="8804"/>
                    </a:lnTo>
                    <a:lnTo>
                      <a:pt x="5660" y="8818"/>
                    </a:lnTo>
                    <a:lnTo>
                      <a:pt x="5532" y="8833"/>
                    </a:lnTo>
                    <a:lnTo>
                      <a:pt x="5406" y="8833"/>
                    </a:lnTo>
                    <a:lnTo>
                      <a:pt x="5102" y="8818"/>
                    </a:lnTo>
                    <a:lnTo>
                      <a:pt x="4720" y="8744"/>
                    </a:lnTo>
                    <a:lnTo>
                      <a:pt x="4720" y="8922"/>
                    </a:lnTo>
                    <a:cubicBezTo>
                      <a:pt x="4712" y="8971"/>
                      <a:pt x="4703" y="9020"/>
                      <a:pt x="4695" y="9069"/>
                    </a:cubicBezTo>
                    <a:cubicBezTo>
                      <a:pt x="4687" y="9123"/>
                      <a:pt x="4679" y="9178"/>
                      <a:pt x="4671" y="9232"/>
                    </a:cubicBezTo>
                    <a:cubicBezTo>
                      <a:pt x="4660" y="9276"/>
                      <a:pt x="4652" y="9321"/>
                      <a:pt x="4644" y="9365"/>
                    </a:cubicBezTo>
                    <a:cubicBezTo>
                      <a:pt x="4628" y="9409"/>
                      <a:pt x="4612" y="9454"/>
                      <a:pt x="4593" y="9498"/>
                    </a:cubicBezTo>
                    <a:lnTo>
                      <a:pt x="4493" y="9616"/>
                    </a:lnTo>
                    <a:cubicBezTo>
                      <a:pt x="4467" y="9655"/>
                      <a:pt x="4442" y="9695"/>
                      <a:pt x="4416" y="9734"/>
                    </a:cubicBezTo>
                    <a:cubicBezTo>
                      <a:pt x="4374" y="9769"/>
                      <a:pt x="4332" y="9803"/>
                      <a:pt x="4289" y="9838"/>
                    </a:cubicBezTo>
                    <a:lnTo>
                      <a:pt x="3983" y="9897"/>
                    </a:lnTo>
                    <a:lnTo>
                      <a:pt x="3731" y="9941"/>
                    </a:lnTo>
                    <a:lnTo>
                      <a:pt x="3426" y="9985"/>
                    </a:lnTo>
                    <a:lnTo>
                      <a:pt x="3198" y="10000"/>
                    </a:lnTo>
                    <a:lnTo>
                      <a:pt x="2690" y="10000"/>
                    </a:lnTo>
                    <a:lnTo>
                      <a:pt x="2208" y="9985"/>
                    </a:lnTo>
                    <a:lnTo>
                      <a:pt x="1752" y="9941"/>
                    </a:lnTo>
                    <a:lnTo>
                      <a:pt x="1270" y="9911"/>
                    </a:lnTo>
                    <a:lnTo>
                      <a:pt x="990" y="9911"/>
                    </a:lnTo>
                    <a:lnTo>
                      <a:pt x="736" y="9911"/>
                    </a:lnTo>
                    <a:lnTo>
                      <a:pt x="457" y="9926"/>
                    </a:lnTo>
                    <a:lnTo>
                      <a:pt x="178" y="9970"/>
                    </a:lnTo>
                    <a:cubicBezTo>
                      <a:pt x="151" y="9936"/>
                      <a:pt x="127" y="9901"/>
                      <a:pt x="102" y="9867"/>
                    </a:cubicBezTo>
                    <a:cubicBezTo>
                      <a:pt x="84" y="9842"/>
                      <a:pt x="67" y="9818"/>
                      <a:pt x="51" y="9793"/>
                    </a:cubicBezTo>
                    <a:cubicBezTo>
                      <a:pt x="33" y="9764"/>
                      <a:pt x="16" y="9734"/>
                      <a:pt x="0" y="9705"/>
                    </a:cubicBezTo>
                    <a:lnTo>
                      <a:pt x="0" y="9601"/>
                    </a:lnTo>
                    <a:cubicBezTo>
                      <a:pt x="16" y="9542"/>
                      <a:pt x="33" y="9483"/>
                      <a:pt x="51" y="9424"/>
                    </a:cubicBezTo>
                    <a:cubicBezTo>
                      <a:pt x="67" y="9350"/>
                      <a:pt x="84" y="9276"/>
                      <a:pt x="102" y="9202"/>
                    </a:cubicBezTo>
                    <a:cubicBezTo>
                      <a:pt x="119" y="9133"/>
                      <a:pt x="135" y="9065"/>
                      <a:pt x="151" y="8996"/>
                    </a:cubicBezTo>
                    <a:cubicBezTo>
                      <a:pt x="169" y="8917"/>
                      <a:pt x="187" y="8838"/>
                      <a:pt x="203" y="8759"/>
                    </a:cubicBezTo>
                    <a:cubicBezTo>
                      <a:pt x="211" y="8720"/>
                      <a:pt x="220" y="8680"/>
                      <a:pt x="228" y="8641"/>
                    </a:cubicBezTo>
                    <a:lnTo>
                      <a:pt x="228" y="8538"/>
                    </a:lnTo>
                    <a:cubicBezTo>
                      <a:pt x="220" y="8494"/>
                      <a:pt x="211" y="8449"/>
                      <a:pt x="203" y="8405"/>
                    </a:cubicBezTo>
                    <a:cubicBezTo>
                      <a:pt x="195" y="8366"/>
                      <a:pt x="186" y="8326"/>
                      <a:pt x="178" y="8287"/>
                    </a:cubicBezTo>
                    <a:lnTo>
                      <a:pt x="431" y="8213"/>
                    </a:lnTo>
                    <a:lnTo>
                      <a:pt x="685" y="8139"/>
                    </a:lnTo>
                    <a:lnTo>
                      <a:pt x="939" y="8095"/>
                    </a:lnTo>
                    <a:lnTo>
                      <a:pt x="1218" y="8065"/>
                    </a:lnTo>
                    <a:lnTo>
                      <a:pt x="1725" y="8021"/>
                    </a:lnTo>
                    <a:lnTo>
                      <a:pt x="2234" y="7976"/>
                    </a:lnTo>
                    <a:lnTo>
                      <a:pt x="2462" y="7947"/>
                    </a:lnTo>
                    <a:lnTo>
                      <a:pt x="2690" y="7917"/>
                    </a:lnTo>
                    <a:lnTo>
                      <a:pt x="2892" y="7843"/>
                    </a:lnTo>
                    <a:lnTo>
                      <a:pt x="3096" y="7784"/>
                    </a:lnTo>
                    <a:lnTo>
                      <a:pt x="3274" y="7710"/>
                    </a:lnTo>
                    <a:cubicBezTo>
                      <a:pt x="3326" y="7671"/>
                      <a:pt x="3375" y="7631"/>
                      <a:pt x="3426" y="7592"/>
                    </a:cubicBezTo>
                    <a:lnTo>
                      <a:pt x="3579" y="7474"/>
                    </a:lnTo>
                    <a:cubicBezTo>
                      <a:pt x="3612" y="7420"/>
                      <a:pt x="3647" y="7366"/>
                      <a:pt x="3680" y="7312"/>
                    </a:cubicBezTo>
                    <a:lnTo>
                      <a:pt x="3477" y="7238"/>
                    </a:lnTo>
                    <a:lnTo>
                      <a:pt x="3299" y="7179"/>
                    </a:lnTo>
                    <a:cubicBezTo>
                      <a:pt x="3249" y="7149"/>
                      <a:pt x="3198" y="7120"/>
                      <a:pt x="3147" y="7090"/>
                    </a:cubicBezTo>
                    <a:cubicBezTo>
                      <a:pt x="3096" y="7056"/>
                      <a:pt x="3046" y="7021"/>
                      <a:pt x="2995" y="6987"/>
                    </a:cubicBezTo>
                    <a:cubicBezTo>
                      <a:pt x="2960" y="6948"/>
                      <a:pt x="2927" y="6908"/>
                      <a:pt x="2892" y="6869"/>
                    </a:cubicBezTo>
                    <a:cubicBezTo>
                      <a:pt x="2876" y="6820"/>
                      <a:pt x="2860" y="6770"/>
                      <a:pt x="2843" y="6721"/>
                    </a:cubicBezTo>
                    <a:cubicBezTo>
                      <a:pt x="2834" y="6667"/>
                      <a:pt x="2825" y="6612"/>
                      <a:pt x="2817" y="6558"/>
                    </a:cubicBezTo>
                    <a:cubicBezTo>
                      <a:pt x="2825" y="6489"/>
                      <a:pt x="2834" y="6421"/>
                      <a:pt x="2843" y="6352"/>
                    </a:cubicBezTo>
                    <a:lnTo>
                      <a:pt x="2716" y="6322"/>
                    </a:lnTo>
                    <a:lnTo>
                      <a:pt x="2564" y="6292"/>
                    </a:lnTo>
                    <a:lnTo>
                      <a:pt x="2386" y="6278"/>
                    </a:lnTo>
                    <a:lnTo>
                      <a:pt x="2208" y="6263"/>
                    </a:lnTo>
                    <a:lnTo>
                      <a:pt x="1853" y="6248"/>
                    </a:lnTo>
                    <a:lnTo>
                      <a:pt x="1472" y="6263"/>
                    </a:lnTo>
                    <a:lnTo>
                      <a:pt x="1143" y="6278"/>
                    </a:lnTo>
                    <a:lnTo>
                      <a:pt x="837" y="6278"/>
                    </a:lnTo>
                    <a:lnTo>
                      <a:pt x="585" y="6263"/>
                    </a:lnTo>
                    <a:lnTo>
                      <a:pt x="381" y="6233"/>
                    </a:lnTo>
                    <a:lnTo>
                      <a:pt x="633" y="5805"/>
                    </a:lnTo>
                    <a:lnTo>
                      <a:pt x="914" y="5391"/>
                    </a:lnTo>
                    <a:lnTo>
                      <a:pt x="1016" y="5170"/>
                    </a:lnTo>
                    <a:cubicBezTo>
                      <a:pt x="1041" y="5101"/>
                      <a:pt x="1067" y="5032"/>
                      <a:pt x="1091" y="4963"/>
                    </a:cubicBezTo>
                    <a:cubicBezTo>
                      <a:pt x="1099" y="4929"/>
                      <a:pt x="1108" y="4894"/>
                      <a:pt x="1116" y="4860"/>
                    </a:cubicBezTo>
                    <a:cubicBezTo>
                      <a:pt x="1108" y="4825"/>
                      <a:pt x="1099" y="4791"/>
                      <a:pt x="1091" y="4756"/>
                    </a:cubicBezTo>
                    <a:cubicBezTo>
                      <a:pt x="1083" y="4722"/>
                      <a:pt x="1075" y="4687"/>
                      <a:pt x="1066" y="4653"/>
                    </a:cubicBezTo>
                    <a:cubicBezTo>
                      <a:pt x="1041" y="4618"/>
                      <a:pt x="1015" y="4584"/>
                      <a:pt x="990" y="4549"/>
                    </a:cubicBezTo>
                    <a:lnTo>
                      <a:pt x="1270" y="4520"/>
                    </a:lnTo>
                    <a:lnTo>
                      <a:pt x="1472" y="4505"/>
                    </a:lnTo>
                    <a:lnTo>
                      <a:pt x="1650" y="4505"/>
                    </a:lnTo>
                    <a:lnTo>
                      <a:pt x="1802" y="4520"/>
                    </a:lnTo>
                    <a:lnTo>
                      <a:pt x="1929" y="4520"/>
                    </a:lnTo>
                    <a:lnTo>
                      <a:pt x="2081" y="4520"/>
                    </a:lnTo>
                    <a:lnTo>
                      <a:pt x="2234" y="4490"/>
                    </a:lnTo>
                    <a:lnTo>
                      <a:pt x="2436" y="4446"/>
                    </a:lnTo>
                    <a:lnTo>
                      <a:pt x="2436" y="4579"/>
                    </a:lnTo>
                    <a:lnTo>
                      <a:pt x="2436" y="4742"/>
                    </a:lnTo>
                    <a:lnTo>
                      <a:pt x="2436" y="4874"/>
                    </a:lnTo>
                    <a:lnTo>
                      <a:pt x="2436" y="5037"/>
                    </a:lnTo>
                    <a:lnTo>
                      <a:pt x="2665" y="5022"/>
                    </a:lnTo>
                    <a:lnTo>
                      <a:pt x="2817" y="5037"/>
                    </a:lnTo>
                    <a:lnTo>
                      <a:pt x="2944" y="5066"/>
                    </a:lnTo>
                    <a:lnTo>
                      <a:pt x="3071" y="5096"/>
                    </a:lnTo>
                    <a:lnTo>
                      <a:pt x="3173" y="5126"/>
                    </a:lnTo>
                    <a:lnTo>
                      <a:pt x="3299" y="5155"/>
                    </a:lnTo>
                    <a:lnTo>
                      <a:pt x="3452" y="5170"/>
                    </a:lnTo>
                    <a:lnTo>
                      <a:pt x="3680" y="5155"/>
                    </a:lnTo>
                    <a:cubicBezTo>
                      <a:pt x="3705" y="5135"/>
                      <a:pt x="3732" y="5116"/>
                      <a:pt x="3757" y="5096"/>
                    </a:cubicBezTo>
                    <a:cubicBezTo>
                      <a:pt x="3782" y="5071"/>
                      <a:pt x="3807" y="5047"/>
                      <a:pt x="3832" y="5022"/>
                    </a:cubicBezTo>
                    <a:cubicBezTo>
                      <a:pt x="3840" y="4993"/>
                      <a:pt x="3848" y="4963"/>
                      <a:pt x="3857" y="4934"/>
                    </a:cubicBezTo>
                    <a:cubicBezTo>
                      <a:pt x="3866" y="4909"/>
                      <a:pt x="3876" y="4885"/>
                      <a:pt x="3884" y="4860"/>
                    </a:cubicBezTo>
                    <a:cubicBezTo>
                      <a:pt x="3892" y="4806"/>
                      <a:pt x="3900" y="4751"/>
                      <a:pt x="3908" y="4697"/>
                    </a:cubicBezTo>
                    <a:lnTo>
                      <a:pt x="3884" y="4520"/>
                    </a:lnTo>
                    <a:cubicBezTo>
                      <a:pt x="3858" y="4461"/>
                      <a:pt x="3832" y="4402"/>
                      <a:pt x="3807" y="4343"/>
                    </a:cubicBezTo>
                    <a:cubicBezTo>
                      <a:pt x="3782" y="4294"/>
                      <a:pt x="3756" y="4244"/>
                      <a:pt x="3731" y="4195"/>
                    </a:cubicBezTo>
                    <a:cubicBezTo>
                      <a:pt x="3688" y="4146"/>
                      <a:pt x="3646" y="4096"/>
                      <a:pt x="3604" y="4047"/>
                    </a:cubicBezTo>
                    <a:cubicBezTo>
                      <a:pt x="3561" y="4018"/>
                      <a:pt x="3519" y="3988"/>
                      <a:pt x="3477" y="3959"/>
                    </a:cubicBezTo>
                    <a:lnTo>
                      <a:pt x="3629" y="3944"/>
                    </a:lnTo>
                    <a:lnTo>
                      <a:pt x="3757" y="3914"/>
                    </a:lnTo>
                    <a:cubicBezTo>
                      <a:pt x="3790" y="3894"/>
                      <a:pt x="3824" y="3875"/>
                      <a:pt x="3857" y="3855"/>
                    </a:cubicBezTo>
                    <a:lnTo>
                      <a:pt x="3983" y="3752"/>
                    </a:lnTo>
                    <a:cubicBezTo>
                      <a:pt x="4026" y="3722"/>
                      <a:pt x="4070" y="3693"/>
                      <a:pt x="4111" y="3663"/>
                    </a:cubicBezTo>
                    <a:cubicBezTo>
                      <a:pt x="4146" y="3629"/>
                      <a:pt x="4179" y="3594"/>
                      <a:pt x="4213" y="3560"/>
                    </a:cubicBezTo>
                    <a:lnTo>
                      <a:pt x="4289" y="3442"/>
                    </a:lnTo>
                    <a:cubicBezTo>
                      <a:pt x="4314" y="3402"/>
                      <a:pt x="4341" y="3363"/>
                      <a:pt x="4366" y="3323"/>
                    </a:cubicBezTo>
                    <a:cubicBezTo>
                      <a:pt x="4382" y="3289"/>
                      <a:pt x="4400" y="3254"/>
                      <a:pt x="4416" y="3220"/>
                    </a:cubicBezTo>
                    <a:cubicBezTo>
                      <a:pt x="4425" y="3181"/>
                      <a:pt x="4433" y="3141"/>
                      <a:pt x="4441" y="3102"/>
                    </a:cubicBezTo>
                    <a:cubicBezTo>
                      <a:pt x="4449" y="3072"/>
                      <a:pt x="4458" y="3043"/>
                      <a:pt x="4468" y="3013"/>
                    </a:cubicBezTo>
                    <a:cubicBezTo>
                      <a:pt x="4458" y="2988"/>
                      <a:pt x="4449" y="2964"/>
                      <a:pt x="4441" y="2939"/>
                    </a:cubicBezTo>
                    <a:cubicBezTo>
                      <a:pt x="4433" y="2915"/>
                      <a:pt x="4425" y="2890"/>
                      <a:pt x="4416" y="2866"/>
                    </a:cubicBezTo>
                    <a:lnTo>
                      <a:pt x="4340" y="2836"/>
                    </a:lnTo>
                    <a:lnTo>
                      <a:pt x="4239" y="2836"/>
                    </a:lnTo>
                    <a:lnTo>
                      <a:pt x="4111" y="2866"/>
                    </a:lnTo>
                    <a:lnTo>
                      <a:pt x="4213" y="2777"/>
                    </a:lnTo>
                    <a:cubicBezTo>
                      <a:pt x="4229" y="2743"/>
                      <a:pt x="4247" y="2708"/>
                      <a:pt x="4265" y="2674"/>
                    </a:cubicBezTo>
                    <a:cubicBezTo>
                      <a:pt x="4273" y="2630"/>
                      <a:pt x="4281" y="2585"/>
                      <a:pt x="4289" y="2541"/>
                    </a:cubicBezTo>
                    <a:lnTo>
                      <a:pt x="4289" y="2393"/>
                    </a:lnTo>
                    <a:cubicBezTo>
                      <a:pt x="4297" y="2378"/>
                      <a:pt x="4306" y="2364"/>
                      <a:pt x="4314" y="2349"/>
                    </a:cubicBezTo>
                    <a:cubicBezTo>
                      <a:pt x="4331" y="2334"/>
                      <a:pt x="4349" y="2319"/>
                      <a:pt x="4366" y="2304"/>
                    </a:cubicBezTo>
                    <a:cubicBezTo>
                      <a:pt x="4382" y="2299"/>
                      <a:pt x="4400" y="2295"/>
                      <a:pt x="4416" y="2290"/>
                    </a:cubicBezTo>
                    <a:lnTo>
                      <a:pt x="4493" y="2275"/>
                    </a:lnTo>
                    <a:lnTo>
                      <a:pt x="4720" y="2260"/>
                    </a:lnTo>
                    <a:lnTo>
                      <a:pt x="4923" y="2275"/>
                    </a:lnTo>
                    <a:cubicBezTo>
                      <a:pt x="4915" y="2221"/>
                      <a:pt x="4906" y="2166"/>
                      <a:pt x="4898" y="2112"/>
                    </a:cubicBezTo>
                    <a:cubicBezTo>
                      <a:pt x="4882" y="2058"/>
                      <a:pt x="4864" y="2004"/>
                      <a:pt x="4848" y="1950"/>
                    </a:cubicBezTo>
                    <a:cubicBezTo>
                      <a:pt x="4823" y="1901"/>
                      <a:pt x="4796" y="1851"/>
                      <a:pt x="4771" y="1802"/>
                    </a:cubicBezTo>
                    <a:cubicBezTo>
                      <a:pt x="4739" y="1748"/>
                      <a:pt x="4703" y="1694"/>
                      <a:pt x="4671" y="1640"/>
                    </a:cubicBezTo>
                    <a:lnTo>
                      <a:pt x="4416" y="1329"/>
                    </a:lnTo>
                    <a:lnTo>
                      <a:pt x="4162" y="1034"/>
                    </a:lnTo>
                    <a:cubicBezTo>
                      <a:pt x="4119" y="990"/>
                      <a:pt x="4078" y="945"/>
                      <a:pt x="4035" y="901"/>
                    </a:cubicBezTo>
                    <a:lnTo>
                      <a:pt x="3935" y="753"/>
                    </a:lnTo>
                    <a:cubicBezTo>
                      <a:pt x="3908" y="709"/>
                      <a:pt x="3883" y="664"/>
                      <a:pt x="3857" y="620"/>
                    </a:cubicBezTo>
                    <a:cubicBezTo>
                      <a:pt x="3848" y="576"/>
                      <a:pt x="3840" y="531"/>
                      <a:pt x="3832" y="487"/>
                    </a:cubicBezTo>
                    <a:cubicBezTo>
                      <a:pt x="3824" y="443"/>
                      <a:pt x="3815" y="399"/>
                      <a:pt x="3807" y="355"/>
                    </a:cubicBezTo>
                    <a:cubicBezTo>
                      <a:pt x="3824" y="311"/>
                      <a:pt x="3840" y="266"/>
                      <a:pt x="3857" y="222"/>
                    </a:cubicBezTo>
                    <a:cubicBezTo>
                      <a:pt x="3866" y="202"/>
                      <a:pt x="3876" y="182"/>
                      <a:pt x="3884" y="162"/>
                    </a:cubicBezTo>
                    <a:cubicBezTo>
                      <a:pt x="3900" y="142"/>
                      <a:pt x="3916" y="123"/>
                      <a:pt x="3935" y="103"/>
                    </a:cubicBezTo>
                    <a:cubicBezTo>
                      <a:pt x="3959" y="88"/>
                      <a:pt x="3984" y="74"/>
                      <a:pt x="4011" y="59"/>
                    </a:cubicBezTo>
                    <a:cubicBezTo>
                      <a:pt x="4043" y="39"/>
                      <a:pt x="4079" y="20"/>
                      <a:pt x="4111" y="0"/>
                    </a:cubicBezTo>
                    <a:lnTo>
                      <a:pt x="4289" y="0"/>
                    </a:lnTo>
                    <a:lnTo>
                      <a:pt x="4468" y="15"/>
                    </a:lnTo>
                    <a:lnTo>
                      <a:pt x="4644" y="44"/>
                    </a:lnTo>
                    <a:lnTo>
                      <a:pt x="4771" y="89"/>
                    </a:lnTo>
                    <a:lnTo>
                      <a:pt x="4975" y="192"/>
                    </a:lnTo>
                    <a:lnTo>
                      <a:pt x="5177" y="340"/>
                    </a:lnTo>
                    <a:cubicBezTo>
                      <a:pt x="5229" y="384"/>
                      <a:pt x="5279" y="429"/>
                      <a:pt x="5329" y="473"/>
                    </a:cubicBezTo>
                    <a:lnTo>
                      <a:pt x="5532" y="591"/>
                    </a:lnTo>
                    <a:lnTo>
                      <a:pt x="5660" y="650"/>
                    </a:lnTo>
                    <a:lnTo>
                      <a:pt x="5812" y="679"/>
                    </a:lnTo>
                    <a:lnTo>
                      <a:pt x="5965" y="709"/>
                    </a:lnTo>
                    <a:lnTo>
                      <a:pt x="6168" y="709"/>
                    </a:lnTo>
                    <a:lnTo>
                      <a:pt x="6168" y="768"/>
                    </a:lnTo>
                    <a:cubicBezTo>
                      <a:pt x="6176" y="793"/>
                      <a:pt x="6184" y="817"/>
                      <a:pt x="6193" y="842"/>
                    </a:cubicBezTo>
                    <a:lnTo>
                      <a:pt x="6243" y="916"/>
                    </a:lnTo>
                    <a:cubicBezTo>
                      <a:pt x="6260" y="941"/>
                      <a:pt x="6278" y="965"/>
                      <a:pt x="6294" y="990"/>
                    </a:cubicBezTo>
                    <a:cubicBezTo>
                      <a:pt x="6320" y="1010"/>
                      <a:pt x="6345" y="1029"/>
                      <a:pt x="6369" y="1049"/>
                    </a:cubicBezTo>
                    <a:cubicBezTo>
                      <a:pt x="6403" y="1069"/>
                      <a:pt x="6439" y="1088"/>
                      <a:pt x="6471" y="1108"/>
                    </a:cubicBezTo>
                    <a:cubicBezTo>
                      <a:pt x="6513" y="1133"/>
                      <a:pt x="6556" y="1157"/>
                      <a:pt x="6598" y="1182"/>
                    </a:cubicBezTo>
                    <a:lnTo>
                      <a:pt x="6700" y="1226"/>
                    </a:lnTo>
                    <a:cubicBezTo>
                      <a:pt x="6733" y="1241"/>
                      <a:pt x="6768" y="1255"/>
                      <a:pt x="6802" y="1270"/>
                    </a:cubicBezTo>
                    <a:lnTo>
                      <a:pt x="6903" y="1300"/>
                    </a:lnTo>
                    <a:lnTo>
                      <a:pt x="7005" y="1315"/>
                    </a:lnTo>
                    <a:lnTo>
                      <a:pt x="7132" y="1300"/>
                    </a:lnTo>
                    <a:lnTo>
                      <a:pt x="7234" y="1285"/>
                    </a:lnTo>
                    <a:cubicBezTo>
                      <a:pt x="7259" y="1270"/>
                      <a:pt x="7284" y="1256"/>
                      <a:pt x="7309" y="1241"/>
                    </a:cubicBezTo>
                    <a:cubicBezTo>
                      <a:pt x="7326" y="1216"/>
                      <a:pt x="7343" y="1192"/>
                      <a:pt x="7361" y="1167"/>
                    </a:cubicBezTo>
                    <a:cubicBezTo>
                      <a:pt x="7369" y="1133"/>
                      <a:pt x="7377" y="1098"/>
                      <a:pt x="7385" y="1064"/>
                    </a:cubicBezTo>
                    <a:lnTo>
                      <a:pt x="7766" y="1034"/>
                    </a:lnTo>
                    <a:lnTo>
                      <a:pt x="8121" y="1004"/>
                    </a:lnTo>
                    <a:lnTo>
                      <a:pt x="8427" y="990"/>
                    </a:lnTo>
                    <a:lnTo>
                      <a:pt x="8706" y="1004"/>
                    </a:lnTo>
                    <a:lnTo>
                      <a:pt x="8833" y="1019"/>
                    </a:lnTo>
                    <a:lnTo>
                      <a:pt x="8958" y="1034"/>
                    </a:lnTo>
                    <a:lnTo>
                      <a:pt x="9061" y="1064"/>
                    </a:lnTo>
                    <a:cubicBezTo>
                      <a:pt x="9103" y="1079"/>
                      <a:pt x="9145" y="1093"/>
                      <a:pt x="9188" y="1108"/>
                    </a:cubicBezTo>
                    <a:cubicBezTo>
                      <a:pt x="9212" y="1133"/>
                      <a:pt x="9240" y="1157"/>
                      <a:pt x="9264" y="1182"/>
                    </a:cubicBezTo>
                    <a:cubicBezTo>
                      <a:pt x="9288" y="1202"/>
                      <a:pt x="9315" y="1221"/>
                      <a:pt x="9339" y="1241"/>
                    </a:cubicBezTo>
                    <a:cubicBezTo>
                      <a:pt x="9355" y="1270"/>
                      <a:pt x="9375" y="1300"/>
                      <a:pt x="9391" y="1329"/>
                    </a:cubicBezTo>
                    <a:cubicBezTo>
                      <a:pt x="9407" y="1364"/>
                      <a:pt x="9424" y="1398"/>
                      <a:pt x="9442" y="1433"/>
                    </a:cubicBezTo>
                    <a:cubicBezTo>
                      <a:pt x="9458" y="1472"/>
                      <a:pt x="9475" y="1512"/>
                      <a:pt x="9492" y="1551"/>
                    </a:cubicBezTo>
                    <a:cubicBezTo>
                      <a:pt x="9484" y="1576"/>
                      <a:pt x="9474" y="1600"/>
                      <a:pt x="9466" y="1625"/>
                    </a:cubicBezTo>
                    <a:cubicBezTo>
                      <a:pt x="9458" y="1645"/>
                      <a:pt x="9450" y="1664"/>
                      <a:pt x="9442" y="1684"/>
                    </a:cubicBezTo>
                    <a:cubicBezTo>
                      <a:pt x="9424" y="1709"/>
                      <a:pt x="9407" y="1733"/>
                      <a:pt x="9391" y="1758"/>
                    </a:cubicBezTo>
                    <a:cubicBezTo>
                      <a:pt x="9366" y="1773"/>
                      <a:pt x="9339" y="1787"/>
                      <a:pt x="9315" y="1802"/>
                    </a:cubicBezTo>
                    <a:cubicBezTo>
                      <a:pt x="9297" y="1822"/>
                      <a:pt x="9280" y="1841"/>
                      <a:pt x="9264" y="1861"/>
                    </a:cubicBezTo>
                    <a:cubicBezTo>
                      <a:pt x="9256" y="1886"/>
                      <a:pt x="9248" y="1910"/>
                      <a:pt x="9240" y="1935"/>
                    </a:cubicBezTo>
                    <a:cubicBezTo>
                      <a:pt x="9248" y="1965"/>
                      <a:pt x="9256" y="1994"/>
                      <a:pt x="9264" y="2024"/>
                    </a:cubicBezTo>
                    <a:lnTo>
                      <a:pt x="9543" y="2157"/>
                    </a:lnTo>
                    <a:lnTo>
                      <a:pt x="9873" y="2275"/>
                    </a:lnTo>
                    <a:cubicBezTo>
                      <a:pt x="9915" y="2300"/>
                      <a:pt x="9958" y="2324"/>
                      <a:pt x="10000" y="2349"/>
                    </a:cubicBezTo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70" name="Roskilde kant"/>
              <p:cNvSpPr>
                <a:spLocks/>
              </p:cNvSpPr>
              <p:nvPr/>
            </p:nvSpPr>
            <p:spPr bwMode="auto">
              <a:xfrm>
                <a:off x="3563938" y="4822825"/>
                <a:ext cx="198010" cy="358775"/>
              </a:xfrm>
              <a:custGeom>
                <a:avLst/>
                <a:gdLst>
                  <a:gd name="T0" fmla="*/ 62 w 413"/>
                  <a:gd name="T1" fmla="*/ 2 h 677"/>
                  <a:gd name="T2" fmla="*/ 74 w 413"/>
                  <a:gd name="T3" fmla="*/ 15 h 677"/>
                  <a:gd name="T4" fmla="*/ 81 w 413"/>
                  <a:gd name="T5" fmla="*/ 19 h 677"/>
                  <a:gd name="T6" fmla="*/ 86 w 413"/>
                  <a:gd name="T7" fmla="*/ 27 h 677"/>
                  <a:gd name="T8" fmla="*/ 93 w 413"/>
                  <a:gd name="T9" fmla="*/ 29 h 677"/>
                  <a:gd name="T10" fmla="*/ 102 w 413"/>
                  <a:gd name="T11" fmla="*/ 23 h 677"/>
                  <a:gd name="T12" fmla="*/ 117 w 413"/>
                  <a:gd name="T13" fmla="*/ 23 h 677"/>
                  <a:gd name="T14" fmla="*/ 123 w 413"/>
                  <a:gd name="T15" fmla="*/ 30 h 677"/>
                  <a:gd name="T16" fmla="*/ 123 w 413"/>
                  <a:gd name="T17" fmla="*/ 40 h 677"/>
                  <a:gd name="T18" fmla="*/ 125 w 413"/>
                  <a:gd name="T19" fmla="*/ 49 h 677"/>
                  <a:gd name="T20" fmla="*/ 137 w 413"/>
                  <a:gd name="T21" fmla="*/ 57 h 677"/>
                  <a:gd name="T22" fmla="*/ 134 w 413"/>
                  <a:gd name="T23" fmla="*/ 74 h 677"/>
                  <a:gd name="T24" fmla="*/ 122 w 413"/>
                  <a:gd name="T25" fmla="*/ 86 h 677"/>
                  <a:gd name="T26" fmla="*/ 94 w 413"/>
                  <a:gd name="T27" fmla="*/ 100 h 677"/>
                  <a:gd name="T28" fmla="*/ 92 w 413"/>
                  <a:gd name="T29" fmla="*/ 106 h 677"/>
                  <a:gd name="T30" fmla="*/ 88 w 413"/>
                  <a:gd name="T31" fmla="*/ 107 h 677"/>
                  <a:gd name="T32" fmla="*/ 88 w 413"/>
                  <a:gd name="T33" fmla="*/ 93 h 677"/>
                  <a:gd name="T34" fmla="*/ 111 w 413"/>
                  <a:gd name="T35" fmla="*/ 81 h 677"/>
                  <a:gd name="T36" fmla="*/ 123 w 413"/>
                  <a:gd name="T37" fmla="*/ 70 h 677"/>
                  <a:gd name="T38" fmla="*/ 121 w 413"/>
                  <a:gd name="T39" fmla="*/ 67 h 677"/>
                  <a:gd name="T40" fmla="*/ 101 w 413"/>
                  <a:gd name="T41" fmla="*/ 80 h 677"/>
                  <a:gd name="T42" fmla="*/ 80 w 413"/>
                  <a:gd name="T43" fmla="*/ 93 h 677"/>
                  <a:gd name="T44" fmla="*/ 83 w 413"/>
                  <a:gd name="T45" fmla="*/ 115 h 677"/>
                  <a:gd name="T46" fmla="*/ 84 w 413"/>
                  <a:gd name="T47" fmla="*/ 141 h 677"/>
                  <a:gd name="T48" fmla="*/ 79 w 413"/>
                  <a:gd name="T49" fmla="*/ 165 h 677"/>
                  <a:gd name="T50" fmla="*/ 97 w 413"/>
                  <a:gd name="T51" fmla="*/ 181 h 677"/>
                  <a:gd name="T52" fmla="*/ 101 w 413"/>
                  <a:gd name="T53" fmla="*/ 190 h 677"/>
                  <a:gd name="T54" fmla="*/ 87 w 413"/>
                  <a:gd name="T55" fmla="*/ 189 h 677"/>
                  <a:gd name="T56" fmla="*/ 78 w 413"/>
                  <a:gd name="T57" fmla="*/ 197 h 677"/>
                  <a:gd name="T58" fmla="*/ 72 w 413"/>
                  <a:gd name="T59" fmla="*/ 200 h 677"/>
                  <a:gd name="T60" fmla="*/ 61 w 413"/>
                  <a:gd name="T61" fmla="*/ 205 h 677"/>
                  <a:gd name="T62" fmla="*/ 58 w 413"/>
                  <a:gd name="T63" fmla="*/ 220 h 677"/>
                  <a:gd name="T64" fmla="*/ 42 w 413"/>
                  <a:gd name="T65" fmla="*/ 226 h 677"/>
                  <a:gd name="T66" fmla="*/ 13 w 413"/>
                  <a:gd name="T67" fmla="*/ 224 h 677"/>
                  <a:gd name="T68" fmla="*/ 1 w 413"/>
                  <a:gd name="T69" fmla="*/ 221 h 677"/>
                  <a:gd name="T70" fmla="*/ 2 w 413"/>
                  <a:gd name="T71" fmla="*/ 203 h 677"/>
                  <a:gd name="T72" fmla="*/ 2 w 413"/>
                  <a:gd name="T73" fmla="*/ 187 h 677"/>
                  <a:gd name="T74" fmla="*/ 23 w 413"/>
                  <a:gd name="T75" fmla="*/ 181 h 677"/>
                  <a:gd name="T76" fmla="*/ 40 w 413"/>
                  <a:gd name="T77" fmla="*/ 176 h 677"/>
                  <a:gd name="T78" fmla="*/ 45 w 413"/>
                  <a:gd name="T79" fmla="*/ 164 h 677"/>
                  <a:gd name="T80" fmla="*/ 37 w 413"/>
                  <a:gd name="T81" fmla="*/ 152 h 677"/>
                  <a:gd name="T82" fmla="*/ 31 w 413"/>
                  <a:gd name="T83" fmla="*/ 142 h 677"/>
                  <a:gd name="T84" fmla="*/ 11 w 413"/>
                  <a:gd name="T85" fmla="*/ 142 h 677"/>
                  <a:gd name="T86" fmla="*/ 13 w 413"/>
                  <a:gd name="T87" fmla="*/ 117 h 677"/>
                  <a:gd name="T88" fmla="*/ 13 w 413"/>
                  <a:gd name="T89" fmla="*/ 103 h 677"/>
                  <a:gd name="T90" fmla="*/ 25 w 413"/>
                  <a:gd name="T91" fmla="*/ 102 h 677"/>
                  <a:gd name="T92" fmla="*/ 32 w 413"/>
                  <a:gd name="T93" fmla="*/ 107 h 677"/>
                  <a:gd name="T94" fmla="*/ 38 w 413"/>
                  <a:gd name="T95" fmla="*/ 115 h 677"/>
                  <a:gd name="T96" fmla="*/ 48 w 413"/>
                  <a:gd name="T97" fmla="*/ 117 h 677"/>
                  <a:gd name="T98" fmla="*/ 51 w 413"/>
                  <a:gd name="T99" fmla="*/ 106 h 677"/>
                  <a:gd name="T100" fmla="*/ 45 w 413"/>
                  <a:gd name="T101" fmla="*/ 89 h 677"/>
                  <a:gd name="T102" fmla="*/ 54 w 413"/>
                  <a:gd name="T103" fmla="*/ 83 h 677"/>
                  <a:gd name="T104" fmla="*/ 58 w 413"/>
                  <a:gd name="T105" fmla="*/ 70 h 677"/>
                  <a:gd name="T106" fmla="*/ 55 w 413"/>
                  <a:gd name="T107" fmla="*/ 64 h 677"/>
                  <a:gd name="T108" fmla="*/ 56 w 413"/>
                  <a:gd name="T109" fmla="*/ 54 h 677"/>
                  <a:gd name="T110" fmla="*/ 62 w 413"/>
                  <a:gd name="T111" fmla="*/ 51 h 677"/>
                  <a:gd name="T112" fmla="*/ 61 w 413"/>
                  <a:gd name="T113" fmla="*/ 37 h 677"/>
                  <a:gd name="T114" fmla="*/ 50 w 413"/>
                  <a:gd name="T115" fmla="*/ 14 h 677"/>
                  <a:gd name="T116" fmla="*/ 51 w 413"/>
                  <a:gd name="T117" fmla="*/ 2 h 677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8886 w 10000"/>
                  <a:gd name="connsiteY64" fmla="*/ 3811 h 10000"/>
                  <a:gd name="connsiteX65" fmla="*/ 8402 w 10000"/>
                  <a:gd name="connsiteY65" fmla="*/ 3944 h 10000"/>
                  <a:gd name="connsiteX66" fmla="*/ 7361 w 10000"/>
                  <a:gd name="connsiteY66" fmla="*/ 4195 h 10000"/>
                  <a:gd name="connsiteX67" fmla="*/ 6852 w 10000"/>
                  <a:gd name="connsiteY67" fmla="*/ 4313 h 10000"/>
                  <a:gd name="connsiteX68" fmla="*/ 6852 w 10000"/>
                  <a:gd name="connsiteY68" fmla="*/ 4431 h 10000"/>
                  <a:gd name="connsiteX69" fmla="*/ 6852 w 10000"/>
                  <a:gd name="connsiteY69" fmla="*/ 4549 h 10000"/>
                  <a:gd name="connsiteX70" fmla="*/ 6804 w 10000"/>
                  <a:gd name="connsiteY70" fmla="*/ 4564 h 10000"/>
                  <a:gd name="connsiteX71" fmla="*/ 6731 w 10000"/>
                  <a:gd name="connsiteY71" fmla="*/ 4594 h 10000"/>
                  <a:gd name="connsiteX72" fmla="*/ 6683 w 10000"/>
                  <a:gd name="connsiteY72" fmla="*/ 4638 h 10000"/>
                  <a:gd name="connsiteX73" fmla="*/ 6683 w 10000"/>
                  <a:gd name="connsiteY73" fmla="*/ 4697 h 10000"/>
                  <a:gd name="connsiteX74" fmla="*/ 6659 w 10000"/>
                  <a:gd name="connsiteY74" fmla="*/ 4801 h 10000"/>
                  <a:gd name="connsiteX75" fmla="*/ 6659 w 10000"/>
                  <a:gd name="connsiteY75" fmla="*/ 4904 h 10000"/>
                  <a:gd name="connsiteX76" fmla="*/ 6538 w 10000"/>
                  <a:gd name="connsiteY76" fmla="*/ 4860 h 10000"/>
                  <a:gd name="connsiteX77" fmla="*/ 6465 w 10000"/>
                  <a:gd name="connsiteY77" fmla="*/ 4801 h 10000"/>
                  <a:gd name="connsiteX78" fmla="*/ 6392 w 10000"/>
                  <a:gd name="connsiteY78" fmla="*/ 4727 h 10000"/>
                  <a:gd name="connsiteX79" fmla="*/ 6320 w 10000"/>
                  <a:gd name="connsiteY79" fmla="*/ 4638 h 10000"/>
                  <a:gd name="connsiteX80" fmla="*/ 6199 w 10000"/>
                  <a:gd name="connsiteY80" fmla="*/ 4476 h 10000"/>
                  <a:gd name="connsiteX81" fmla="*/ 6077 w 10000"/>
                  <a:gd name="connsiteY81" fmla="*/ 4313 h 10000"/>
                  <a:gd name="connsiteX82" fmla="*/ 6223 w 10000"/>
                  <a:gd name="connsiteY82" fmla="*/ 4210 h 10000"/>
                  <a:gd name="connsiteX83" fmla="*/ 6416 w 10000"/>
                  <a:gd name="connsiteY83" fmla="*/ 4121 h 10000"/>
                  <a:gd name="connsiteX84" fmla="*/ 6634 w 10000"/>
                  <a:gd name="connsiteY84" fmla="*/ 4032 h 10000"/>
                  <a:gd name="connsiteX85" fmla="*/ 6877 w 10000"/>
                  <a:gd name="connsiteY85" fmla="*/ 3959 h 10000"/>
                  <a:gd name="connsiteX86" fmla="*/ 7385 w 10000"/>
                  <a:gd name="connsiteY86" fmla="*/ 3811 h 10000"/>
                  <a:gd name="connsiteX87" fmla="*/ 7893 w 10000"/>
                  <a:gd name="connsiteY87" fmla="*/ 3663 h 10000"/>
                  <a:gd name="connsiteX88" fmla="*/ 8136 w 10000"/>
                  <a:gd name="connsiteY88" fmla="*/ 3589 h 10000"/>
                  <a:gd name="connsiteX89" fmla="*/ 8378 w 10000"/>
                  <a:gd name="connsiteY89" fmla="*/ 3516 h 10000"/>
                  <a:gd name="connsiteX90" fmla="*/ 8571 w 10000"/>
                  <a:gd name="connsiteY90" fmla="*/ 3412 h 10000"/>
                  <a:gd name="connsiteX91" fmla="*/ 8765 w 10000"/>
                  <a:gd name="connsiteY91" fmla="*/ 3338 h 10000"/>
                  <a:gd name="connsiteX92" fmla="*/ 8886 w 10000"/>
                  <a:gd name="connsiteY92" fmla="*/ 3235 h 10000"/>
                  <a:gd name="connsiteX93" fmla="*/ 8983 w 10000"/>
                  <a:gd name="connsiteY93" fmla="*/ 3117 h 10000"/>
                  <a:gd name="connsiteX94" fmla="*/ 9007 w 10000"/>
                  <a:gd name="connsiteY94" fmla="*/ 3072 h 10000"/>
                  <a:gd name="connsiteX95" fmla="*/ 9031 w 10000"/>
                  <a:gd name="connsiteY95" fmla="*/ 3013 h 10000"/>
                  <a:gd name="connsiteX96" fmla="*/ 9031 w 10000"/>
                  <a:gd name="connsiteY96" fmla="*/ 2954 h 10000"/>
                  <a:gd name="connsiteX97" fmla="*/ 9007 w 10000"/>
                  <a:gd name="connsiteY97" fmla="*/ 2866 h 10000"/>
                  <a:gd name="connsiteX98" fmla="*/ 8838 w 10000"/>
                  <a:gd name="connsiteY98" fmla="*/ 2984 h 10000"/>
                  <a:gd name="connsiteX99" fmla="*/ 8644 w 10000"/>
                  <a:gd name="connsiteY99" fmla="*/ 3072 h 10000"/>
                  <a:gd name="connsiteX100" fmla="*/ 8450 w 10000"/>
                  <a:gd name="connsiteY100" fmla="*/ 3161 h 10000"/>
                  <a:gd name="connsiteX101" fmla="*/ 8257 w 10000"/>
                  <a:gd name="connsiteY101" fmla="*/ 3250 h 10000"/>
                  <a:gd name="connsiteX102" fmla="*/ 7821 w 10000"/>
                  <a:gd name="connsiteY102" fmla="*/ 3397 h 10000"/>
                  <a:gd name="connsiteX103" fmla="*/ 7361 w 10000"/>
                  <a:gd name="connsiteY103" fmla="*/ 3545 h 10000"/>
                  <a:gd name="connsiteX104" fmla="*/ 6901 w 10000"/>
                  <a:gd name="connsiteY104" fmla="*/ 3678 h 10000"/>
                  <a:gd name="connsiteX105" fmla="*/ 6465 w 10000"/>
                  <a:gd name="connsiteY105" fmla="*/ 3840 h 10000"/>
                  <a:gd name="connsiteX106" fmla="*/ 6247 w 10000"/>
                  <a:gd name="connsiteY106" fmla="*/ 3914 h 10000"/>
                  <a:gd name="connsiteX107" fmla="*/ 6053 w 10000"/>
                  <a:gd name="connsiteY107" fmla="*/ 4003 h 10000"/>
                  <a:gd name="connsiteX108" fmla="*/ 5860 w 10000"/>
                  <a:gd name="connsiteY108" fmla="*/ 4106 h 10000"/>
                  <a:gd name="connsiteX109" fmla="*/ 5666 w 10000"/>
                  <a:gd name="connsiteY109" fmla="*/ 4195 h 10000"/>
                  <a:gd name="connsiteX110" fmla="*/ 5811 w 10000"/>
                  <a:gd name="connsiteY110" fmla="*/ 4417 h 10000"/>
                  <a:gd name="connsiteX111" fmla="*/ 5908 w 10000"/>
                  <a:gd name="connsiteY111" fmla="*/ 4623 h 10000"/>
                  <a:gd name="connsiteX112" fmla="*/ 6005 w 10000"/>
                  <a:gd name="connsiteY112" fmla="*/ 4845 h 10000"/>
                  <a:gd name="connsiteX113" fmla="*/ 6077 w 10000"/>
                  <a:gd name="connsiteY113" fmla="*/ 5081 h 10000"/>
                  <a:gd name="connsiteX114" fmla="*/ 6126 w 10000"/>
                  <a:gd name="connsiteY114" fmla="*/ 5318 h 10000"/>
                  <a:gd name="connsiteX115" fmla="*/ 6150 w 10000"/>
                  <a:gd name="connsiteY115" fmla="*/ 5539 h 10000"/>
                  <a:gd name="connsiteX116" fmla="*/ 6174 w 10000"/>
                  <a:gd name="connsiteY116" fmla="*/ 5775 h 10000"/>
                  <a:gd name="connsiteX117" fmla="*/ 6174 w 10000"/>
                  <a:gd name="connsiteY117" fmla="*/ 5997 h 10000"/>
                  <a:gd name="connsiteX118" fmla="*/ 6150 w 10000"/>
                  <a:gd name="connsiteY118" fmla="*/ 6233 h 10000"/>
                  <a:gd name="connsiteX119" fmla="*/ 6102 w 10000"/>
                  <a:gd name="connsiteY119" fmla="*/ 6470 h 10000"/>
                  <a:gd name="connsiteX120" fmla="*/ 6053 w 10000"/>
                  <a:gd name="connsiteY120" fmla="*/ 6677 h 10000"/>
                  <a:gd name="connsiteX121" fmla="*/ 5981 w 10000"/>
                  <a:gd name="connsiteY121" fmla="*/ 6898 h 10000"/>
                  <a:gd name="connsiteX122" fmla="*/ 5884 w 10000"/>
                  <a:gd name="connsiteY122" fmla="*/ 7105 h 10000"/>
                  <a:gd name="connsiteX123" fmla="*/ 5763 w 10000"/>
                  <a:gd name="connsiteY123" fmla="*/ 7297 h 10000"/>
                  <a:gd name="connsiteX124" fmla="*/ 5617 w 10000"/>
                  <a:gd name="connsiteY124" fmla="*/ 7489 h 10000"/>
                  <a:gd name="connsiteX125" fmla="*/ 5472 w 10000"/>
                  <a:gd name="connsiteY125" fmla="*/ 7681 h 10000"/>
                  <a:gd name="connsiteX126" fmla="*/ 6174 w 10000"/>
                  <a:gd name="connsiteY126" fmla="*/ 7799 h 10000"/>
                  <a:gd name="connsiteX127" fmla="*/ 6901 w 10000"/>
                  <a:gd name="connsiteY127" fmla="*/ 7962 h 10000"/>
                  <a:gd name="connsiteX128" fmla="*/ 7046 w 10000"/>
                  <a:gd name="connsiteY128" fmla="*/ 8021 h 10000"/>
                  <a:gd name="connsiteX129" fmla="*/ 7167 w 10000"/>
                  <a:gd name="connsiteY129" fmla="*/ 8080 h 10000"/>
                  <a:gd name="connsiteX130" fmla="*/ 7288 w 10000"/>
                  <a:gd name="connsiteY130" fmla="*/ 8139 h 10000"/>
                  <a:gd name="connsiteX131" fmla="*/ 7361 w 10000"/>
                  <a:gd name="connsiteY131" fmla="*/ 8227 h 10000"/>
                  <a:gd name="connsiteX132" fmla="*/ 7385 w 10000"/>
                  <a:gd name="connsiteY132" fmla="*/ 8301 h 10000"/>
                  <a:gd name="connsiteX133" fmla="*/ 7385 w 10000"/>
                  <a:gd name="connsiteY133" fmla="*/ 8405 h 10000"/>
                  <a:gd name="connsiteX134" fmla="*/ 7337 w 10000"/>
                  <a:gd name="connsiteY134" fmla="*/ 8523 h 10000"/>
                  <a:gd name="connsiteX135" fmla="*/ 7264 w 10000"/>
                  <a:gd name="connsiteY135" fmla="*/ 8641 h 10000"/>
                  <a:gd name="connsiteX136" fmla="*/ 6949 w 10000"/>
                  <a:gd name="connsiteY136" fmla="*/ 8552 h 10000"/>
                  <a:gd name="connsiteX137" fmla="*/ 6659 w 10000"/>
                  <a:gd name="connsiteY137" fmla="*/ 8449 h 10000"/>
                  <a:gd name="connsiteX138" fmla="*/ 6368 w 10000"/>
                  <a:gd name="connsiteY138" fmla="*/ 8360 h 10000"/>
                  <a:gd name="connsiteX139" fmla="*/ 6077 w 10000"/>
                  <a:gd name="connsiteY139" fmla="*/ 8287 h 10000"/>
                  <a:gd name="connsiteX140" fmla="*/ 5956 w 10000"/>
                  <a:gd name="connsiteY140" fmla="*/ 8449 h 10000"/>
                  <a:gd name="connsiteX141" fmla="*/ 5860 w 10000"/>
                  <a:gd name="connsiteY141" fmla="*/ 8597 h 10000"/>
                  <a:gd name="connsiteX142" fmla="*/ 5811 w 10000"/>
                  <a:gd name="connsiteY142" fmla="*/ 8656 h 10000"/>
                  <a:gd name="connsiteX143" fmla="*/ 5714 w 10000"/>
                  <a:gd name="connsiteY143" fmla="*/ 8700 h 10000"/>
                  <a:gd name="connsiteX144" fmla="*/ 5642 w 10000"/>
                  <a:gd name="connsiteY144" fmla="*/ 8744 h 10000"/>
                  <a:gd name="connsiteX145" fmla="*/ 5569 w 10000"/>
                  <a:gd name="connsiteY145" fmla="*/ 8774 h 10000"/>
                  <a:gd name="connsiteX146" fmla="*/ 5496 w 10000"/>
                  <a:gd name="connsiteY146" fmla="*/ 8804 h 10000"/>
                  <a:gd name="connsiteX147" fmla="*/ 5400 w 10000"/>
                  <a:gd name="connsiteY147" fmla="*/ 8818 h 10000"/>
                  <a:gd name="connsiteX148" fmla="*/ 5278 w 10000"/>
                  <a:gd name="connsiteY148" fmla="*/ 8833 h 10000"/>
                  <a:gd name="connsiteX149" fmla="*/ 5157 w 10000"/>
                  <a:gd name="connsiteY149" fmla="*/ 8833 h 10000"/>
                  <a:gd name="connsiteX150" fmla="*/ 4867 w 10000"/>
                  <a:gd name="connsiteY150" fmla="*/ 8818 h 10000"/>
                  <a:gd name="connsiteX151" fmla="*/ 4504 w 10000"/>
                  <a:gd name="connsiteY151" fmla="*/ 8744 h 10000"/>
                  <a:gd name="connsiteX152" fmla="*/ 4504 w 10000"/>
                  <a:gd name="connsiteY152" fmla="*/ 8922 h 10000"/>
                  <a:gd name="connsiteX153" fmla="*/ 4479 w 10000"/>
                  <a:gd name="connsiteY153" fmla="*/ 9069 h 10000"/>
                  <a:gd name="connsiteX154" fmla="*/ 4455 w 10000"/>
                  <a:gd name="connsiteY154" fmla="*/ 9232 h 10000"/>
                  <a:gd name="connsiteX155" fmla="*/ 4431 w 10000"/>
                  <a:gd name="connsiteY155" fmla="*/ 9365 h 10000"/>
                  <a:gd name="connsiteX156" fmla="*/ 4383 w 10000"/>
                  <a:gd name="connsiteY156" fmla="*/ 9498 h 10000"/>
                  <a:gd name="connsiteX157" fmla="*/ 4286 w 10000"/>
                  <a:gd name="connsiteY157" fmla="*/ 9616 h 10000"/>
                  <a:gd name="connsiteX158" fmla="*/ 4213 w 10000"/>
                  <a:gd name="connsiteY158" fmla="*/ 9734 h 10000"/>
                  <a:gd name="connsiteX159" fmla="*/ 4092 w 10000"/>
                  <a:gd name="connsiteY159" fmla="*/ 9838 h 10000"/>
                  <a:gd name="connsiteX160" fmla="*/ 3801 w 10000"/>
                  <a:gd name="connsiteY160" fmla="*/ 9897 h 10000"/>
                  <a:gd name="connsiteX161" fmla="*/ 3559 w 10000"/>
                  <a:gd name="connsiteY161" fmla="*/ 9941 h 10000"/>
                  <a:gd name="connsiteX162" fmla="*/ 3269 w 10000"/>
                  <a:gd name="connsiteY162" fmla="*/ 9985 h 10000"/>
                  <a:gd name="connsiteX163" fmla="*/ 3051 w 10000"/>
                  <a:gd name="connsiteY163" fmla="*/ 10000 h 10000"/>
                  <a:gd name="connsiteX164" fmla="*/ 2567 w 10000"/>
                  <a:gd name="connsiteY164" fmla="*/ 10000 h 10000"/>
                  <a:gd name="connsiteX165" fmla="*/ 2107 w 10000"/>
                  <a:gd name="connsiteY165" fmla="*/ 9985 h 10000"/>
                  <a:gd name="connsiteX166" fmla="*/ 1671 w 10000"/>
                  <a:gd name="connsiteY166" fmla="*/ 9941 h 10000"/>
                  <a:gd name="connsiteX167" fmla="*/ 1211 w 10000"/>
                  <a:gd name="connsiteY167" fmla="*/ 9911 h 10000"/>
                  <a:gd name="connsiteX168" fmla="*/ 944 w 10000"/>
                  <a:gd name="connsiteY168" fmla="*/ 9911 h 10000"/>
                  <a:gd name="connsiteX169" fmla="*/ 702 w 10000"/>
                  <a:gd name="connsiteY169" fmla="*/ 9911 h 10000"/>
                  <a:gd name="connsiteX170" fmla="*/ 436 w 10000"/>
                  <a:gd name="connsiteY170" fmla="*/ 9926 h 10000"/>
                  <a:gd name="connsiteX171" fmla="*/ 169 w 10000"/>
                  <a:gd name="connsiteY171" fmla="*/ 9970 h 10000"/>
                  <a:gd name="connsiteX172" fmla="*/ 97 w 10000"/>
                  <a:gd name="connsiteY172" fmla="*/ 9867 h 10000"/>
                  <a:gd name="connsiteX173" fmla="*/ 48 w 10000"/>
                  <a:gd name="connsiteY173" fmla="*/ 9793 h 10000"/>
                  <a:gd name="connsiteX174" fmla="*/ 0 w 10000"/>
                  <a:gd name="connsiteY174" fmla="*/ 9705 h 10000"/>
                  <a:gd name="connsiteX175" fmla="*/ 0 w 10000"/>
                  <a:gd name="connsiteY175" fmla="*/ 9601 h 10000"/>
                  <a:gd name="connsiteX176" fmla="*/ 48 w 10000"/>
                  <a:gd name="connsiteY176" fmla="*/ 9424 h 10000"/>
                  <a:gd name="connsiteX177" fmla="*/ 97 w 10000"/>
                  <a:gd name="connsiteY177" fmla="*/ 9202 h 10000"/>
                  <a:gd name="connsiteX178" fmla="*/ 145 w 10000"/>
                  <a:gd name="connsiteY178" fmla="*/ 8996 h 10000"/>
                  <a:gd name="connsiteX179" fmla="*/ 194 w 10000"/>
                  <a:gd name="connsiteY179" fmla="*/ 8759 h 10000"/>
                  <a:gd name="connsiteX180" fmla="*/ 218 w 10000"/>
                  <a:gd name="connsiteY180" fmla="*/ 8641 h 10000"/>
                  <a:gd name="connsiteX181" fmla="*/ 218 w 10000"/>
                  <a:gd name="connsiteY181" fmla="*/ 8538 h 10000"/>
                  <a:gd name="connsiteX182" fmla="*/ 194 w 10000"/>
                  <a:gd name="connsiteY182" fmla="*/ 8405 h 10000"/>
                  <a:gd name="connsiteX183" fmla="*/ 169 w 10000"/>
                  <a:gd name="connsiteY183" fmla="*/ 8287 h 10000"/>
                  <a:gd name="connsiteX184" fmla="*/ 412 w 10000"/>
                  <a:gd name="connsiteY184" fmla="*/ 8213 h 10000"/>
                  <a:gd name="connsiteX185" fmla="*/ 654 w 10000"/>
                  <a:gd name="connsiteY185" fmla="*/ 8139 h 10000"/>
                  <a:gd name="connsiteX186" fmla="*/ 896 w 10000"/>
                  <a:gd name="connsiteY186" fmla="*/ 8095 h 10000"/>
                  <a:gd name="connsiteX187" fmla="*/ 1162 w 10000"/>
                  <a:gd name="connsiteY187" fmla="*/ 8065 h 10000"/>
                  <a:gd name="connsiteX188" fmla="*/ 1646 w 10000"/>
                  <a:gd name="connsiteY188" fmla="*/ 8021 h 10000"/>
                  <a:gd name="connsiteX189" fmla="*/ 2131 w 10000"/>
                  <a:gd name="connsiteY189" fmla="*/ 7976 h 10000"/>
                  <a:gd name="connsiteX190" fmla="*/ 2349 w 10000"/>
                  <a:gd name="connsiteY190" fmla="*/ 7947 h 10000"/>
                  <a:gd name="connsiteX191" fmla="*/ 2567 w 10000"/>
                  <a:gd name="connsiteY191" fmla="*/ 7917 h 10000"/>
                  <a:gd name="connsiteX192" fmla="*/ 2760 w 10000"/>
                  <a:gd name="connsiteY192" fmla="*/ 7843 h 10000"/>
                  <a:gd name="connsiteX193" fmla="*/ 2954 w 10000"/>
                  <a:gd name="connsiteY193" fmla="*/ 7784 h 10000"/>
                  <a:gd name="connsiteX194" fmla="*/ 3123 w 10000"/>
                  <a:gd name="connsiteY194" fmla="*/ 7710 h 10000"/>
                  <a:gd name="connsiteX195" fmla="*/ 3269 w 10000"/>
                  <a:gd name="connsiteY195" fmla="*/ 7592 h 10000"/>
                  <a:gd name="connsiteX196" fmla="*/ 3414 w 10000"/>
                  <a:gd name="connsiteY196" fmla="*/ 7474 h 10000"/>
                  <a:gd name="connsiteX197" fmla="*/ 3511 w 10000"/>
                  <a:gd name="connsiteY197" fmla="*/ 7312 h 10000"/>
                  <a:gd name="connsiteX198" fmla="*/ 3317 w 10000"/>
                  <a:gd name="connsiteY198" fmla="*/ 7238 h 10000"/>
                  <a:gd name="connsiteX199" fmla="*/ 3148 w 10000"/>
                  <a:gd name="connsiteY199" fmla="*/ 7179 h 10000"/>
                  <a:gd name="connsiteX200" fmla="*/ 3002 w 10000"/>
                  <a:gd name="connsiteY200" fmla="*/ 7090 h 10000"/>
                  <a:gd name="connsiteX201" fmla="*/ 2857 w 10000"/>
                  <a:gd name="connsiteY201" fmla="*/ 6987 h 10000"/>
                  <a:gd name="connsiteX202" fmla="*/ 2760 w 10000"/>
                  <a:gd name="connsiteY202" fmla="*/ 6869 h 10000"/>
                  <a:gd name="connsiteX203" fmla="*/ 2712 w 10000"/>
                  <a:gd name="connsiteY203" fmla="*/ 6721 h 10000"/>
                  <a:gd name="connsiteX204" fmla="*/ 2688 w 10000"/>
                  <a:gd name="connsiteY204" fmla="*/ 6558 h 10000"/>
                  <a:gd name="connsiteX205" fmla="*/ 2712 w 10000"/>
                  <a:gd name="connsiteY205" fmla="*/ 6352 h 10000"/>
                  <a:gd name="connsiteX206" fmla="*/ 2591 w 10000"/>
                  <a:gd name="connsiteY206" fmla="*/ 6322 h 10000"/>
                  <a:gd name="connsiteX207" fmla="*/ 2446 w 10000"/>
                  <a:gd name="connsiteY207" fmla="*/ 6292 h 10000"/>
                  <a:gd name="connsiteX208" fmla="*/ 2276 w 10000"/>
                  <a:gd name="connsiteY208" fmla="*/ 6278 h 10000"/>
                  <a:gd name="connsiteX209" fmla="*/ 2107 w 10000"/>
                  <a:gd name="connsiteY209" fmla="*/ 6263 h 10000"/>
                  <a:gd name="connsiteX210" fmla="*/ 1768 w 10000"/>
                  <a:gd name="connsiteY210" fmla="*/ 6248 h 10000"/>
                  <a:gd name="connsiteX211" fmla="*/ 1404 w 10000"/>
                  <a:gd name="connsiteY211" fmla="*/ 6263 h 10000"/>
                  <a:gd name="connsiteX212" fmla="*/ 1090 w 10000"/>
                  <a:gd name="connsiteY212" fmla="*/ 6278 h 10000"/>
                  <a:gd name="connsiteX213" fmla="*/ 799 w 10000"/>
                  <a:gd name="connsiteY213" fmla="*/ 6278 h 10000"/>
                  <a:gd name="connsiteX214" fmla="*/ 557 w 10000"/>
                  <a:gd name="connsiteY214" fmla="*/ 6263 h 10000"/>
                  <a:gd name="connsiteX215" fmla="*/ 363 w 10000"/>
                  <a:gd name="connsiteY215" fmla="*/ 6233 h 10000"/>
                  <a:gd name="connsiteX216" fmla="*/ 605 w 10000"/>
                  <a:gd name="connsiteY216" fmla="*/ 5805 h 10000"/>
                  <a:gd name="connsiteX217" fmla="*/ 872 w 10000"/>
                  <a:gd name="connsiteY217" fmla="*/ 5391 h 10000"/>
                  <a:gd name="connsiteX218" fmla="*/ 969 w 10000"/>
                  <a:gd name="connsiteY218" fmla="*/ 5170 h 10000"/>
                  <a:gd name="connsiteX219" fmla="*/ 1041 w 10000"/>
                  <a:gd name="connsiteY219" fmla="*/ 4963 h 10000"/>
                  <a:gd name="connsiteX220" fmla="*/ 1065 w 10000"/>
                  <a:gd name="connsiteY220" fmla="*/ 4860 h 10000"/>
                  <a:gd name="connsiteX221" fmla="*/ 1041 w 10000"/>
                  <a:gd name="connsiteY221" fmla="*/ 4756 h 10000"/>
                  <a:gd name="connsiteX222" fmla="*/ 1017 w 10000"/>
                  <a:gd name="connsiteY222" fmla="*/ 4653 h 10000"/>
                  <a:gd name="connsiteX223" fmla="*/ 944 w 10000"/>
                  <a:gd name="connsiteY223" fmla="*/ 4549 h 10000"/>
                  <a:gd name="connsiteX224" fmla="*/ 1211 w 10000"/>
                  <a:gd name="connsiteY224" fmla="*/ 4520 h 10000"/>
                  <a:gd name="connsiteX225" fmla="*/ 1404 w 10000"/>
                  <a:gd name="connsiteY225" fmla="*/ 4505 h 10000"/>
                  <a:gd name="connsiteX226" fmla="*/ 1574 w 10000"/>
                  <a:gd name="connsiteY226" fmla="*/ 4505 h 10000"/>
                  <a:gd name="connsiteX227" fmla="*/ 1719 w 10000"/>
                  <a:gd name="connsiteY227" fmla="*/ 4520 h 10000"/>
                  <a:gd name="connsiteX228" fmla="*/ 1840 w 10000"/>
                  <a:gd name="connsiteY228" fmla="*/ 4520 h 10000"/>
                  <a:gd name="connsiteX229" fmla="*/ 1985 w 10000"/>
                  <a:gd name="connsiteY229" fmla="*/ 4520 h 10000"/>
                  <a:gd name="connsiteX230" fmla="*/ 2131 w 10000"/>
                  <a:gd name="connsiteY230" fmla="*/ 4490 h 10000"/>
                  <a:gd name="connsiteX231" fmla="*/ 2324 w 10000"/>
                  <a:gd name="connsiteY231" fmla="*/ 4446 h 10000"/>
                  <a:gd name="connsiteX232" fmla="*/ 2324 w 10000"/>
                  <a:gd name="connsiteY232" fmla="*/ 4579 h 10000"/>
                  <a:gd name="connsiteX233" fmla="*/ 2324 w 10000"/>
                  <a:gd name="connsiteY233" fmla="*/ 4742 h 10000"/>
                  <a:gd name="connsiteX234" fmla="*/ 2324 w 10000"/>
                  <a:gd name="connsiteY234" fmla="*/ 4874 h 10000"/>
                  <a:gd name="connsiteX235" fmla="*/ 2324 w 10000"/>
                  <a:gd name="connsiteY235" fmla="*/ 5037 h 10000"/>
                  <a:gd name="connsiteX236" fmla="*/ 2542 w 10000"/>
                  <a:gd name="connsiteY236" fmla="*/ 5022 h 10000"/>
                  <a:gd name="connsiteX237" fmla="*/ 2688 w 10000"/>
                  <a:gd name="connsiteY237" fmla="*/ 5037 h 10000"/>
                  <a:gd name="connsiteX238" fmla="*/ 2809 w 10000"/>
                  <a:gd name="connsiteY238" fmla="*/ 5066 h 10000"/>
                  <a:gd name="connsiteX239" fmla="*/ 2930 w 10000"/>
                  <a:gd name="connsiteY239" fmla="*/ 5096 h 10000"/>
                  <a:gd name="connsiteX240" fmla="*/ 3027 w 10000"/>
                  <a:gd name="connsiteY240" fmla="*/ 5126 h 10000"/>
                  <a:gd name="connsiteX241" fmla="*/ 3148 w 10000"/>
                  <a:gd name="connsiteY241" fmla="*/ 5155 h 10000"/>
                  <a:gd name="connsiteX242" fmla="*/ 3293 w 10000"/>
                  <a:gd name="connsiteY242" fmla="*/ 5170 h 10000"/>
                  <a:gd name="connsiteX243" fmla="*/ 3511 w 10000"/>
                  <a:gd name="connsiteY243" fmla="*/ 5155 h 10000"/>
                  <a:gd name="connsiteX244" fmla="*/ 3584 w 10000"/>
                  <a:gd name="connsiteY244" fmla="*/ 5096 h 10000"/>
                  <a:gd name="connsiteX245" fmla="*/ 3656 w 10000"/>
                  <a:gd name="connsiteY245" fmla="*/ 5022 h 10000"/>
                  <a:gd name="connsiteX246" fmla="*/ 3680 w 10000"/>
                  <a:gd name="connsiteY246" fmla="*/ 4934 h 10000"/>
                  <a:gd name="connsiteX247" fmla="*/ 3705 w 10000"/>
                  <a:gd name="connsiteY247" fmla="*/ 4860 h 10000"/>
                  <a:gd name="connsiteX248" fmla="*/ 3729 w 10000"/>
                  <a:gd name="connsiteY248" fmla="*/ 4697 h 10000"/>
                  <a:gd name="connsiteX249" fmla="*/ 3705 w 10000"/>
                  <a:gd name="connsiteY249" fmla="*/ 4520 h 10000"/>
                  <a:gd name="connsiteX250" fmla="*/ 3632 w 10000"/>
                  <a:gd name="connsiteY250" fmla="*/ 4343 h 10000"/>
                  <a:gd name="connsiteX251" fmla="*/ 3559 w 10000"/>
                  <a:gd name="connsiteY251" fmla="*/ 4195 h 10000"/>
                  <a:gd name="connsiteX252" fmla="*/ 3438 w 10000"/>
                  <a:gd name="connsiteY252" fmla="*/ 4047 h 10000"/>
                  <a:gd name="connsiteX253" fmla="*/ 3317 w 10000"/>
                  <a:gd name="connsiteY253" fmla="*/ 3959 h 10000"/>
                  <a:gd name="connsiteX254" fmla="*/ 3462 w 10000"/>
                  <a:gd name="connsiteY254" fmla="*/ 3944 h 10000"/>
                  <a:gd name="connsiteX255" fmla="*/ 3584 w 10000"/>
                  <a:gd name="connsiteY255" fmla="*/ 3914 h 10000"/>
                  <a:gd name="connsiteX256" fmla="*/ 3680 w 10000"/>
                  <a:gd name="connsiteY256" fmla="*/ 3855 h 10000"/>
                  <a:gd name="connsiteX257" fmla="*/ 3801 w 10000"/>
                  <a:gd name="connsiteY257" fmla="*/ 3752 h 10000"/>
                  <a:gd name="connsiteX258" fmla="*/ 3923 w 10000"/>
                  <a:gd name="connsiteY258" fmla="*/ 3663 h 10000"/>
                  <a:gd name="connsiteX259" fmla="*/ 4019 w 10000"/>
                  <a:gd name="connsiteY259" fmla="*/ 3560 h 10000"/>
                  <a:gd name="connsiteX260" fmla="*/ 4092 w 10000"/>
                  <a:gd name="connsiteY260" fmla="*/ 3442 h 10000"/>
                  <a:gd name="connsiteX261" fmla="*/ 4165 w 10000"/>
                  <a:gd name="connsiteY261" fmla="*/ 3323 h 10000"/>
                  <a:gd name="connsiteX262" fmla="*/ 4213 w 10000"/>
                  <a:gd name="connsiteY262" fmla="*/ 3220 h 10000"/>
                  <a:gd name="connsiteX263" fmla="*/ 4237 w 10000"/>
                  <a:gd name="connsiteY263" fmla="*/ 3102 h 10000"/>
                  <a:gd name="connsiteX264" fmla="*/ 4262 w 10000"/>
                  <a:gd name="connsiteY264" fmla="*/ 3013 h 10000"/>
                  <a:gd name="connsiteX265" fmla="*/ 4237 w 10000"/>
                  <a:gd name="connsiteY265" fmla="*/ 2939 h 10000"/>
                  <a:gd name="connsiteX266" fmla="*/ 4213 w 10000"/>
                  <a:gd name="connsiteY266" fmla="*/ 2866 h 10000"/>
                  <a:gd name="connsiteX267" fmla="*/ 4140 w 10000"/>
                  <a:gd name="connsiteY267" fmla="*/ 2836 h 10000"/>
                  <a:gd name="connsiteX268" fmla="*/ 4044 w 10000"/>
                  <a:gd name="connsiteY268" fmla="*/ 2836 h 10000"/>
                  <a:gd name="connsiteX269" fmla="*/ 3923 w 10000"/>
                  <a:gd name="connsiteY269" fmla="*/ 2866 h 10000"/>
                  <a:gd name="connsiteX270" fmla="*/ 4019 w 10000"/>
                  <a:gd name="connsiteY270" fmla="*/ 2777 h 10000"/>
                  <a:gd name="connsiteX271" fmla="*/ 4068 w 10000"/>
                  <a:gd name="connsiteY271" fmla="*/ 2674 h 10000"/>
                  <a:gd name="connsiteX272" fmla="*/ 4092 w 10000"/>
                  <a:gd name="connsiteY272" fmla="*/ 2541 h 10000"/>
                  <a:gd name="connsiteX273" fmla="*/ 4092 w 10000"/>
                  <a:gd name="connsiteY273" fmla="*/ 2393 h 10000"/>
                  <a:gd name="connsiteX274" fmla="*/ 4116 w 10000"/>
                  <a:gd name="connsiteY274" fmla="*/ 2349 h 10000"/>
                  <a:gd name="connsiteX275" fmla="*/ 4165 w 10000"/>
                  <a:gd name="connsiteY275" fmla="*/ 2304 h 10000"/>
                  <a:gd name="connsiteX276" fmla="*/ 4213 w 10000"/>
                  <a:gd name="connsiteY276" fmla="*/ 2290 h 10000"/>
                  <a:gd name="connsiteX277" fmla="*/ 4286 w 10000"/>
                  <a:gd name="connsiteY277" fmla="*/ 2275 h 10000"/>
                  <a:gd name="connsiteX278" fmla="*/ 4504 w 10000"/>
                  <a:gd name="connsiteY278" fmla="*/ 2260 h 10000"/>
                  <a:gd name="connsiteX279" fmla="*/ 4697 w 10000"/>
                  <a:gd name="connsiteY279" fmla="*/ 2275 h 10000"/>
                  <a:gd name="connsiteX280" fmla="*/ 4673 w 10000"/>
                  <a:gd name="connsiteY280" fmla="*/ 2112 h 10000"/>
                  <a:gd name="connsiteX281" fmla="*/ 4625 w 10000"/>
                  <a:gd name="connsiteY281" fmla="*/ 1950 h 10000"/>
                  <a:gd name="connsiteX282" fmla="*/ 4552 w 10000"/>
                  <a:gd name="connsiteY282" fmla="*/ 1802 h 10000"/>
                  <a:gd name="connsiteX283" fmla="*/ 4455 w 10000"/>
                  <a:gd name="connsiteY283" fmla="*/ 1640 h 10000"/>
                  <a:gd name="connsiteX284" fmla="*/ 4213 w 10000"/>
                  <a:gd name="connsiteY284" fmla="*/ 1329 h 10000"/>
                  <a:gd name="connsiteX285" fmla="*/ 3971 w 10000"/>
                  <a:gd name="connsiteY285" fmla="*/ 1034 h 10000"/>
                  <a:gd name="connsiteX286" fmla="*/ 3850 w 10000"/>
                  <a:gd name="connsiteY286" fmla="*/ 901 h 10000"/>
                  <a:gd name="connsiteX287" fmla="*/ 3753 w 10000"/>
                  <a:gd name="connsiteY287" fmla="*/ 753 h 10000"/>
                  <a:gd name="connsiteX288" fmla="*/ 3680 w 10000"/>
                  <a:gd name="connsiteY288" fmla="*/ 620 h 10000"/>
                  <a:gd name="connsiteX289" fmla="*/ 3656 w 10000"/>
                  <a:gd name="connsiteY289" fmla="*/ 487 h 10000"/>
                  <a:gd name="connsiteX290" fmla="*/ 3632 w 10000"/>
                  <a:gd name="connsiteY290" fmla="*/ 355 h 10000"/>
                  <a:gd name="connsiteX291" fmla="*/ 3680 w 10000"/>
                  <a:gd name="connsiteY291" fmla="*/ 222 h 10000"/>
                  <a:gd name="connsiteX292" fmla="*/ 3705 w 10000"/>
                  <a:gd name="connsiteY292" fmla="*/ 162 h 10000"/>
                  <a:gd name="connsiteX293" fmla="*/ 3753 w 10000"/>
                  <a:gd name="connsiteY293" fmla="*/ 103 h 10000"/>
                  <a:gd name="connsiteX294" fmla="*/ 3826 w 10000"/>
                  <a:gd name="connsiteY294" fmla="*/ 59 h 10000"/>
                  <a:gd name="connsiteX295" fmla="*/ 3923 w 10000"/>
                  <a:gd name="connsiteY295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8402 w 10000"/>
                  <a:gd name="connsiteY64" fmla="*/ 3944 h 10000"/>
                  <a:gd name="connsiteX65" fmla="*/ 7361 w 10000"/>
                  <a:gd name="connsiteY65" fmla="*/ 4195 h 10000"/>
                  <a:gd name="connsiteX66" fmla="*/ 6852 w 10000"/>
                  <a:gd name="connsiteY66" fmla="*/ 4313 h 10000"/>
                  <a:gd name="connsiteX67" fmla="*/ 6852 w 10000"/>
                  <a:gd name="connsiteY67" fmla="*/ 4431 h 10000"/>
                  <a:gd name="connsiteX68" fmla="*/ 6852 w 10000"/>
                  <a:gd name="connsiteY68" fmla="*/ 4549 h 10000"/>
                  <a:gd name="connsiteX69" fmla="*/ 6804 w 10000"/>
                  <a:gd name="connsiteY69" fmla="*/ 4564 h 10000"/>
                  <a:gd name="connsiteX70" fmla="*/ 6731 w 10000"/>
                  <a:gd name="connsiteY70" fmla="*/ 4594 h 10000"/>
                  <a:gd name="connsiteX71" fmla="*/ 6683 w 10000"/>
                  <a:gd name="connsiteY71" fmla="*/ 4638 h 10000"/>
                  <a:gd name="connsiteX72" fmla="*/ 6683 w 10000"/>
                  <a:gd name="connsiteY72" fmla="*/ 4697 h 10000"/>
                  <a:gd name="connsiteX73" fmla="*/ 6659 w 10000"/>
                  <a:gd name="connsiteY73" fmla="*/ 4801 h 10000"/>
                  <a:gd name="connsiteX74" fmla="*/ 6659 w 10000"/>
                  <a:gd name="connsiteY74" fmla="*/ 4904 h 10000"/>
                  <a:gd name="connsiteX75" fmla="*/ 6538 w 10000"/>
                  <a:gd name="connsiteY75" fmla="*/ 4860 h 10000"/>
                  <a:gd name="connsiteX76" fmla="*/ 6465 w 10000"/>
                  <a:gd name="connsiteY76" fmla="*/ 4801 h 10000"/>
                  <a:gd name="connsiteX77" fmla="*/ 6392 w 10000"/>
                  <a:gd name="connsiteY77" fmla="*/ 4727 h 10000"/>
                  <a:gd name="connsiteX78" fmla="*/ 6320 w 10000"/>
                  <a:gd name="connsiteY78" fmla="*/ 4638 h 10000"/>
                  <a:gd name="connsiteX79" fmla="*/ 6199 w 10000"/>
                  <a:gd name="connsiteY79" fmla="*/ 4476 h 10000"/>
                  <a:gd name="connsiteX80" fmla="*/ 6077 w 10000"/>
                  <a:gd name="connsiteY80" fmla="*/ 4313 h 10000"/>
                  <a:gd name="connsiteX81" fmla="*/ 6223 w 10000"/>
                  <a:gd name="connsiteY81" fmla="*/ 4210 h 10000"/>
                  <a:gd name="connsiteX82" fmla="*/ 6416 w 10000"/>
                  <a:gd name="connsiteY82" fmla="*/ 4121 h 10000"/>
                  <a:gd name="connsiteX83" fmla="*/ 6634 w 10000"/>
                  <a:gd name="connsiteY83" fmla="*/ 4032 h 10000"/>
                  <a:gd name="connsiteX84" fmla="*/ 6877 w 10000"/>
                  <a:gd name="connsiteY84" fmla="*/ 3959 h 10000"/>
                  <a:gd name="connsiteX85" fmla="*/ 7385 w 10000"/>
                  <a:gd name="connsiteY85" fmla="*/ 3811 h 10000"/>
                  <a:gd name="connsiteX86" fmla="*/ 7893 w 10000"/>
                  <a:gd name="connsiteY86" fmla="*/ 3663 h 10000"/>
                  <a:gd name="connsiteX87" fmla="*/ 8136 w 10000"/>
                  <a:gd name="connsiteY87" fmla="*/ 3589 h 10000"/>
                  <a:gd name="connsiteX88" fmla="*/ 8378 w 10000"/>
                  <a:gd name="connsiteY88" fmla="*/ 3516 h 10000"/>
                  <a:gd name="connsiteX89" fmla="*/ 8571 w 10000"/>
                  <a:gd name="connsiteY89" fmla="*/ 3412 h 10000"/>
                  <a:gd name="connsiteX90" fmla="*/ 8765 w 10000"/>
                  <a:gd name="connsiteY90" fmla="*/ 3338 h 10000"/>
                  <a:gd name="connsiteX91" fmla="*/ 8886 w 10000"/>
                  <a:gd name="connsiteY91" fmla="*/ 3235 h 10000"/>
                  <a:gd name="connsiteX92" fmla="*/ 8983 w 10000"/>
                  <a:gd name="connsiteY92" fmla="*/ 3117 h 10000"/>
                  <a:gd name="connsiteX93" fmla="*/ 9007 w 10000"/>
                  <a:gd name="connsiteY93" fmla="*/ 3072 h 10000"/>
                  <a:gd name="connsiteX94" fmla="*/ 9031 w 10000"/>
                  <a:gd name="connsiteY94" fmla="*/ 3013 h 10000"/>
                  <a:gd name="connsiteX95" fmla="*/ 9031 w 10000"/>
                  <a:gd name="connsiteY95" fmla="*/ 2954 h 10000"/>
                  <a:gd name="connsiteX96" fmla="*/ 9007 w 10000"/>
                  <a:gd name="connsiteY96" fmla="*/ 2866 h 10000"/>
                  <a:gd name="connsiteX97" fmla="*/ 8838 w 10000"/>
                  <a:gd name="connsiteY97" fmla="*/ 2984 h 10000"/>
                  <a:gd name="connsiteX98" fmla="*/ 8644 w 10000"/>
                  <a:gd name="connsiteY98" fmla="*/ 3072 h 10000"/>
                  <a:gd name="connsiteX99" fmla="*/ 8450 w 10000"/>
                  <a:gd name="connsiteY99" fmla="*/ 3161 h 10000"/>
                  <a:gd name="connsiteX100" fmla="*/ 8257 w 10000"/>
                  <a:gd name="connsiteY100" fmla="*/ 3250 h 10000"/>
                  <a:gd name="connsiteX101" fmla="*/ 7821 w 10000"/>
                  <a:gd name="connsiteY101" fmla="*/ 3397 h 10000"/>
                  <a:gd name="connsiteX102" fmla="*/ 7361 w 10000"/>
                  <a:gd name="connsiteY102" fmla="*/ 3545 h 10000"/>
                  <a:gd name="connsiteX103" fmla="*/ 6901 w 10000"/>
                  <a:gd name="connsiteY103" fmla="*/ 3678 h 10000"/>
                  <a:gd name="connsiteX104" fmla="*/ 6465 w 10000"/>
                  <a:gd name="connsiteY104" fmla="*/ 3840 h 10000"/>
                  <a:gd name="connsiteX105" fmla="*/ 6247 w 10000"/>
                  <a:gd name="connsiteY105" fmla="*/ 3914 h 10000"/>
                  <a:gd name="connsiteX106" fmla="*/ 6053 w 10000"/>
                  <a:gd name="connsiteY106" fmla="*/ 4003 h 10000"/>
                  <a:gd name="connsiteX107" fmla="*/ 5860 w 10000"/>
                  <a:gd name="connsiteY107" fmla="*/ 4106 h 10000"/>
                  <a:gd name="connsiteX108" fmla="*/ 5666 w 10000"/>
                  <a:gd name="connsiteY108" fmla="*/ 4195 h 10000"/>
                  <a:gd name="connsiteX109" fmla="*/ 5811 w 10000"/>
                  <a:gd name="connsiteY109" fmla="*/ 4417 h 10000"/>
                  <a:gd name="connsiteX110" fmla="*/ 5908 w 10000"/>
                  <a:gd name="connsiteY110" fmla="*/ 4623 h 10000"/>
                  <a:gd name="connsiteX111" fmla="*/ 6005 w 10000"/>
                  <a:gd name="connsiteY111" fmla="*/ 4845 h 10000"/>
                  <a:gd name="connsiteX112" fmla="*/ 6077 w 10000"/>
                  <a:gd name="connsiteY112" fmla="*/ 5081 h 10000"/>
                  <a:gd name="connsiteX113" fmla="*/ 6126 w 10000"/>
                  <a:gd name="connsiteY113" fmla="*/ 5318 h 10000"/>
                  <a:gd name="connsiteX114" fmla="*/ 6150 w 10000"/>
                  <a:gd name="connsiteY114" fmla="*/ 5539 h 10000"/>
                  <a:gd name="connsiteX115" fmla="*/ 6174 w 10000"/>
                  <a:gd name="connsiteY115" fmla="*/ 5775 h 10000"/>
                  <a:gd name="connsiteX116" fmla="*/ 6174 w 10000"/>
                  <a:gd name="connsiteY116" fmla="*/ 5997 h 10000"/>
                  <a:gd name="connsiteX117" fmla="*/ 6150 w 10000"/>
                  <a:gd name="connsiteY117" fmla="*/ 6233 h 10000"/>
                  <a:gd name="connsiteX118" fmla="*/ 6102 w 10000"/>
                  <a:gd name="connsiteY118" fmla="*/ 6470 h 10000"/>
                  <a:gd name="connsiteX119" fmla="*/ 6053 w 10000"/>
                  <a:gd name="connsiteY119" fmla="*/ 6677 h 10000"/>
                  <a:gd name="connsiteX120" fmla="*/ 5981 w 10000"/>
                  <a:gd name="connsiteY120" fmla="*/ 6898 h 10000"/>
                  <a:gd name="connsiteX121" fmla="*/ 5884 w 10000"/>
                  <a:gd name="connsiteY121" fmla="*/ 7105 h 10000"/>
                  <a:gd name="connsiteX122" fmla="*/ 5763 w 10000"/>
                  <a:gd name="connsiteY122" fmla="*/ 7297 h 10000"/>
                  <a:gd name="connsiteX123" fmla="*/ 5617 w 10000"/>
                  <a:gd name="connsiteY123" fmla="*/ 7489 h 10000"/>
                  <a:gd name="connsiteX124" fmla="*/ 5472 w 10000"/>
                  <a:gd name="connsiteY124" fmla="*/ 7681 h 10000"/>
                  <a:gd name="connsiteX125" fmla="*/ 6174 w 10000"/>
                  <a:gd name="connsiteY125" fmla="*/ 7799 h 10000"/>
                  <a:gd name="connsiteX126" fmla="*/ 6901 w 10000"/>
                  <a:gd name="connsiteY126" fmla="*/ 7962 h 10000"/>
                  <a:gd name="connsiteX127" fmla="*/ 7046 w 10000"/>
                  <a:gd name="connsiteY127" fmla="*/ 8021 h 10000"/>
                  <a:gd name="connsiteX128" fmla="*/ 7167 w 10000"/>
                  <a:gd name="connsiteY128" fmla="*/ 8080 h 10000"/>
                  <a:gd name="connsiteX129" fmla="*/ 7288 w 10000"/>
                  <a:gd name="connsiteY129" fmla="*/ 8139 h 10000"/>
                  <a:gd name="connsiteX130" fmla="*/ 7361 w 10000"/>
                  <a:gd name="connsiteY130" fmla="*/ 8227 h 10000"/>
                  <a:gd name="connsiteX131" fmla="*/ 7385 w 10000"/>
                  <a:gd name="connsiteY131" fmla="*/ 8301 h 10000"/>
                  <a:gd name="connsiteX132" fmla="*/ 7385 w 10000"/>
                  <a:gd name="connsiteY132" fmla="*/ 8405 h 10000"/>
                  <a:gd name="connsiteX133" fmla="*/ 7337 w 10000"/>
                  <a:gd name="connsiteY133" fmla="*/ 8523 h 10000"/>
                  <a:gd name="connsiteX134" fmla="*/ 7264 w 10000"/>
                  <a:gd name="connsiteY134" fmla="*/ 8641 h 10000"/>
                  <a:gd name="connsiteX135" fmla="*/ 6949 w 10000"/>
                  <a:gd name="connsiteY135" fmla="*/ 8552 h 10000"/>
                  <a:gd name="connsiteX136" fmla="*/ 6659 w 10000"/>
                  <a:gd name="connsiteY136" fmla="*/ 8449 h 10000"/>
                  <a:gd name="connsiteX137" fmla="*/ 6368 w 10000"/>
                  <a:gd name="connsiteY137" fmla="*/ 8360 h 10000"/>
                  <a:gd name="connsiteX138" fmla="*/ 6077 w 10000"/>
                  <a:gd name="connsiteY138" fmla="*/ 8287 h 10000"/>
                  <a:gd name="connsiteX139" fmla="*/ 5956 w 10000"/>
                  <a:gd name="connsiteY139" fmla="*/ 8449 h 10000"/>
                  <a:gd name="connsiteX140" fmla="*/ 5860 w 10000"/>
                  <a:gd name="connsiteY140" fmla="*/ 8597 h 10000"/>
                  <a:gd name="connsiteX141" fmla="*/ 5811 w 10000"/>
                  <a:gd name="connsiteY141" fmla="*/ 8656 h 10000"/>
                  <a:gd name="connsiteX142" fmla="*/ 5714 w 10000"/>
                  <a:gd name="connsiteY142" fmla="*/ 8700 h 10000"/>
                  <a:gd name="connsiteX143" fmla="*/ 5642 w 10000"/>
                  <a:gd name="connsiteY143" fmla="*/ 8744 h 10000"/>
                  <a:gd name="connsiteX144" fmla="*/ 5569 w 10000"/>
                  <a:gd name="connsiteY144" fmla="*/ 8774 h 10000"/>
                  <a:gd name="connsiteX145" fmla="*/ 5496 w 10000"/>
                  <a:gd name="connsiteY145" fmla="*/ 8804 h 10000"/>
                  <a:gd name="connsiteX146" fmla="*/ 5400 w 10000"/>
                  <a:gd name="connsiteY146" fmla="*/ 8818 h 10000"/>
                  <a:gd name="connsiteX147" fmla="*/ 5278 w 10000"/>
                  <a:gd name="connsiteY147" fmla="*/ 8833 h 10000"/>
                  <a:gd name="connsiteX148" fmla="*/ 5157 w 10000"/>
                  <a:gd name="connsiteY148" fmla="*/ 8833 h 10000"/>
                  <a:gd name="connsiteX149" fmla="*/ 4867 w 10000"/>
                  <a:gd name="connsiteY149" fmla="*/ 8818 h 10000"/>
                  <a:gd name="connsiteX150" fmla="*/ 4504 w 10000"/>
                  <a:gd name="connsiteY150" fmla="*/ 8744 h 10000"/>
                  <a:gd name="connsiteX151" fmla="*/ 4504 w 10000"/>
                  <a:gd name="connsiteY151" fmla="*/ 8922 h 10000"/>
                  <a:gd name="connsiteX152" fmla="*/ 4479 w 10000"/>
                  <a:gd name="connsiteY152" fmla="*/ 9069 h 10000"/>
                  <a:gd name="connsiteX153" fmla="*/ 4455 w 10000"/>
                  <a:gd name="connsiteY153" fmla="*/ 9232 h 10000"/>
                  <a:gd name="connsiteX154" fmla="*/ 4431 w 10000"/>
                  <a:gd name="connsiteY154" fmla="*/ 9365 h 10000"/>
                  <a:gd name="connsiteX155" fmla="*/ 4383 w 10000"/>
                  <a:gd name="connsiteY155" fmla="*/ 9498 h 10000"/>
                  <a:gd name="connsiteX156" fmla="*/ 4286 w 10000"/>
                  <a:gd name="connsiteY156" fmla="*/ 9616 h 10000"/>
                  <a:gd name="connsiteX157" fmla="*/ 4213 w 10000"/>
                  <a:gd name="connsiteY157" fmla="*/ 9734 h 10000"/>
                  <a:gd name="connsiteX158" fmla="*/ 4092 w 10000"/>
                  <a:gd name="connsiteY158" fmla="*/ 9838 h 10000"/>
                  <a:gd name="connsiteX159" fmla="*/ 3801 w 10000"/>
                  <a:gd name="connsiteY159" fmla="*/ 9897 h 10000"/>
                  <a:gd name="connsiteX160" fmla="*/ 3559 w 10000"/>
                  <a:gd name="connsiteY160" fmla="*/ 9941 h 10000"/>
                  <a:gd name="connsiteX161" fmla="*/ 3269 w 10000"/>
                  <a:gd name="connsiteY161" fmla="*/ 9985 h 10000"/>
                  <a:gd name="connsiteX162" fmla="*/ 3051 w 10000"/>
                  <a:gd name="connsiteY162" fmla="*/ 10000 h 10000"/>
                  <a:gd name="connsiteX163" fmla="*/ 2567 w 10000"/>
                  <a:gd name="connsiteY163" fmla="*/ 10000 h 10000"/>
                  <a:gd name="connsiteX164" fmla="*/ 2107 w 10000"/>
                  <a:gd name="connsiteY164" fmla="*/ 9985 h 10000"/>
                  <a:gd name="connsiteX165" fmla="*/ 1671 w 10000"/>
                  <a:gd name="connsiteY165" fmla="*/ 9941 h 10000"/>
                  <a:gd name="connsiteX166" fmla="*/ 1211 w 10000"/>
                  <a:gd name="connsiteY166" fmla="*/ 9911 h 10000"/>
                  <a:gd name="connsiteX167" fmla="*/ 944 w 10000"/>
                  <a:gd name="connsiteY167" fmla="*/ 9911 h 10000"/>
                  <a:gd name="connsiteX168" fmla="*/ 702 w 10000"/>
                  <a:gd name="connsiteY168" fmla="*/ 9911 h 10000"/>
                  <a:gd name="connsiteX169" fmla="*/ 436 w 10000"/>
                  <a:gd name="connsiteY169" fmla="*/ 9926 h 10000"/>
                  <a:gd name="connsiteX170" fmla="*/ 169 w 10000"/>
                  <a:gd name="connsiteY170" fmla="*/ 9970 h 10000"/>
                  <a:gd name="connsiteX171" fmla="*/ 97 w 10000"/>
                  <a:gd name="connsiteY171" fmla="*/ 9867 h 10000"/>
                  <a:gd name="connsiteX172" fmla="*/ 48 w 10000"/>
                  <a:gd name="connsiteY172" fmla="*/ 9793 h 10000"/>
                  <a:gd name="connsiteX173" fmla="*/ 0 w 10000"/>
                  <a:gd name="connsiteY173" fmla="*/ 9705 h 10000"/>
                  <a:gd name="connsiteX174" fmla="*/ 0 w 10000"/>
                  <a:gd name="connsiteY174" fmla="*/ 9601 h 10000"/>
                  <a:gd name="connsiteX175" fmla="*/ 48 w 10000"/>
                  <a:gd name="connsiteY175" fmla="*/ 9424 h 10000"/>
                  <a:gd name="connsiteX176" fmla="*/ 97 w 10000"/>
                  <a:gd name="connsiteY176" fmla="*/ 9202 h 10000"/>
                  <a:gd name="connsiteX177" fmla="*/ 145 w 10000"/>
                  <a:gd name="connsiteY177" fmla="*/ 8996 h 10000"/>
                  <a:gd name="connsiteX178" fmla="*/ 194 w 10000"/>
                  <a:gd name="connsiteY178" fmla="*/ 8759 h 10000"/>
                  <a:gd name="connsiteX179" fmla="*/ 218 w 10000"/>
                  <a:gd name="connsiteY179" fmla="*/ 8641 h 10000"/>
                  <a:gd name="connsiteX180" fmla="*/ 218 w 10000"/>
                  <a:gd name="connsiteY180" fmla="*/ 8538 h 10000"/>
                  <a:gd name="connsiteX181" fmla="*/ 194 w 10000"/>
                  <a:gd name="connsiteY181" fmla="*/ 8405 h 10000"/>
                  <a:gd name="connsiteX182" fmla="*/ 169 w 10000"/>
                  <a:gd name="connsiteY182" fmla="*/ 8287 h 10000"/>
                  <a:gd name="connsiteX183" fmla="*/ 412 w 10000"/>
                  <a:gd name="connsiteY183" fmla="*/ 8213 h 10000"/>
                  <a:gd name="connsiteX184" fmla="*/ 654 w 10000"/>
                  <a:gd name="connsiteY184" fmla="*/ 8139 h 10000"/>
                  <a:gd name="connsiteX185" fmla="*/ 896 w 10000"/>
                  <a:gd name="connsiteY185" fmla="*/ 8095 h 10000"/>
                  <a:gd name="connsiteX186" fmla="*/ 1162 w 10000"/>
                  <a:gd name="connsiteY186" fmla="*/ 8065 h 10000"/>
                  <a:gd name="connsiteX187" fmla="*/ 1646 w 10000"/>
                  <a:gd name="connsiteY187" fmla="*/ 8021 h 10000"/>
                  <a:gd name="connsiteX188" fmla="*/ 2131 w 10000"/>
                  <a:gd name="connsiteY188" fmla="*/ 7976 h 10000"/>
                  <a:gd name="connsiteX189" fmla="*/ 2349 w 10000"/>
                  <a:gd name="connsiteY189" fmla="*/ 7947 h 10000"/>
                  <a:gd name="connsiteX190" fmla="*/ 2567 w 10000"/>
                  <a:gd name="connsiteY190" fmla="*/ 7917 h 10000"/>
                  <a:gd name="connsiteX191" fmla="*/ 2760 w 10000"/>
                  <a:gd name="connsiteY191" fmla="*/ 7843 h 10000"/>
                  <a:gd name="connsiteX192" fmla="*/ 2954 w 10000"/>
                  <a:gd name="connsiteY192" fmla="*/ 7784 h 10000"/>
                  <a:gd name="connsiteX193" fmla="*/ 3123 w 10000"/>
                  <a:gd name="connsiteY193" fmla="*/ 7710 h 10000"/>
                  <a:gd name="connsiteX194" fmla="*/ 3269 w 10000"/>
                  <a:gd name="connsiteY194" fmla="*/ 7592 h 10000"/>
                  <a:gd name="connsiteX195" fmla="*/ 3414 w 10000"/>
                  <a:gd name="connsiteY195" fmla="*/ 7474 h 10000"/>
                  <a:gd name="connsiteX196" fmla="*/ 3511 w 10000"/>
                  <a:gd name="connsiteY196" fmla="*/ 7312 h 10000"/>
                  <a:gd name="connsiteX197" fmla="*/ 3317 w 10000"/>
                  <a:gd name="connsiteY197" fmla="*/ 7238 h 10000"/>
                  <a:gd name="connsiteX198" fmla="*/ 3148 w 10000"/>
                  <a:gd name="connsiteY198" fmla="*/ 7179 h 10000"/>
                  <a:gd name="connsiteX199" fmla="*/ 3002 w 10000"/>
                  <a:gd name="connsiteY199" fmla="*/ 7090 h 10000"/>
                  <a:gd name="connsiteX200" fmla="*/ 2857 w 10000"/>
                  <a:gd name="connsiteY200" fmla="*/ 6987 h 10000"/>
                  <a:gd name="connsiteX201" fmla="*/ 2760 w 10000"/>
                  <a:gd name="connsiteY201" fmla="*/ 6869 h 10000"/>
                  <a:gd name="connsiteX202" fmla="*/ 2712 w 10000"/>
                  <a:gd name="connsiteY202" fmla="*/ 6721 h 10000"/>
                  <a:gd name="connsiteX203" fmla="*/ 2688 w 10000"/>
                  <a:gd name="connsiteY203" fmla="*/ 6558 h 10000"/>
                  <a:gd name="connsiteX204" fmla="*/ 2712 w 10000"/>
                  <a:gd name="connsiteY204" fmla="*/ 6352 h 10000"/>
                  <a:gd name="connsiteX205" fmla="*/ 2591 w 10000"/>
                  <a:gd name="connsiteY205" fmla="*/ 6322 h 10000"/>
                  <a:gd name="connsiteX206" fmla="*/ 2446 w 10000"/>
                  <a:gd name="connsiteY206" fmla="*/ 6292 h 10000"/>
                  <a:gd name="connsiteX207" fmla="*/ 2276 w 10000"/>
                  <a:gd name="connsiteY207" fmla="*/ 6278 h 10000"/>
                  <a:gd name="connsiteX208" fmla="*/ 2107 w 10000"/>
                  <a:gd name="connsiteY208" fmla="*/ 6263 h 10000"/>
                  <a:gd name="connsiteX209" fmla="*/ 1768 w 10000"/>
                  <a:gd name="connsiteY209" fmla="*/ 6248 h 10000"/>
                  <a:gd name="connsiteX210" fmla="*/ 1404 w 10000"/>
                  <a:gd name="connsiteY210" fmla="*/ 6263 h 10000"/>
                  <a:gd name="connsiteX211" fmla="*/ 1090 w 10000"/>
                  <a:gd name="connsiteY211" fmla="*/ 6278 h 10000"/>
                  <a:gd name="connsiteX212" fmla="*/ 799 w 10000"/>
                  <a:gd name="connsiteY212" fmla="*/ 6278 h 10000"/>
                  <a:gd name="connsiteX213" fmla="*/ 557 w 10000"/>
                  <a:gd name="connsiteY213" fmla="*/ 6263 h 10000"/>
                  <a:gd name="connsiteX214" fmla="*/ 363 w 10000"/>
                  <a:gd name="connsiteY214" fmla="*/ 6233 h 10000"/>
                  <a:gd name="connsiteX215" fmla="*/ 605 w 10000"/>
                  <a:gd name="connsiteY215" fmla="*/ 5805 h 10000"/>
                  <a:gd name="connsiteX216" fmla="*/ 872 w 10000"/>
                  <a:gd name="connsiteY216" fmla="*/ 5391 h 10000"/>
                  <a:gd name="connsiteX217" fmla="*/ 969 w 10000"/>
                  <a:gd name="connsiteY217" fmla="*/ 5170 h 10000"/>
                  <a:gd name="connsiteX218" fmla="*/ 1041 w 10000"/>
                  <a:gd name="connsiteY218" fmla="*/ 4963 h 10000"/>
                  <a:gd name="connsiteX219" fmla="*/ 1065 w 10000"/>
                  <a:gd name="connsiteY219" fmla="*/ 4860 h 10000"/>
                  <a:gd name="connsiteX220" fmla="*/ 1041 w 10000"/>
                  <a:gd name="connsiteY220" fmla="*/ 4756 h 10000"/>
                  <a:gd name="connsiteX221" fmla="*/ 1017 w 10000"/>
                  <a:gd name="connsiteY221" fmla="*/ 4653 h 10000"/>
                  <a:gd name="connsiteX222" fmla="*/ 944 w 10000"/>
                  <a:gd name="connsiteY222" fmla="*/ 4549 h 10000"/>
                  <a:gd name="connsiteX223" fmla="*/ 1211 w 10000"/>
                  <a:gd name="connsiteY223" fmla="*/ 4520 h 10000"/>
                  <a:gd name="connsiteX224" fmla="*/ 1404 w 10000"/>
                  <a:gd name="connsiteY224" fmla="*/ 4505 h 10000"/>
                  <a:gd name="connsiteX225" fmla="*/ 1574 w 10000"/>
                  <a:gd name="connsiteY225" fmla="*/ 4505 h 10000"/>
                  <a:gd name="connsiteX226" fmla="*/ 1719 w 10000"/>
                  <a:gd name="connsiteY226" fmla="*/ 4520 h 10000"/>
                  <a:gd name="connsiteX227" fmla="*/ 1840 w 10000"/>
                  <a:gd name="connsiteY227" fmla="*/ 4520 h 10000"/>
                  <a:gd name="connsiteX228" fmla="*/ 1985 w 10000"/>
                  <a:gd name="connsiteY228" fmla="*/ 4520 h 10000"/>
                  <a:gd name="connsiteX229" fmla="*/ 2131 w 10000"/>
                  <a:gd name="connsiteY229" fmla="*/ 4490 h 10000"/>
                  <a:gd name="connsiteX230" fmla="*/ 2324 w 10000"/>
                  <a:gd name="connsiteY230" fmla="*/ 4446 h 10000"/>
                  <a:gd name="connsiteX231" fmla="*/ 2324 w 10000"/>
                  <a:gd name="connsiteY231" fmla="*/ 4579 h 10000"/>
                  <a:gd name="connsiteX232" fmla="*/ 2324 w 10000"/>
                  <a:gd name="connsiteY232" fmla="*/ 4742 h 10000"/>
                  <a:gd name="connsiteX233" fmla="*/ 2324 w 10000"/>
                  <a:gd name="connsiteY233" fmla="*/ 4874 h 10000"/>
                  <a:gd name="connsiteX234" fmla="*/ 2324 w 10000"/>
                  <a:gd name="connsiteY234" fmla="*/ 5037 h 10000"/>
                  <a:gd name="connsiteX235" fmla="*/ 2542 w 10000"/>
                  <a:gd name="connsiteY235" fmla="*/ 5022 h 10000"/>
                  <a:gd name="connsiteX236" fmla="*/ 2688 w 10000"/>
                  <a:gd name="connsiteY236" fmla="*/ 5037 h 10000"/>
                  <a:gd name="connsiteX237" fmla="*/ 2809 w 10000"/>
                  <a:gd name="connsiteY237" fmla="*/ 5066 h 10000"/>
                  <a:gd name="connsiteX238" fmla="*/ 2930 w 10000"/>
                  <a:gd name="connsiteY238" fmla="*/ 5096 h 10000"/>
                  <a:gd name="connsiteX239" fmla="*/ 3027 w 10000"/>
                  <a:gd name="connsiteY239" fmla="*/ 5126 h 10000"/>
                  <a:gd name="connsiteX240" fmla="*/ 3148 w 10000"/>
                  <a:gd name="connsiteY240" fmla="*/ 5155 h 10000"/>
                  <a:gd name="connsiteX241" fmla="*/ 3293 w 10000"/>
                  <a:gd name="connsiteY241" fmla="*/ 5170 h 10000"/>
                  <a:gd name="connsiteX242" fmla="*/ 3511 w 10000"/>
                  <a:gd name="connsiteY242" fmla="*/ 5155 h 10000"/>
                  <a:gd name="connsiteX243" fmla="*/ 3584 w 10000"/>
                  <a:gd name="connsiteY243" fmla="*/ 5096 h 10000"/>
                  <a:gd name="connsiteX244" fmla="*/ 3656 w 10000"/>
                  <a:gd name="connsiteY244" fmla="*/ 5022 h 10000"/>
                  <a:gd name="connsiteX245" fmla="*/ 3680 w 10000"/>
                  <a:gd name="connsiteY245" fmla="*/ 4934 h 10000"/>
                  <a:gd name="connsiteX246" fmla="*/ 3705 w 10000"/>
                  <a:gd name="connsiteY246" fmla="*/ 4860 h 10000"/>
                  <a:gd name="connsiteX247" fmla="*/ 3729 w 10000"/>
                  <a:gd name="connsiteY247" fmla="*/ 4697 h 10000"/>
                  <a:gd name="connsiteX248" fmla="*/ 3705 w 10000"/>
                  <a:gd name="connsiteY248" fmla="*/ 4520 h 10000"/>
                  <a:gd name="connsiteX249" fmla="*/ 3632 w 10000"/>
                  <a:gd name="connsiteY249" fmla="*/ 4343 h 10000"/>
                  <a:gd name="connsiteX250" fmla="*/ 3559 w 10000"/>
                  <a:gd name="connsiteY250" fmla="*/ 4195 h 10000"/>
                  <a:gd name="connsiteX251" fmla="*/ 3438 w 10000"/>
                  <a:gd name="connsiteY251" fmla="*/ 4047 h 10000"/>
                  <a:gd name="connsiteX252" fmla="*/ 3317 w 10000"/>
                  <a:gd name="connsiteY252" fmla="*/ 3959 h 10000"/>
                  <a:gd name="connsiteX253" fmla="*/ 3462 w 10000"/>
                  <a:gd name="connsiteY253" fmla="*/ 3944 h 10000"/>
                  <a:gd name="connsiteX254" fmla="*/ 3584 w 10000"/>
                  <a:gd name="connsiteY254" fmla="*/ 3914 h 10000"/>
                  <a:gd name="connsiteX255" fmla="*/ 3680 w 10000"/>
                  <a:gd name="connsiteY255" fmla="*/ 3855 h 10000"/>
                  <a:gd name="connsiteX256" fmla="*/ 3801 w 10000"/>
                  <a:gd name="connsiteY256" fmla="*/ 3752 h 10000"/>
                  <a:gd name="connsiteX257" fmla="*/ 3923 w 10000"/>
                  <a:gd name="connsiteY257" fmla="*/ 3663 h 10000"/>
                  <a:gd name="connsiteX258" fmla="*/ 4019 w 10000"/>
                  <a:gd name="connsiteY258" fmla="*/ 3560 h 10000"/>
                  <a:gd name="connsiteX259" fmla="*/ 4092 w 10000"/>
                  <a:gd name="connsiteY259" fmla="*/ 3442 h 10000"/>
                  <a:gd name="connsiteX260" fmla="*/ 4165 w 10000"/>
                  <a:gd name="connsiteY260" fmla="*/ 3323 h 10000"/>
                  <a:gd name="connsiteX261" fmla="*/ 4213 w 10000"/>
                  <a:gd name="connsiteY261" fmla="*/ 3220 h 10000"/>
                  <a:gd name="connsiteX262" fmla="*/ 4237 w 10000"/>
                  <a:gd name="connsiteY262" fmla="*/ 3102 h 10000"/>
                  <a:gd name="connsiteX263" fmla="*/ 4262 w 10000"/>
                  <a:gd name="connsiteY263" fmla="*/ 3013 h 10000"/>
                  <a:gd name="connsiteX264" fmla="*/ 4237 w 10000"/>
                  <a:gd name="connsiteY264" fmla="*/ 2939 h 10000"/>
                  <a:gd name="connsiteX265" fmla="*/ 4213 w 10000"/>
                  <a:gd name="connsiteY265" fmla="*/ 2866 h 10000"/>
                  <a:gd name="connsiteX266" fmla="*/ 4140 w 10000"/>
                  <a:gd name="connsiteY266" fmla="*/ 2836 h 10000"/>
                  <a:gd name="connsiteX267" fmla="*/ 4044 w 10000"/>
                  <a:gd name="connsiteY267" fmla="*/ 2836 h 10000"/>
                  <a:gd name="connsiteX268" fmla="*/ 3923 w 10000"/>
                  <a:gd name="connsiteY268" fmla="*/ 2866 h 10000"/>
                  <a:gd name="connsiteX269" fmla="*/ 4019 w 10000"/>
                  <a:gd name="connsiteY269" fmla="*/ 2777 h 10000"/>
                  <a:gd name="connsiteX270" fmla="*/ 4068 w 10000"/>
                  <a:gd name="connsiteY270" fmla="*/ 2674 h 10000"/>
                  <a:gd name="connsiteX271" fmla="*/ 4092 w 10000"/>
                  <a:gd name="connsiteY271" fmla="*/ 2541 h 10000"/>
                  <a:gd name="connsiteX272" fmla="*/ 4092 w 10000"/>
                  <a:gd name="connsiteY272" fmla="*/ 2393 h 10000"/>
                  <a:gd name="connsiteX273" fmla="*/ 4116 w 10000"/>
                  <a:gd name="connsiteY273" fmla="*/ 2349 h 10000"/>
                  <a:gd name="connsiteX274" fmla="*/ 4165 w 10000"/>
                  <a:gd name="connsiteY274" fmla="*/ 2304 h 10000"/>
                  <a:gd name="connsiteX275" fmla="*/ 4213 w 10000"/>
                  <a:gd name="connsiteY275" fmla="*/ 2290 h 10000"/>
                  <a:gd name="connsiteX276" fmla="*/ 4286 w 10000"/>
                  <a:gd name="connsiteY276" fmla="*/ 2275 h 10000"/>
                  <a:gd name="connsiteX277" fmla="*/ 4504 w 10000"/>
                  <a:gd name="connsiteY277" fmla="*/ 2260 h 10000"/>
                  <a:gd name="connsiteX278" fmla="*/ 4697 w 10000"/>
                  <a:gd name="connsiteY278" fmla="*/ 2275 h 10000"/>
                  <a:gd name="connsiteX279" fmla="*/ 4673 w 10000"/>
                  <a:gd name="connsiteY279" fmla="*/ 2112 h 10000"/>
                  <a:gd name="connsiteX280" fmla="*/ 4625 w 10000"/>
                  <a:gd name="connsiteY280" fmla="*/ 1950 h 10000"/>
                  <a:gd name="connsiteX281" fmla="*/ 4552 w 10000"/>
                  <a:gd name="connsiteY281" fmla="*/ 1802 h 10000"/>
                  <a:gd name="connsiteX282" fmla="*/ 4455 w 10000"/>
                  <a:gd name="connsiteY282" fmla="*/ 1640 h 10000"/>
                  <a:gd name="connsiteX283" fmla="*/ 4213 w 10000"/>
                  <a:gd name="connsiteY283" fmla="*/ 1329 h 10000"/>
                  <a:gd name="connsiteX284" fmla="*/ 3971 w 10000"/>
                  <a:gd name="connsiteY284" fmla="*/ 1034 h 10000"/>
                  <a:gd name="connsiteX285" fmla="*/ 3850 w 10000"/>
                  <a:gd name="connsiteY285" fmla="*/ 901 h 10000"/>
                  <a:gd name="connsiteX286" fmla="*/ 3753 w 10000"/>
                  <a:gd name="connsiteY286" fmla="*/ 753 h 10000"/>
                  <a:gd name="connsiteX287" fmla="*/ 3680 w 10000"/>
                  <a:gd name="connsiteY287" fmla="*/ 620 h 10000"/>
                  <a:gd name="connsiteX288" fmla="*/ 3656 w 10000"/>
                  <a:gd name="connsiteY288" fmla="*/ 487 h 10000"/>
                  <a:gd name="connsiteX289" fmla="*/ 3632 w 10000"/>
                  <a:gd name="connsiteY289" fmla="*/ 355 h 10000"/>
                  <a:gd name="connsiteX290" fmla="*/ 3680 w 10000"/>
                  <a:gd name="connsiteY290" fmla="*/ 222 h 10000"/>
                  <a:gd name="connsiteX291" fmla="*/ 3705 w 10000"/>
                  <a:gd name="connsiteY291" fmla="*/ 162 h 10000"/>
                  <a:gd name="connsiteX292" fmla="*/ 3753 w 10000"/>
                  <a:gd name="connsiteY292" fmla="*/ 103 h 10000"/>
                  <a:gd name="connsiteX293" fmla="*/ 3826 w 10000"/>
                  <a:gd name="connsiteY293" fmla="*/ 59 h 10000"/>
                  <a:gd name="connsiteX294" fmla="*/ 3923 w 10000"/>
                  <a:gd name="connsiteY294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7361 w 10000"/>
                  <a:gd name="connsiteY64" fmla="*/ 4195 h 10000"/>
                  <a:gd name="connsiteX65" fmla="*/ 6852 w 10000"/>
                  <a:gd name="connsiteY65" fmla="*/ 4313 h 10000"/>
                  <a:gd name="connsiteX66" fmla="*/ 6852 w 10000"/>
                  <a:gd name="connsiteY66" fmla="*/ 4431 h 10000"/>
                  <a:gd name="connsiteX67" fmla="*/ 6852 w 10000"/>
                  <a:gd name="connsiteY67" fmla="*/ 4549 h 10000"/>
                  <a:gd name="connsiteX68" fmla="*/ 6804 w 10000"/>
                  <a:gd name="connsiteY68" fmla="*/ 4564 h 10000"/>
                  <a:gd name="connsiteX69" fmla="*/ 6731 w 10000"/>
                  <a:gd name="connsiteY69" fmla="*/ 4594 h 10000"/>
                  <a:gd name="connsiteX70" fmla="*/ 6683 w 10000"/>
                  <a:gd name="connsiteY70" fmla="*/ 4638 h 10000"/>
                  <a:gd name="connsiteX71" fmla="*/ 6683 w 10000"/>
                  <a:gd name="connsiteY71" fmla="*/ 4697 h 10000"/>
                  <a:gd name="connsiteX72" fmla="*/ 6659 w 10000"/>
                  <a:gd name="connsiteY72" fmla="*/ 4801 h 10000"/>
                  <a:gd name="connsiteX73" fmla="*/ 6659 w 10000"/>
                  <a:gd name="connsiteY73" fmla="*/ 4904 h 10000"/>
                  <a:gd name="connsiteX74" fmla="*/ 6538 w 10000"/>
                  <a:gd name="connsiteY74" fmla="*/ 4860 h 10000"/>
                  <a:gd name="connsiteX75" fmla="*/ 6465 w 10000"/>
                  <a:gd name="connsiteY75" fmla="*/ 4801 h 10000"/>
                  <a:gd name="connsiteX76" fmla="*/ 6392 w 10000"/>
                  <a:gd name="connsiteY76" fmla="*/ 4727 h 10000"/>
                  <a:gd name="connsiteX77" fmla="*/ 6320 w 10000"/>
                  <a:gd name="connsiteY77" fmla="*/ 4638 h 10000"/>
                  <a:gd name="connsiteX78" fmla="*/ 6199 w 10000"/>
                  <a:gd name="connsiteY78" fmla="*/ 4476 h 10000"/>
                  <a:gd name="connsiteX79" fmla="*/ 6077 w 10000"/>
                  <a:gd name="connsiteY79" fmla="*/ 4313 h 10000"/>
                  <a:gd name="connsiteX80" fmla="*/ 6223 w 10000"/>
                  <a:gd name="connsiteY80" fmla="*/ 4210 h 10000"/>
                  <a:gd name="connsiteX81" fmla="*/ 6416 w 10000"/>
                  <a:gd name="connsiteY81" fmla="*/ 4121 h 10000"/>
                  <a:gd name="connsiteX82" fmla="*/ 6634 w 10000"/>
                  <a:gd name="connsiteY82" fmla="*/ 4032 h 10000"/>
                  <a:gd name="connsiteX83" fmla="*/ 6877 w 10000"/>
                  <a:gd name="connsiteY83" fmla="*/ 3959 h 10000"/>
                  <a:gd name="connsiteX84" fmla="*/ 7385 w 10000"/>
                  <a:gd name="connsiteY84" fmla="*/ 3811 h 10000"/>
                  <a:gd name="connsiteX85" fmla="*/ 7893 w 10000"/>
                  <a:gd name="connsiteY85" fmla="*/ 3663 h 10000"/>
                  <a:gd name="connsiteX86" fmla="*/ 8136 w 10000"/>
                  <a:gd name="connsiteY86" fmla="*/ 3589 h 10000"/>
                  <a:gd name="connsiteX87" fmla="*/ 8378 w 10000"/>
                  <a:gd name="connsiteY87" fmla="*/ 3516 h 10000"/>
                  <a:gd name="connsiteX88" fmla="*/ 8571 w 10000"/>
                  <a:gd name="connsiteY88" fmla="*/ 3412 h 10000"/>
                  <a:gd name="connsiteX89" fmla="*/ 8765 w 10000"/>
                  <a:gd name="connsiteY89" fmla="*/ 3338 h 10000"/>
                  <a:gd name="connsiteX90" fmla="*/ 8886 w 10000"/>
                  <a:gd name="connsiteY90" fmla="*/ 3235 h 10000"/>
                  <a:gd name="connsiteX91" fmla="*/ 8983 w 10000"/>
                  <a:gd name="connsiteY91" fmla="*/ 3117 h 10000"/>
                  <a:gd name="connsiteX92" fmla="*/ 9007 w 10000"/>
                  <a:gd name="connsiteY92" fmla="*/ 3072 h 10000"/>
                  <a:gd name="connsiteX93" fmla="*/ 9031 w 10000"/>
                  <a:gd name="connsiteY93" fmla="*/ 3013 h 10000"/>
                  <a:gd name="connsiteX94" fmla="*/ 9031 w 10000"/>
                  <a:gd name="connsiteY94" fmla="*/ 2954 h 10000"/>
                  <a:gd name="connsiteX95" fmla="*/ 9007 w 10000"/>
                  <a:gd name="connsiteY95" fmla="*/ 2866 h 10000"/>
                  <a:gd name="connsiteX96" fmla="*/ 8838 w 10000"/>
                  <a:gd name="connsiteY96" fmla="*/ 2984 h 10000"/>
                  <a:gd name="connsiteX97" fmla="*/ 8644 w 10000"/>
                  <a:gd name="connsiteY97" fmla="*/ 3072 h 10000"/>
                  <a:gd name="connsiteX98" fmla="*/ 8450 w 10000"/>
                  <a:gd name="connsiteY98" fmla="*/ 3161 h 10000"/>
                  <a:gd name="connsiteX99" fmla="*/ 8257 w 10000"/>
                  <a:gd name="connsiteY99" fmla="*/ 3250 h 10000"/>
                  <a:gd name="connsiteX100" fmla="*/ 7821 w 10000"/>
                  <a:gd name="connsiteY100" fmla="*/ 3397 h 10000"/>
                  <a:gd name="connsiteX101" fmla="*/ 7361 w 10000"/>
                  <a:gd name="connsiteY101" fmla="*/ 3545 h 10000"/>
                  <a:gd name="connsiteX102" fmla="*/ 6901 w 10000"/>
                  <a:gd name="connsiteY102" fmla="*/ 3678 h 10000"/>
                  <a:gd name="connsiteX103" fmla="*/ 6465 w 10000"/>
                  <a:gd name="connsiteY103" fmla="*/ 3840 h 10000"/>
                  <a:gd name="connsiteX104" fmla="*/ 6247 w 10000"/>
                  <a:gd name="connsiteY104" fmla="*/ 3914 h 10000"/>
                  <a:gd name="connsiteX105" fmla="*/ 6053 w 10000"/>
                  <a:gd name="connsiteY105" fmla="*/ 4003 h 10000"/>
                  <a:gd name="connsiteX106" fmla="*/ 5860 w 10000"/>
                  <a:gd name="connsiteY106" fmla="*/ 4106 h 10000"/>
                  <a:gd name="connsiteX107" fmla="*/ 5666 w 10000"/>
                  <a:gd name="connsiteY107" fmla="*/ 4195 h 10000"/>
                  <a:gd name="connsiteX108" fmla="*/ 5811 w 10000"/>
                  <a:gd name="connsiteY108" fmla="*/ 4417 h 10000"/>
                  <a:gd name="connsiteX109" fmla="*/ 5908 w 10000"/>
                  <a:gd name="connsiteY109" fmla="*/ 4623 h 10000"/>
                  <a:gd name="connsiteX110" fmla="*/ 6005 w 10000"/>
                  <a:gd name="connsiteY110" fmla="*/ 4845 h 10000"/>
                  <a:gd name="connsiteX111" fmla="*/ 6077 w 10000"/>
                  <a:gd name="connsiteY111" fmla="*/ 5081 h 10000"/>
                  <a:gd name="connsiteX112" fmla="*/ 6126 w 10000"/>
                  <a:gd name="connsiteY112" fmla="*/ 5318 h 10000"/>
                  <a:gd name="connsiteX113" fmla="*/ 6150 w 10000"/>
                  <a:gd name="connsiteY113" fmla="*/ 5539 h 10000"/>
                  <a:gd name="connsiteX114" fmla="*/ 6174 w 10000"/>
                  <a:gd name="connsiteY114" fmla="*/ 5775 h 10000"/>
                  <a:gd name="connsiteX115" fmla="*/ 6174 w 10000"/>
                  <a:gd name="connsiteY115" fmla="*/ 5997 h 10000"/>
                  <a:gd name="connsiteX116" fmla="*/ 6150 w 10000"/>
                  <a:gd name="connsiteY116" fmla="*/ 6233 h 10000"/>
                  <a:gd name="connsiteX117" fmla="*/ 6102 w 10000"/>
                  <a:gd name="connsiteY117" fmla="*/ 6470 h 10000"/>
                  <a:gd name="connsiteX118" fmla="*/ 6053 w 10000"/>
                  <a:gd name="connsiteY118" fmla="*/ 6677 h 10000"/>
                  <a:gd name="connsiteX119" fmla="*/ 5981 w 10000"/>
                  <a:gd name="connsiteY119" fmla="*/ 6898 h 10000"/>
                  <a:gd name="connsiteX120" fmla="*/ 5884 w 10000"/>
                  <a:gd name="connsiteY120" fmla="*/ 7105 h 10000"/>
                  <a:gd name="connsiteX121" fmla="*/ 5763 w 10000"/>
                  <a:gd name="connsiteY121" fmla="*/ 7297 h 10000"/>
                  <a:gd name="connsiteX122" fmla="*/ 5617 w 10000"/>
                  <a:gd name="connsiteY122" fmla="*/ 7489 h 10000"/>
                  <a:gd name="connsiteX123" fmla="*/ 5472 w 10000"/>
                  <a:gd name="connsiteY123" fmla="*/ 7681 h 10000"/>
                  <a:gd name="connsiteX124" fmla="*/ 6174 w 10000"/>
                  <a:gd name="connsiteY124" fmla="*/ 7799 h 10000"/>
                  <a:gd name="connsiteX125" fmla="*/ 6901 w 10000"/>
                  <a:gd name="connsiteY125" fmla="*/ 7962 h 10000"/>
                  <a:gd name="connsiteX126" fmla="*/ 7046 w 10000"/>
                  <a:gd name="connsiteY126" fmla="*/ 8021 h 10000"/>
                  <a:gd name="connsiteX127" fmla="*/ 7167 w 10000"/>
                  <a:gd name="connsiteY127" fmla="*/ 8080 h 10000"/>
                  <a:gd name="connsiteX128" fmla="*/ 7288 w 10000"/>
                  <a:gd name="connsiteY128" fmla="*/ 8139 h 10000"/>
                  <a:gd name="connsiteX129" fmla="*/ 7361 w 10000"/>
                  <a:gd name="connsiteY129" fmla="*/ 8227 h 10000"/>
                  <a:gd name="connsiteX130" fmla="*/ 7385 w 10000"/>
                  <a:gd name="connsiteY130" fmla="*/ 8301 h 10000"/>
                  <a:gd name="connsiteX131" fmla="*/ 7385 w 10000"/>
                  <a:gd name="connsiteY131" fmla="*/ 8405 h 10000"/>
                  <a:gd name="connsiteX132" fmla="*/ 7337 w 10000"/>
                  <a:gd name="connsiteY132" fmla="*/ 8523 h 10000"/>
                  <a:gd name="connsiteX133" fmla="*/ 7264 w 10000"/>
                  <a:gd name="connsiteY133" fmla="*/ 8641 h 10000"/>
                  <a:gd name="connsiteX134" fmla="*/ 6949 w 10000"/>
                  <a:gd name="connsiteY134" fmla="*/ 8552 h 10000"/>
                  <a:gd name="connsiteX135" fmla="*/ 6659 w 10000"/>
                  <a:gd name="connsiteY135" fmla="*/ 8449 h 10000"/>
                  <a:gd name="connsiteX136" fmla="*/ 6368 w 10000"/>
                  <a:gd name="connsiteY136" fmla="*/ 8360 h 10000"/>
                  <a:gd name="connsiteX137" fmla="*/ 6077 w 10000"/>
                  <a:gd name="connsiteY137" fmla="*/ 8287 h 10000"/>
                  <a:gd name="connsiteX138" fmla="*/ 5956 w 10000"/>
                  <a:gd name="connsiteY138" fmla="*/ 8449 h 10000"/>
                  <a:gd name="connsiteX139" fmla="*/ 5860 w 10000"/>
                  <a:gd name="connsiteY139" fmla="*/ 8597 h 10000"/>
                  <a:gd name="connsiteX140" fmla="*/ 5811 w 10000"/>
                  <a:gd name="connsiteY140" fmla="*/ 8656 h 10000"/>
                  <a:gd name="connsiteX141" fmla="*/ 5714 w 10000"/>
                  <a:gd name="connsiteY141" fmla="*/ 8700 h 10000"/>
                  <a:gd name="connsiteX142" fmla="*/ 5642 w 10000"/>
                  <a:gd name="connsiteY142" fmla="*/ 8744 h 10000"/>
                  <a:gd name="connsiteX143" fmla="*/ 5569 w 10000"/>
                  <a:gd name="connsiteY143" fmla="*/ 8774 h 10000"/>
                  <a:gd name="connsiteX144" fmla="*/ 5496 w 10000"/>
                  <a:gd name="connsiteY144" fmla="*/ 8804 h 10000"/>
                  <a:gd name="connsiteX145" fmla="*/ 5400 w 10000"/>
                  <a:gd name="connsiteY145" fmla="*/ 8818 h 10000"/>
                  <a:gd name="connsiteX146" fmla="*/ 5278 w 10000"/>
                  <a:gd name="connsiteY146" fmla="*/ 8833 h 10000"/>
                  <a:gd name="connsiteX147" fmla="*/ 5157 w 10000"/>
                  <a:gd name="connsiteY147" fmla="*/ 8833 h 10000"/>
                  <a:gd name="connsiteX148" fmla="*/ 4867 w 10000"/>
                  <a:gd name="connsiteY148" fmla="*/ 8818 h 10000"/>
                  <a:gd name="connsiteX149" fmla="*/ 4504 w 10000"/>
                  <a:gd name="connsiteY149" fmla="*/ 8744 h 10000"/>
                  <a:gd name="connsiteX150" fmla="*/ 4504 w 10000"/>
                  <a:gd name="connsiteY150" fmla="*/ 8922 h 10000"/>
                  <a:gd name="connsiteX151" fmla="*/ 4479 w 10000"/>
                  <a:gd name="connsiteY151" fmla="*/ 9069 h 10000"/>
                  <a:gd name="connsiteX152" fmla="*/ 4455 w 10000"/>
                  <a:gd name="connsiteY152" fmla="*/ 9232 h 10000"/>
                  <a:gd name="connsiteX153" fmla="*/ 4431 w 10000"/>
                  <a:gd name="connsiteY153" fmla="*/ 9365 h 10000"/>
                  <a:gd name="connsiteX154" fmla="*/ 4383 w 10000"/>
                  <a:gd name="connsiteY154" fmla="*/ 9498 h 10000"/>
                  <a:gd name="connsiteX155" fmla="*/ 4286 w 10000"/>
                  <a:gd name="connsiteY155" fmla="*/ 9616 h 10000"/>
                  <a:gd name="connsiteX156" fmla="*/ 4213 w 10000"/>
                  <a:gd name="connsiteY156" fmla="*/ 9734 h 10000"/>
                  <a:gd name="connsiteX157" fmla="*/ 4092 w 10000"/>
                  <a:gd name="connsiteY157" fmla="*/ 9838 h 10000"/>
                  <a:gd name="connsiteX158" fmla="*/ 3801 w 10000"/>
                  <a:gd name="connsiteY158" fmla="*/ 9897 h 10000"/>
                  <a:gd name="connsiteX159" fmla="*/ 3559 w 10000"/>
                  <a:gd name="connsiteY159" fmla="*/ 9941 h 10000"/>
                  <a:gd name="connsiteX160" fmla="*/ 3269 w 10000"/>
                  <a:gd name="connsiteY160" fmla="*/ 9985 h 10000"/>
                  <a:gd name="connsiteX161" fmla="*/ 3051 w 10000"/>
                  <a:gd name="connsiteY161" fmla="*/ 10000 h 10000"/>
                  <a:gd name="connsiteX162" fmla="*/ 2567 w 10000"/>
                  <a:gd name="connsiteY162" fmla="*/ 10000 h 10000"/>
                  <a:gd name="connsiteX163" fmla="*/ 2107 w 10000"/>
                  <a:gd name="connsiteY163" fmla="*/ 9985 h 10000"/>
                  <a:gd name="connsiteX164" fmla="*/ 1671 w 10000"/>
                  <a:gd name="connsiteY164" fmla="*/ 9941 h 10000"/>
                  <a:gd name="connsiteX165" fmla="*/ 1211 w 10000"/>
                  <a:gd name="connsiteY165" fmla="*/ 9911 h 10000"/>
                  <a:gd name="connsiteX166" fmla="*/ 944 w 10000"/>
                  <a:gd name="connsiteY166" fmla="*/ 9911 h 10000"/>
                  <a:gd name="connsiteX167" fmla="*/ 702 w 10000"/>
                  <a:gd name="connsiteY167" fmla="*/ 9911 h 10000"/>
                  <a:gd name="connsiteX168" fmla="*/ 436 w 10000"/>
                  <a:gd name="connsiteY168" fmla="*/ 9926 h 10000"/>
                  <a:gd name="connsiteX169" fmla="*/ 169 w 10000"/>
                  <a:gd name="connsiteY169" fmla="*/ 9970 h 10000"/>
                  <a:gd name="connsiteX170" fmla="*/ 97 w 10000"/>
                  <a:gd name="connsiteY170" fmla="*/ 9867 h 10000"/>
                  <a:gd name="connsiteX171" fmla="*/ 48 w 10000"/>
                  <a:gd name="connsiteY171" fmla="*/ 9793 h 10000"/>
                  <a:gd name="connsiteX172" fmla="*/ 0 w 10000"/>
                  <a:gd name="connsiteY172" fmla="*/ 9705 h 10000"/>
                  <a:gd name="connsiteX173" fmla="*/ 0 w 10000"/>
                  <a:gd name="connsiteY173" fmla="*/ 9601 h 10000"/>
                  <a:gd name="connsiteX174" fmla="*/ 48 w 10000"/>
                  <a:gd name="connsiteY174" fmla="*/ 9424 h 10000"/>
                  <a:gd name="connsiteX175" fmla="*/ 97 w 10000"/>
                  <a:gd name="connsiteY175" fmla="*/ 9202 h 10000"/>
                  <a:gd name="connsiteX176" fmla="*/ 145 w 10000"/>
                  <a:gd name="connsiteY176" fmla="*/ 8996 h 10000"/>
                  <a:gd name="connsiteX177" fmla="*/ 194 w 10000"/>
                  <a:gd name="connsiteY177" fmla="*/ 8759 h 10000"/>
                  <a:gd name="connsiteX178" fmla="*/ 218 w 10000"/>
                  <a:gd name="connsiteY178" fmla="*/ 8641 h 10000"/>
                  <a:gd name="connsiteX179" fmla="*/ 218 w 10000"/>
                  <a:gd name="connsiteY179" fmla="*/ 8538 h 10000"/>
                  <a:gd name="connsiteX180" fmla="*/ 194 w 10000"/>
                  <a:gd name="connsiteY180" fmla="*/ 8405 h 10000"/>
                  <a:gd name="connsiteX181" fmla="*/ 169 w 10000"/>
                  <a:gd name="connsiteY181" fmla="*/ 8287 h 10000"/>
                  <a:gd name="connsiteX182" fmla="*/ 412 w 10000"/>
                  <a:gd name="connsiteY182" fmla="*/ 8213 h 10000"/>
                  <a:gd name="connsiteX183" fmla="*/ 654 w 10000"/>
                  <a:gd name="connsiteY183" fmla="*/ 8139 h 10000"/>
                  <a:gd name="connsiteX184" fmla="*/ 896 w 10000"/>
                  <a:gd name="connsiteY184" fmla="*/ 8095 h 10000"/>
                  <a:gd name="connsiteX185" fmla="*/ 1162 w 10000"/>
                  <a:gd name="connsiteY185" fmla="*/ 8065 h 10000"/>
                  <a:gd name="connsiteX186" fmla="*/ 1646 w 10000"/>
                  <a:gd name="connsiteY186" fmla="*/ 8021 h 10000"/>
                  <a:gd name="connsiteX187" fmla="*/ 2131 w 10000"/>
                  <a:gd name="connsiteY187" fmla="*/ 7976 h 10000"/>
                  <a:gd name="connsiteX188" fmla="*/ 2349 w 10000"/>
                  <a:gd name="connsiteY188" fmla="*/ 7947 h 10000"/>
                  <a:gd name="connsiteX189" fmla="*/ 2567 w 10000"/>
                  <a:gd name="connsiteY189" fmla="*/ 7917 h 10000"/>
                  <a:gd name="connsiteX190" fmla="*/ 2760 w 10000"/>
                  <a:gd name="connsiteY190" fmla="*/ 7843 h 10000"/>
                  <a:gd name="connsiteX191" fmla="*/ 2954 w 10000"/>
                  <a:gd name="connsiteY191" fmla="*/ 7784 h 10000"/>
                  <a:gd name="connsiteX192" fmla="*/ 3123 w 10000"/>
                  <a:gd name="connsiteY192" fmla="*/ 7710 h 10000"/>
                  <a:gd name="connsiteX193" fmla="*/ 3269 w 10000"/>
                  <a:gd name="connsiteY193" fmla="*/ 7592 h 10000"/>
                  <a:gd name="connsiteX194" fmla="*/ 3414 w 10000"/>
                  <a:gd name="connsiteY194" fmla="*/ 7474 h 10000"/>
                  <a:gd name="connsiteX195" fmla="*/ 3511 w 10000"/>
                  <a:gd name="connsiteY195" fmla="*/ 7312 h 10000"/>
                  <a:gd name="connsiteX196" fmla="*/ 3317 w 10000"/>
                  <a:gd name="connsiteY196" fmla="*/ 7238 h 10000"/>
                  <a:gd name="connsiteX197" fmla="*/ 3148 w 10000"/>
                  <a:gd name="connsiteY197" fmla="*/ 7179 h 10000"/>
                  <a:gd name="connsiteX198" fmla="*/ 3002 w 10000"/>
                  <a:gd name="connsiteY198" fmla="*/ 7090 h 10000"/>
                  <a:gd name="connsiteX199" fmla="*/ 2857 w 10000"/>
                  <a:gd name="connsiteY199" fmla="*/ 6987 h 10000"/>
                  <a:gd name="connsiteX200" fmla="*/ 2760 w 10000"/>
                  <a:gd name="connsiteY200" fmla="*/ 6869 h 10000"/>
                  <a:gd name="connsiteX201" fmla="*/ 2712 w 10000"/>
                  <a:gd name="connsiteY201" fmla="*/ 6721 h 10000"/>
                  <a:gd name="connsiteX202" fmla="*/ 2688 w 10000"/>
                  <a:gd name="connsiteY202" fmla="*/ 6558 h 10000"/>
                  <a:gd name="connsiteX203" fmla="*/ 2712 w 10000"/>
                  <a:gd name="connsiteY203" fmla="*/ 6352 h 10000"/>
                  <a:gd name="connsiteX204" fmla="*/ 2591 w 10000"/>
                  <a:gd name="connsiteY204" fmla="*/ 6322 h 10000"/>
                  <a:gd name="connsiteX205" fmla="*/ 2446 w 10000"/>
                  <a:gd name="connsiteY205" fmla="*/ 6292 h 10000"/>
                  <a:gd name="connsiteX206" fmla="*/ 2276 w 10000"/>
                  <a:gd name="connsiteY206" fmla="*/ 6278 h 10000"/>
                  <a:gd name="connsiteX207" fmla="*/ 2107 w 10000"/>
                  <a:gd name="connsiteY207" fmla="*/ 6263 h 10000"/>
                  <a:gd name="connsiteX208" fmla="*/ 1768 w 10000"/>
                  <a:gd name="connsiteY208" fmla="*/ 6248 h 10000"/>
                  <a:gd name="connsiteX209" fmla="*/ 1404 w 10000"/>
                  <a:gd name="connsiteY209" fmla="*/ 6263 h 10000"/>
                  <a:gd name="connsiteX210" fmla="*/ 1090 w 10000"/>
                  <a:gd name="connsiteY210" fmla="*/ 6278 h 10000"/>
                  <a:gd name="connsiteX211" fmla="*/ 799 w 10000"/>
                  <a:gd name="connsiteY211" fmla="*/ 6278 h 10000"/>
                  <a:gd name="connsiteX212" fmla="*/ 557 w 10000"/>
                  <a:gd name="connsiteY212" fmla="*/ 6263 h 10000"/>
                  <a:gd name="connsiteX213" fmla="*/ 363 w 10000"/>
                  <a:gd name="connsiteY213" fmla="*/ 6233 h 10000"/>
                  <a:gd name="connsiteX214" fmla="*/ 605 w 10000"/>
                  <a:gd name="connsiteY214" fmla="*/ 5805 h 10000"/>
                  <a:gd name="connsiteX215" fmla="*/ 872 w 10000"/>
                  <a:gd name="connsiteY215" fmla="*/ 5391 h 10000"/>
                  <a:gd name="connsiteX216" fmla="*/ 969 w 10000"/>
                  <a:gd name="connsiteY216" fmla="*/ 5170 h 10000"/>
                  <a:gd name="connsiteX217" fmla="*/ 1041 w 10000"/>
                  <a:gd name="connsiteY217" fmla="*/ 4963 h 10000"/>
                  <a:gd name="connsiteX218" fmla="*/ 1065 w 10000"/>
                  <a:gd name="connsiteY218" fmla="*/ 4860 h 10000"/>
                  <a:gd name="connsiteX219" fmla="*/ 1041 w 10000"/>
                  <a:gd name="connsiteY219" fmla="*/ 4756 h 10000"/>
                  <a:gd name="connsiteX220" fmla="*/ 1017 w 10000"/>
                  <a:gd name="connsiteY220" fmla="*/ 4653 h 10000"/>
                  <a:gd name="connsiteX221" fmla="*/ 944 w 10000"/>
                  <a:gd name="connsiteY221" fmla="*/ 4549 h 10000"/>
                  <a:gd name="connsiteX222" fmla="*/ 1211 w 10000"/>
                  <a:gd name="connsiteY222" fmla="*/ 4520 h 10000"/>
                  <a:gd name="connsiteX223" fmla="*/ 1404 w 10000"/>
                  <a:gd name="connsiteY223" fmla="*/ 4505 h 10000"/>
                  <a:gd name="connsiteX224" fmla="*/ 1574 w 10000"/>
                  <a:gd name="connsiteY224" fmla="*/ 4505 h 10000"/>
                  <a:gd name="connsiteX225" fmla="*/ 1719 w 10000"/>
                  <a:gd name="connsiteY225" fmla="*/ 4520 h 10000"/>
                  <a:gd name="connsiteX226" fmla="*/ 1840 w 10000"/>
                  <a:gd name="connsiteY226" fmla="*/ 4520 h 10000"/>
                  <a:gd name="connsiteX227" fmla="*/ 1985 w 10000"/>
                  <a:gd name="connsiteY227" fmla="*/ 4520 h 10000"/>
                  <a:gd name="connsiteX228" fmla="*/ 2131 w 10000"/>
                  <a:gd name="connsiteY228" fmla="*/ 4490 h 10000"/>
                  <a:gd name="connsiteX229" fmla="*/ 2324 w 10000"/>
                  <a:gd name="connsiteY229" fmla="*/ 4446 h 10000"/>
                  <a:gd name="connsiteX230" fmla="*/ 2324 w 10000"/>
                  <a:gd name="connsiteY230" fmla="*/ 4579 h 10000"/>
                  <a:gd name="connsiteX231" fmla="*/ 2324 w 10000"/>
                  <a:gd name="connsiteY231" fmla="*/ 4742 h 10000"/>
                  <a:gd name="connsiteX232" fmla="*/ 2324 w 10000"/>
                  <a:gd name="connsiteY232" fmla="*/ 4874 h 10000"/>
                  <a:gd name="connsiteX233" fmla="*/ 2324 w 10000"/>
                  <a:gd name="connsiteY233" fmla="*/ 5037 h 10000"/>
                  <a:gd name="connsiteX234" fmla="*/ 2542 w 10000"/>
                  <a:gd name="connsiteY234" fmla="*/ 5022 h 10000"/>
                  <a:gd name="connsiteX235" fmla="*/ 2688 w 10000"/>
                  <a:gd name="connsiteY235" fmla="*/ 5037 h 10000"/>
                  <a:gd name="connsiteX236" fmla="*/ 2809 w 10000"/>
                  <a:gd name="connsiteY236" fmla="*/ 5066 h 10000"/>
                  <a:gd name="connsiteX237" fmla="*/ 2930 w 10000"/>
                  <a:gd name="connsiteY237" fmla="*/ 5096 h 10000"/>
                  <a:gd name="connsiteX238" fmla="*/ 3027 w 10000"/>
                  <a:gd name="connsiteY238" fmla="*/ 5126 h 10000"/>
                  <a:gd name="connsiteX239" fmla="*/ 3148 w 10000"/>
                  <a:gd name="connsiteY239" fmla="*/ 5155 h 10000"/>
                  <a:gd name="connsiteX240" fmla="*/ 3293 w 10000"/>
                  <a:gd name="connsiteY240" fmla="*/ 5170 h 10000"/>
                  <a:gd name="connsiteX241" fmla="*/ 3511 w 10000"/>
                  <a:gd name="connsiteY241" fmla="*/ 5155 h 10000"/>
                  <a:gd name="connsiteX242" fmla="*/ 3584 w 10000"/>
                  <a:gd name="connsiteY242" fmla="*/ 5096 h 10000"/>
                  <a:gd name="connsiteX243" fmla="*/ 3656 w 10000"/>
                  <a:gd name="connsiteY243" fmla="*/ 5022 h 10000"/>
                  <a:gd name="connsiteX244" fmla="*/ 3680 w 10000"/>
                  <a:gd name="connsiteY244" fmla="*/ 4934 h 10000"/>
                  <a:gd name="connsiteX245" fmla="*/ 3705 w 10000"/>
                  <a:gd name="connsiteY245" fmla="*/ 4860 h 10000"/>
                  <a:gd name="connsiteX246" fmla="*/ 3729 w 10000"/>
                  <a:gd name="connsiteY246" fmla="*/ 4697 h 10000"/>
                  <a:gd name="connsiteX247" fmla="*/ 3705 w 10000"/>
                  <a:gd name="connsiteY247" fmla="*/ 4520 h 10000"/>
                  <a:gd name="connsiteX248" fmla="*/ 3632 w 10000"/>
                  <a:gd name="connsiteY248" fmla="*/ 4343 h 10000"/>
                  <a:gd name="connsiteX249" fmla="*/ 3559 w 10000"/>
                  <a:gd name="connsiteY249" fmla="*/ 4195 h 10000"/>
                  <a:gd name="connsiteX250" fmla="*/ 3438 w 10000"/>
                  <a:gd name="connsiteY250" fmla="*/ 4047 h 10000"/>
                  <a:gd name="connsiteX251" fmla="*/ 3317 w 10000"/>
                  <a:gd name="connsiteY251" fmla="*/ 3959 h 10000"/>
                  <a:gd name="connsiteX252" fmla="*/ 3462 w 10000"/>
                  <a:gd name="connsiteY252" fmla="*/ 3944 h 10000"/>
                  <a:gd name="connsiteX253" fmla="*/ 3584 w 10000"/>
                  <a:gd name="connsiteY253" fmla="*/ 3914 h 10000"/>
                  <a:gd name="connsiteX254" fmla="*/ 3680 w 10000"/>
                  <a:gd name="connsiteY254" fmla="*/ 3855 h 10000"/>
                  <a:gd name="connsiteX255" fmla="*/ 3801 w 10000"/>
                  <a:gd name="connsiteY255" fmla="*/ 3752 h 10000"/>
                  <a:gd name="connsiteX256" fmla="*/ 3923 w 10000"/>
                  <a:gd name="connsiteY256" fmla="*/ 3663 h 10000"/>
                  <a:gd name="connsiteX257" fmla="*/ 4019 w 10000"/>
                  <a:gd name="connsiteY257" fmla="*/ 3560 h 10000"/>
                  <a:gd name="connsiteX258" fmla="*/ 4092 w 10000"/>
                  <a:gd name="connsiteY258" fmla="*/ 3442 h 10000"/>
                  <a:gd name="connsiteX259" fmla="*/ 4165 w 10000"/>
                  <a:gd name="connsiteY259" fmla="*/ 3323 h 10000"/>
                  <a:gd name="connsiteX260" fmla="*/ 4213 w 10000"/>
                  <a:gd name="connsiteY260" fmla="*/ 3220 h 10000"/>
                  <a:gd name="connsiteX261" fmla="*/ 4237 w 10000"/>
                  <a:gd name="connsiteY261" fmla="*/ 3102 h 10000"/>
                  <a:gd name="connsiteX262" fmla="*/ 4262 w 10000"/>
                  <a:gd name="connsiteY262" fmla="*/ 3013 h 10000"/>
                  <a:gd name="connsiteX263" fmla="*/ 4237 w 10000"/>
                  <a:gd name="connsiteY263" fmla="*/ 2939 h 10000"/>
                  <a:gd name="connsiteX264" fmla="*/ 4213 w 10000"/>
                  <a:gd name="connsiteY264" fmla="*/ 2866 h 10000"/>
                  <a:gd name="connsiteX265" fmla="*/ 4140 w 10000"/>
                  <a:gd name="connsiteY265" fmla="*/ 2836 h 10000"/>
                  <a:gd name="connsiteX266" fmla="*/ 4044 w 10000"/>
                  <a:gd name="connsiteY266" fmla="*/ 2836 h 10000"/>
                  <a:gd name="connsiteX267" fmla="*/ 3923 w 10000"/>
                  <a:gd name="connsiteY267" fmla="*/ 2866 h 10000"/>
                  <a:gd name="connsiteX268" fmla="*/ 4019 w 10000"/>
                  <a:gd name="connsiteY268" fmla="*/ 2777 h 10000"/>
                  <a:gd name="connsiteX269" fmla="*/ 4068 w 10000"/>
                  <a:gd name="connsiteY269" fmla="*/ 2674 h 10000"/>
                  <a:gd name="connsiteX270" fmla="*/ 4092 w 10000"/>
                  <a:gd name="connsiteY270" fmla="*/ 2541 h 10000"/>
                  <a:gd name="connsiteX271" fmla="*/ 4092 w 10000"/>
                  <a:gd name="connsiteY271" fmla="*/ 2393 h 10000"/>
                  <a:gd name="connsiteX272" fmla="*/ 4116 w 10000"/>
                  <a:gd name="connsiteY272" fmla="*/ 2349 h 10000"/>
                  <a:gd name="connsiteX273" fmla="*/ 4165 w 10000"/>
                  <a:gd name="connsiteY273" fmla="*/ 2304 h 10000"/>
                  <a:gd name="connsiteX274" fmla="*/ 4213 w 10000"/>
                  <a:gd name="connsiteY274" fmla="*/ 2290 h 10000"/>
                  <a:gd name="connsiteX275" fmla="*/ 4286 w 10000"/>
                  <a:gd name="connsiteY275" fmla="*/ 2275 h 10000"/>
                  <a:gd name="connsiteX276" fmla="*/ 4504 w 10000"/>
                  <a:gd name="connsiteY276" fmla="*/ 2260 h 10000"/>
                  <a:gd name="connsiteX277" fmla="*/ 4697 w 10000"/>
                  <a:gd name="connsiteY277" fmla="*/ 2275 h 10000"/>
                  <a:gd name="connsiteX278" fmla="*/ 4673 w 10000"/>
                  <a:gd name="connsiteY278" fmla="*/ 2112 h 10000"/>
                  <a:gd name="connsiteX279" fmla="*/ 4625 w 10000"/>
                  <a:gd name="connsiteY279" fmla="*/ 1950 h 10000"/>
                  <a:gd name="connsiteX280" fmla="*/ 4552 w 10000"/>
                  <a:gd name="connsiteY280" fmla="*/ 1802 h 10000"/>
                  <a:gd name="connsiteX281" fmla="*/ 4455 w 10000"/>
                  <a:gd name="connsiteY281" fmla="*/ 1640 h 10000"/>
                  <a:gd name="connsiteX282" fmla="*/ 4213 w 10000"/>
                  <a:gd name="connsiteY282" fmla="*/ 1329 h 10000"/>
                  <a:gd name="connsiteX283" fmla="*/ 3971 w 10000"/>
                  <a:gd name="connsiteY283" fmla="*/ 1034 h 10000"/>
                  <a:gd name="connsiteX284" fmla="*/ 3850 w 10000"/>
                  <a:gd name="connsiteY284" fmla="*/ 901 h 10000"/>
                  <a:gd name="connsiteX285" fmla="*/ 3753 w 10000"/>
                  <a:gd name="connsiteY285" fmla="*/ 753 h 10000"/>
                  <a:gd name="connsiteX286" fmla="*/ 3680 w 10000"/>
                  <a:gd name="connsiteY286" fmla="*/ 620 h 10000"/>
                  <a:gd name="connsiteX287" fmla="*/ 3656 w 10000"/>
                  <a:gd name="connsiteY287" fmla="*/ 487 h 10000"/>
                  <a:gd name="connsiteX288" fmla="*/ 3632 w 10000"/>
                  <a:gd name="connsiteY288" fmla="*/ 355 h 10000"/>
                  <a:gd name="connsiteX289" fmla="*/ 3680 w 10000"/>
                  <a:gd name="connsiteY289" fmla="*/ 222 h 10000"/>
                  <a:gd name="connsiteX290" fmla="*/ 3705 w 10000"/>
                  <a:gd name="connsiteY290" fmla="*/ 162 h 10000"/>
                  <a:gd name="connsiteX291" fmla="*/ 3753 w 10000"/>
                  <a:gd name="connsiteY291" fmla="*/ 103 h 10000"/>
                  <a:gd name="connsiteX292" fmla="*/ 3826 w 10000"/>
                  <a:gd name="connsiteY292" fmla="*/ 59 h 10000"/>
                  <a:gd name="connsiteX293" fmla="*/ 3923 w 10000"/>
                  <a:gd name="connsiteY293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6852 w 10000"/>
                  <a:gd name="connsiteY64" fmla="*/ 4313 h 10000"/>
                  <a:gd name="connsiteX65" fmla="*/ 6852 w 10000"/>
                  <a:gd name="connsiteY65" fmla="*/ 4431 h 10000"/>
                  <a:gd name="connsiteX66" fmla="*/ 6852 w 10000"/>
                  <a:gd name="connsiteY66" fmla="*/ 4549 h 10000"/>
                  <a:gd name="connsiteX67" fmla="*/ 6804 w 10000"/>
                  <a:gd name="connsiteY67" fmla="*/ 4564 h 10000"/>
                  <a:gd name="connsiteX68" fmla="*/ 6731 w 10000"/>
                  <a:gd name="connsiteY68" fmla="*/ 4594 h 10000"/>
                  <a:gd name="connsiteX69" fmla="*/ 6683 w 10000"/>
                  <a:gd name="connsiteY69" fmla="*/ 4638 h 10000"/>
                  <a:gd name="connsiteX70" fmla="*/ 6683 w 10000"/>
                  <a:gd name="connsiteY70" fmla="*/ 4697 h 10000"/>
                  <a:gd name="connsiteX71" fmla="*/ 6659 w 10000"/>
                  <a:gd name="connsiteY71" fmla="*/ 4801 h 10000"/>
                  <a:gd name="connsiteX72" fmla="*/ 6659 w 10000"/>
                  <a:gd name="connsiteY72" fmla="*/ 4904 h 10000"/>
                  <a:gd name="connsiteX73" fmla="*/ 6538 w 10000"/>
                  <a:gd name="connsiteY73" fmla="*/ 4860 h 10000"/>
                  <a:gd name="connsiteX74" fmla="*/ 6465 w 10000"/>
                  <a:gd name="connsiteY74" fmla="*/ 4801 h 10000"/>
                  <a:gd name="connsiteX75" fmla="*/ 6392 w 10000"/>
                  <a:gd name="connsiteY75" fmla="*/ 4727 h 10000"/>
                  <a:gd name="connsiteX76" fmla="*/ 6320 w 10000"/>
                  <a:gd name="connsiteY76" fmla="*/ 4638 h 10000"/>
                  <a:gd name="connsiteX77" fmla="*/ 6199 w 10000"/>
                  <a:gd name="connsiteY77" fmla="*/ 4476 h 10000"/>
                  <a:gd name="connsiteX78" fmla="*/ 6077 w 10000"/>
                  <a:gd name="connsiteY78" fmla="*/ 4313 h 10000"/>
                  <a:gd name="connsiteX79" fmla="*/ 6223 w 10000"/>
                  <a:gd name="connsiteY79" fmla="*/ 4210 h 10000"/>
                  <a:gd name="connsiteX80" fmla="*/ 6416 w 10000"/>
                  <a:gd name="connsiteY80" fmla="*/ 4121 h 10000"/>
                  <a:gd name="connsiteX81" fmla="*/ 6634 w 10000"/>
                  <a:gd name="connsiteY81" fmla="*/ 4032 h 10000"/>
                  <a:gd name="connsiteX82" fmla="*/ 6877 w 10000"/>
                  <a:gd name="connsiteY82" fmla="*/ 3959 h 10000"/>
                  <a:gd name="connsiteX83" fmla="*/ 7385 w 10000"/>
                  <a:gd name="connsiteY83" fmla="*/ 3811 h 10000"/>
                  <a:gd name="connsiteX84" fmla="*/ 7893 w 10000"/>
                  <a:gd name="connsiteY84" fmla="*/ 3663 h 10000"/>
                  <a:gd name="connsiteX85" fmla="*/ 8136 w 10000"/>
                  <a:gd name="connsiteY85" fmla="*/ 3589 h 10000"/>
                  <a:gd name="connsiteX86" fmla="*/ 8378 w 10000"/>
                  <a:gd name="connsiteY86" fmla="*/ 3516 h 10000"/>
                  <a:gd name="connsiteX87" fmla="*/ 8571 w 10000"/>
                  <a:gd name="connsiteY87" fmla="*/ 3412 h 10000"/>
                  <a:gd name="connsiteX88" fmla="*/ 8765 w 10000"/>
                  <a:gd name="connsiteY88" fmla="*/ 3338 h 10000"/>
                  <a:gd name="connsiteX89" fmla="*/ 8886 w 10000"/>
                  <a:gd name="connsiteY89" fmla="*/ 3235 h 10000"/>
                  <a:gd name="connsiteX90" fmla="*/ 8983 w 10000"/>
                  <a:gd name="connsiteY90" fmla="*/ 3117 h 10000"/>
                  <a:gd name="connsiteX91" fmla="*/ 9007 w 10000"/>
                  <a:gd name="connsiteY91" fmla="*/ 3072 h 10000"/>
                  <a:gd name="connsiteX92" fmla="*/ 9031 w 10000"/>
                  <a:gd name="connsiteY92" fmla="*/ 3013 h 10000"/>
                  <a:gd name="connsiteX93" fmla="*/ 9031 w 10000"/>
                  <a:gd name="connsiteY93" fmla="*/ 2954 h 10000"/>
                  <a:gd name="connsiteX94" fmla="*/ 9007 w 10000"/>
                  <a:gd name="connsiteY94" fmla="*/ 2866 h 10000"/>
                  <a:gd name="connsiteX95" fmla="*/ 8838 w 10000"/>
                  <a:gd name="connsiteY95" fmla="*/ 2984 h 10000"/>
                  <a:gd name="connsiteX96" fmla="*/ 8644 w 10000"/>
                  <a:gd name="connsiteY96" fmla="*/ 3072 h 10000"/>
                  <a:gd name="connsiteX97" fmla="*/ 8450 w 10000"/>
                  <a:gd name="connsiteY97" fmla="*/ 3161 h 10000"/>
                  <a:gd name="connsiteX98" fmla="*/ 8257 w 10000"/>
                  <a:gd name="connsiteY98" fmla="*/ 3250 h 10000"/>
                  <a:gd name="connsiteX99" fmla="*/ 7821 w 10000"/>
                  <a:gd name="connsiteY99" fmla="*/ 3397 h 10000"/>
                  <a:gd name="connsiteX100" fmla="*/ 7361 w 10000"/>
                  <a:gd name="connsiteY100" fmla="*/ 3545 h 10000"/>
                  <a:gd name="connsiteX101" fmla="*/ 6901 w 10000"/>
                  <a:gd name="connsiteY101" fmla="*/ 3678 h 10000"/>
                  <a:gd name="connsiteX102" fmla="*/ 6465 w 10000"/>
                  <a:gd name="connsiteY102" fmla="*/ 3840 h 10000"/>
                  <a:gd name="connsiteX103" fmla="*/ 6247 w 10000"/>
                  <a:gd name="connsiteY103" fmla="*/ 3914 h 10000"/>
                  <a:gd name="connsiteX104" fmla="*/ 6053 w 10000"/>
                  <a:gd name="connsiteY104" fmla="*/ 4003 h 10000"/>
                  <a:gd name="connsiteX105" fmla="*/ 5860 w 10000"/>
                  <a:gd name="connsiteY105" fmla="*/ 4106 h 10000"/>
                  <a:gd name="connsiteX106" fmla="*/ 5666 w 10000"/>
                  <a:gd name="connsiteY106" fmla="*/ 4195 h 10000"/>
                  <a:gd name="connsiteX107" fmla="*/ 5811 w 10000"/>
                  <a:gd name="connsiteY107" fmla="*/ 4417 h 10000"/>
                  <a:gd name="connsiteX108" fmla="*/ 5908 w 10000"/>
                  <a:gd name="connsiteY108" fmla="*/ 4623 h 10000"/>
                  <a:gd name="connsiteX109" fmla="*/ 6005 w 10000"/>
                  <a:gd name="connsiteY109" fmla="*/ 4845 h 10000"/>
                  <a:gd name="connsiteX110" fmla="*/ 6077 w 10000"/>
                  <a:gd name="connsiteY110" fmla="*/ 5081 h 10000"/>
                  <a:gd name="connsiteX111" fmla="*/ 6126 w 10000"/>
                  <a:gd name="connsiteY111" fmla="*/ 5318 h 10000"/>
                  <a:gd name="connsiteX112" fmla="*/ 6150 w 10000"/>
                  <a:gd name="connsiteY112" fmla="*/ 5539 h 10000"/>
                  <a:gd name="connsiteX113" fmla="*/ 6174 w 10000"/>
                  <a:gd name="connsiteY113" fmla="*/ 5775 h 10000"/>
                  <a:gd name="connsiteX114" fmla="*/ 6174 w 10000"/>
                  <a:gd name="connsiteY114" fmla="*/ 5997 h 10000"/>
                  <a:gd name="connsiteX115" fmla="*/ 6150 w 10000"/>
                  <a:gd name="connsiteY115" fmla="*/ 6233 h 10000"/>
                  <a:gd name="connsiteX116" fmla="*/ 6102 w 10000"/>
                  <a:gd name="connsiteY116" fmla="*/ 6470 h 10000"/>
                  <a:gd name="connsiteX117" fmla="*/ 6053 w 10000"/>
                  <a:gd name="connsiteY117" fmla="*/ 6677 h 10000"/>
                  <a:gd name="connsiteX118" fmla="*/ 5981 w 10000"/>
                  <a:gd name="connsiteY118" fmla="*/ 6898 h 10000"/>
                  <a:gd name="connsiteX119" fmla="*/ 5884 w 10000"/>
                  <a:gd name="connsiteY119" fmla="*/ 7105 h 10000"/>
                  <a:gd name="connsiteX120" fmla="*/ 5763 w 10000"/>
                  <a:gd name="connsiteY120" fmla="*/ 7297 h 10000"/>
                  <a:gd name="connsiteX121" fmla="*/ 5617 w 10000"/>
                  <a:gd name="connsiteY121" fmla="*/ 7489 h 10000"/>
                  <a:gd name="connsiteX122" fmla="*/ 5472 w 10000"/>
                  <a:gd name="connsiteY122" fmla="*/ 7681 h 10000"/>
                  <a:gd name="connsiteX123" fmla="*/ 6174 w 10000"/>
                  <a:gd name="connsiteY123" fmla="*/ 7799 h 10000"/>
                  <a:gd name="connsiteX124" fmla="*/ 6901 w 10000"/>
                  <a:gd name="connsiteY124" fmla="*/ 7962 h 10000"/>
                  <a:gd name="connsiteX125" fmla="*/ 7046 w 10000"/>
                  <a:gd name="connsiteY125" fmla="*/ 8021 h 10000"/>
                  <a:gd name="connsiteX126" fmla="*/ 7167 w 10000"/>
                  <a:gd name="connsiteY126" fmla="*/ 8080 h 10000"/>
                  <a:gd name="connsiteX127" fmla="*/ 7288 w 10000"/>
                  <a:gd name="connsiteY127" fmla="*/ 8139 h 10000"/>
                  <a:gd name="connsiteX128" fmla="*/ 7361 w 10000"/>
                  <a:gd name="connsiteY128" fmla="*/ 8227 h 10000"/>
                  <a:gd name="connsiteX129" fmla="*/ 7385 w 10000"/>
                  <a:gd name="connsiteY129" fmla="*/ 8301 h 10000"/>
                  <a:gd name="connsiteX130" fmla="*/ 7385 w 10000"/>
                  <a:gd name="connsiteY130" fmla="*/ 8405 h 10000"/>
                  <a:gd name="connsiteX131" fmla="*/ 7337 w 10000"/>
                  <a:gd name="connsiteY131" fmla="*/ 8523 h 10000"/>
                  <a:gd name="connsiteX132" fmla="*/ 7264 w 10000"/>
                  <a:gd name="connsiteY132" fmla="*/ 8641 h 10000"/>
                  <a:gd name="connsiteX133" fmla="*/ 6949 w 10000"/>
                  <a:gd name="connsiteY133" fmla="*/ 8552 h 10000"/>
                  <a:gd name="connsiteX134" fmla="*/ 6659 w 10000"/>
                  <a:gd name="connsiteY134" fmla="*/ 8449 h 10000"/>
                  <a:gd name="connsiteX135" fmla="*/ 6368 w 10000"/>
                  <a:gd name="connsiteY135" fmla="*/ 8360 h 10000"/>
                  <a:gd name="connsiteX136" fmla="*/ 6077 w 10000"/>
                  <a:gd name="connsiteY136" fmla="*/ 8287 h 10000"/>
                  <a:gd name="connsiteX137" fmla="*/ 5956 w 10000"/>
                  <a:gd name="connsiteY137" fmla="*/ 8449 h 10000"/>
                  <a:gd name="connsiteX138" fmla="*/ 5860 w 10000"/>
                  <a:gd name="connsiteY138" fmla="*/ 8597 h 10000"/>
                  <a:gd name="connsiteX139" fmla="*/ 5811 w 10000"/>
                  <a:gd name="connsiteY139" fmla="*/ 8656 h 10000"/>
                  <a:gd name="connsiteX140" fmla="*/ 5714 w 10000"/>
                  <a:gd name="connsiteY140" fmla="*/ 8700 h 10000"/>
                  <a:gd name="connsiteX141" fmla="*/ 5642 w 10000"/>
                  <a:gd name="connsiteY141" fmla="*/ 8744 h 10000"/>
                  <a:gd name="connsiteX142" fmla="*/ 5569 w 10000"/>
                  <a:gd name="connsiteY142" fmla="*/ 8774 h 10000"/>
                  <a:gd name="connsiteX143" fmla="*/ 5496 w 10000"/>
                  <a:gd name="connsiteY143" fmla="*/ 8804 h 10000"/>
                  <a:gd name="connsiteX144" fmla="*/ 5400 w 10000"/>
                  <a:gd name="connsiteY144" fmla="*/ 8818 h 10000"/>
                  <a:gd name="connsiteX145" fmla="*/ 5278 w 10000"/>
                  <a:gd name="connsiteY145" fmla="*/ 8833 h 10000"/>
                  <a:gd name="connsiteX146" fmla="*/ 5157 w 10000"/>
                  <a:gd name="connsiteY146" fmla="*/ 8833 h 10000"/>
                  <a:gd name="connsiteX147" fmla="*/ 4867 w 10000"/>
                  <a:gd name="connsiteY147" fmla="*/ 8818 h 10000"/>
                  <a:gd name="connsiteX148" fmla="*/ 4504 w 10000"/>
                  <a:gd name="connsiteY148" fmla="*/ 8744 h 10000"/>
                  <a:gd name="connsiteX149" fmla="*/ 4504 w 10000"/>
                  <a:gd name="connsiteY149" fmla="*/ 8922 h 10000"/>
                  <a:gd name="connsiteX150" fmla="*/ 4479 w 10000"/>
                  <a:gd name="connsiteY150" fmla="*/ 9069 h 10000"/>
                  <a:gd name="connsiteX151" fmla="*/ 4455 w 10000"/>
                  <a:gd name="connsiteY151" fmla="*/ 9232 h 10000"/>
                  <a:gd name="connsiteX152" fmla="*/ 4431 w 10000"/>
                  <a:gd name="connsiteY152" fmla="*/ 9365 h 10000"/>
                  <a:gd name="connsiteX153" fmla="*/ 4383 w 10000"/>
                  <a:gd name="connsiteY153" fmla="*/ 9498 h 10000"/>
                  <a:gd name="connsiteX154" fmla="*/ 4286 w 10000"/>
                  <a:gd name="connsiteY154" fmla="*/ 9616 h 10000"/>
                  <a:gd name="connsiteX155" fmla="*/ 4213 w 10000"/>
                  <a:gd name="connsiteY155" fmla="*/ 9734 h 10000"/>
                  <a:gd name="connsiteX156" fmla="*/ 4092 w 10000"/>
                  <a:gd name="connsiteY156" fmla="*/ 9838 h 10000"/>
                  <a:gd name="connsiteX157" fmla="*/ 3801 w 10000"/>
                  <a:gd name="connsiteY157" fmla="*/ 9897 h 10000"/>
                  <a:gd name="connsiteX158" fmla="*/ 3559 w 10000"/>
                  <a:gd name="connsiteY158" fmla="*/ 9941 h 10000"/>
                  <a:gd name="connsiteX159" fmla="*/ 3269 w 10000"/>
                  <a:gd name="connsiteY159" fmla="*/ 9985 h 10000"/>
                  <a:gd name="connsiteX160" fmla="*/ 3051 w 10000"/>
                  <a:gd name="connsiteY160" fmla="*/ 10000 h 10000"/>
                  <a:gd name="connsiteX161" fmla="*/ 2567 w 10000"/>
                  <a:gd name="connsiteY161" fmla="*/ 10000 h 10000"/>
                  <a:gd name="connsiteX162" fmla="*/ 2107 w 10000"/>
                  <a:gd name="connsiteY162" fmla="*/ 9985 h 10000"/>
                  <a:gd name="connsiteX163" fmla="*/ 1671 w 10000"/>
                  <a:gd name="connsiteY163" fmla="*/ 9941 h 10000"/>
                  <a:gd name="connsiteX164" fmla="*/ 1211 w 10000"/>
                  <a:gd name="connsiteY164" fmla="*/ 9911 h 10000"/>
                  <a:gd name="connsiteX165" fmla="*/ 944 w 10000"/>
                  <a:gd name="connsiteY165" fmla="*/ 9911 h 10000"/>
                  <a:gd name="connsiteX166" fmla="*/ 702 w 10000"/>
                  <a:gd name="connsiteY166" fmla="*/ 9911 h 10000"/>
                  <a:gd name="connsiteX167" fmla="*/ 436 w 10000"/>
                  <a:gd name="connsiteY167" fmla="*/ 9926 h 10000"/>
                  <a:gd name="connsiteX168" fmla="*/ 169 w 10000"/>
                  <a:gd name="connsiteY168" fmla="*/ 9970 h 10000"/>
                  <a:gd name="connsiteX169" fmla="*/ 97 w 10000"/>
                  <a:gd name="connsiteY169" fmla="*/ 9867 h 10000"/>
                  <a:gd name="connsiteX170" fmla="*/ 48 w 10000"/>
                  <a:gd name="connsiteY170" fmla="*/ 9793 h 10000"/>
                  <a:gd name="connsiteX171" fmla="*/ 0 w 10000"/>
                  <a:gd name="connsiteY171" fmla="*/ 9705 h 10000"/>
                  <a:gd name="connsiteX172" fmla="*/ 0 w 10000"/>
                  <a:gd name="connsiteY172" fmla="*/ 9601 h 10000"/>
                  <a:gd name="connsiteX173" fmla="*/ 48 w 10000"/>
                  <a:gd name="connsiteY173" fmla="*/ 9424 h 10000"/>
                  <a:gd name="connsiteX174" fmla="*/ 97 w 10000"/>
                  <a:gd name="connsiteY174" fmla="*/ 9202 h 10000"/>
                  <a:gd name="connsiteX175" fmla="*/ 145 w 10000"/>
                  <a:gd name="connsiteY175" fmla="*/ 8996 h 10000"/>
                  <a:gd name="connsiteX176" fmla="*/ 194 w 10000"/>
                  <a:gd name="connsiteY176" fmla="*/ 8759 h 10000"/>
                  <a:gd name="connsiteX177" fmla="*/ 218 w 10000"/>
                  <a:gd name="connsiteY177" fmla="*/ 8641 h 10000"/>
                  <a:gd name="connsiteX178" fmla="*/ 218 w 10000"/>
                  <a:gd name="connsiteY178" fmla="*/ 8538 h 10000"/>
                  <a:gd name="connsiteX179" fmla="*/ 194 w 10000"/>
                  <a:gd name="connsiteY179" fmla="*/ 8405 h 10000"/>
                  <a:gd name="connsiteX180" fmla="*/ 169 w 10000"/>
                  <a:gd name="connsiteY180" fmla="*/ 8287 h 10000"/>
                  <a:gd name="connsiteX181" fmla="*/ 412 w 10000"/>
                  <a:gd name="connsiteY181" fmla="*/ 8213 h 10000"/>
                  <a:gd name="connsiteX182" fmla="*/ 654 w 10000"/>
                  <a:gd name="connsiteY182" fmla="*/ 8139 h 10000"/>
                  <a:gd name="connsiteX183" fmla="*/ 896 w 10000"/>
                  <a:gd name="connsiteY183" fmla="*/ 8095 h 10000"/>
                  <a:gd name="connsiteX184" fmla="*/ 1162 w 10000"/>
                  <a:gd name="connsiteY184" fmla="*/ 8065 h 10000"/>
                  <a:gd name="connsiteX185" fmla="*/ 1646 w 10000"/>
                  <a:gd name="connsiteY185" fmla="*/ 8021 h 10000"/>
                  <a:gd name="connsiteX186" fmla="*/ 2131 w 10000"/>
                  <a:gd name="connsiteY186" fmla="*/ 7976 h 10000"/>
                  <a:gd name="connsiteX187" fmla="*/ 2349 w 10000"/>
                  <a:gd name="connsiteY187" fmla="*/ 7947 h 10000"/>
                  <a:gd name="connsiteX188" fmla="*/ 2567 w 10000"/>
                  <a:gd name="connsiteY188" fmla="*/ 7917 h 10000"/>
                  <a:gd name="connsiteX189" fmla="*/ 2760 w 10000"/>
                  <a:gd name="connsiteY189" fmla="*/ 7843 h 10000"/>
                  <a:gd name="connsiteX190" fmla="*/ 2954 w 10000"/>
                  <a:gd name="connsiteY190" fmla="*/ 7784 h 10000"/>
                  <a:gd name="connsiteX191" fmla="*/ 3123 w 10000"/>
                  <a:gd name="connsiteY191" fmla="*/ 7710 h 10000"/>
                  <a:gd name="connsiteX192" fmla="*/ 3269 w 10000"/>
                  <a:gd name="connsiteY192" fmla="*/ 7592 h 10000"/>
                  <a:gd name="connsiteX193" fmla="*/ 3414 w 10000"/>
                  <a:gd name="connsiteY193" fmla="*/ 7474 h 10000"/>
                  <a:gd name="connsiteX194" fmla="*/ 3511 w 10000"/>
                  <a:gd name="connsiteY194" fmla="*/ 7312 h 10000"/>
                  <a:gd name="connsiteX195" fmla="*/ 3317 w 10000"/>
                  <a:gd name="connsiteY195" fmla="*/ 7238 h 10000"/>
                  <a:gd name="connsiteX196" fmla="*/ 3148 w 10000"/>
                  <a:gd name="connsiteY196" fmla="*/ 7179 h 10000"/>
                  <a:gd name="connsiteX197" fmla="*/ 3002 w 10000"/>
                  <a:gd name="connsiteY197" fmla="*/ 7090 h 10000"/>
                  <a:gd name="connsiteX198" fmla="*/ 2857 w 10000"/>
                  <a:gd name="connsiteY198" fmla="*/ 6987 h 10000"/>
                  <a:gd name="connsiteX199" fmla="*/ 2760 w 10000"/>
                  <a:gd name="connsiteY199" fmla="*/ 6869 h 10000"/>
                  <a:gd name="connsiteX200" fmla="*/ 2712 w 10000"/>
                  <a:gd name="connsiteY200" fmla="*/ 6721 h 10000"/>
                  <a:gd name="connsiteX201" fmla="*/ 2688 w 10000"/>
                  <a:gd name="connsiteY201" fmla="*/ 6558 h 10000"/>
                  <a:gd name="connsiteX202" fmla="*/ 2712 w 10000"/>
                  <a:gd name="connsiteY202" fmla="*/ 6352 h 10000"/>
                  <a:gd name="connsiteX203" fmla="*/ 2591 w 10000"/>
                  <a:gd name="connsiteY203" fmla="*/ 6322 h 10000"/>
                  <a:gd name="connsiteX204" fmla="*/ 2446 w 10000"/>
                  <a:gd name="connsiteY204" fmla="*/ 6292 h 10000"/>
                  <a:gd name="connsiteX205" fmla="*/ 2276 w 10000"/>
                  <a:gd name="connsiteY205" fmla="*/ 6278 h 10000"/>
                  <a:gd name="connsiteX206" fmla="*/ 2107 w 10000"/>
                  <a:gd name="connsiteY206" fmla="*/ 6263 h 10000"/>
                  <a:gd name="connsiteX207" fmla="*/ 1768 w 10000"/>
                  <a:gd name="connsiteY207" fmla="*/ 6248 h 10000"/>
                  <a:gd name="connsiteX208" fmla="*/ 1404 w 10000"/>
                  <a:gd name="connsiteY208" fmla="*/ 6263 h 10000"/>
                  <a:gd name="connsiteX209" fmla="*/ 1090 w 10000"/>
                  <a:gd name="connsiteY209" fmla="*/ 6278 h 10000"/>
                  <a:gd name="connsiteX210" fmla="*/ 799 w 10000"/>
                  <a:gd name="connsiteY210" fmla="*/ 6278 h 10000"/>
                  <a:gd name="connsiteX211" fmla="*/ 557 w 10000"/>
                  <a:gd name="connsiteY211" fmla="*/ 6263 h 10000"/>
                  <a:gd name="connsiteX212" fmla="*/ 363 w 10000"/>
                  <a:gd name="connsiteY212" fmla="*/ 6233 h 10000"/>
                  <a:gd name="connsiteX213" fmla="*/ 605 w 10000"/>
                  <a:gd name="connsiteY213" fmla="*/ 5805 h 10000"/>
                  <a:gd name="connsiteX214" fmla="*/ 872 w 10000"/>
                  <a:gd name="connsiteY214" fmla="*/ 5391 h 10000"/>
                  <a:gd name="connsiteX215" fmla="*/ 969 w 10000"/>
                  <a:gd name="connsiteY215" fmla="*/ 5170 h 10000"/>
                  <a:gd name="connsiteX216" fmla="*/ 1041 w 10000"/>
                  <a:gd name="connsiteY216" fmla="*/ 4963 h 10000"/>
                  <a:gd name="connsiteX217" fmla="*/ 1065 w 10000"/>
                  <a:gd name="connsiteY217" fmla="*/ 4860 h 10000"/>
                  <a:gd name="connsiteX218" fmla="*/ 1041 w 10000"/>
                  <a:gd name="connsiteY218" fmla="*/ 4756 h 10000"/>
                  <a:gd name="connsiteX219" fmla="*/ 1017 w 10000"/>
                  <a:gd name="connsiteY219" fmla="*/ 4653 h 10000"/>
                  <a:gd name="connsiteX220" fmla="*/ 944 w 10000"/>
                  <a:gd name="connsiteY220" fmla="*/ 4549 h 10000"/>
                  <a:gd name="connsiteX221" fmla="*/ 1211 w 10000"/>
                  <a:gd name="connsiteY221" fmla="*/ 4520 h 10000"/>
                  <a:gd name="connsiteX222" fmla="*/ 1404 w 10000"/>
                  <a:gd name="connsiteY222" fmla="*/ 4505 h 10000"/>
                  <a:gd name="connsiteX223" fmla="*/ 1574 w 10000"/>
                  <a:gd name="connsiteY223" fmla="*/ 4505 h 10000"/>
                  <a:gd name="connsiteX224" fmla="*/ 1719 w 10000"/>
                  <a:gd name="connsiteY224" fmla="*/ 4520 h 10000"/>
                  <a:gd name="connsiteX225" fmla="*/ 1840 w 10000"/>
                  <a:gd name="connsiteY225" fmla="*/ 4520 h 10000"/>
                  <a:gd name="connsiteX226" fmla="*/ 1985 w 10000"/>
                  <a:gd name="connsiteY226" fmla="*/ 4520 h 10000"/>
                  <a:gd name="connsiteX227" fmla="*/ 2131 w 10000"/>
                  <a:gd name="connsiteY227" fmla="*/ 4490 h 10000"/>
                  <a:gd name="connsiteX228" fmla="*/ 2324 w 10000"/>
                  <a:gd name="connsiteY228" fmla="*/ 4446 h 10000"/>
                  <a:gd name="connsiteX229" fmla="*/ 2324 w 10000"/>
                  <a:gd name="connsiteY229" fmla="*/ 4579 h 10000"/>
                  <a:gd name="connsiteX230" fmla="*/ 2324 w 10000"/>
                  <a:gd name="connsiteY230" fmla="*/ 4742 h 10000"/>
                  <a:gd name="connsiteX231" fmla="*/ 2324 w 10000"/>
                  <a:gd name="connsiteY231" fmla="*/ 4874 h 10000"/>
                  <a:gd name="connsiteX232" fmla="*/ 2324 w 10000"/>
                  <a:gd name="connsiteY232" fmla="*/ 5037 h 10000"/>
                  <a:gd name="connsiteX233" fmla="*/ 2542 w 10000"/>
                  <a:gd name="connsiteY233" fmla="*/ 5022 h 10000"/>
                  <a:gd name="connsiteX234" fmla="*/ 2688 w 10000"/>
                  <a:gd name="connsiteY234" fmla="*/ 5037 h 10000"/>
                  <a:gd name="connsiteX235" fmla="*/ 2809 w 10000"/>
                  <a:gd name="connsiteY235" fmla="*/ 5066 h 10000"/>
                  <a:gd name="connsiteX236" fmla="*/ 2930 w 10000"/>
                  <a:gd name="connsiteY236" fmla="*/ 5096 h 10000"/>
                  <a:gd name="connsiteX237" fmla="*/ 3027 w 10000"/>
                  <a:gd name="connsiteY237" fmla="*/ 5126 h 10000"/>
                  <a:gd name="connsiteX238" fmla="*/ 3148 w 10000"/>
                  <a:gd name="connsiteY238" fmla="*/ 5155 h 10000"/>
                  <a:gd name="connsiteX239" fmla="*/ 3293 w 10000"/>
                  <a:gd name="connsiteY239" fmla="*/ 5170 h 10000"/>
                  <a:gd name="connsiteX240" fmla="*/ 3511 w 10000"/>
                  <a:gd name="connsiteY240" fmla="*/ 5155 h 10000"/>
                  <a:gd name="connsiteX241" fmla="*/ 3584 w 10000"/>
                  <a:gd name="connsiteY241" fmla="*/ 5096 h 10000"/>
                  <a:gd name="connsiteX242" fmla="*/ 3656 w 10000"/>
                  <a:gd name="connsiteY242" fmla="*/ 5022 h 10000"/>
                  <a:gd name="connsiteX243" fmla="*/ 3680 w 10000"/>
                  <a:gd name="connsiteY243" fmla="*/ 4934 h 10000"/>
                  <a:gd name="connsiteX244" fmla="*/ 3705 w 10000"/>
                  <a:gd name="connsiteY244" fmla="*/ 4860 h 10000"/>
                  <a:gd name="connsiteX245" fmla="*/ 3729 w 10000"/>
                  <a:gd name="connsiteY245" fmla="*/ 4697 h 10000"/>
                  <a:gd name="connsiteX246" fmla="*/ 3705 w 10000"/>
                  <a:gd name="connsiteY246" fmla="*/ 4520 h 10000"/>
                  <a:gd name="connsiteX247" fmla="*/ 3632 w 10000"/>
                  <a:gd name="connsiteY247" fmla="*/ 4343 h 10000"/>
                  <a:gd name="connsiteX248" fmla="*/ 3559 w 10000"/>
                  <a:gd name="connsiteY248" fmla="*/ 4195 h 10000"/>
                  <a:gd name="connsiteX249" fmla="*/ 3438 w 10000"/>
                  <a:gd name="connsiteY249" fmla="*/ 4047 h 10000"/>
                  <a:gd name="connsiteX250" fmla="*/ 3317 w 10000"/>
                  <a:gd name="connsiteY250" fmla="*/ 3959 h 10000"/>
                  <a:gd name="connsiteX251" fmla="*/ 3462 w 10000"/>
                  <a:gd name="connsiteY251" fmla="*/ 3944 h 10000"/>
                  <a:gd name="connsiteX252" fmla="*/ 3584 w 10000"/>
                  <a:gd name="connsiteY252" fmla="*/ 3914 h 10000"/>
                  <a:gd name="connsiteX253" fmla="*/ 3680 w 10000"/>
                  <a:gd name="connsiteY253" fmla="*/ 3855 h 10000"/>
                  <a:gd name="connsiteX254" fmla="*/ 3801 w 10000"/>
                  <a:gd name="connsiteY254" fmla="*/ 3752 h 10000"/>
                  <a:gd name="connsiteX255" fmla="*/ 3923 w 10000"/>
                  <a:gd name="connsiteY255" fmla="*/ 3663 h 10000"/>
                  <a:gd name="connsiteX256" fmla="*/ 4019 w 10000"/>
                  <a:gd name="connsiteY256" fmla="*/ 3560 h 10000"/>
                  <a:gd name="connsiteX257" fmla="*/ 4092 w 10000"/>
                  <a:gd name="connsiteY257" fmla="*/ 3442 h 10000"/>
                  <a:gd name="connsiteX258" fmla="*/ 4165 w 10000"/>
                  <a:gd name="connsiteY258" fmla="*/ 3323 h 10000"/>
                  <a:gd name="connsiteX259" fmla="*/ 4213 w 10000"/>
                  <a:gd name="connsiteY259" fmla="*/ 3220 h 10000"/>
                  <a:gd name="connsiteX260" fmla="*/ 4237 w 10000"/>
                  <a:gd name="connsiteY260" fmla="*/ 3102 h 10000"/>
                  <a:gd name="connsiteX261" fmla="*/ 4262 w 10000"/>
                  <a:gd name="connsiteY261" fmla="*/ 3013 h 10000"/>
                  <a:gd name="connsiteX262" fmla="*/ 4237 w 10000"/>
                  <a:gd name="connsiteY262" fmla="*/ 2939 h 10000"/>
                  <a:gd name="connsiteX263" fmla="*/ 4213 w 10000"/>
                  <a:gd name="connsiteY263" fmla="*/ 2866 h 10000"/>
                  <a:gd name="connsiteX264" fmla="*/ 4140 w 10000"/>
                  <a:gd name="connsiteY264" fmla="*/ 2836 h 10000"/>
                  <a:gd name="connsiteX265" fmla="*/ 4044 w 10000"/>
                  <a:gd name="connsiteY265" fmla="*/ 2836 h 10000"/>
                  <a:gd name="connsiteX266" fmla="*/ 3923 w 10000"/>
                  <a:gd name="connsiteY266" fmla="*/ 2866 h 10000"/>
                  <a:gd name="connsiteX267" fmla="*/ 4019 w 10000"/>
                  <a:gd name="connsiteY267" fmla="*/ 2777 h 10000"/>
                  <a:gd name="connsiteX268" fmla="*/ 4068 w 10000"/>
                  <a:gd name="connsiteY268" fmla="*/ 2674 h 10000"/>
                  <a:gd name="connsiteX269" fmla="*/ 4092 w 10000"/>
                  <a:gd name="connsiteY269" fmla="*/ 2541 h 10000"/>
                  <a:gd name="connsiteX270" fmla="*/ 4092 w 10000"/>
                  <a:gd name="connsiteY270" fmla="*/ 2393 h 10000"/>
                  <a:gd name="connsiteX271" fmla="*/ 4116 w 10000"/>
                  <a:gd name="connsiteY271" fmla="*/ 2349 h 10000"/>
                  <a:gd name="connsiteX272" fmla="*/ 4165 w 10000"/>
                  <a:gd name="connsiteY272" fmla="*/ 2304 h 10000"/>
                  <a:gd name="connsiteX273" fmla="*/ 4213 w 10000"/>
                  <a:gd name="connsiteY273" fmla="*/ 2290 h 10000"/>
                  <a:gd name="connsiteX274" fmla="*/ 4286 w 10000"/>
                  <a:gd name="connsiteY274" fmla="*/ 2275 h 10000"/>
                  <a:gd name="connsiteX275" fmla="*/ 4504 w 10000"/>
                  <a:gd name="connsiteY275" fmla="*/ 2260 h 10000"/>
                  <a:gd name="connsiteX276" fmla="*/ 4697 w 10000"/>
                  <a:gd name="connsiteY276" fmla="*/ 2275 h 10000"/>
                  <a:gd name="connsiteX277" fmla="*/ 4673 w 10000"/>
                  <a:gd name="connsiteY277" fmla="*/ 2112 h 10000"/>
                  <a:gd name="connsiteX278" fmla="*/ 4625 w 10000"/>
                  <a:gd name="connsiteY278" fmla="*/ 1950 h 10000"/>
                  <a:gd name="connsiteX279" fmla="*/ 4552 w 10000"/>
                  <a:gd name="connsiteY279" fmla="*/ 1802 h 10000"/>
                  <a:gd name="connsiteX280" fmla="*/ 4455 w 10000"/>
                  <a:gd name="connsiteY280" fmla="*/ 1640 h 10000"/>
                  <a:gd name="connsiteX281" fmla="*/ 4213 w 10000"/>
                  <a:gd name="connsiteY281" fmla="*/ 1329 h 10000"/>
                  <a:gd name="connsiteX282" fmla="*/ 3971 w 10000"/>
                  <a:gd name="connsiteY282" fmla="*/ 1034 h 10000"/>
                  <a:gd name="connsiteX283" fmla="*/ 3850 w 10000"/>
                  <a:gd name="connsiteY283" fmla="*/ 901 h 10000"/>
                  <a:gd name="connsiteX284" fmla="*/ 3753 w 10000"/>
                  <a:gd name="connsiteY284" fmla="*/ 753 h 10000"/>
                  <a:gd name="connsiteX285" fmla="*/ 3680 w 10000"/>
                  <a:gd name="connsiteY285" fmla="*/ 620 h 10000"/>
                  <a:gd name="connsiteX286" fmla="*/ 3656 w 10000"/>
                  <a:gd name="connsiteY286" fmla="*/ 487 h 10000"/>
                  <a:gd name="connsiteX287" fmla="*/ 3632 w 10000"/>
                  <a:gd name="connsiteY287" fmla="*/ 355 h 10000"/>
                  <a:gd name="connsiteX288" fmla="*/ 3680 w 10000"/>
                  <a:gd name="connsiteY288" fmla="*/ 222 h 10000"/>
                  <a:gd name="connsiteX289" fmla="*/ 3705 w 10000"/>
                  <a:gd name="connsiteY289" fmla="*/ 162 h 10000"/>
                  <a:gd name="connsiteX290" fmla="*/ 3753 w 10000"/>
                  <a:gd name="connsiteY290" fmla="*/ 103 h 10000"/>
                  <a:gd name="connsiteX291" fmla="*/ 3826 w 10000"/>
                  <a:gd name="connsiteY291" fmla="*/ 59 h 10000"/>
                  <a:gd name="connsiteX292" fmla="*/ 3923 w 10000"/>
                  <a:gd name="connsiteY292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6852 w 10000"/>
                  <a:gd name="connsiteY63" fmla="*/ 4313 h 10000"/>
                  <a:gd name="connsiteX64" fmla="*/ 6852 w 10000"/>
                  <a:gd name="connsiteY64" fmla="*/ 4431 h 10000"/>
                  <a:gd name="connsiteX65" fmla="*/ 6852 w 10000"/>
                  <a:gd name="connsiteY65" fmla="*/ 4549 h 10000"/>
                  <a:gd name="connsiteX66" fmla="*/ 6804 w 10000"/>
                  <a:gd name="connsiteY66" fmla="*/ 4564 h 10000"/>
                  <a:gd name="connsiteX67" fmla="*/ 6731 w 10000"/>
                  <a:gd name="connsiteY67" fmla="*/ 4594 h 10000"/>
                  <a:gd name="connsiteX68" fmla="*/ 6683 w 10000"/>
                  <a:gd name="connsiteY68" fmla="*/ 4638 h 10000"/>
                  <a:gd name="connsiteX69" fmla="*/ 6683 w 10000"/>
                  <a:gd name="connsiteY69" fmla="*/ 4697 h 10000"/>
                  <a:gd name="connsiteX70" fmla="*/ 6659 w 10000"/>
                  <a:gd name="connsiteY70" fmla="*/ 4801 h 10000"/>
                  <a:gd name="connsiteX71" fmla="*/ 6659 w 10000"/>
                  <a:gd name="connsiteY71" fmla="*/ 4904 h 10000"/>
                  <a:gd name="connsiteX72" fmla="*/ 6538 w 10000"/>
                  <a:gd name="connsiteY72" fmla="*/ 4860 h 10000"/>
                  <a:gd name="connsiteX73" fmla="*/ 6465 w 10000"/>
                  <a:gd name="connsiteY73" fmla="*/ 4801 h 10000"/>
                  <a:gd name="connsiteX74" fmla="*/ 6392 w 10000"/>
                  <a:gd name="connsiteY74" fmla="*/ 4727 h 10000"/>
                  <a:gd name="connsiteX75" fmla="*/ 6320 w 10000"/>
                  <a:gd name="connsiteY75" fmla="*/ 4638 h 10000"/>
                  <a:gd name="connsiteX76" fmla="*/ 6199 w 10000"/>
                  <a:gd name="connsiteY76" fmla="*/ 4476 h 10000"/>
                  <a:gd name="connsiteX77" fmla="*/ 6077 w 10000"/>
                  <a:gd name="connsiteY77" fmla="*/ 4313 h 10000"/>
                  <a:gd name="connsiteX78" fmla="*/ 6223 w 10000"/>
                  <a:gd name="connsiteY78" fmla="*/ 4210 h 10000"/>
                  <a:gd name="connsiteX79" fmla="*/ 6416 w 10000"/>
                  <a:gd name="connsiteY79" fmla="*/ 4121 h 10000"/>
                  <a:gd name="connsiteX80" fmla="*/ 6634 w 10000"/>
                  <a:gd name="connsiteY80" fmla="*/ 4032 h 10000"/>
                  <a:gd name="connsiteX81" fmla="*/ 6877 w 10000"/>
                  <a:gd name="connsiteY81" fmla="*/ 3959 h 10000"/>
                  <a:gd name="connsiteX82" fmla="*/ 7385 w 10000"/>
                  <a:gd name="connsiteY82" fmla="*/ 3811 h 10000"/>
                  <a:gd name="connsiteX83" fmla="*/ 7893 w 10000"/>
                  <a:gd name="connsiteY83" fmla="*/ 3663 h 10000"/>
                  <a:gd name="connsiteX84" fmla="*/ 8136 w 10000"/>
                  <a:gd name="connsiteY84" fmla="*/ 3589 h 10000"/>
                  <a:gd name="connsiteX85" fmla="*/ 8378 w 10000"/>
                  <a:gd name="connsiteY85" fmla="*/ 3516 h 10000"/>
                  <a:gd name="connsiteX86" fmla="*/ 8571 w 10000"/>
                  <a:gd name="connsiteY86" fmla="*/ 3412 h 10000"/>
                  <a:gd name="connsiteX87" fmla="*/ 8765 w 10000"/>
                  <a:gd name="connsiteY87" fmla="*/ 3338 h 10000"/>
                  <a:gd name="connsiteX88" fmla="*/ 8886 w 10000"/>
                  <a:gd name="connsiteY88" fmla="*/ 3235 h 10000"/>
                  <a:gd name="connsiteX89" fmla="*/ 8983 w 10000"/>
                  <a:gd name="connsiteY89" fmla="*/ 3117 h 10000"/>
                  <a:gd name="connsiteX90" fmla="*/ 9007 w 10000"/>
                  <a:gd name="connsiteY90" fmla="*/ 3072 h 10000"/>
                  <a:gd name="connsiteX91" fmla="*/ 9031 w 10000"/>
                  <a:gd name="connsiteY91" fmla="*/ 3013 h 10000"/>
                  <a:gd name="connsiteX92" fmla="*/ 9031 w 10000"/>
                  <a:gd name="connsiteY92" fmla="*/ 2954 h 10000"/>
                  <a:gd name="connsiteX93" fmla="*/ 9007 w 10000"/>
                  <a:gd name="connsiteY93" fmla="*/ 2866 h 10000"/>
                  <a:gd name="connsiteX94" fmla="*/ 8838 w 10000"/>
                  <a:gd name="connsiteY94" fmla="*/ 2984 h 10000"/>
                  <a:gd name="connsiteX95" fmla="*/ 8644 w 10000"/>
                  <a:gd name="connsiteY95" fmla="*/ 3072 h 10000"/>
                  <a:gd name="connsiteX96" fmla="*/ 8450 w 10000"/>
                  <a:gd name="connsiteY96" fmla="*/ 3161 h 10000"/>
                  <a:gd name="connsiteX97" fmla="*/ 8257 w 10000"/>
                  <a:gd name="connsiteY97" fmla="*/ 3250 h 10000"/>
                  <a:gd name="connsiteX98" fmla="*/ 7821 w 10000"/>
                  <a:gd name="connsiteY98" fmla="*/ 3397 h 10000"/>
                  <a:gd name="connsiteX99" fmla="*/ 7361 w 10000"/>
                  <a:gd name="connsiteY99" fmla="*/ 3545 h 10000"/>
                  <a:gd name="connsiteX100" fmla="*/ 6901 w 10000"/>
                  <a:gd name="connsiteY100" fmla="*/ 3678 h 10000"/>
                  <a:gd name="connsiteX101" fmla="*/ 6465 w 10000"/>
                  <a:gd name="connsiteY101" fmla="*/ 3840 h 10000"/>
                  <a:gd name="connsiteX102" fmla="*/ 6247 w 10000"/>
                  <a:gd name="connsiteY102" fmla="*/ 3914 h 10000"/>
                  <a:gd name="connsiteX103" fmla="*/ 6053 w 10000"/>
                  <a:gd name="connsiteY103" fmla="*/ 4003 h 10000"/>
                  <a:gd name="connsiteX104" fmla="*/ 5860 w 10000"/>
                  <a:gd name="connsiteY104" fmla="*/ 4106 h 10000"/>
                  <a:gd name="connsiteX105" fmla="*/ 5666 w 10000"/>
                  <a:gd name="connsiteY105" fmla="*/ 4195 h 10000"/>
                  <a:gd name="connsiteX106" fmla="*/ 5811 w 10000"/>
                  <a:gd name="connsiteY106" fmla="*/ 4417 h 10000"/>
                  <a:gd name="connsiteX107" fmla="*/ 5908 w 10000"/>
                  <a:gd name="connsiteY107" fmla="*/ 4623 h 10000"/>
                  <a:gd name="connsiteX108" fmla="*/ 6005 w 10000"/>
                  <a:gd name="connsiteY108" fmla="*/ 4845 h 10000"/>
                  <a:gd name="connsiteX109" fmla="*/ 6077 w 10000"/>
                  <a:gd name="connsiteY109" fmla="*/ 5081 h 10000"/>
                  <a:gd name="connsiteX110" fmla="*/ 6126 w 10000"/>
                  <a:gd name="connsiteY110" fmla="*/ 5318 h 10000"/>
                  <a:gd name="connsiteX111" fmla="*/ 6150 w 10000"/>
                  <a:gd name="connsiteY111" fmla="*/ 5539 h 10000"/>
                  <a:gd name="connsiteX112" fmla="*/ 6174 w 10000"/>
                  <a:gd name="connsiteY112" fmla="*/ 5775 h 10000"/>
                  <a:gd name="connsiteX113" fmla="*/ 6174 w 10000"/>
                  <a:gd name="connsiteY113" fmla="*/ 5997 h 10000"/>
                  <a:gd name="connsiteX114" fmla="*/ 6150 w 10000"/>
                  <a:gd name="connsiteY114" fmla="*/ 6233 h 10000"/>
                  <a:gd name="connsiteX115" fmla="*/ 6102 w 10000"/>
                  <a:gd name="connsiteY115" fmla="*/ 6470 h 10000"/>
                  <a:gd name="connsiteX116" fmla="*/ 6053 w 10000"/>
                  <a:gd name="connsiteY116" fmla="*/ 6677 h 10000"/>
                  <a:gd name="connsiteX117" fmla="*/ 5981 w 10000"/>
                  <a:gd name="connsiteY117" fmla="*/ 6898 h 10000"/>
                  <a:gd name="connsiteX118" fmla="*/ 5884 w 10000"/>
                  <a:gd name="connsiteY118" fmla="*/ 7105 h 10000"/>
                  <a:gd name="connsiteX119" fmla="*/ 5763 w 10000"/>
                  <a:gd name="connsiteY119" fmla="*/ 7297 h 10000"/>
                  <a:gd name="connsiteX120" fmla="*/ 5617 w 10000"/>
                  <a:gd name="connsiteY120" fmla="*/ 7489 h 10000"/>
                  <a:gd name="connsiteX121" fmla="*/ 5472 w 10000"/>
                  <a:gd name="connsiteY121" fmla="*/ 7681 h 10000"/>
                  <a:gd name="connsiteX122" fmla="*/ 6174 w 10000"/>
                  <a:gd name="connsiteY122" fmla="*/ 7799 h 10000"/>
                  <a:gd name="connsiteX123" fmla="*/ 6901 w 10000"/>
                  <a:gd name="connsiteY123" fmla="*/ 7962 h 10000"/>
                  <a:gd name="connsiteX124" fmla="*/ 7046 w 10000"/>
                  <a:gd name="connsiteY124" fmla="*/ 8021 h 10000"/>
                  <a:gd name="connsiteX125" fmla="*/ 7167 w 10000"/>
                  <a:gd name="connsiteY125" fmla="*/ 8080 h 10000"/>
                  <a:gd name="connsiteX126" fmla="*/ 7288 w 10000"/>
                  <a:gd name="connsiteY126" fmla="*/ 8139 h 10000"/>
                  <a:gd name="connsiteX127" fmla="*/ 7361 w 10000"/>
                  <a:gd name="connsiteY127" fmla="*/ 8227 h 10000"/>
                  <a:gd name="connsiteX128" fmla="*/ 7385 w 10000"/>
                  <a:gd name="connsiteY128" fmla="*/ 8301 h 10000"/>
                  <a:gd name="connsiteX129" fmla="*/ 7385 w 10000"/>
                  <a:gd name="connsiteY129" fmla="*/ 8405 h 10000"/>
                  <a:gd name="connsiteX130" fmla="*/ 7337 w 10000"/>
                  <a:gd name="connsiteY130" fmla="*/ 8523 h 10000"/>
                  <a:gd name="connsiteX131" fmla="*/ 7264 w 10000"/>
                  <a:gd name="connsiteY131" fmla="*/ 8641 h 10000"/>
                  <a:gd name="connsiteX132" fmla="*/ 6949 w 10000"/>
                  <a:gd name="connsiteY132" fmla="*/ 8552 h 10000"/>
                  <a:gd name="connsiteX133" fmla="*/ 6659 w 10000"/>
                  <a:gd name="connsiteY133" fmla="*/ 8449 h 10000"/>
                  <a:gd name="connsiteX134" fmla="*/ 6368 w 10000"/>
                  <a:gd name="connsiteY134" fmla="*/ 8360 h 10000"/>
                  <a:gd name="connsiteX135" fmla="*/ 6077 w 10000"/>
                  <a:gd name="connsiteY135" fmla="*/ 8287 h 10000"/>
                  <a:gd name="connsiteX136" fmla="*/ 5956 w 10000"/>
                  <a:gd name="connsiteY136" fmla="*/ 8449 h 10000"/>
                  <a:gd name="connsiteX137" fmla="*/ 5860 w 10000"/>
                  <a:gd name="connsiteY137" fmla="*/ 8597 h 10000"/>
                  <a:gd name="connsiteX138" fmla="*/ 5811 w 10000"/>
                  <a:gd name="connsiteY138" fmla="*/ 8656 h 10000"/>
                  <a:gd name="connsiteX139" fmla="*/ 5714 w 10000"/>
                  <a:gd name="connsiteY139" fmla="*/ 8700 h 10000"/>
                  <a:gd name="connsiteX140" fmla="*/ 5642 w 10000"/>
                  <a:gd name="connsiteY140" fmla="*/ 8744 h 10000"/>
                  <a:gd name="connsiteX141" fmla="*/ 5569 w 10000"/>
                  <a:gd name="connsiteY141" fmla="*/ 8774 h 10000"/>
                  <a:gd name="connsiteX142" fmla="*/ 5496 w 10000"/>
                  <a:gd name="connsiteY142" fmla="*/ 8804 h 10000"/>
                  <a:gd name="connsiteX143" fmla="*/ 5400 w 10000"/>
                  <a:gd name="connsiteY143" fmla="*/ 8818 h 10000"/>
                  <a:gd name="connsiteX144" fmla="*/ 5278 w 10000"/>
                  <a:gd name="connsiteY144" fmla="*/ 8833 h 10000"/>
                  <a:gd name="connsiteX145" fmla="*/ 5157 w 10000"/>
                  <a:gd name="connsiteY145" fmla="*/ 8833 h 10000"/>
                  <a:gd name="connsiteX146" fmla="*/ 4867 w 10000"/>
                  <a:gd name="connsiteY146" fmla="*/ 8818 h 10000"/>
                  <a:gd name="connsiteX147" fmla="*/ 4504 w 10000"/>
                  <a:gd name="connsiteY147" fmla="*/ 8744 h 10000"/>
                  <a:gd name="connsiteX148" fmla="*/ 4504 w 10000"/>
                  <a:gd name="connsiteY148" fmla="*/ 8922 h 10000"/>
                  <a:gd name="connsiteX149" fmla="*/ 4479 w 10000"/>
                  <a:gd name="connsiteY149" fmla="*/ 9069 h 10000"/>
                  <a:gd name="connsiteX150" fmla="*/ 4455 w 10000"/>
                  <a:gd name="connsiteY150" fmla="*/ 9232 h 10000"/>
                  <a:gd name="connsiteX151" fmla="*/ 4431 w 10000"/>
                  <a:gd name="connsiteY151" fmla="*/ 9365 h 10000"/>
                  <a:gd name="connsiteX152" fmla="*/ 4383 w 10000"/>
                  <a:gd name="connsiteY152" fmla="*/ 9498 h 10000"/>
                  <a:gd name="connsiteX153" fmla="*/ 4286 w 10000"/>
                  <a:gd name="connsiteY153" fmla="*/ 9616 h 10000"/>
                  <a:gd name="connsiteX154" fmla="*/ 4213 w 10000"/>
                  <a:gd name="connsiteY154" fmla="*/ 9734 h 10000"/>
                  <a:gd name="connsiteX155" fmla="*/ 4092 w 10000"/>
                  <a:gd name="connsiteY155" fmla="*/ 9838 h 10000"/>
                  <a:gd name="connsiteX156" fmla="*/ 3801 w 10000"/>
                  <a:gd name="connsiteY156" fmla="*/ 9897 h 10000"/>
                  <a:gd name="connsiteX157" fmla="*/ 3559 w 10000"/>
                  <a:gd name="connsiteY157" fmla="*/ 9941 h 10000"/>
                  <a:gd name="connsiteX158" fmla="*/ 3269 w 10000"/>
                  <a:gd name="connsiteY158" fmla="*/ 9985 h 10000"/>
                  <a:gd name="connsiteX159" fmla="*/ 3051 w 10000"/>
                  <a:gd name="connsiteY159" fmla="*/ 10000 h 10000"/>
                  <a:gd name="connsiteX160" fmla="*/ 2567 w 10000"/>
                  <a:gd name="connsiteY160" fmla="*/ 10000 h 10000"/>
                  <a:gd name="connsiteX161" fmla="*/ 2107 w 10000"/>
                  <a:gd name="connsiteY161" fmla="*/ 9985 h 10000"/>
                  <a:gd name="connsiteX162" fmla="*/ 1671 w 10000"/>
                  <a:gd name="connsiteY162" fmla="*/ 9941 h 10000"/>
                  <a:gd name="connsiteX163" fmla="*/ 1211 w 10000"/>
                  <a:gd name="connsiteY163" fmla="*/ 9911 h 10000"/>
                  <a:gd name="connsiteX164" fmla="*/ 944 w 10000"/>
                  <a:gd name="connsiteY164" fmla="*/ 9911 h 10000"/>
                  <a:gd name="connsiteX165" fmla="*/ 702 w 10000"/>
                  <a:gd name="connsiteY165" fmla="*/ 9911 h 10000"/>
                  <a:gd name="connsiteX166" fmla="*/ 436 w 10000"/>
                  <a:gd name="connsiteY166" fmla="*/ 9926 h 10000"/>
                  <a:gd name="connsiteX167" fmla="*/ 169 w 10000"/>
                  <a:gd name="connsiteY167" fmla="*/ 9970 h 10000"/>
                  <a:gd name="connsiteX168" fmla="*/ 97 w 10000"/>
                  <a:gd name="connsiteY168" fmla="*/ 9867 h 10000"/>
                  <a:gd name="connsiteX169" fmla="*/ 48 w 10000"/>
                  <a:gd name="connsiteY169" fmla="*/ 9793 h 10000"/>
                  <a:gd name="connsiteX170" fmla="*/ 0 w 10000"/>
                  <a:gd name="connsiteY170" fmla="*/ 9705 h 10000"/>
                  <a:gd name="connsiteX171" fmla="*/ 0 w 10000"/>
                  <a:gd name="connsiteY171" fmla="*/ 9601 h 10000"/>
                  <a:gd name="connsiteX172" fmla="*/ 48 w 10000"/>
                  <a:gd name="connsiteY172" fmla="*/ 9424 h 10000"/>
                  <a:gd name="connsiteX173" fmla="*/ 97 w 10000"/>
                  <a:gd name="connsiteY173" fmla="*/ 9202 h 10000"/>
                  <a:gd name="connsiteX174" fmla="*/ 145 w 10000"/>
                  <a:gd name="connsiteY174" fmla="*/ 8996 h 10000"/>
                  <a:gd name="connsiteX175" fmla="*/ 194 w 10000"/>
                  <a:gd name="connsiteY175" fmla="*/ 8759 h 10000"/>
                  <a:gd name="connsiteX176" fmla="*/ 218 w 10000"/>
                  <a:gd name="connsiteY176" fmla="*/ 8641 h 10000"/>
                  <a:gd name="connsiteX177" fmla="*/ 218 w 10000"/>
                  <a:gd name="connsiteY177" fmla="*/ 8538 h 10000"/>
                  <a:gd name="connsiteX178" fmla="*/ 194 w 10000"/>
                  <a:gd name="connsiteY178" fmla="*/ 8405 h 10000"/>
                  <a:gd name="connsiteX179" fmla="*/ 169 w 10000"/>
                  <a:gd name="connsiteY179" fmla="*/ 8287 h 10000"/>
                  <a:gd name="connsiteX180" fmla="*/ 412 w 10000"/>
                  <a:gd name="connsiteY180" fmla="*/ 8213 h 10000"/>
                  <a:gd name="connsiteX181" fmla="*/ 654 w 10000"/>
                  <a:gd name="connsiteY181" fmla="*/ 8139 h 10000"/>
                  <a:gd name="connsiteX182" fmla="*/ 896 w 10000"/>
                  <a:gd name="connsiteY182" fmla="*/ 8095 h 10000"/>
                  <a:gd name="connsiteX183" fmla="*/ 1162 w 10000"/>
                  <a:gd name="connsiteY183" fmla="*/ 8065 h 10000"/>
                  <a:gd name="connsiteX184" fmla="*/ 1646 w 10000"/>
                  <a:gd name="connsiteY184" fmla="*/ 8021 h 10000"/>
                  <a:gd name="connsiteX185" fmla="*/ 2131 w 10000"/>
                  <a:gd name="connsiteY185" fmla="*/ 7976 h 10000"/>
                  <a:gd name="connsiteX186" fmla="*/ 2349 w 10000"/>
                  <a:gd name="connsiteY186" fmla="*/ 7947 h 10000"/>
                  <a:gd name="connsiteX187" fmla="*/ 2567 w 10000"/>
                  <a:gd name="connsiteY187" fmla="*/ 7917 h 10000"/>
                  <a:gd name="connsiteX188" fmla="*/ 2760 w 10000"/>
                  <a:gd name="connsiteY188" fmla="*/ 7843 h 10000"/>
                  <a:gd name="connsiteX189" fmla="*/ 2954 w 10000"/>
                  <a:gd name="connsiteY189" fmla="*/ 7784 h 10000"/>
                  <a:gd name="connsiteX190" fmla="*/ 3123 w 10000"/>
                  <a:gd name="connsiteY190" fmla="*/ 7710 h 10000"/>
                  <a:gd name="connsiteX191" fmla="*/ 3269 w 10000"/>
                  <a:gd name="connsiteY191" fmla="*/ 7592 h 10000"/>
                  <a:gd name="connsiteX192" fmla="*/ 3414 w 10000"/>
                  <a:gd name="connsiteY192" fmla="*/ 7474 h 10000"/>
                  <a:gd name="connsiteX193" fmla="*/ 3511 w 10000"/>
                  <a:gd name="connsiteY193" fmla="*/ 7312 h 10000"/>
                  <a:gd name="connsiteX194" fmla="*/ 3317 w 10000"/>
                  <a:gd name="connsiteY194" fmla="*/ 7238 h 10000"/>
                  <a:gd name="connsiteX195" fmla="*/ 3148 w 10000"/>
                  <a:gd name="connsiteY195" fmla="*/ 7179 h 10000"/>
                  <a:gd name="connsiteX196" fmla="*/ 3002 w 10000"/>
                  <a:gd name="connsiteY196" fmla="*/ 7090 h 10000"/>
                  <a:gd name="connsiteX197" fmla="*/ 2857 w 10000"/>
                  <a:gd name="connsiteY197" fmla="*/ 6987 h 10000"/>
                  <a:gd name="connsiteX198" fmla="*/ 2760 w 10000"/>
                  <a:gd name="connsiteY198" fmla="*/ 6869 h 10000"/>
                  <a:gd name="connsiteX199" fmla="*/ 2712 w 10000"/>
                  <a:gd name="connsiteY199" fmla="*/ 6721 h 10000"/>
                  <a:gd name="connsiteX200" fmla="*/ 2688 w 10000"/>
                  <a:gd name="connsiteY200" fmla="*/ 6558 h 10000"/>
                  <a:gd name="connsiteX201" fmla="*/ 2712 w 10000"/>
                  <a:gd name="connsiteY201" fmla="*/ 6352 h 10000"/>
                  <a:gd name="connsiteX202" fmla="*/ 2591 w 10000"/>
                  <a:gd name="connsiteY202" fmla="*/ 6322 h 10000"/>
                  <a:gd name="connsiteX203" fmla="*/ 2446 w 10000"/>
                  <a:gd name="connsiteY203" fmla="*/ 6292 h 10000"/>
                  <a:gd name="connsiteX204" fmla="*/ 2276 w 10000"/>
                  <a:gd name="connsiteY204" fmla="*/ 6278 h 10000"/>
                  <a:gd name="connsiteX205" fmla="*/ 2107 w 10000"/>
                  <a:gd name="connsiteY205" fmla="*/ 6263 h 10000"/>
                  <a:gd name="connsiteX206" fmla="*/ 1768 w 10000"/>
                  <a:gd name="connsiteY206" fmla="*/ 6248 h 10000"/>
                  <a:gd name="connsiteX207" fmla="*/ 1404 w 10000"/>
                  <a:gd name="connsiteY207" fmla="*/ 6263 h 10000"/>
                  <a:gd name="connsiteX208" fmla="*/ 1090 w 10000"/>
                  <a:gd name="connsiteY208" fmla="*/ 6278 h 10000"/>
                  <a:gd name="connsiteX209" fmla="*/ 799 w 10000"/>
                  <a:gd name="connsiteY209" fmla="*/ 6278 h 10000"/>
                  <a:gd name="connsiteX210" fmla="*/ 557 w 10000"/>
                  <a:gd name="connsiteY210" fmla="*/ 6263 h 10000"/>
                  <a:gd name="connsiteX211" fmla="*/ 363 w 10000"/>
                  <a:gd name="connsiteY211" fmla="*/ 6233 h 10000"/>
                  <a:gd name="connsiteX212" fmla="*/ 605 w 10000"/>
                  <a:gd name="connsiteY212" fmla="*/ 5805 h 10000"/>
                  <a:gd name="connsiteX213" fmla="*/ 872 w 10000"/>
                  <a:gd name="connsiteY213" fmla="*/ 5391 h 10000"/>
                  <a:gd name="connsiteX214" fmla="*/ 969 w 10000"/>
                  <a:gd name="connsiteY214" fmla="*/ 5170 h 10000"/>
                  <a:gd name="connsiteX215" fmla="*/ 1041 w 10000"/>
                  <a:gd name="connsiteY215" fmla="*/ 4963 h 10000"/>
                  <a:gd name="connsiteX216" fmla="*/ 1065 w 10000"/>
                  <a:gd name="connsiteY216" fmla="*/ 4860 h 10000"/>
                  <a:gd name="connsiteX217" fmla="*/ 1041 w 10000"/>
                  <a:gd name="connsiteY217" fmla="*/ 4756 h 10000"/>
                  <a:gd name="connsiteX218" fmla="*/ 1017 w 10000"/>
                  <a:gd name="connsiteY218" fmla="*/ 4653 h 10000"/>
                  <a:gd name="connsiteX219" fmla="*/ 944 w 10000"/>
                  <a:gd name="connsiteY219" fmla="*/ 4549 h 10000"/>
                  <a:gd name="connsiteX220" fmla="*/ 1211 w 10000"/>
                  <a:gd name="connsiteY220" fmla="*/ 4520 h 10000"/>
                  <a:gd name="connsiteX221" fmla="*/ 1404 w 10000"/>
                  <a:gd name="connsiteY221" fmla="*/ 4505 h 10000"/>
                  <a:gd name="connsiteX222" fmla="*/ 1574 w 10000"/>
                  <a:gd name="connsiteY222" fmla="*/ 4505 h 10000"/>
                  <a:gd name="connsiteX223" fmla="*/ 1719 w 10000"/>
                  <a:gd name="connsiteY223" fmla="*/ 4520 h 10000"/>
                  <a:gd name="connsiteX224" fmla="*/ 1840 w 10000"/>
                  <a:gd name="connsiteY224" fmla="*/ 4520 h 10000"/>
                  <a:gd name="connsiteX225" fmla="*/ 1985 w 10000"/>
                  <a:gd name="connsiteY225" fmla="*/ 4520 h 10000"/>
                  <a:gd name="connsiteX226" fmla="*/ 2131 w 10000"/>
                  <a:gd name="connsiteY226" fmla="*/ 4490 h 10000"/>
                  <a:gd name="connsiteX227" fmla="*/ 2324 w 10000"/>
                  <a:gd name="connsiteY227" fmla="*/ 4446 h 10000"/>
                  <a:gd name="connsiteX228" fmla="*/ 2324 w 10000"/>
                  <a:gd name="connsiteY228" fmla="*/ 4579 h 10000"/>
                  <a:gd name="connsiteX229" fmla="*/ 2324 w 10000"/>
                  <a:gd name="connsiteY229" fmla="*/ 4742 h 10000"/>
                  <a:gd name="connsiteX230" fmla="*/ 2324 w 10000"/>
                  <a:gd name="connsiteY230" fmla="*/ 4874 h 10000"/>
                  <a:gd name="connsiteX231" fmla="*/ 2324 w 10000"/>
                  <a:gd name="connsiteY231" fmla="*/ 5037 h 10000"/>
                  <a:gd name="connsiteX232" fmla="*/ 2542 w 10000"/>
                  <a:gd name="connsiteY232" fmla="*/ 5022 h 10000"/>
                  <a:gd name="connsiteX233" fmla="*/ 2688 w 10000"/>
                  <a:gd name="connsiteY233" fmla="*/ 5037 h 10000"/>
                  <a:gd name="connsiteX234" fmla="*/ 2809 w 10000"/>
                  <a:gd name="connsiteY234" fmla="*/ 5066 h 10000"/>
                  <a:gd name="connsiteX235" fmla="*/ 2930 w 10000"/>
                  <a:gd name="connsiteY235" fmla="*/ 5096 h 10000"/>
                  <a:gd name="connsiteX236" fmla="*/ 3027 w 10000"/>
                  <a:gd name="connsiteY236" fmla="*/ 5126 h 10000"/>
                  <a:gd name="connsiteX237" fmla="*/ 3148 w 10000"/>
                  <a:gd name="connsiteY237" fmla="*/ 5155 h 10000"/>
                  <a:gd name="connsiteX238" fmla="*/ 3293 w 10000"/>
                  <a:gd name="connsiteY238" fmla="*/ 5170 h 10000"/>
                  <a:gd name="connsiteX239" fmla="*/ 3511 w 10000"/>
                  <a:gd name="connsiteY239" fmla="*/ 5155 h 10000"/>
                  <a:gd name="connsiteX240" fmla="*/ 3584 w 10000"/>
                  <a:gd name="connsiteY240" fmla="*/ 5096 h 10000"/>
                  <a:gd name="connsiteX241" fmla="*/ 3656 w 10000"/>
                  <a:gd name="connsiteY241" fmla="*/ 5022 h 10000"/>
                  <a:gd name="connsiteX242" fmla="*/ 3680 w 10000"/>
                  <a:gd name="connsiteY242" fmla="*/ 4934 h 10000"/>
                  <a:gd name="connsiteX243" fmla="*/ 3705 w 10000"/>
                  <a:gd name="connsiteY243" fmla="*/ 4860 h 10000"/>
                  <a:gd name="connsiteX244" fmla="*/ 3729 w 10000"/>
                  <a:gd name="connsiteY244" fmla="*/ 4697 h 10000"/>
                  <a:gd name="connsiteX245" fmla="*/ 3705 w 10000"/>
                  <a:gd name="connsiteY245" fmla="*/ 4520 h 10000"/>
                  <a:gd name="connsiteX246" fmla="*/ 3632 w 10000"/>
                  <a:gd name="connsiteY246" fmla="*/ 4343 h 10000"/>
                  <a:gd name="connsiteX247" fmla="*/ 3559 w 10000"/>
                  <a:gd name="connsiteY247" fmla="*/ 4195 h 10000"/>
                  <a:gd name="connsiteX248" fmla="*/ 3438 w 10000"/>
                  <a:gd name="connsiteY248" fmla="*/ 4047 h 10000"/>
                  <a:gd name="connsiteX249" fmla="*/ 3317 w 10000"/>
                  <a:gd name="connsiteY249" fmla="*/ 3959 h 10000"/>
                  <a:gd name="connsiteX250" fmla="*/ 3462 w 10000"/>
                  <a:gd name="connsiteY250" fmla="*/ 3944 h 10000"/>
                  <a:gd name="connsiteX251" fmla="*/ 3584 w 10000"/>
                  <a:gd name="connsiteY251" fmla="*/ 3914 h 10000"/>
                  <a:gd name="connsiteX252" fmla="*/ 3680 w 10000"/>
                  <a:gd name="connsiteY252" fmla="*/ 3855 h 10000"/>
                  <a:gd name="connsiteX253" fmla="*/ 3801 w 10000"/>
                  <a:gd name="connsiteY253" fmla="*/ 3752 h 10000"/>
                  <a:gd name="connsiteX254" fmla="*/ 3923 w 10000"/>
                  <a:gd name="connsiteY254" fmla="*/ 3663 h 10000"/>
                  <a:gd name="connsiteX255" fmla="*/ 4019 w 10000"/>
                  <a:gd name="connsiteY255" fmla="*/ 3560 h 10000"/>
                  <a:gd name="connsiteX256" fmla="*/ 4092 w 10000"/>
                  <a:gd name="connsiteY256" fmla="*/ 3442 h 10000"/>
                  <a:gd name="connsiteX257" fmla="*/ 4165 w 10000"/>
                  <a:gd name="connsiteY257" fmla="*/ 3323 h 10000"/>
                  <a:gd name="connsiteX258" fmla="*/ 4213 w 10000"/>
                  <a:gd name="connsiteY258" fmla="*/ 3220 h 10000"/>
                  <a:gd name="connsiteX259" fmla="*/ 4237 w 10000"/>
                  <a:gd name="connsiteY259" fmla="*/ 3102 h 10000"/>
                  <a:gd name="connsiteX260" fmla="*/ 4262 w 10000"/>
                  <a:gd name="connsiteY260" fmla="*/ 3013 h 10000"/>
                  <a:gd name="connsiteX261" fmla="*/ 4237 w 10000"/>
                  <a:gd name="connsiteY261" fmla="*/ 2939 h 10000"/>
                  <a:gd name="connsiteX262" fmla="*/ 4213 w 10000"/>
                  <a:gd name="connsiteY262" fmla="*/ 2866 h 10000"/>
                  <a:gd name="connsiteX263" fmla="*/ 4140 w 10000"/>
                  <a:gd name="connsiteY263" fmla="*/ 2836 h 10000"/>
                  <a:gd name="connsiteX264" fmla="*/ 4044 w 10000"/>
                  <a:gd name="connsiteY264" fmla="*/ 2836 h 10000"/>
                  <a:gd name="connsiteX265" fmla="*/ 3923 w 10000"/>
                  <a:gd name="connsiteY265" fmla="*/ 2866 h 10000"/>
                  <a:gd name="connsiteX266" fmla="*/ 4019 w 10000"/>
                  <a:gd name="connsiteY266" fmla="*/ 2777 h 10000"/>
                  <a:gd name="connsiteX267" fmla="*/ 4068 w 10000"/>
                  <a:gd name="connsiteY267" fmla="*/ 2674 h 10000"/>
                  <a:gd name="connsiteX268" fmla="*/ 4092 w 10000"/>
                  <a:gd name="connsiteY268" fmla="*/ 2541 h 10000"/>
                  <a:gd name="connsiteX269" fmla="*/ 4092 w 10000"/>
                  <a:gd name="connsiteY269" fmla="*/ 2393 h 10000"/>
                  <a:gd name="connsiteX270" fmla="*/ 4116 w 10000"/>
                  <a:gd name="connsiteY270" fmla="*/ 2349 h 10000"/>
                  <a:gd name="connsiteX271" fmla="*/ 4165 w 10000"/>
                  <a:gd name="connsiteY271" fmla="*/ 2304 h 10000"/>
                  <a:gd name="connsiteX272" fmla="*/ 4213 w 10000"/>
                  <a:gd name="connsiteY272" fmla="*/ 2290 h 10000"/>
                  <a:gd name="connsiteX273" fmla="*/ 4286 w 10000"/>
                  <a:gd name="connsiteY273" fmla="*/ 2275 h 10000"/>
                  <a:gd name="connsiteX274" fmla="*/ 4504 w 10000"/>
                  <a:gd name="connsiteY274" fmla="*/ 2260 h 10000"/>
                  <a:gd name="connsiteX275" fmla="*/ 4697 w 10000"/>
                  <a:gd name="connsiteY275" fmla="*/ 2275 h 10000"/>
                  <a:gd name="connsiteX276" fmla="*/ 4673 w 10000"/>
                  <a:gd name="connsiteY276" fmla="*/ 2112 h 10000"/>
                  <a:gd name="connsiteX277" fmla="*/ 4625 w 10000"/>
                  <a:gd name="connsiteY277" fmla="*/ 1950 h 10000"/>
                  <a:gd name="connsiteX278" fmla="*/ 4552 w 10000"/>
                  <a:gd name="connsiteY278" fmla="*/ 1802 h 10000"/>
                  <a:gd name="connsiteX279" fmla="*/ 4455 w 10000"/>
                  <a:gd name="connsiteY279" fmla="*/ 1640 h 10000"/>
                  <a:gd name="connsiteX280" fmla="*/ 4213 w 10000"/>
                  <a:gd name="connsiteY280" fmla="*/ 1329 h 10000"/>
                  <a:gd name="connsiteX281" fmla="*/ 3971 w 10000"/>
                  <a:gd name="connsiteY281" fmla="*/ 1034 h 10000"/>
                  <a:gd name="connsiteX282" fmla="*/ 3850 w 10000"/>
                  <a:gd name="connsiteY282" fmla="*/ 901 h 10000"/>
                  <a:gd name="connsiteX283" fmla="*/ 3753 w 10000"/>
                  <a:gd name="connsiteY283" fmla="*/ 753 h 10000"/>
                  <a:gd name="connsiteX284" fmla="*/ 3680 w 10000"/>
                  <a:gd name="connsiteY284" fmla="*/ 620 h 10000"/>
                  <a:gd name="connsiteX285" fmla="*/ 3656 w 10000"/>
                  <a:gd name="connsiteY285" fmla="*/ 487 h 10000"/>
                  <a:gd name="connsiteX286" fmla="*/ 3632 w 10000"/>
                  <a:gd name="connsiteY286" fmla="*/ 355 h 10000"/>
                  <a:gd name="connsiteX287" fmla="*/ 3680 w 10000"/>
                  <a:gd name="connsiteY287" fmla="*/ 222 h 10000"/>
                  <a:gd name="connsiteX288" fmla="*/ 3705 w 10000"/>
                  <a:gd name="connsiteY288" fmla="*/ 162 h 10000"/>
                  <a:gd name="connsiteX289" fmla="*/ 3753 w 10000"/>
                  <a:gd name="connsiteY289" fmla="*/ 103 h 10000"/>
                  <a:gd name="connsiteX290" fmla="*/ 3826 w 10000"/>
                  <a:gd name="connsiteY290" fmla="*/ 59 h 10000"/>
                  <a:gd name="connsiteX291" fmla="*/ 3923 w 10000"/>
                  <a:gd name="connsiteY291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6852 w 10000"/>
                  <a:gd name="connsiteY62" fmla="*/ 4313 h 10000"/>
                  <a:gd name="connsiteX63" fmla="*/ 6852 w 10000"/>
                  <a:gd name="connsiteY63" fmla="*/ 4431 h 10000"/>
                  <a:gd name="connsiteX64" fmla="*/ 6852 w 10000"/>
                  <a:gd name="connsiteY64" fmla="*/ 4549 h 10000"/>
                  <a:gd name="connsiteX65" fmla="*/ 6804 w 10000"/>
                  <a:gd name="connsiteY65" fmla="*/ 4564 h 10000"/>
                  <a:gd name="connsiteX66" fmla="*/ 6731 w 10000"/>
                  <a:gd name="connsiteY66" fmla="*/ 4594 h 10000"/>
                  <a:gd name="connsiteX67" fmla="*/ 6683 w 10000"/>
                  <a:gd name="connsiteY67" fmla="*/ 4638 h 10000"/>
                  <a:gd name="connsiteX68" fmla="*/ 6683 w 10000"/>
                  <a:gd name="connsiteY68" fmla="*/ 4697 h 10000"/>
                  <a:gd name="connsiteX69" fmla="*/ 6659 w 10000"/>
                  <a:gd name="connsiteY69" fmla="*/ 4801 h 10000"/>
                  <a:gd name="connsiteX70" fmla="*/ 6659 w 10000"/>
                  <a:gd name="connsiteY70" fmla="*/ 4904 h 10000"/>
                  <a:gd name="connsiteX71" fmla="*/ 6538 w 10000"/>
                  <a:gd name="connsiteY71" fmla="*/ 4860 h 10000"/>
                  <a:gd name="connsiteX72" fmla="*/ 6465 w 10000"/>
                  <a:gd name="connsiteY72" fmla="*/ 4801 h 10000"/>
                  <a:gd name="connsiteX73" fmla="*/ 6392 w 10000"/>
                  <a:gd name="connsiteY73" fmla="*/ 4727 h 10000"/>
                  <a:gd name="connsiteX74" fmla="*/ 6320 w 10000"/>
                  <a:gd name="connsiteY74" fmla="*/ 4638 h 10000"/>
                  <a:gd name="connsiteX75" fmla="*/ 6199 w 10000"/>
                  <a:gd name="connsiteY75" fmla="*/ 4476 h 10000"/>
                  <a:gd name="connsiteX76" fmla="*/ 6077 w 10000"/>
                  <a:gd name="connsiteY76" fmla="*/ 4313 h 10000"/>
                  <a:gd name="connsiteX77" fmla="*/ 6223 w 10000"/>
                  <a:gd name="connsiteY77" fmla="*/ 4210 h 10000"/>
                  <a:gd name="connsiteX78" fmla="*/ 6416 w 10000"/>
                  <a:gd name="connsiteY78" fmla="*/ 4121 h 10000"/>
                  <a:gd name="connsiteX79" fmla="*/ 6634 w 10000"/>
                  <a:gd name="connsiteY79" fmla="*/ 4032 h 10000"/>
                  <a:gd name="connsiteX80" fmla="*/ 6877 w 10000"/>
                  <a:gd name="connsiteY80" fmla="*/ 3959 h 10000"/>
                  <a:gd name="connsiteX81" fmla="*/ 7385 w 10000"/>
                  <a:gd name="connsiteY81" fmla="*/ 3811 h 10000"/>
                  <a:gd name="connsiteX82" fmla="*/ 7893 w 10000"/>
                  <a:gd name="connsiteY82" fmla="*/ 3663 h 10000"/>
                  <a:gd name="connsiteX83" fmla="*/ 8136 w 10000"/>
                  <a:gd name="connsiteY83" fmla="*/ 3589 h 10000"/>
                  <a:gd name="connsiteX84" fmla="*/ 8378 w 10000"/>
                  <a:gd name="connsiteY84" fmla="*/ 3516 h 10000"/>
                  <a:gd name="connsiteX85" fmla="*/ 8571 w 10000"/>
                  <a:gd name="connsiteY85" fmla="*/ 3412 h 10000"/>
                  <a:gd name="connsiteX86" fmla="*/ 8765 w 10000"/>
                  <a:gd name="connsiteY86" fmla="*/ 3338 h 10000"/>
                  <a:gd name="connsiteX87" fmla="*/ 8886 w 10000"/>
                  <a:gd name="connsiteY87" fmla="*/ 3235 h 10000"/>
                  <a:gd name="connsiteX88" fmla="*/ 8983 w 10000"/>
                  <a:gd name="connsiteY88" fmla="*/ 3117 h 10000"/>
                  <a:gd name="connsiteX89" fmla="*/ 9007 w 10000"/>
                  <a:gd name="connsiteY89" fmla="*/ 3072 h 10000"/>
                  <a:gd name="connsiteX90" fmla="*/ 9031 w 10000"/>
                  <a:gd name="connsiteY90" fmla="*/ 3013 h 10000"/>
                  <a:gd name="connsiteX91" fmla="*/ 9031 w 10000"/>
                  <a:gd name="connsiteY91" fmla="*/ 2954 h 10000"/>
                  <a:gd name="connsiteX92" fmla="*/ 9007 w 10000"/>
                  <a:gd name="connsiteY92" fmla="*/ 2866 h 10000"/>
                  <a:gd name="connsiteX93" fmla="*/ 8838 w 10000"/>
                  <a:gd name="connsiteY93" fmla="*/ 2984 h 10000"/>
                  <a:gd name="connsiteX94" fmla="*/ 8644 w 10000"/>
                  <a:gd name="connsiteY94" fmla="*/ 3072 h 10000"/>
                  <a:gd name="connsiteX95" fmla="*/ 8450 w 10000"/>
                  <a:gd name="connsiteY95" fmla="*/ 3161 h 10000"/>
                  <a:gd name="connsiteX96" fmla="*/ 8257 w 10000"/>
                  <a:gd name="connsiteY96" fmla="*/ 3250 h 10000"/>
                  <a:gd name="connsiteX97" fmla="*/ 7821 w 10000"/>
                  <a:gd name="connsiteY97" fmla="*/ 3397 h 10000"/>
                  <a:gd name="connsiteX98" fmla="*/ 7361 w 10000"/>
                  <a:gd name="connsiteY98" fmla="*/ 3545 h 10000"/>
                  <a:gd name="connsiteX99" fmla="*/ 6901 w 10000"/>
                  <a:gd name="connsiteY99" fmla="*/ 3678 h 10000"/>
                  <a:gd name="connsiteX100" fmla="*/ 6465 w 10000"/>
                  <a:gd name="connsiteY100" fmla="*/ 3840 h 10000"/>
                  <a:gd name="connsiteX101" fmla="*/ 6247 w 10000"/>
                  <a:gd name="connsiteY101" fmla="*/ 3914 h 10000"/>
                  <a:gd name="connsiteX102" fmla="*/ 6053 w 10000"/>
                  <a:gd name="connsiteY102" fmla="*/ 4003 h 10000"/>
                  <a:gd name="connsiteX103" fmla="*/ 5860 w 10000"/>
                  <a:gd name="connsiteY103" fmla="*/ 4106 h 10000"/>
                  <a:gd name="connsiteX104" fmla="*/ 5666 w 10000"/>
                  <a:gd name="connsiteY104" fmla="*/ 4195 h 10000"/>
                  <a:gd name="connsiteX105" fmla="*/ 5811 w 10000"/>
                  <a:gd name="connsiteY105" fmla="*/ 4417 h 10000"/>
                  <a:gd name="connsiteX106" fmla="*/ 5908 w 10000"/>
                  <a:gd name="connsiteY106" fmla="*/ 4623 h 10000"/>
                  <a:gd name="connsiteX107" fmla="*/ 6005 w 10000"/>
                  <a:gd name="connsiteY107" fmla="*/ 4845 h 10000"/>
                  <a:gd name="connsiteX108" fmla="*/ 6077 w 10000"/>
                  <a:gd name="connsiteY108" fmla="*/ 5081 h 10000"/>
                  <a:gd name="connsiteX109" fmla="*/ 6126 w 10000"/>
                  <a:gd name="connsiteY109" fmla="*/ 5318 h 10000"/>
                  <a:gd name="connsiteX110" fmla="*/ 6150 w 10000"/>
                  <a:gd name="connsiteY110" fmla="*/ 5539 h 10000"/>
                  <a:gd name="connsiteX111" fmla="*/ 6174 w 10000"/>
                  <a:gd name="connsiteY111" fmla="*/ 5775 h 10000"/>
                  <a:gd name="connsiteX112" fmla="*/ 6174 w 10000"/>
                  <a:gd name="connsiteY112" fmla="*/ 5997 h 10000"/>
                  <a:gd name="connsiteX113" fmla="*/ 6150 w 10000"/>
                  <a:gd name="connsiteY113" fmla="*/ 6233 h 10000"/>
                  <a:gd name="connsiteX114" fmla="*/ 6102 w 10000"/>
                  <a:gd name="connsiteY114" fmla="*/ 6470 h 10000"/>
                  <a:gd name="connsiteX115" fmla="*/ 6053 w 10000"/>
                  <a:gd name="connsiteY115" fmla="*/ 6677 h 10000"/>
                  <a:gd name="connsiteX116" fmla="*/ 5981 w 10000"/>
                  <a:gd name="connsiteY116" fmla="*/ 6898 h 10000"/>
                  <a:gd name="connsiteX117" fmla="*/ 5884 w 10000"/>
                  <a:gd name="connsiteY117" fmla="*/ 7105 h 10000"/>
                  <a:gd name="connsiteX118" fmla="*/ 5763 w 10000"/>
                  <a:gd name="connsiteY118" fmla="*/ 7297 h 10000"/>
                  <a:gd name="connsiteX119" fmla="*/ 5617 w 10000"/>
                  <a:gd name="connsiteY119" fmla="*/ 7489 h 10000"/>
                  <a:gd name="connsiteX120" fmla="*/ 5472 w 10000"/>
                  <a:gd name="connsiteY120" fmla="*/ 7681 h 10000"/>
                  <a:gd name="connsiteX121" fmla="*/ 6174 w 10000"/>
                  <a:gd name="connsiteY121" fmla="*/ 7799 h 10000"/>
                  <a:gd name="connsiteX122" fmla="*/ 6901 w 10000"/>
                  <a:gd name="connsiteY122" fmla="*/ 7962 h 10000"/>
                  <a:gd name="connsiteX123" fmla="*/ 7046 w 10000"/>
                  <a:gd name="connsiteY123" fmla="*/ 8021 h 10000"/>
                  <a:gd name="connsiteX124" fmla="*/ 7167 w 10000"/>
                  <a:gd name="connsiteY124" fmla="*/ 8080 h 10000"/>
                  <a:gd name="connsiteX125" fmla="*/ 7288 w 10000"/>
                  <a:gd name="connsiteY125" fmla="*/ 8139 h 10000"/>
                  <a:gd name="connsiteX126" fmla="*/ 7361 w 10000"/>
                  <a:gd name="connsiteY126" fmla="*/ 8227 h 10000"/>
                  <a:gd name="connsiteX127" fmla="*/ 7385 w 10000"/>
                  <a:gd name="connsiteY127" fmla="*/ 8301 h 10000"/>
                  <a:gd name="connsiteX128" fmla="*/ 7385 w 10000"/>
                  <a:gd name="connsiteY128" fmla="*/ 8405 h 10000"/>
                  <a:gd name="connsiteX129" fmla="*/ 7337 w 10000"/>
                  <a:gd name="connsiteY129" fmla="*/ 8523 h 10000"/>
                  <a:gd name="connsiteX130" fmla="*/ 7264 w 10000"/>
                  <a:gd name="connsiteY130" fmla="*/ 8641 h 10000"/>
                  <a:gd name="connsiteX131" fmla="*/ 6949 w 10000"/>
                  <a:gd name="connsiteY131" fmla="*/ 8552 h 10000"/>
                  <a:gd name="connsiteX132" fmla="*/ 6659 w 10000"/>
                  <a:gd name="connsiteY132" fmla="*/ 8449 h 10000"/>
                  <a:gd name="connsiteX133" fmla="*/ 6368 w 10000"/>
                  <a:gd name="connsiteY133" fmla="*/ 8360 h 10000"/>
                  <a:gd name="connsiteX134" fmla="*/ 6077 w 10000"/>
                  <a:gd name="connsiteY134" fmla="*/ 8287 h 10000"/>
                  <a:gd name="connsiteX135" fmla="*/ 5956 w 10000"/>
                  <a:gd name="connsiteY135" fmla="*/ 8449 h 10000"/>
                  <a:gd name="connsiteX136" fmla="*/ 5860 w 10000"/>
                  <a:gd name="connsiteY136" fmla="*/ 8597 h 10000"/>
                  <a:gd name="connsiteX137" fmla="*/ 5811 w 10000"/>
                  <a:gd name="connsiteY137" fmla="*/ 8656 h 10000"/>
                  <a:gd name="connsiteX138" fmla="*/ 5714 w 10000"/>
                  <a:gd name="connsiteY138" fmla="*/ 8700 h 10000"/>
                  <a:gd name="connsiteX139" fmla="*/ 5642 w 10000"/>
                  <a:gd name="connsiteY139" fmla="*/ 8744 h 10000"/>
                  <a:gd name="connsiteX140" fmla="*/ 5569 w 10000"/>
                  <a:gd name="connsiteY140" fmla="*/ 8774 h 10000"/>
                  <a:gd name="connsiteX141" fmla="*/ 5496 w 10000"/>
                  <a:gd name="connsiteY141" fmla="*/ 8804 h 10000"/>
                  <a:gd name="connsiteX142" fmla="*/ 5400 w 10000"/>
                  <a:gd name="connsiteY142" fmla="*/ 8818 h 10000"/>
                  <a:gd name="connsiteX143" fmla="*/ 5278 w 10000"/>
                  <a:gd name="connsiteY143" fmla="*/ 8833 h 10000"/>
                  <a:gd name="connsiteX144" fmla="*/ 5157 w 10000"/>
                  <a:gd name="connsiteY144" fmla="*/ 8833 h 10000"/>
                  <a:gd name="connsiteX145" fmla="*/ 4867 w 10000"/>
                  <a:gd name="connsiteY145" fmla="*/ 8818 h 10000"/>
                  <a:gd name="connsiteX146" fmla="*/ 4504 w 10000"/>
                  <a:gd name="connsiteY146" fmla="*/ 8744 h 10000"/>
                  <a:gd name="connsiteX147" fmla="*/ 4504 w 10000"/>
                  <a:gd name="connsiteY147" fmla="*/ 8922 h 10000"/>
                  <a:gd name="connsiteX148" fmla="*/ 4479 w 10000"/>
                  <a:gd name="connsiteY148" fmla="*/ 9069 h 10000"/>
                  <a:gd name="connsiteX149" fmla="*/ 4455 w 10000"/>
                  <a:gd name="connsiteY149" fmla="*/ 9232 h 10000"/>
                  <a:gd name="connsiteX150" fmla="*/ 4431 w 10000"/>
                  <a:gd name="connsiteY150" fmla="*/ 9365 h 10000"/>
                  <a:gd name="connsiteX151" fmla="*/ 4383 w 10000"/>
                  <a:gd name="connsiteY151" fmla="*/ 9498 h 10000"/>
                  <a:gd name="connsiteX152" fmla="*/ 4286 w 10000"/>
                  <a:gd name="connsiteY152" fmla="*/ 9616 h 10000"/>
                  <a:gd name="connsiteX153" fmla="*/ 4213 w 10000"/>
                  <a:gd name="connsiteY153" fmla="*/ 9734 h 10000"/>
                  <a:gd name="connsiteX154" fmla="*/ 4092 w 10000"/>
                  <a:gd name="connsiteY154" fmla="*/ 9838 h 10000"/>
                  <a:gd name="connsiteX155" fmla="*/ 3801 w 10000"/>
                  <a:gd name="connsiteY155" fmla="*/ 9897 h 10000"/>
                  <a:gd name="connsiteX156" fmla="*/ 3559 w 10000"/>
                  <a:gd name="connsiteY156" fmla="*/ 9941 h 10000"/>
                  <a:gd name="connsiteX157" fmla="*/ 3269 w 10000"/>
                  <a:gd name="connsiteY157" fmla="*/ 9985 h 10000"/>
                  <a:gd name="connsiteX158" fmla="*/ 3051 w 10000"/>
                  <a:gd name="connsiteY158" fmla="*/ 10000 h 10000"/>
                  <a:gd name="connsiteX159" fmla="*/ 2567 w 10000"/>
                  <a:gd name="connsiteY159" fmla="*/ 10000 h 10000"/>
                  <a:gd name="connsiteX160" fmla="*/ 2107 w 10000"/>
                  <a:gd name="connsiteY160" fmla="*/ 9985 h 10000"/>
                  <a:gd name="connsiteX161" fmla="*/ 1671 w 10000"/>
                  <a:gd name="connsiteY161" fmla="*/ 9941 h 10000"/>
                  <a:gd name="connsiteX162" fmla="*/ 1211 w 10000"/>
                  <a:gd name="connsiteY162" fmla="*/ 9911 h 10000"/>
                  <a:gd name="connsiteX163" fmla="*/ 944 w 10000"/>
                  <a:gd name="connsiteY163" fmla="*/ 9911 h 10000"/>
                  <a:gd name="connsiteX164" fmla="*/ 702 w 10000"/>
                  <a:gd name="connsiteY164" fmla="*/ 9911 h 10000"/>
                  <a:gd name="connsiteX165" fmla="*/ 436 w 10000"/>
                  <a:gd name="connsiteY165" fmla="*/ 9926 h 10000"/>
                  <a:gd name="connsiteX166" fmla="*/ 169 w 10000"/>
                  <a:gd name="connsiteY166" fmla="*/ 9970 h 10000"/>
                  <a:gd name="connsiteX167" fmla="*/ 97 w 10000"/>
                  <a:gd name="connsiteY167" fmla="*/ 9867 h 10000"/>
                  <a:gd name="connsiteX168" fmla="*/ 48 w 10000"/>
                  <a:gd name="connsiteY168" fmla="*/ 9793 h 10000"/>
                  <a:gd name="connsiteX169" fmla="*/ 0 w 10000"/>
                  <a:gd name="connsiteY169" fmla="*/ 9705 h 10000"/>
                  <a:gd name="connsiteX170" fmla="*/ 0 w 10000"/>
                  <a:gd name="connsiteY170" fmla="*/ 9601 h 10000"/>
                  <a:gd name="connsiteX171" fmla="*/ 48 w 10000"/>
                  <a:gd name="connsiteY171" fmla="*/ 9424 h 10000"/>
                  <a:gd name="connsiteX172" fmla="*/ 97 w 10000"/>
                  <a:gd name="connsiteY172" fmla="*/ 9202 h 10000"/>
                  <a:gd name="connsiteX173" fmla="*/ 145 w 10000"/>
                  <a:gd name="connsiteY173" fmla="*/ 8996 h 10000"/>
                  <a:gd name="connsiteX174" fmla="*/ 194 w 10000"/>
                  <a:gd name="connsiteY174" fmla="*/ 8759 h 10000"/>
                  <a:gd name="connsiteX175" fmla="*/ 218 w 10000"/>
                  <a:gd name="connsiteY175" fmla="*/ 8641 h 10000"/>
                  <a:gd name="connsiteX176" fmla="*/ 218 w 10000"/>
                  <a:gd name="connsiteY176" fmla="*/ 8538 h 10000"/>
                  <a:gd name="connsiteX177" fmla="*/ 194 w 10000"/>
                  <a:gd name="connsiteY177" fmla="*/ 8405 h 10000"/>
                  <a:gd name="connsiteX178" fmla="*/ 169 w 10000"/>
                  <a:gd name="connsiteY178" fmla="*/ 8287 h 10000"/>
                  <a:gd name="connsiteX179" fmla="*/ 412 w 10000"/>
                  <a:gd name="connsiteY179" fmla="*/ 8213 h 10000"/>
                  <a:gd name="connsiteX180" fmla="*/ 654 w 10000"/>
                  <a:gd name="connsiteY180" fmla="*/ 8139 h 10000"/>
                  <a:gd name="connsiteX181" fmla="*/ 896 w 10000"/>
                  <a:gd name="connsiteY181" fmla="*/ 8095 h 10000"/>
                  <a:gd name="connsiteX182" fmla="*/ 1162 w 10000"/>
                  <a:gd name="connsiteY182" fmla="*/ 8065 h 10000"/>
                  <a:gd name="connsiteX183" fmla="*/ 1646 w 10000"/>
                  <a:gd name="connsiteY183" fmla="*/ 8021 h 10000"/>
                  <a:gd name="connsiteX184" fmla="*/ 2131 w 10000"/>
                  <a:gd name="connsiteY184" fmla="*/ 7976 h 10000"/>
                  <a:gd name="connsiteX185" fmla="*/ 2349 w 10000"/>
                  <a:gd name="connsiteY185" fmla="*/ 7947 h 10000"/>
                  <a:gd name="connsiteX186" fmla="*/ 2567 w 10000"/>
                  <a:gd name="connsiteY186" fmla="*/ 7917 h 10000"/>
                  <a:gd name="connsiteX187" fmla="*/ 2760 w 10000"/>
                  <a:gd name="connsiteY187" fmla="*/ 7843 h 10000"/>
                  <a:gd name="connsiteX188" fmla="*/ 2954 w 10000"/>
                  <a:gd name="connsiteY188" fmla="*/ 7784 h 10000"/>
                  <a:gd name="connsiteX189" fmla="*/ 3123 w 10000"/>
                  <a:gd name="connsiteY189" fmla="*/ 7710 h 10000"/>
                  <a:gd name="connsiteX190" fmla="*/ 3269 w 10000"/>
                  <a:gd name="connsiteY190" fmla="*/ 7592 h 10000"/>
                  <a:gd name="connsiteX191" fmla="*/ 3414 w 10000"/>
                  <a:gd name="connsiteY191" fmla="*/ 7474 h 10000"/>
                  <a:gd name="connsiteX192" fmla="*/ 3511 w 10000"/>
                  <a:gd name="connsiteY192" fmla="*/ 7312 h 10000"/>
                  <a:gd name="connsiteX193" fmla="*/ 3317 w 10000"/>
                  <a:gd name="connsiteY193" fmla="*/ 7238 h 10000"/>
                  <a:gd name="connsiteX194" fmla="*/ 3148 w 10000"/>
                  <a:gd name="connsiteY194" fmla="*/ 7179 h 10000"/>
                  <a:gd name="connsiteX195" fmla="*/ 3002 w 10000"/>
                  <a:gd name="connsiteY195" fmla="*/ 7090 h 10000"/>
                  <a:gd name="connsiteX196" fmla="*/ 2857 w 10000"/>
                  <a:gd name="connsiteY196" fmla="*/ 6987 h 10000"/>
                  <a:gd name="connsiteX197" fmla="*/ 2760 w 10000"/>
                  <a:gd name="connsiteY197" fmla="*/ 6869 h 10000"/>
                  <a:gd name="connsiteX198" fmla="*/ 2712 w 10000"/>
                  <a:gd name="connsiteY198" fmla="*/ 6721 h 10000"/>
                  <a:gd name="connsiteX199" fmla="*/ 2688 w 10000"/>
                  <a:gd name="connsiteY199" fmla="*/ 6558 h 10000"/>
                  <a:gd name="connsiteX200" fmla="*/ 2712 w 10000"/>
                  <a:gd name="connsiteY200" fmla="*/ 6352 h 10000"/>
                  <a:gd name="connsiteX201" fmla="*/ 2591 w 10000"/>
                  <a:gd name="connsiteY201" fmla="*/ 6322 h 10000"/>
                  <a:gd name="connsiteX202" fmla="*/ 2446 w 10000"/>
                  <a:gd name="connsiteY202" fmla="*/ 6292 h 10000"/>
                  <a:gd name="connsiteX203" fmla="*/ 2276 w 10000"/>
                  <a:gd name="connsiteY203" fmla="*/ 6278 h 10000"/>
                  <a:gd name="connsiteX204" fmla="*/ 2107 w 10000"/>
                  <a:gd name="connsiteY204" fmla="*/ 6263 h 10000"/>
                  <a:gd name="connsiteX205" fmla="*/ 1768 w 10000"/>
                  <a:gd name="connsiteY205" fmla="*/ 6248 h 10000"/>
                  <a:gd name="connsiteX206" fmla="*/ 1404 w 10000"/>
                  <a:gd name="connsiteY206" fmla="*/ 6263 h 10000"/>
                  <a:gd name="connsiteX207" fmla="*/ 1090 w 10000"/>
                  <a:gd name="connsiteY207" fmla="*/ 6278 h 10000"/>
                  <a:gd name="connsiteX208" fmla="*/ 799 w 10000"/>
                  <a:gd name="connsiteY208" fmla="*/ 6278 h 10000"/>
                  <a:gd name="connsiteX209" fmla="*/ 557 w 10000"/>
                  <a:gd name="connsiteY209" fmla="*/ 6263 h 10000"/>
                  <a:gd name="connsiteX210" fmla="*/ 363 w 10000"/>
                  <a:gd name="connsiteY210" fmla="*/ 6233 h 10000"/>
                  <a:gd name="connsiteX211" fmla="*/ 605 w 10000"/>
                  <a:gd name="connsiteY211" fmla="*/ 5805 h 10000"/>
                  <a:gd name="connsiteX212" fmla="*/ 872 w 10000"/>
                  <a:gd name="connsiteY212" fmla="*/ 5391 h 10000"/>
                  <a:gd name="connsiteX213" fmla="*/ 969 w 10000"/>
                  <a:gd name="connsiteY213" fmla="*/ 5170 h 10000"/>
                  <a:gd name="connsiteX214" fmla="*/ 1041 w 10000"/>
                  <a:gd name="connsiteY214" fmla="*/ 4963 h 10000"/>
                  <a:gd name="connsiteX215" fmla="*/ 1065 w 10000"/>
                  <a:gd name="connsiteY215" fmla="*/ 4860 h 10000"/>
                  <a:gd name="connsiteX216" fmla="*/ 1041 w 10000"/>
                  <a:gd name="connsiteY216" fmla="*/ 4756 h 10000"/>
                  <a:gd name="connsiteX217" fmla="*/ 1017 w 10000"/>
                  <a:gd name="connsiteY217" fmla="*/ 4653 h 10000"/>
                  <a:gd name="connsiteX218" fmla="*/ 944 w 10000"/>
                  <a:gd name="connsiteY218" fmla="*/ 4549 h 10000"/>
                  <a:gd name="connsiteX219" fmla="*/ 1211 w 10000"/>
                  <a:gd name="connsiteY219" fmla="*/ 4520 h 10000"/>
                  <a:gd name="connsiteX220" fmla="*/ 1404 w 10000"/>
                  <a:gd name="connsiteY220" fmla="*/ 4505 h 10000"/>
                  <a:gd name="connsiteX221" fmla="*/ 1574 w 10000"/>
                  <a:gd name="connsiteY221" fmla="*/ 4505 h 10000"/>
                  <a:gd name="connsiteX222" fmla="*/ 1719 w 10000"/>
                  <a:gd name="connsiteY222" fmla="*/ 4520 h 10000"/>
                  <a:gd name="connsiteX223" fmla="*/ 1840 w 10000"/>
                  <a:gd name="connsiteY223" fmla="*/ 4520 h 10000"/>
                  <a:gd name="connsiteX224" fmla="*/ 1985 w 10000"/>
                  <a:gd name="connsiteY224" fmla="*/ 4520 h 10000"/>
                  <a:gd name="connsiteX225" fmla="*/ 2131 w 10000"/>
                  <a:gd name="connsiteY225" fmla="*/ 4490 h 10000"/>
                  <a:gd name="connsiteX226" fmla="*/ 2324 w 10000"/>
                  <a:gd name="connsiteY226" fmla="*/ 4446 h 10000"/>
                  <a:gd name="connsiteX227" fmla="*/ 2324 w 10000"/>
                  <a:gd name="connsiteY227" fmla="*/ 4579 h 10000"/>
                  <a:gd name="connsiteX228" fmla="*/ 2324 w 10000"/>
                  <a:gd name="connsiteY228" fmla="*/ 4742 h 10000"/>
                  <a:gd name="connsiteX229" fmla="*/ 2324 w 10000"/>
                  <a:gd name="connsiteY229" fmla="*/ 4874 h 10000"/>
                  <a:gd name="connsiteX230" fmla="*/ 2324 w 10000"/>
                  <a:gd name="connsiteY230" fmla="*/ 5037 h 10000"/>
                  <a:gd name="connsiteX231" fmla="*/ 2542 w 10000"/>
                  <a:gd name="connsiteY231" fmla="*/ 5022 h 10000"/>
                  <a:gd name="connsiteX232" fmla="*/ 2688 w 10000"/>
                  <a:gd name="connsiteY232" fmla="*/ 5037 h 10000"/>
                  <a:gd name="connsiteX233" fmla="*/ 2809 w 10000"/>
                  <a:gd name="connsiteY233" fmla="*/ 5066 h 10000"/>
                  <a:gd name="connsiteX234" fmla="*/ 2930 w 10000"/>
                  <a:gd name="connsiteY234" fmla="*/ 5096 h 10000"/>
                  <a:gd name="connsiteX235" fmla="*/ 3027 w 10000"/>
                  <a:gd name="connsiteY235" fmla="*/ 5126 h 10000"/>
                  <a:gd name="connsiteX236" fmla="*/ 3148 w 10000"/>
                  <a:gd name="connsiteY236" fmla="*/ 5155 h 10000"/>
                  <a:gd name="connsiteX237" fmla="*/ 3293 w 10000"/>
                  <a:gd name="connsiteY237" fmla="*/ 5170 h 10000"/>
                  <a:gd name="connsiteX238" fmla="*/ 3511 w 10000"/>
                  <a:gd name="connsiteY238" fmla="*/ 5155 h 10000"/>
                  <a:gd name="connsiteX239" fmla="*/ 3584 w 10000"/>
                  <a:gd name="connsiteY239" fmla="*/ 5096 h 10000"/>
                  <a:gd name="connsiteX240" fmla="*/ 3656 w 10000"/>
                  <a:gd name="connsiteY240" fmla="*/ 5022 h 10000"/>
                  <a:gd name="connsiteX241" fmla="*/ 3680 w 10000"/>
                  <a:gd name="connsiteY241" fmla="*/ 4934 h 10000"/>
                  <a:gd name="connsiteX242" fmla="*/ 3705 w 10000"/>
                  <a:gd name="connsiteY242" fmla="*/ 4860 h 10000"/>
                  <a:gd name="connsiteX243" fmla="*/ 3729 w 10000"/>
                  <a:gd name="connsiteY243" fmla="*/ 4697 h 10000"/>
                  <a:gd name="connsiteX244" fmla="*/ 3705 w 10000"/>
                  <a:gd name="connsiteY244" fmla="*/ 4520 h 10000"/>
                  <a:gd name="connsiteX245" fmla="*/ 3632 w 10000"/>
                  <a:gd name="connsiteY245" fmla="*/ 4343 h 10000"/>
                  <a:gd name="connsiteX246" fmla="*/ 3559 w 10000"/>
                  <a:gd name="connsiteY246" fmla="*/ 4195 h 10000"/>
                  <a:gd name="connsiteX247" fmla="*/ 3438 w 10000"/>
                  <a:gd name="connsiteY247" fmla="*/ 4047 h 10000"/>
                  <a:gd name="connsiteX248" fmla="*/ 3317 w 10000"/>
                  <a:gd name="connsiteY248" fmla="*/ 3959 h 10000"/>
                  <a:gd name="connsiteX249" fmla="*/ 3462 w 10000"/>
                  <a:gd name="connsiteY249" fmla="*/ 3944 h 10000"/>
                  <a:gd name="connsiteX250" fmla="*/ 3584 w 10000"/>
                  <a:gd name="connsiteY250" fmla="*/ 3914 h 10000"/>
                  <a:gd name="connsiteX251" fmla="*/ 3680 w 10000"/>
                  <a:gd name="connsiteY251" fmla="*/ 3855 h 10000"/>
                  <a:gd name="connsiteX252" fmla="*/ 3801 w 10000"/>
                  <a:gd name="connsiteY252" fmla="*/ 3752 h 10000"/>
                  <a:gd name="connsiteX253" fmla="*/ 3923 w 10000"/>
                  <a:gd name="connsiteY253" fmla="*/ 3663 h 10000"/>
                  <a:gd name="connsiteX254" fmla="*/ 4019 w 10000"/>
                  <a:gd name="connsiteY254" fmla="*/ 3560 h 10000"/>
                  <a:gd name="connsiteX255" fmla="*/ 4092 w 10000"/>
                  <a:gd name="connsiteY255" fmla="*/ 3442 h 10000"/>
                  <a:gd name="connsiteX256" fmla="*/ 4165 w 10000"/>
                  <a:gd name="connsiteY256" fmla="*/ 3323 h 10000"/>
                  <a:gd name="connsiteX257" fmla="*/ 4213 w 10000"/>
                  <a:gd name="connsiteY257" fmla="*/ 3220 h 10000"/>
                  <a:gd name="connsiteX258" fmla="*/ 4237 w 10000"/>
                  <a:gd name="connsiteY258" fmla="*/ 3102 h 10000"/>
                  <a:gd name="connsiteX259" fmla="*/ 4262 w 10000"/>
                  <a:gd name="connsiteY259" fmla="*/ 3013 h 10000"/>
                  <a:gd name="connsiteX260" fmla="*/ 4237 w 10000"/>
                  <a:gd name="connsiteY260" fmla="*/ 2939 h 10000"/>
                  <a:gd name="connsiteX261" fmla="*/ 4213 w 10000"/>
                  <a:gd name="connsiteY261" fmla="*/ 2866 h 10000"/>
                  <a:gd name="connsiteX262" fmla="*/ 4140 w 10000"/>
                  <a:gd name="connsiteY262" fmla="*/ 2836 h 10000"/>
                  <a:gd name="connsiteX263" fmla="*/ 4044 w 10000"/>
                  <a:gd name="connsiteY263" fmla="*/ 2836 h 10000"/>
                  <a:gd name="connsiteX264" fmla="*/ 3923 w 10000"/>
                  <a:gd name="connsiteY264" fmla="*/ 2866 h 10000"/>
                  <a:gd name="connsiteX265" fmla="*/ 4019 w 10000"/>
                  <a:gd name="connsiteY265" fmla="*/ 2777 h 10000"/>
                  <a:gd name="connsiteX266" fmla="*/ 4068 w 10000"/>
                  <a:gd name="connsiteY266" fmla="*/ 2674 h 10000"/>
                  <a:gd name="connsiteX267" fmla="*/ 4092 w 10000"/>
                  <a:gd name="connsiteY267" fmla="*/ 2541 h 10000"/>
                  <a:gd name="connsiteX268" fmla="*/ 4092 w 10000"/>
                  <a:gd name="connsiteY268" fmla="*/ 2393 h 10000"/>
                  <a:gd name="connsiteX269" fmla="*/ 4116 w 10000"/>
                  <a:gd name="connsiteY269" fmla="*/ 2349 h 10000"/>
                  <a:gd name="connsiteX270" fmla="*/ 4165 w 10000"/>
                  <a:gd name="connsiteY270" fmla="*/ 2304 h 10000"/>
                  <a:gd name="connsiteX271" fmla="*/ 4213 w 10000"/>
                  <a:gd name="connsiteY271" fmla="*/ 2290 h 10000"/>
                  <a:gd name="connsiteX272" fmla="*/ 4286 w 10000"/>
                  <a:gd name="connsiteY272" fmla="*/ 2275 h 10000"/>
                  <a:gd name="connsiteX273" fmla="*/ 4504 w 10000"/>
                  <a:gd name="connsiteY273" fmla="*/ 2260 h 10000"/>
                  <a:gd name="connsiteX274" fmla="*/ 4697 w 10000"/>
                  <a:gd name="connsiteY274" fmla="*/ 2275 h 10000"/>
                  <a:gd name="connsiteX275" fmla="*/ 4673 w 10000"/>
                  <a:gd name="connsiteY275" fmla="*/ 2112 h 10000"/>
                  <a:gd name="connsiteX276" fmla="*/ 4625 w 10000"/>
                  <a:gd name="connsiteY276" fmla="*/ 1950 h 10000"/>
                  <a:gd name="connsiteX277" fmla="*/ 4552 w 10000"/>
                  <a:gd name="connsiteY277" fmla="*/ 1802 h 10000"/>
                  <a:gd name="connsiteX278" fmla="*/ 4455 w 10000"/>
                  <a:gd name="connsiteY278" fmla="*/ 1640 h 10000"/>
                  <a:gd name="connsiteX279" fmla="*/ 4213 w 10000"/>
                  <a:gd name="connsiteY279" fmla="*/ 1329 h 10000"/>
                  <a:gd name="connsiteX280" fmla="*/ 3971 w 10000"/>
                  <a:gd name="connsiteY280" fmla="*/ 1034 h 10000"/>
                  <a:gd name="connsiteX281" fmla="*/ 3850 w 10000"/>
                  <a:gd name="connsiteY281" fmla="*/ 901 h 10000"/>
                  <a:gd name="connsiteX282" fmla="*/ 3753 w 10000"/>
                  <a:gd name="connsiteY282" fmla="*/ 753 h 10000"/>
                  <a:gd name="connsiteX283" fmla="*/ 3680 w 10000"/>
                  <a:gd name="connsiteY283" fmla="*/ 620 h 10000"/>
                  <a:gd name="connsiteX284" fmla="*/ 3656 w 10000"/>
                  <a:gd name="connsiteY284" fmla="*/ 487 h 10000"/>
                  <a:gd name="connsiteX285" fmla="*/ 3632 w 10000"/>
                  <a:gd name="connsiteY285" fmla="*/ 355 h 10000"/>
                  <a:gd name="connsiteX286" fmla="*/ 3680 w 10000"/>
                  <a:gd name="connsiteY286" fmla="*/ 222 h 10000"/>
                  <a:gd name="connsiteX287" fmla="*/ 3705 w 10000"/>
                  <a:gd name="connsiteY287" fmla="*/ 162 h 10000"/>
                  <a:gd name="connsiteX288" fmla="*/ 3753 w 10000"/>
                  <a:gd name="connsiteY288" fmla="*/ 103 h 10000"/>
                  <a:gd name="connsiteX289" fmla="*/ 3826 w 10000"/>
                  <a:gd name="connsiteY289" fmla="*/ 59 h 10000"/>
                  <a:gd name="connsiteX290" fmla="*/ 3923 w 10000"/>
                  <a:gd name="connsiteY290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6852 w 10000"/>
                  <a:gd name="connsiteY61" fmla="*/ 4313 h 10000"/>
                  <a:gd name="connsiteX62" fmla="*/ 6852 w 10000"/>
                  <a:gd name="connsiteY62" fmla="*/ 4431 h 10000"/>
                  <a:gd name="connsiteX63" fmla="*/ 6852 w 10000"/>
                  <a:gd name="connsiteY63" fmla="*/ 4549 h 10000"/>
                  <a:gd name="connsiteX64" fmla="*/ 6804 w 10000"/>
                  <a:gd name="connsiteY64" fmla="*/ 4564 h 10000"/>
                  <a:gd name="connsiteX65" fmla="*/ 6731 w 10000"/>
                  <a:gd name="connsiteY65" fmla="*/ 4594 h 10000"/>
                  <a:gd name="connsiteX66" fmla="*/ 6683 w 10000"/>
                  <a:gd name="connsiteY66" fmla="*/ 4638 h 10000"/>
                  <a:gd name="connsiteX67" fmla="*/ 6683 w 10000"/>
                  <a:gd name="connsiteY67" fmla="*/ 4697 h 10000"/>
                  <a:gd name="connsiteX68" fmla="*/ 6659 w 10000"/>
                  <a:gd name="connsiteY68" fmla="*/ 4801 h 10000"/>
                  <a:gd name="connsiteX69" fmla="*/ 6659 w 10000"/>
                  <a:gd name="connsiteY69" fmla="*/ 4904 h 10000"/>
                  <a:gd name="connsiteX70" fmla="*/ 6538 w 10000"/>
                  <a:gd name="connsiteY70" fmla="*/ 4860 h 10000"/>
                  <a:gd name="connsiteX71" fmla="*/ 6465 w 10000"/>
                  <a:gd name="connsiteY71" fmla="*/ 4801 h 10000"/>
                  <a:gd name="connsiteX72" fmla="*/ 6392 w 10000"/>
                  <a:gd name="connsiteY72" fmla="*/ 4727 h 10000"/>
                  <a:gd name="connsiteX73" fmla="*/ 6320 w 10000"/>
                  <a:gd name="connsiteY73" fmla="*/ 4638 h 10000"/>
                  <a:gd name="connsiteX74" fmla="*/ 6199 w 10000"/>
                  <a:gd name="connsiteY74" fmla="*/ 4476 h 10000"/>
                  <a:gd name="connsiteX75" fmla="*/ 6077 w 10000"/>
                  <a:gd name="connsiteY75" fmla="*/ 4313 h 10000"/>
                  <a:gd name="connsiteX76" fmla="*/ 6223 w 10000"/>
                  <a:gd name="connsiteY76" fmla="*/ 4210 h 10000"/>
                  <a:gd name="connsiteX77" fmla="*/ 6416 w 10000"/>
                  <a:gd name="connsiteY77" fmla="*/ 4121 h 10000"/>
                  <a:gd name="connsiteX78" fmla="*/ 6634 w 10000"/>
                  <a:gd name="connsiteY78" fmla="*/ 4032 h 10000"/>
                  <a:gd name="connsiteX79" fmla="*/ 6877 w 10000"/>
                  <a:gd name="connsiteY79" fmla="*/ 3959 h 10000"/>
                  <a:gd name="connsiteX80" fmla="*/ 7385 w 10000"/>
                  <a:gd name="connsiteY80" fmla="*/ 3811 h 10000"/>
                  <a:gd name="connsiteX81" fmla="*/ 7893 w 10000"/>
                  <a:gd name="connsiteY81" fmla="*/ 3663 h 10000"/>
                  <a:gd name="connsiteX82" fmla="*/ 8136 w 10000"/>
                  <a:gd name="connsiteY82" fmla="*/ 3589 h 10000"/>
                  <a:gd name="connsiteX83" fmla="*/ 8378 w 10000"/>
                  <a:gd name="connsiteY83" fmla="*/ 3516 h 10000"/>
                  <a:gd name="connsiteX84" fmla="*/ 8571 w 10000"/>
                  <a:gd name="connsiteY84" fmla="*/ 3412 h 10000"/>
                  <a:gd name="connsiteX85" fmla="*/ 8765 w 10000"/>
                  <a:gd name="connsiteY85" fmla="*/ 3338 h 10000"/>
                  <a:gd name="connsiteX86" fmla="*/ 8886 w 10000"/>
                  <a:gd name="connsiteY86" fmla="*/ 3235 h 10000"/>
                  <a:gd name="connsiteX87" fmla="*/ 8983 w 10000"/>
                  <a:gd name="connsiteY87" fmla="*/ 3117 h 10000"/>
                  <a:gd name="connsiteX88" fmla="*/ 9007 w 10000"/>
                  <a:gd name="connsiteY88" fmla="*/ 3072 h 10000"/>
                  <a:gd name="connsiteX89" fmla="*/ 9031 w 10000"/>
                  <a:gd name="connsiteY89" fmla="*/ 3013 h 10000"/>
                  <a:gd name="connsiteX90" fmla="*/ 9031 w 10000"/>
                  <a:gd name="connsiteY90" fmla="*/ 2954 h 10000"/>
                  <a:gd name="connsiteX91" fmla="*/ 9007 w 10000"/>
                  <a:gd name="connsiteY91" fmla="*/ 2866 h 10000"/>
                  <a:gd name="connsiteX92" fmla="*/ 8838 w 10000"/>
                  <a:gd name="connsiteY92" fmla="*/ 2984 h 10000"/>
                  <a:gd name="connsiteX93" fmla="*/ 8644 w 10000"/>
                  <a:gd name="connsiteY93" fmla="*/ 3072 h 10000"/>
                  <a:gd name="connsiteX94" fmla="*/ 8450 w 10000"/>
                  <a:gd name="connsiteY94" fmla="*/ 3161 h 10000"/>
                  <a:gd name="connsiteX95" fmla="*/ 8257 w 10000"/>
                  <a:gd name="connsiteY95" fmla="*/ 3250 h 10000"/>
                  <a:gd name="connsiteX96" fmla="*/ 7821 w 10000"/>
                  <a:gd name="connsiteY96" fmla="*/ 3397 h 10000"/>
                  <a:gd name="connsiteX97" fmla="*/ 7361 w 10000"/>
                  <a:gd name="connsiteY97" fmla="*/ 3545 h 10000"/>
                  <a:gd name="connsiteX98" fmla="*/ 6901 w 10000"/>
                  <a:gd name="connsiteY98" fmla="*/ 3678 h 10000"/>
                  <a:gd name="connsiteX99" fmla="*/ 6465 w 10000"/>
                  <a:gd name="connsiteY99" fmla="*/ 3840 h 10000"/>
                  <a:gd name="connsiteX100" fmla="*/ 6247 w 10000"/>
                  <a:gd name="connsiteY100" fmla="*/ 3914 h 10000"/>
                  <a:gd name="connsiteX101" fmla="*/ 6053 w 10000"/>
                  <a:gd name="connsiteY101" fmla="*/ 4003 h 10000"/>
                  <a:gd name="connsiteX102" fmla="*/ 5860 w 10000"/>
                  <a:gd name="connsiteY102" fmla="*/ 4106 h 10000"/>
                  <a:gd name="connsiteX103" fmla="*/ 5666 w 10000"/>
                  <a:gd name="connsiteY103" fmla="*/ 4195 h 10000"/>
                  <a:gd name="connsiteX104" fmla="*/ 5811 w 10000"/>
                  <a:gd name="connsiteY104" fmla="*/ 4417 h 10000"/>
                  <a:gd name="connsiteX105" fmla="*/ 5908 w 10000"/>
                  <a:gd name="connsiteY105" fmla="*/ 4623 h 10000"/>
                  <a:gd name="connsiteX106" fmla="*/ 6005 w 10000"/>
                  <a:gd name="connsiteY106" fmla="*/ 4845 h 10000"/>
                  <a:gd name="connsiteX107" fmla="*/ 6077 w 10000"/>
                  <a:gd name="connsiteY107" fmla="*/ 5081 h 10000"/>
                  <a:gd name="connsiteX108" fmla="*/ 6126 w 10000"/>
                  <a:gd name="connsiteY108" fmla="*/ 5318 h 10000"/>
                  <a:gd name="connsiteX109" fmla="*/ 6150 w 10000"/>
                  <a:gd name="connsiteY109" fmla="*/ 5539 h 10000"/>
                  <a:gd name="connsiteX110" fmla="*/ 6174 w 10000"/>
                  <a:gd name="connsiteY110" fmla="*/ 5775 h 10000"/>
                  <a:gd name="connsiteX111" fmla="*/ 6174 w 10000"/>
                  <a:gd name="connsiteY111" fmla="*/ 5997 h 10000"/>
                  <a:gd name="connsiteX112" fmla="*/ 6150 w 10000"/>
                  <a:gd name="connsiteY112" fmla="*/ 6233 h 10000"/>
                  <a:gd name="connsiteX113" fmla="*/ 6102 w 10000"/>
                  <a:gd name="connsiteY113" fmla="*/ 6470 h 10000"/>
                  <a:gd name="connsiteX114" fmla="*/ 6053 w 10000"/>
                  <a:gd name="connsiteY114" fmla="*/ 6677 h 10000"/>
                  <a:gd name="connsiteX115" fmla="*/ 5981 w 10000"/>
                  <a:gd name="connsiteY115" fmla="*/ 6898 h 10000"/>
                  <a:gd name="connsiteX116" fmla="*/ 5884 w 10000"/>
                  <a:gd name="connsiteY116" fmla="*/ 7105 h 10000"/>
                  <a:gd name="connsiteX117" fmla="*/ 5763 w 10000"/>
                  <a:gd name="connsiteY117" fmla="*/ 7297 h 10000"/>
                  <a:gd name="connsiteX118" fmla="*/ 5617 w 10000"/>
                  <a:gd name="connsiteY118" fmla="*/ 7489 h 10000"/>
                  <a:gd name="connsiteX119" fmla="*/ 5472 w 10000"/>
                  <a:gd name="connsiteY119" fmla="*/ 7681 h 10000"/>
                  <a:gd name="connsiteX120" fmla="*/ 6174 w 10000"/>
                  <a:gd name="connsiteY120" fmla="*/ 7799 h 10000"/>
                  <a:gd name="connsiteX121" fmla="*/ 6901 w 10000"/>
                  <a:gd name="connsiteY121" fmla="*/ 7962 h 10000"/>
                  <a:gd name="connsiteX122" fmla="*/ 7046 w 10000"/>
                  <a:gd name="connsiteY122" fmla="*/ 8021 h 10000"/>
                  <a:gd name="connsiteX123" fmla="*/ 7167 w 10000"/>
                  <a:gd name="connsiteY123" fmla="*/ 8080 h 10000"/>
                  <a:gd name="connsiteX124" fmla="*/ 7288 w 10000"/>
                  <a:gd name="connsiteY124" fmla="*/ 8139 h 10000"/>
                  <a:gd name="connsiteX125" fmla="*/ 7361 w 10000"/>
                  <a:gd name="connsiteY125" fmla="*/ 8227 h 10000"/>
                  <a:gd name="connsiteX126" fmla="*/ 7385 w 10000"/>
                  <a:gd name="connsiteY126" fmla="*/ 8301 h 10000"/>
                  <a:gd name="connsiteX127" fmla="*/ 7385 w 10000"/>
                  <a:gd name="connsiteY127" fmla="*/ 8405 h 10000"/>
                  <a:gd name="connsiteX128" fmla="*/ 7337 w 10000"/>
                  <a:gd name="connsiteY128" fmla="*/ 8523 h 10000"/>
                  <a:gd name="connsiteX129" fmla="*/ 7264 w 10000"/>
                  <a:gd name="connsiteY129" fmla="*/ 8641 h 10000"/>
                  <a:gd name="connsiteX130" fmla="*/ 6949 w 10000"/>
                  <a:gd name="connsiteY130" fmla="*/ 8552 h 10000"/>
                  <a:gd name="connsiteX131" fmla="*/ 6659 w 10000"/>
                  <a:gd name="connsiteY131" fmla="*/ 8449 h 10000"/>
                  <a:gd name="connsiteX132" fmla="*/ 6368 w 10000"/>
                  <a:gd name="connsiteY132" fmla="*/ 8360 h 10000"/>
                  <a:gd name="connsiteX133" fmla="*/ 6077 w 10000"/>
                  <a:gd name="connsiteY133" fmla="*/ 8287 h 10000"/>
                  <a:gd name="connsiteX134" fmla="*/ 5956 w 10000"/>
                  <a:gd name="connsiteY134" fmla="*/ 8449 h 10000"/>
                  <a:gd name="connsiteX135" fmla="*/ 5860 w 10000"/>
                  <a:gd name="connsiteY135" fmla="*/ 8597 h 10000"/>
                  <a:gd name="connsiteX136" fmla="*/ 5811 w 10000"/>
                  <a:gd name="connsiteY136" fmla="*/ 8656 h 10000"/>
                  <a:gd name="connsiteX137" fmla="*/ 5714 w 10000"/>
                  <a:gd name="connsiteY137" fmla="*/ 8700 h 10000"/>
                  <a:gd name="connsiteX138" fmla="*/ 5642 w 10000"/>
                  <a:gd name="connsiteY138" fmla="*/ 8744 h 10000"/>
                  <a:gd name="connsiteX139" fmla="*/ 5569 w 10000"/>
                  <a:gd name="connsiteY139" fmla="*/ 8774 h 10000"/>
                  <a:gd name="connsiteX140" fmla="*/ 5496 w 10000"/>
                  <a:gd name="connsiteY140" fmla="*/ 8804 h 10000"/>
                  <a:gd name="connsiteX141" fmla="*/ 5400 w 10000"/>
                  <a:gd name="connsiteY141" fmla="*/ 8818 h 10000"/>
                  <a:gd name="connsiteX142" fmla="*/ 5278 w 10000"/>
                  <a:gd name="connsiteY142" fmla="*/ 8833 h 10000"/>
                  <a:gd name="connsiteX143" fmla="*/ 5157 w 10000"/>
                  <a:gd name="connsiteY143" fmla="*/ 8833 h 10000"/>
                  <a:gd name="connsiteX144" fmla="*/ 4867 w 10000"/>
                  <a:gd name="connsiteY144" fmla="*/ 8818 h 10000"/>
                  <a:gd name="connsiteX145" fmla="*/ 4504 w 10000"/>
                  <a:gd name="connsiteY145" fmla="*/ 8744 h 10000"/>
                  <a:gd name="connsiteX146" fmla="*/ 4504 w 10000"/>
                  <a:gd name="connsiteY146" fmla="*/ 8922 h 10000"/>
                  <a:gd name="connsiteX147" fmla="*/ 4479 w 10000"/>
                  <a:gd name="connsiteY147" fmla="*/ 9069 h 10000"/>
                  <a:gd name="connsiteX148" fmla="*/ 4455 w 10000"/>
                  <a:gd name="connsiteY148" fmla="*/ 9232 h 10000"/>
                  <a:gd name="connsiteX149" fmla="*/ 4431 w 10000"/>
                  <a:gd name="connsiteY149" fmla="*/ 9365 h 10000"/>
                  <a:gd name="connsiteX150" fmla="*/ 4383 w 10000"/>
                  <a:gd name="connsiteY150" fmla="*/ 9498 h 10000"/>
                  <a:gd name="connsiteX151" fmla="*/ 4286 w 10000"/>
                  <a:gd name="connsiteY151" fmla="*/ 9616 h 10000"/>
                  <a:gd name="connsiteX152" fmla="*/ 4213 w 10000"/>
                  <a:gd name="connsiteY152" fmla="*/ 9734 h 10000"/>
                  <a:gd name="connsiteX153" fmla="*/ 4092 w 10000"/>
                  <a:gd name="connsiteY153" fmla="*/ 9838 h 10000"/>
                  <a:gd name="connsiteX154" fmla="*/ 3801 w 10000"/>
                  <a:gd name="connsiteY154" fmla="*/ 9897 h 10000"/>
                  <a:gd name="connsiteX155" fmla="*/ 3559 w 10000"/>
                  <a:gd name="connsiteY155" fmla="*/ 9941 h 10000"/>
                  <a:gd name="connsiteX156" fmla="*/ 3269 w 10000"/>
                  <a:gd name="connsiteY156" fmla="*/ 9985 h 10000"/>
                  <a:gd name="connsiteX157" fmla="*/ 3051 w 10000"/>
                  <a:gd name="connsiteY157" fmla="*/ 10000 h 10000"/>
                  <a:gd name="connsiteX158" fmla="*/ 2567 w 10000"/>
                  <a:gd name="connsiteY158" fmla="*/ 10000 h 10000"/>
                  <a:gd name="connsiteX159" fmla="*/ 2107 w 10000"/>
                  <a:gd name="connsiteY159" fmla="*/ 9985 h 10000"/>
                  <a:gd name="connsiteX160" fmla="*/ 1671 w 10000"/>
                  <a:gd name="connsiteY160" fmla="*/ 9941 h 10000"/>
                  <a:gd name="connsiteX161" fmla="*/ 1211 w 10000"/>
                  <a:gd name="connsiteY161" fmla="*/ 9911 h 10000"/>
                  <a:gd name="connsiteX162" fmla="*/ 944 w 10000"/>
                  <a:gd name="connsiteY162" fmla="*/ 9911 h 10000"/>
                  <a:gd name="connsiteX163" fmla="*/ 702 w 10000"/>
                  <a:gd name="connsiteY163" fmla="*/ 9911 h 10000"/>
                  <a:gd name="connsiteX164" fmla="*/ 436 w 10000"/>
                  <a:gd name="connsiteY164" fmla="*/ 9926 h 10000"/>
                  <a:gd name="connsiteX165" fmla="*/ 169 w 10000"/>
                  <a:gd name="connsiteY165" fmla="*/ 9970 h 10000"/>
                  <a:gd name="connsiteX166" fmla="*/ 97 w 10000"/>
                  <a:gd name="connsiteY166" fmla="*/ 9867 h 10000"/>
                  <a:gd name="connsiteX167" fmla="*/ 48 w 10000"/>
                  <a:gd name="connsiteY167" fmla="*/ 9793 h 10000"/>
                  <a:gd name="connsiteX168" fmla="*/ 0 w 10000"/>
                  <a:gd name="connsiteY168" fmla="*/ 9705 h 10000"/>
                  <a:gd name="connsiteX169" fmla="*/ 0 w 10000"/>
                  <a:gd name="connsiteY169" fmla="*/ 9601 h 10000"/>
                  <a:gd name="connsiteX170" fmla="*/ 48 w 10000"/>
                  <a:gd name="connsiteY170" fmla="*/ 9424 h 10000"/>
                  <a:gd name="connsiteX171" fmla="*/ 97 w 10000"/>
                  <a:gd name="connsiteY171" fmla="*/ 9202 h 10000"/>
                  <a:gd name="connsiteX172" fmla="*/ 145 w 10000"/>
                  <a:gd name="connsiteY172" fmla="*/ 8996 h 10000"/>
                  <a:gd name="connsiteX173" fmla="*/ 194 w 10000"/>
                  <a:gd name="connsiteY173" fmla="*/ 8759 h 10000"/>
                  <a:gd name="connsiteX174" fmla="*/ 218 w 10000"/>
                  <a:gd name="connsiteY174" fmla="*/ 8641 h 10000"/>
                  <a:gd name="connsiteX175" fmla="*/ 218 w 10000"/>
                  <a:gd name="connsiteY175" fmla="*/ 8538 h 10000"/>
                  <a:gd name="connsiteX176" fmla="*/ 194 w 10000"/>
                  <a:gd name="connsiteY176" fmla="*/ 8405 h 10000"/>
                  <a:gd name="connsiteX177" fmla="*/ 169 w 10000"/>
                  <a:gd name="connsiteY177" fmla="*/ 8287 h 10000"/>
                  <a:gd name="connsiteX178" fmla="*/ 412 w 10000"/>
                  <a:gd name="connsiteY178" fmla="*/ 8213 h 10000"/>
                  <a:gd name="connsiteX179" fmla="*/ 654 w 10000"/>
                  <a:gd name="connsiteY179" fmla="*/ 8139 h 10000"/>
                  <a:gd name="connsiteX180" fmla="*/ 896 w 10000"/>
                  <a:gd name="connsiteY180" fmla="*/ 8095 h 10000"/>
                  <a:gd name="connsiteX181" fmla="*/ 1162 w 10000"/>
                  <a:gd name="connsiteY181" fmla="*/ 8065 h 10000"/>
                  <a:gd name="connsiteX182" fmla="*/ 1646 w 10000"/>
                  <a:gd name="connsiteY182" fmla="*/ 8021 h 10000"/>
                  <a:gd name="connsiteX183" fmla="*/ 2131 w 10000"/>
                  <a:gd name="connsiteY183" fmla="*/ 7976 h 10000"/>
                  <a:gd name="connsiteX184" fmla="*/ 2349 w 10000"/>
                  <a:gd name="connsiteY184" fmla="*/ 7947 h 10000"/>
                  <a:gd name="connsiteX185" fmla="*/ 2567 w 10000"/>
                  <a:gd name="connsiteY185" fmla="*/ 7917 h 10000"/>
                  <a:gd name="connsiteX186" fmla="*/ 2760 w 10000"/>
                  <a:gd name="connsiteY186" fmla="*/ 7843 h 10000"/>
                  <a:gd name="connsiteX187" fmla="*/ 2954 w 10000"/>
                  <a:gd name="connsiteY187" fmla="*/ 7784 h 10000"/>
                  <a:gd name="connsiteX188" fmla="*/ 3123 w 10000"/>
                  <a:gd name="connsiteY188" fmla="*/ 7710 h 10000"/>
                  <a:gd name="connsiteX189" fmla="*/ 3269 w 10000"/>
                  <a:gd name="connsiteY189" fmla="*/ 7592 h 10000"/>
                  <a:gd name="connsiteX190" fmla="*/ 3414 w 10000"/>
                  <a:gd name="connsiteY190" fmla="*/ 7474 h 10000"/>
                  <a:gd name="connsiteX191" fmla="*/ 3511 w 10000"/>
                  <a:gd name="connsiteY191" fmla="*/ 7312 h 10000"/>
                  <a:gd name="connsiteX192" fmla="*/ 3317 w 10000"/>
                  <a:gd name="connsiteY192" fmla="*/ 7238 h 10000"/>
                  <a:gd name="connsiteX193" fmla="*/ 3148 w 10000"/>
                  <a:gd name="connsiteY193" fmla="*/ 7179 h 10000"/>
                  <a:gd name="connsiteX194" fmla="*/ 3002 w 10000"/>
                  <a:gd name="connsiteY194" fmla="*/ 7090 h 10000"/>
                  <a:gd name="connsiteX195" fmla="*/ 2857 w 10000"/>
                  <a:gd name="connsiteY195" fmla="*/ 6987 h 10000"/>
                  <a:gd name="connsiteX196" fmla="*/ 2760 w 10000"/>
                  <a:gd name="connsiteY196" fmla="*/ 6869 h 10000"/>
                  <a:gd name="connsiteX197" fmla="*/ 2712 w 10000"/>
                  <a:gd name="connsiteY197" fmla="*/ 6721 h 10000"/>
                  <a:gd name="connsiteX198" fmla="*/ 2688 w 10000"/>
                  <a:gd name="connsiteY198" fmla="*/ 6558 h 10000"/>
                  <a:gd name="connsiteX199" fmla="*/ 2712 w 10000"/>
                  <a:gd name="connsiteY199" fmla="*/ 6352 h 10000"/>
                  <a:gd name="connsiteX200" fmla="*/ 2591 w 10000"/>
                  <a:gd name="connsiteY200" fmla="*/ 6322 h 10000"/>
                  <a:gd name="connsiteX201" fmla="*/ 2446 w 10000"/>
                  <a:gd name="connsiteY201" fmla="*/ 6292 h 10000"/>
                  <a:gd name="connsiteX202" fmla="*/ 2276 w 10000"/>
                  <a:gd name="connsiteY202" fmla="*/ 6278 h 10000"/>
                  <a:gd name="connsiteX203" fmla="*/ 2107 w 10000"/>
                  <a:gd name="connsiteY203" fmla="*/ 6263 h 10000"/>
                  <a:gd name="connsiteX204" fmla="*/ 1768 w 10000"/>
                  <a:gd name="connsiteY204" fmla="*/ 6248 h 10000"/>
                  <a:gd name="connsiteX205" fmla="*/ 1404 w 10000"/>
                  <a:gd name="connsiteY205" fmla="*/ 6263 h 10000"/>
                  <a:gd name="connsiteX206" fmla="*/ 1090 w 10000"/>
                  <a:gd name="connsiteY206" fmla="*/ 6278 h 10000"/>
                  <a:gd name="connsiteX207" fmla="*/ 799 w 10000"/>
                  <a:gd name="connsiteY207" fmla="*/ 6278 h 10000"/>
                  <a:gd name="connsiteX208" fmla="*/ 557 w 10000"/>
                  <a:gd name="connsiteY208" fmla="*/ 6263 h 10000"/>
                  <a:gd name="connsiteX209" fmla="*/ 363 w 10000"/>
                  <a:gd name="connsiteY209" fmla="*/ 6233 h 10000"/>
                  <a:gd name="connsiteX210" fmla="*/ 605 w 10000"/>
                  <a:gd name="connsiteY210" fmla="*/ 5805 h 10000"/>
                  <a:gd name="connsiteX211" fmla="*/ 872 w 10000"/>
                  <a:gd name="connsiteY211" fmla="*/ 5391 h 10000"/>
                  <a:gd name="connsiteX212" fmla="*/ 969 w 10000"/>
                  <a:gd name="connsiteY212" fmla="*/ 5170 h 10000"/>
                  <a:gd name="connsiteX213" fmla="*/ 1041 w 10000"/>
                  <a:gd name="connsiteY213" fmla="*/ 4963 h 10000"/>
                  <a:gd name="connsiteX214" fmla="*/ 1065 w 10000"/>
                  <a:gd name="connsiteY214" fmla="*/ 4860 h 10000"/>
                  <a:gd name="connsiteX215" fmla="*/ 1041 w 10000"/>
                  <a:gd name="connsiteY215" fmla="*/ 4756 h 10000"/>
                  <a:gd name="connsiteX216" fmla="*/ 1017 w 10000"/>
                  <a:gd name="connsiteY216" fmla="*/ 4653 h 10000"/>
                  <a:gd name="connsiteX217" fmla="*/ 944 w 10000"/>
                  <a:gd name="connsiteY217" fmla="*/ 4549 h 10000"/>
                  <a:gd name="connsiteX218" fmla="*/ 1211 w 10000"/>
                  <a:gd name="connsiteY218" fmla="*/ 4520 h 10000"/>
                  <a:gd name="connsiteX219" fmla="*/ 1404 w 10000"/>
                  <a:gd name="connsiteY219" fmla="*/ 4505 h 10000"/>
                  <a:gd name="connsiteX220" fmla="*/ 1574 w 10000"/>
                  <a:gd name="connsiteY220" fmla="*/ 4505 h 10000"/>
                  <a:gd name="connsiteX221" fmla="*/ 1719 w 10000"/>
                  <a:gd name="connsiteY221" fmla="*/ 4520 h 10000"/>
                  <a:gd name="connsiteX222" fmla="*/ 1840 w 10000"/>
                  <a:gd name="connsiteY222" fmla="*/ 4520 h 10000"/>
                  <a:gd name="connsiteX223" fmla="*/ 1985 w 10000"/>
                  <a:gd name="connsiteY223" fmla="*/ 4520 h 10000"/>
                  <a:gd name="connsiteX224" fmla="*/ 2131 w 10000"/>
                  <a:gd name="connsiteY224" fmla="*/ 4490 h 10000"/>
                  <a:gd name="connsiteX225" fmla="*/ 2324 w 10000"/>
                  <a:gd name="connsiteY225" fmla="*/ 4446 h 10000"/>
                  <a:gd name="connsiteX226" fmla="*/ 2324 w 10000"/>
                  <a:gd name="connsiteY226" fmla="*/ 4579 h 10000"/>
                  <a:gd name="connsiteX227" fmla="*/ 2324 w 10000"/>
                  <a:gd name="connsiteY227" fmla="*/ 4742 h 10000"/>
                  <a:gd name="connsiteX228" fmla="*/ 2324 w 10000"/>
                  <a:gd name="connsiteY228" fmla="*/ 4874 h 10000"/>
                  <a:gd name="connsiteX229" fmla="*/ 2324 w 10000"/>
                  <a:gd name="connsiteY229" fmla="*/ 5037 h 10000"/>
                  <a:gd name="connsiteX230" fmla="*/ 2542 w 10000"/>
                  <a:gd name="connsiteY230" fmla="*/ 5022 h 10000"/>
                  <a:gd name="connsiteX231" fmla="*/ 2688 w 10000"/>
                  <a:gd name="connsiteY231" fmla="*/ 5037 h 10000"/>
                  <a:gd name="connsiteX232" fmla="*/ 2809 w 10000"/>
                  <a:gd name="connsiteY232" fmla="*/ 5066 h 10000"/>
                  <a:gd name="connsiteX233" fmla="*/ 2930 w 10000"/>
                  <a:gd name="connsiteY233" fmla="*/ 5096 h 10000"/>
                  <a:gd name="connsiteX234" fmla="*/ 3027 w 10000"/>
                  <a:gd name="connsiteY234" fmla="*/ 5126 h 10000"/>
                  <a:gd name="connsiteX235" fmla="*/ 3148 w 10000"/>
                  <a:gd name="connsiteY235" fmla="*/ 5155 h 10000"/>
                  <a:gd name="connsiteX236" fmla="*/ 3293 w 10000"/>
                  <a:gd name="connsiteY236" fmla="*/ 5170 h 10000"/>
                  <a:gd name="connsiteX237" fmla="*/ 3511 w 10000"/>
                  <a:gd name="connsiteY237" fmla="*/ 5155 h 10000"/>
                  <a:gd name="connsiteX238" fmla="*/ 3584 w 10000"/>
                  <a:gd name="connsiteY238" fmla="*/ 5096 h 10000"/>
                  <a:gd name="connsiteX239" fmla="*/ 3656 w 10000"/>
                  <a:gd name="connsiteY239" fmla="*/ 5022 h 10000"/>
                  <a:gd name="connsiteX240" fmla="*/ 3680 w 10000"/>
                  <a:gd name="connsiteY240" fmla="*/ 4934 h 10000"/>
                  <a:gd name="connsiteX241" fmla="*/ 3705 w 10000"/>
                  <a:gd name="connsiteY241" fmla="*/ 4860 h 10000"/>
                  <a:gd name="connsiteX242" fmla="*/ 3729 w 10000"/>
                  <a:gd name="connsiteY242" fmla="*/ 4697 h 10000"/>
                  <a:gd name="connsiteX243" fmla="*/ 3705 w 10000"/>
                  <a:gd name="connsiteY243" fmla="*/ 4520 h 10000"/>
                  <a:gd name="connsiteX244" fmla="*/ 3632 w 10000"/>
                  <a:gd name="connsiteY244" fmla="*/ 4343 h 10000"/>
                  <a:gd name="connsiteX245" fmla="*/ 3559 w 10000"/>
                  <a:gd name="connsiteY245" fmla="*/ 4195 h 10000"/>
                  <a:gd name="connsiteX246" fmla="*/ 3438 w 10000"/>
                  <a:gd name="connsiteY246" fmla="*/ 4047 h 10000"/>
                  <a:gd name="connsiteX247" fmla="*/ 3317 w 10000"/>
                  <a:gd name="connsiteY247" fmla="*/ 3959 h 10000"/>
                  <a:gd name="connsiteX248" fmla="*/ 3462 w 10000"/>
                  <a:gd name="connsiteY248" fmla="*/ 3944 h 10000"/>
                  <a:gd name="connsiteX249" fmla="*/ 3584 w 10000"/>
                  <a:gd name="connsiteY249" fmla="*/ 3914 h 10000"/>
                  <a:gd name="connsiteX250" fmla="*/ 3680 w 10000"/>
                  <a:gd name="connsiteY250" fmla="*/ 3855 h 10000"/>
                  <a:gd name="connsiteX251" fmla="*/ 3801 w 10000"/>
                  <a:gd name="connsiteY251" fmla="*/ 3752 h 10000"/>
                  <a:gd name="connsiteX252" fmla="*/ 3923 w 10000"/>
                  <a:gd name="connsiteY252" fmla="*/ 3663 h 10000"/>
                  <a:gd name="connsiteX253" fmla="*/ 4019 w 10000"/>
                  <a:gd name="connsiteY253" fmla="*/ 3560 h 10000"/>
                  <a:gd name="connsiteX254" fmla="*/ 4092 w 10000"/>
                  <a:gd name="connsiteY254" fmla="*/ 3442 h 10000"/>
                  <a:gd name="connsiteX255" fmla="*/ 4165 w 10000"/>
                  <a:gd name="connsiteY255" fmla="*/ 3323 h 10000"/>
                  <a:gd name="connsiteX256" fmla="*/ 4213 w 10000"/>
                  <a:gd name="connsiteY256" fmla="*/ 3220 h 10000"/>
                  <a:gd name="connsiteX257" fmla="*/ 4237 w 10000"/>
                  <a:gd name="connsiteY257" fmla="*/ 3102 h 10000"/>
                  <a:gd name="connsiteX258" fmla="*/ 4262 w 10000"/>
                  <a:gd name="connsiteY258" fmla="*/ 3013 h 10000"/>
                  <a:gd name="connsiteX259" fmla="*/ 4237 w 10000"/>
                  <a:gd name="connsiteY259" fmla="*/ 2939 h 10000"/>
                  <a:gd name="connsiteX260" fmla="*/ 4213 w 10000"/>
                  <a:gd name="connsiteY260" fmla="*/ 2866 h 10000"/>
                  <a:gd name="connsiteX261" fmla="*/ 4140 w 10000"/>
                  <a:gd name="connsiteY261" fmla="*/ 2836 h 10000"/>
                  <a:gd name="connsiteX262" fmla="*/ 4044 w 10000"/>
                  <a:gd name="connsiteY262" fmla="*/ 2836 h 10000"/>
                  <a:gd name="connsiteX263" fmla="*/ 3923 w 10000"/>
                  <a:gd name="connsiteY263" fmla="*/ 2866 h 10000"/>
                  <a:gd name="connsiteX264" fmla="*/ 4019 w 10000"/>
                  <a:gd name="connsiteY264" fmla="*/ 2777 h 10000"/>
                  <a:gd name="connsiteX265" fmla="*/ 4068 w 10000"/>
                  <a:gd name="connsiteY265" fmla="*/ 2674 h 10000"/>
                  <a:gd name="connsiteX266" fmla="*/ 4092 w 10000"/>
                  <a:gd name="connsiteY266" fmla="*/ 2541 h 10000"/>
                  <a:gd name="connsiteX267" fmla="*/ 4092 w 10000"/>
                  <a:gd name="connsiteY267" fmla="*/ 2393 h 10000"/>
                  <a:gd name="connsiteX268" fmla="*/ 4116 w 10000"/>
                  <a:gd name="connsiteY268" fmla="*/ 2349 h 10000"/>
                  <a:gd name="connsiteX269" fmla="*/ 4165 w 10000"/>
                  <a:gd name="connsiteY269" fmla="*/ 2304 h 10000"/>
                  <a:gd name="connsiteX270" fmla="*/ 4213 w 10000"/>
                  <a:gd name="connsiteY270" fmla="*/ 2290 h 10000"/>
                  <a:gd name="connsiteX271" fmla="*/ 4286 w 10000"/>
                  <a:gd name="connsiteY271" fmla="*/ 2275 h 10000"/>
                  <a:gd name="connsiteX272" fmla="*/ 4504 w 10000"/>
                  <a:gd name="connsiteY272" fmla="*/ 2260 h 10000"/>
                  <a:gd name="connsiteX273" fmla="*/ 4697 w 10000"/>
                  <a:gd name="connsiteY273" fmla="*/ 2275 h 10000"/>
                  <a:gd name="connsiteX274" fmla="*/ 4673 w 10000"/>
                  <a:gd name="connsiteY274" fmla="*/ 2112 h 10000"/>
                  <a:gd name="connsiteX275" fmla="*/ 4625 w 10000"/>
                  <a:gd name="connsiteY275" fmla="*/ 1950 h 10000"/>
                  <a:gd name="connsiteX276" fmla="*/ 4552 w 10000"/>
                  <a:gd name="connsiteY276" fmla="*/ 1802 h 10000"/>
                  <a:gd name="connsiteX277" fmla="*/ 4455 w 10000"/>
                  <a:gd name="connsiteY277" fmla="*/ 1640 h 10000"/>
                  <a:gd name="connsiteX278" fmla="*/ 4213 w 10000"/>
                  <a:gd name="connsiteY278" fmla="*/ 1329 h 10000"/>
                  <a:gd name="connsiteX279" fmla="*/ 3971 w 10000"/>
                  <a:gd name="connsiteY279" fmla="*/ 1034 h 10000"/>
                  <a:gd name="connsiteX280" fmla="*/ 3850 w 10000"/>
                  <a:gd name="connsiteY280" fmla="*/ 901 h 10000"/>
                  <a:gd name="connsiteX281" fmla="*/ 3753 w 10000"/>
                  <a:gd name="connsiteY281" fmla="*/ 753 h 10000"/>
                  <a:gd name="connsiteX282" fmla="*/ 3680 w 10000"/>
                  <a:gd name="connsiteY282" fmla="*/ 620 h 10000"/>
                  <a:gd name="connsiteX283" fmla="*/ 3656 w 10000"/>
                  <a:gd name="connsiteY283" fmla="*/ 487 h 10000"/>
                  <a:gd name="connsiteX284" fmla="*/ 3632 w 10000"/>
                  <a:gd name="connsiteY284" fmla="*/ 355 h 10000"/>
                  <a:gd name="connsiteX285" fmla="*/ 3680 w 10000"/>
                  <a:gd name="connsiteY285" fmla="*/ 222 h 10000"/>
                  <a:gd name="connsiteX286" fmla="*/ 3705 w 10000"/>
                  <a:gd name="connsiteY286" fmla="*/ 162 h 10000"/>
                  <a:gd name="connsiteX287" fmla="*/ 3753 w 10000"/>
                  <a:gd name="connsiteY287" fmla="*/ 103 h 10000"/>
                  <a:gd name="connsiteX288" fmla="*/ 3826 w 10000"/>
                  <a:gd name="connsiteY288" fmla="*/ 59 h 10000"/>
                  <a:gd name="connsiteX289" fmla="*/ 3923 w 10000"/>
                  <a:gd name="connsiteY289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6852 w 10000"/>
                  <a:gd name="connsiteY60" fmla="*/ 4313 h 10000"/>
                  <a:gd name="connsiteX61" fmla="*/ 6852 w 10000"/>
                  <a:gd name="connsiteY61" fmla="*/ 4431 h 10000"/>
                  <a:gd name="connsiteX62" fmla="*/ 6852 w 10000"/>
                  <a:gd name="connsiteY62" fmla="*/ 4549 h 10000"/>
                  <a:gd name="connsiteX63" fmla="*/ 6804 w 10000"/>
                  <a:gd name="connsiteY63" fmla="*/ 4564 h 10000"/>
                  <a:gd name="connsiteX64" fmla="*/ 6731 w 10000"/>
                  <a:gd name="connsiteY64" fmla="*/ 4594 h 10000"/>
                  <a:gd name="connsiteX65" fmla="*/ 6683 w 10000"/>
                  <a:gd name="connsiteY65" fmla="*/ 4638 h 10000"/>
                  <a:gd name="connsiteX66" fmla="*/ 6683 w 10000"/>
                  <a:gd name="connsiteY66" fmla="*/ 4697 h 10000"/>
                  <a:gd name="connsiteX67" fmla="*/ 6659 w 10000"/>
                  <a:gd name="connsiteY67" fmla="*/ 4801 h 10000"/>
                  <a:gd name="connsiteX68" fmla="*/ 6659 w 10000"/>
                  <a:gd name="connsiteY68" fmla="*/ 4904 h 10000"/>
                  <a:gd name="connsiteX69" fmla="*/ 6538 w 10000"/>
                  <a:gd name="connsiteY69" fmla="*/ 4860 h 10000"/>
                  <a:gd name="connsiteX70" fmla="*/ 6465 w 10000"/>
                  <a:gd name="connsiteY70" fmla="*/ 4801 h 10000"/>
                  <a:gd name="connsiteX71" fmla="*/ 6392 w 10000"/>
                  <a:gd name="connsiteY71" fmla="*/ 4727 h 10000"/>
                  <a:gd name="connsiteX72" fmla="*/ 6320 w 10000"/>
                  <a:gd name="connsiteY72" fmla="*/ 4638 h 10000"/>
                  <a:gd name="connsiteX73" fmla="*/ 6199 w 10000"/>
                  <a:gd name="connsiteY73" fmla="*/ 4476 h 10000"/>
                  <a:gd name="connsiteX74" fmla="*/ 6077 w 10000"/>
                  <a:gd name="connsiteY74" fmla="*/ 4313 h 10000"/>
                  <a:gd name="connsiteX75" fmla="*/ 6223 w 10000"/>
                  <a:gd name="connsiteY75" fmla="*/ 4210 h 10000"/>
                  <a:gd name="connsiteX76" fmla="*/ 6416 w 10000"/>
                  <a:gd name="connsiteY76" fmla="*/ 4121 h 10000"/>
                  <a:gd name="connsiteX77" fmla="*/ 6634 w 10000"/>
                  <a:gd name="connsiteY77" fmla="*/ 4032 h 10000"/>
                  <a:gd name="connsiteX78" fmla="*/ 6877 w 10000"/>
                  <a:gd name="connsiteY78" fmla="*/ 3959 h 10000"/>
                  <a:gd name="connsiteX79" fmla="*/ 7385 w 10000"/>
                  <a:gd name="connsiteY79" fmla="*/ 3811 h 10000"/>
                  <a:gd name="connsiteX80" fmla="*/ 7893 w 10000"/>
                  <a:gd name="connsiteY80" fmla="*/ 3663 h 10000"/>
                  <a:gd name="connsiteX81" fmla="*/ 8136 w 10000"/>
                  <a:gd name="connsiteY81" fmla="*/ 3589 h 10000"/>
                  <a:gd name="connsiteX82" fmla="*/ 8378 w 10000"/>
                  <a:gd name="connsiteY82" fmla="*/ 3516 h 10000"/>
                  <a:gd name="connsiteX83" fmla="*/ 8571 w 10000"/>
                  <a:gd name="connsiteY83" fmla="*/ 3412 h 10000"/>
                  <a:gd name="connsiteX84" fmla="*/ 8765 w 10000"/>
                  <a:gd name="connsiteY84" fmla="*/ 3338 h 10000"/>
                  <a:gd name="connsiteX85" fmla="*/ 8886 w 10000"/>
                  <a:gd name="connsiteY85" fmla="*/ 3235 h 10000"/>
                  <a:gd name="connsiteX86" fmla="*/ 8983 w 10000"/>
                  <a:gd name="connsiteY86" fmla="*/ 3117 h 10000"/>
                  <a:gd name="connsiteX87" fmla="*/ 9007 w 10000"/>
                  <a:gd name="connsiteY87" fmla="*/ 3072 h 10000"/>
                  <a:gd name="connsiteX88" fmla="*/ 9031 w 10000"/>
                  <a:gd name="connsiteY88" fmla="*/ 3013 h 10000"/>
                  <a:gd name="connsiteX89" fmla="*/ 9031 w 10000"/>
                  <a:gd name="connsiteY89" fmla="*/ 2954 h 10000"/>
                  <a:gd name="connsiteX90" fmla="*/ 9007 w 10000"/>
                  <a:gd name="connsiteY90" fmla="*/ 2866 h 10000"/>
                  <a:gd name="connsiteX91" fmla="*/ 8838 w 10000"/>
                  <a:gd name="connsiteY91" fmla="*/ 2984 h 10000"/>
                  <a:gd name="connsiteX92" fmla="*/ 8644 w 10000"/>
                  <a:gd name="connsiteY92" fmla="*/ 3072 h 10000"/>
                  <a:gd name="connsiteX93" fmla="*/ 8450 w 10000"/>
                  <a:gd name="connsiteY93" fmla="*/ 3161 h 10000"/>
                  <a:gd name="connsiteX94" fmla="*/ 8257 w 10000"/>
                  <a:gd name="connsiteY94" fmla="*/ 3250 h 10000"/>
                  <a:gd name="connsiteX95" fmla="*/ 7821 w 10000"/>
                  <a:gd name="connsiteY95" fmla="*/ 3397 h 10000"/>
                  <a:gd name="connsiteX96" fmla="*/ 7361 w 10000"/>
                  <a:gd name="connsiteY96" fmla="*/ 3545 h 10000"/>
                  <a:gd name="connsiteX97" fmla="*/ 6901 w 10000"/>
                  <a:gd name="connsiteY97" fmla="*/ 3678 h 10000"/>
                  <a:gd name="connsiteX98" fmla="*/ 6465 w 10000"/>
                  <a:gd name="connsiteY98" fmla="*/ 3840 h 10000"/>
                  <a:gd name="connsiteX99" fmla="*/ 6247 w 10000"/>
                  <a:gd name="connsiteY99" fmla="*/ 3914 h 10000"/>
                  <a:gd name="connsiteX100" fmla="*/ 6053 w 10000"/>
                  <a:gd name="connsiteY100" fmla="*/ 4003 h 10000"/>
                  <a:gd name="connsiteX101" fmla="*/ 5860 w 10000"/>
                  <a:gd name="connsiteY101" fmla="*/ 4106 h 10000"/>
                  <a:gd name="connsiteX102" fmla="*/ 5666 w 10000"/>
                  <a:gd name="connsiteY102" fmla="*/ 4195 h 10000"/>
                  <a:gd name="connsiteX103" fmla="*/ 5811 w 10000"/>
                  <a:gd name="connsiteY103" fmla="*/ 4417 h 10000"/>
                  <a:gd name="connsiteX104" fmla="*/ 5908 w 10000"/>
                  <a:gd name="connsiteY104" fmla="*/ 4623 h 10000"/>
                  <a:gd name="connsiteX105" fmla="*/ 6005 w 10000"/>
                  <a:gd name="connsiteY105" fmla="*/ 4845 h 10000"/>
                  <a:gd name="connsiteX106" fmla="*/ 6077 w 10000"/>
                  <a:gd name="connsiteY106" fmla="*/ 5081 h 10000"/>
                  <a:gd name="connsiteX107" fmla="*/ 6126 w 10000"/>
                  <a:gd name="connsiteY107" fmla="*/ 5318 h 10000"/>
                  <a:gd name="connsiteX108" fmla="*/ 6150 w 10000"/>
                  <a:gd name="connsiteY108" fmla="*/ 5539 h 10000"/>
                  <a:gd name="connsiteX109" fmla="*/ 6174 w 10000"/>
                  <a:gd name="connsiteY109" fmla="*/ 5775 h 10000"/>
                  <a:gd name="connsiteX110" fmla="*/ 6174 w 10000"/>
                  <a:gd name="connsiteY110" fmla="*/ 5997 h 10000"/>
                  <a:gd name="connsiteX111" fmla="*/ 6150 w 10000"/>
                  <a:gd name="connsiteY111" fmla="*/ 6233 h 10000"/>
                  <a:gd name="connsiteX112" fmla="*/ 6102 w 10000"/>
                  <a:gd name="connsiteY112" fmla="*/ 6470 h 10000"/>
                  <a:gd name="connsiteX113" fmla="*/ 6053 w 10000"/>
                  <a:gd name="connsiteY113" fmla="*/ 6677 h 10000"/>
                  <a:gd name="connsiteX114" fmla="*/ 5981 w 10000"/>
                  <a:gd name="connsiteY114" fmla="*/ 6898 h 10000"/>
                  <a:gd name="connsiteX115" fmla="*/ 5884 w 10000"/>
                  <a:gd name="connsiteY115" fmla="*/ 7105 h 10000"/>
                  <a:gd name="connsiteX116" fmla="*/ 5763 w 10000"/>
                  <a:gd name="connsiteY116" fmla="*/ 7297 h 10000"/>
                  <a:gd name="connsiteX117" fmla="*/ 5617 w 10000"/>
                  <a:gd name="connsiteY117" fmla="*/ 7489 h 10000"/>
                  <a:gd name="connsiteX118" fmla="*/ 5472 w 10000"/>
                  <a:gd name="connsiteY118" fmla="*/ 7681 h 10000"/>
                  <a:gd name="connsiteX119" fmla="*/ 6174 w 10000"/>
                  <a:gd name="connsiteY119" fmla="*/ 7799 h 10000"/>
                  <a:gd name="connsiteX120" fmla="*/ 6901 w 10000"/>
                  <a:gd name="connsiteY120" fmla="*/ 7962 h 10000"/>
                  <a:gd name="connsiteX121" fmla="*/ 7046 w 10000"/>
                  <a:gd name="connsiteY121" fmla="*/ 8021 h 10000"/>
                  <a:gd name="connsiteX122" fmla="*/ 7167 w 10000"/>
                  <a:gd name="connsiteY122" fmla="*/ 8080 h 10000"/>
                  <a:gd name="connsiteX123" fmla="*/ 7288 w 10000"/>
                  <a:gd name="connsiteY123" fmla="*/ 8139 h 10000"/>
                  <a:gd name="connsiteX124" fmla="*/ 7361 w 10000"/>
                  <a:gd name="connsiteY124" fmla="*/ 8227 h 10000"/>
                  <a:gd name="connsiteX125" fmla="*/ 7385 w 10000"/>
                  <a:gd name="connsiteY125" fmla="*/ 8301 h 10000"/>
                  <a:gd name="connsiteX126" fmla="*/ 7385 w 10000"/>
                  <a:gd name="connsiteY126" fmla="*/ 8405 h 10000"/>
                  <a:gd name="connsiteX127" fmla="*/ 7337 w 10000"/>
                  <a:gd name="connsiteY127" fmla="*/ 8523 h 10000"/>
                  <a:gd name="connsiteX128" fmla="*/ 7264 w 10000"/>
                  <a:gd name="connsiteY128" fmla="*/ 8641 h 10000"/>
                  <a:gd name="connsiteX129" fmla="*/ 6949 w 10000"/>
                  <a:gd name="connsiteY129" fmla="*/ 8552 h 10000"/>
                  <a:gd name="connsiteX130" fmla="*/ 6659 w 10000"/>
                  <a:gd name="connsiteY130" fmla="*/ 8449 h 10000"/>
                  <a:gd name="connsiteX131" fmla="*/ 6368 w 10000"/>
                  <a:gd name="connsiteY131" fmla="*/ 8360 h 10000"/>
                  <a:gd name="connsiteX132" fmla="*/ 6077 w 10000"/>
                  <a:gd name="connsiteY132" fmla="*/ 8287 h 10000"/>
                  <a:gd name="connsiteX133" fmla="*/ 5956 w 10000"/>
                  <a:gd name="connsiteY133" fmla="*/ 8449 h 10000"/>
                  <a:gd name="connsiteX134" fmla="*/ 5860 w 10000"/>
                  <a:gd name="connsiteY134" fmla="*/ 8597 h 10000"/>
                  <a:gd name="connsiteX135" fmla="*/ 5811 w 10000"/>
                  <a:gd name="connsiteY135" fmla="*/ 8656 h 10000"/>
                  <a:gd name="connsiteX136" fmla="*/ 5714 w 10000"/>
                  <a:gd name="connsiteY136" fmla="*/ 8700 h 10000"/>
                  <a:gd name="connsiteX137" fmla="*/ 5642 w 10000"/>
                  <a:gd name="connsiteY137" fmla="*/ 8744 h 10000"/>
                  <a:gd name="connsiteX138" fmla="*/ 5569 w 10000"/>
                  <a:gd name="connsiteY138" fmla="*/ 8774 h 10000"/>
                  <a:gd name="connsiteX139" fmla="*/ 5496 w 10000"/>
                  <a:gd name="connsiteY139" fmla="*/ 8804 h 10000"/>
                  <a:gd name="connsiteX140" fmla="*/ 5400 w 10000"/>
                  <a:gd name="connsiteY140" fmla="*/ 8818 h 10000"/>
                  <a:gd name="connsiteX141" fmla="*/ 5278 w 10000"/>
                  <a:gd name="connsiteY141" fmla="*/ 8833 h 10000"/>
                  <a:gd name="connsiteX142" fmla="*/ 5157 w 10000"/>
                  <a:gd name="connsiteY142" fmla="*/ 8833 h 10000"/>
                  <a:gd name="connsiteX143" fmla="*/ 4867 w 10000"/>
                  <a:gd name="connsiteY143" fmla="*/ 8818 h 10000"/>
                  <a:gd name="connsiteX144" fmla="*/ 4504 w 10000"/>
                  <a:gd name="connsiteY144" fmla="*/ 8744 h 10000"/>
                  <a:gd name="connsiteX145" fmla="*/ 4504 w 10000"/>
                  <a:gd name="connsiteY145" fmla="*/ 8922 h 10000"/>
                  <a:gd name="connsiteX146" fmla="*/ 4479 w 10000"/>
                  <a:gd name="connsiteY146" fmla="*/ 9069 h 10000"/>
                  <a:gd name="connsiteX147" fmla="*/ 4455 w 10000"/>
                  <a:gd name="connsiteY147" fmla="*/ 9232 h 10000"/>
                  <a:gd name="connsiteX148" fmla="*/ 4431 w 10000"/>
                  <a:gd name="connsiteY148" fmla="*/ 9365 h 10000"/>
                  <a:gd name="connsiteX149" fmla="*/ 4383 w 10000"/>
                  <a:gd name="connsiteY149" fmla="*/ 9498 h 10000"/>
                  <a:gd name="connsiteX150" fmla="*/ 4286 w 10000"/>
                  <a:gd name="connsiteY150" fmla="*/ 9616 h 10000"/>
                  <a:gd name="connsiteX151" fmla="*/ 4213 w 10000"/>
                  <a:gd name="connsiteY151" fmla="*/ 9734 h 10000"/>
                  <a:gd name="connsiteX152" fmla="*/ 4092 w 10000"/>
                  <a:gd name="connsiteY152" fmla="*/ 9838 h 10000"/>
                  <a:gd name="connsiteX153" fmla="*/ 3801 w 10000"/>
                  <a:gd name="connsiteY153" fmla="*/ 9897 h 10000"/>
                  <a:gd name="connsiteX154" fmla="*/ 3559 w 10000"/>
                  <a:gd name="connsiteY154" fmla="*/ 9941 h 10000"/>
                  <a:gd name="connsiteX155" fmla="*/ 3269 w 10000"/>
                  <a:gd name="connsiteY155" fmla="*/ 9985 h 10000"/>
                  <a:gd name="connsiteX156" fmla="*/ 3051 w 10000"/>
                  <a:gd name="connsiteY156" fmla="*/ 10000 h 10000"/>
                  <a:gd name="connsiteX157" fmla="*/ 2567 w 10000"/>
                  <a:gd name="connsiteY157" fmla="*/ 10000 h 10000"/>
                  <a:gd name="connsiteX158" fmla="*/ 2107 w 10000"/>
                  <a:gd name="connsiteY158" fmla="*/ 9985 h 10000"/>
                  <a:gd name="connsiteX159" fmla="*/ 1671 w 10000"/>
                  <a:gd name="connsiteY159" fmla="*/ 9941 h 10000"/>
                  <a:gd name="connsiteX160" fmla="*/ 1211 w 10000"/>
                  <a:gd name="connsiteY160" fmla="*/ 9911 h 10000"/>
                  <a:gd name="connsiteX161" fmla="*/ 944 w 10000"/>
                  <a:gd name="connsiteY161" fmla="*/ 9911 h 10000"/>
                  <a:gd name="connsiteX162" fmla="*/ 702 w 10000"/>
                  <a:gd name="connsiteY162" fmla="*/ 9911 h 10000"/>
                  <a:gd name="connsiteX163" fmla="*/ 436 w 10000"/>
                  <a:gd name="connsiteY163" fmla="*/ 9926 h 10000"/>
                  <a:gd name="connsiteX164" fmla="*/ 169 w 10000"/>
                  <a:gd name="connsiteY164" fmla="*/ 9970 h 10000"/>
                  <a:gd name="connsiteX165" fmla="*/ 97 w 10000"/>
                  <a:gd name="connsiteY165" fmla="*/ 9867 h 10000"/>
                  <a:gd name="connsiteX166" fmla="*/ 48 w 10000"/>
                  <a:gd name="connsiteY166" fmla="*/ 9793 h 10000"/>
                  <a:gd name="connsiteX167" fmla="*/ 0 w 10000"/>
                  <a:gd name="connsiteY167" fmla="*/ 9705 h 10000"/>
                  <a:gd name="connsiteX168" fmla="*/ 0 w 10000"/>
                  <a:gd name="connsiteY168" fmla="*/ 9601 h 10000"/>
                  <a:gd name="connsiteX169" fmla="*/ 48 w 10000"/>
                  <a:gd name="connsiteY169" fmla="*/ 9424 h 10000"/>
                  <a:gd name="connsiteX170" fmla="*/ 97 w 10000"/>
                  <a:gd name="connsiteY170" fmla="*/ 9202 h 10000"/>
                  <a:gd name="connsiteX171" fmla="*/ 145 w 10000"/>
                  <a:gd name="connsiteY171" fmla="*/ 8996 h 10000"/>
                  <a:gd name="connsiteX172" fmla="*/ 194 w 10000"/>
                  <a:gd name="connsiteY172" fmla="*/ 8759 h 10000"/>
                  <a:gd name="connsiteX173" fmla="*/ 218 w 10000"/>
                  <a:gd name="connsiteY173" fmla="*/ 8641 h 10000"/>
                  <a:gd name="connsiteX174" fmla="*/ 218 w 10000"/>
                  <a:gd name="connsiteY174" fmla="*/ 8538 h 10000"/>
                  <a:gd name="connsiteX175" fmla="*/ 194 w 10000"/>
                  <a:gd name="connsiteY175" fmla="*/ 8405 h 10000"/>
                  <a:gd name="connsiteX176" fmla="*/ 169 w 10000"/>
                  <a:gd name="connsiteY176" fmla="*/ 8287 h 10000"/>
                  <a:gd name="connsiteX177" fmla="*/ 412 w 10000"/>
                  <a:gd name="connsiteY177" fmla="*/ 8213 h 10000"/>
                  <a:gd name="connsiteX178" fmla="*/ 654 w 10000"/>
                  <a:gd name="connsiteY178" fmla="*/ 8139 h 10000"/>
                  <a:gd name="connsiteX179" fmla="*/ 896 w 10000"/>
                  <a:gd name="connsiteY179" fmla="*/ 8095 h 10000"/>
                  <a:gd name="connsiteX180" fmla="*/ 1162 w 10000"/>
                  <a:gd name="connsiteY180" fmla="*/ 8065 h 10000"/>
                  <a:gd name="connsiteX181" fmla="*/ 1646 w 10000"/>
                  <a:gd name="connsiteY181" fmla="*/ 8021 h 10000"/>
                  <a:gd name="connsiteX182" fmla="*/ 2131 w 10000"/>
                  <a:gd name="connsiteY182" fmla="*/ 7976 h 10000"/>
                  <a:gd name="connsiteX183" fmla="*/ 2349 w 10000"/>
                  <a:gd name="connsiteY183" fmla="*/ 7947 h 10000"/>
                  <a:gd name="connsiteX184" fmla="*/ 2567 w 10000"/>
                  <a:gd name="connsiteY184" fmla="*/ 7917 h 10000"/>
                  <a:gd name="connsiteX185" fmla="*/ 2760 w 10000"/>
                  <a:gd name="connsiteY185" fmla="*/ 7843 h 10000"/>
                  <a:gd name="connsiteX186" fmla="*/ 2954 w 10000"/>
                  <a:gd name="connsiteY186" fmla="*/ 7784 h 10000"/>
                  <a:gd name="connsiteX187" fmla="*/ 3123 w 10000"/>
                  <a:gd name="connsiteY187" fmla="*/ 7710 h 10000"/>
                  <a:gd name="connsiteX188" fmla="*/ 3269 w 10000"/>
                  <a:gd name="connsiteY188" fmla="*/ 7592 h 10000"/>
                  <a:gd name="connsiteX189" fmla="*/ 3414 w 10000"/>
                  <a:gd name="connsiteY189" fmla="*/ 7474 h 10000"/>
                  <a:gd name="connsiteX190" fmla="*/ 3511 w 10000"/>
                  <a:gd name="connsiteY190" fmla="*/ 7312 h 10000"/>
                  <a:gd name="connsiteX191" fmla="*/ 3317 w 10000"/>
                  <a:gd name="connsiteY191" fmla="*/ 7238 h 10000"/>
                  <a:gd name="connsiteX192" fmla="*/ 3148 w 10000"/>
                  <a:gd name="connsiteY192" fmla="*/ 7179 h 10000"/>
                  <a:gd name="connsiteX193" fmla="*/ 3002 w 10000"/>
                  <a:gd name="connsiteY193" fmla="*/ 7090 h 10000"/>
                  <a:gd name="connsiteX194" fmla="*/ 2857 w 10000"/>
                  <a:gd name="connsiteY194" fmla="*/ 6987 h 10000"/>
                  <a:gd name="connsiteX195" fmla="*/ 2760 w 10000"/>
                  <a:gd name="connsiteY195" fmla="*/ 6869 h 10000"/>
                  <a:gd name="connsiteX196" fmla="*/ 2712 w 10000"/>
                  <a:gd name="connsiteY196" fmla="*/ 6721 h 10000"/>
                  <a:gd name="connsiteX197" fmla="*/ 2688 w 10000"/>
                  <a:gd name="connsiteY197" fmla="*/ 6558 h 10000"/>
                  <a:gd name="connsiteX198" fmla="*/ 2712 w 10000"/>
                  <a:gd name="connsiteY198" fmla="*/ 6352 h 10000"/>
                  <a:gd name="connsiteX199" fmla="*/ 2591 w 10000"/>
                  <a:gd name="connsiteY199" fmla="*/ 6322 h 10000"/>
                  <a:gd name="connsiteX200" fmla="*/ 2446 w 10000"/>
                  <a:gd name="connsiteY200" fmla="*/ 6292 h 10000"/>
                  <a:gd name="connsiteX201" fmla="*/ 2276 w 10000"/>
                  <a:gd name="connsiteY201" fmla="*/ 6278 h 10000"/>
                  <a:gd name="connsiteX202" fmla="*/ 2107 w 10000"/>
                  <a:gd name="connsiteY202" fmla="*/ 6263 h 10000"/>
                  <a:gd name="connsiteX203" fmla="*/ 1768 w 10000"/>
                  <a:gd name="connsiteY203" fmla="*/ 6248 h 10000"/>
                  <a:gd name="connsiteX204" fmla="*/ 1404 w 10000"/>
                  <a:gd name="connsiteY204" fmla="*/ 6263 h 10000"/>
                  <a:gd name="connsiteX205" fmla="*/ 1090 w 10000"/>
                  <a:gd name="connsiteY205" fmla="*/ 6278 h 10000"/>
                  <a:gd name="connsiteX206" fmla="*/ 799 w 10000"/>
                  <a:gd name="connsiteY206" fmla="*/ 6278 h 10000"/>
                  <a:gd name="connsiteX207" fmla="*/ 557 w 10000"/>
                  <a:gd name="connsiteY207" fmla="*/ 6263 h 10000"/>
                  <a:gd name="connsiteX208" fmla="*/ 363 w 10000"/>
                  <a:gd name="connsiteY208" fmla="*/ 6233 h 10000"/>
                  <a:gd name="connsiteX209" fmla="*/ 605 w 10000"/>
                  <a:gd name="connsiteY209" fmla="*/ 5805 h 10000"/>
                  <a:gd name="connsiteX210" fmla="*/ 872 w 10000"/>
                  <a:gd name="connsiteY210" fmla="*/ 5391 h 10000"/>
                  <a:gd name="connsiteX211" fmla="*/ 969 w 10000"/>
                  <a:gd name="connsiteY211" fmla="*/ 5170 h 10000"/>
                  <a:gd name="connsiteX212" fmla="*/ 1041 w 10000"/>
                  <a:gd name="connsiteY212" fmla="*/ 4963 h 10000"/>
                  <a:gd name="connsiteX213" fmla="*/ 1065 w 10000"/>
                  <a:gd name="connsiteY213" fmla="*/ 4860 h 10000"/>
                  <a:gd name="connsiteX214" fmla="*/ 1041 w 10000"/>
                  <a:gd name="connsiteY214" fmla="*/ 4756 h 10000"/>
                  <a:gd name="connsiteX215" fmla="*/ 1017 w 10000"/>
                  <a:gd name="connsiteY215" fmla="*/ 4653 h 10000"/>
                  <a:gd name="connsiteX216" fmla="*/ 944 w 10000"/>
                  <a:gd name="connsiteY216" fmla="*/ 4549 h 10000"/>
                  <a:gd name="connsiteX217" fmla="*/ 1211 w 10000"/>
                  <a:gd name="connsiteY217" fmla="*/ 4520 h 10000"/>
                  <a:gd name="connsiteX218" fmla="*/ 1404 w 10000"/>
                  <a:gd name="connsiteY218" fmla="*/ 4505 h 10000"/>
                  <a:gd name="connsiteX219" fmla="*/ 1574 w 10000"/>
                  <a:gd name="connsiteY219" fmla="*/ 4505 h 10000"/>
                  <a:gd name="connsiteX220" fmla="*/ 1719 w 10000"/>
                  <a:gd name="connsiteY220" fmla="*/ 4520 h 10000"/>
                  <a:gd name="connsiteX221" fmla="*/ 1840 w 10000"/>
                  <a:gd name="connsiteY221" fmla="*/ 4520 h 10000"/>
                  <a:gd name="connsiteX222" fmla="*/ 1985 w 10000"/>
                  <a:gd name="connsiteY222" fmla="*/ 4520 h 10000"/>
                  <a:gd name="connsiteX223" fmla="*/ 2131 w 10000"/>
                  <a:gd name="connsiteY223" fmla="*/ 4490 h 10000"/>
                  <a:gd name="connsiteX224" fmla="*/ 2324 w 10000"/>
                  <a:gd name="connsiteY224" fmla="*/ 4446 h 10000"/>
                  <a:gd name="connsiteX225" fmla="*/ 2324 w 10000"/>
                  <a:gd name="connsiteY225" fmla="*/ 4579 h 10000"/>
                  <a:gd name="connsiteX226" fmla="*/ 2324 w 10000"/>
                  <a:gd name="connsiteY226" fmla="*/ 4742 h 10000"/>
                  <a:gd name="connsiteX227" fmla="*/ 2324 w 10000"/>
                  <a:gd name="connsiteY227" fmla="*/ 4874 h 10000"/>
                  <a:gd name="connsiteX228" fmla="*/ 2324 w 10000"/>
                  <a:gd name="connsiteY228" fmla="*/ 5037 h 10000"/>
                  <a:gd name="connsiteX229" fmla="*/ 2542 w 10000"/>
                  <a:gd name="connsiteY229" fmla="*/ 5022 h 10000"/>
                  <a:gd name="connsiteX230" fmla="*/ 2688 w 10000"/>
                  <a:gd name="connsiteY230" fmla="*/ 5037 h 10000"/>
                  <a:gd name="connsiteX231" fmla="*/ 2809 w 10000"/>
                  <a:gd name="connsiteY231" fmla="*/ 5066 h 10000"/>
                  <a:gd name="connsiteX232" fmla="*/ 2930 w 10000"/>
                  <a:gd name="connsiteY232" fmla="*/ 5096 h 10000"/>
                  <a:gd name="connsiteX233" fmla="*/ 3027 w 10000"/>
                  <a:gd name="connsiteY233" fmla="*/ 5126 h 10000"/>
                  <a:gd name="connsiteX234" fmla="*/ 3148 w 10000"/>
                  <a:gd name="connsiteY234" fmla="*/ 5155 h 10000"/>
                  <a:gd name="connsiteX235" fmla="*/ 3293 w 10000"/>
                  <a:gd name="connsiteY235" fmla="*/ 5170 h 10000"/>
                  <a:gd name="connsiteX236" fmla="*/ 3511 w 10000"/>
                  <a:gd name="connsiteY236" fmla="*/ 5155 h 10000"/>
                  <a:gd name="connsiteX237" fmla="*/ 3584 w 10000"/>
                  <a:gd name="connsiteY237" fmla="*/ 5096 h 10000"/>
                  <a:gd name="connsiteX238" fmla="*/ 3656 w 10000"/>
                  <a:gd name="connsiteY238" fmla="*/ 5022 h 10000"/>
                  <a:gd name="connsiteX239" fmla="*/ 3680 w 10000"/>
                  <a:gd name="connsiteY239" fmla="*/ 4934 h 10000"/>
                  <a:gd name="connsiteX240" fmla="*/ 3705 w 10000"/>
                  <a:gd name="connsiteY240" fmla="*/ 4860 h 10000"/>
                  <a:gd name="connsiteX241" fmla="*/ 3729 w 10000"/>
                  <a:gd name="connsiteY241" fmla="*/ 4697 h 10000"/>
                  <a:gd name="connsiteX242" fmla="*/ 3705 w 10000"/>
                  <a:gd name="connsiteY242" fmla="*/ 4520 h 10000"/>
                  <a:gd name="connsiteX243" fmla="*/ 3632 w 10000"/>
                  <a:gd name="connsiteY243" fmla="*/ 4343 h 10000"/>
                  <a:gd name="connsiteX244" fmla="*/ 3559 w 10000"/>
                  <a:gd name="connsiteY244" fmla="*/ 4195 h 10000"/>
                  <a:gd name="connsiteX245" fmla="*/ 3438 w 10000"/>
                  <a:gd name="connsiteY245" fmla="*/ 4047 h 10000"/>
                  <a:gd name="connsiteX246" fmla="*/ 3317 w 10000"/>
                  <a:gd name="connsiteY246" fmla="*/ 3959 h 10000"/>
                  <a:gd name="connsiteX247" fmla="*/ 3462 w 10000"/>
                  <a:gd name="connsiteY247" fmla="*/ 3944 h 10000"/>
                  <a:gd name="connsiteX248" fmla="*/ 3584 w 10000"/>
                  <a:gd name="connsiteY248" fmla="*/ 3914 h 10000"/>
                  <a:gd name="connsiteX249" fmla="*/ 3680 w 10000"/>
                  <a:gd name="connsiteY249" fmla="*/ 3855 h 10000"/>
                  <a:gd name="connsiteX250" fmla="*/ 3801 w 10000"/>
                  <a:gd name="connsiteY250" fmla="*/ 3752 h 10000"/>
                  <a:gd name="connsiteX251" fmla="*/ 3923 w 10000"/>
                  <a:gd name="connsiteY251" fmla="*/ 3663 h 10000"/>
                  <a:gd name="connsiteX252" fmla="*/ 4019 w 10000"/>
                  <a:gd name="connsiteY252" fmla="*/ 3560 h 10000"/>
                  <a:gd name="connsiteX253" fmla="*/ 4092 w 10000"/>
                  <a:gd name="connsiteY253" fmla="*/ 3442 h 10000"/>
                  <a:gd name="connsiteX254" fmla="*/ 4165 w 10000"/>
                  <a:gd name="connsiteY254" fmla="*/ 3323 h 10000"/>
                  <a:gd name="connsiteX255" fmla="*/ 4213 w 10000"/>
                  <a:gd name="connsiteY255" fmla="*/ 3220 h 10000"/>
                  <a:gd name="connsiteX256" fmla="*/ 4237 w 10000"/>
                  <a:gd name="connsiteY256" fmla="*/ 3102 h 10000"/>
                  <a:gd name="connsiteX257" fmla="*/ 4262 w 10000"/>
                  <a:gd name="connsiteY257" fmla="*/ 3013 h 10000"/>
                  <a:gd name="connsiteX258" fmla="*/ 4237 w 10000"/>
                  <a:gd name="connsiteY258" fmla="*/ 2939 h 10000"/>
                  <a:gd name="connsiteX259" fmla="*/ 4213 w 10000"/>
                  <a:gd name="connsiteY259" fmla="*/ 2866 h 10000"/>
                  <a:gd name="connsiteX260" fmla="*/ 4140 w 10000"/>
                  <a:gd name="connsiteY260" fmla="*/ 2836 h 10000"/>
                  <a:gd name="connsiteX261" fmla="*/ 4044 w 10000"/>
                  <a:gd name="connsiteY261" fmla="*/ 2836 h 10000"/>
                  <a:gd name="connsiteX262" fmla="*/ 3923 w 10000"/>
                  <a:gd name="connsiteY262" fmla="*/ 2866 h 10000"/>
                  <a:gd name="connsiteX263" fmla="*/ 4019 w 10000"/>
                  <a:gd name="connsiteY263" fmla="*/ 2777 h 10000"/>
                  <a:gd name="connsiteX264" fmla="*/ 4068 w 10000"/>
                  <a:gd name="connsiteY264" fmla="*/ 2674 h 10000"/>
                  <a:gd name="connsiteX265" fmla="*/ 4092 w 10000"/>
                  <a:gd name="connsiteY265" fmla="*/ 2541 h 10000"/>
                  <a:gd name="connsiteX266" fmla="*/ 4092 w 10000"/>
                  <a:gd name="connsiteY266" fmla="*/ 2393 h 10000"/>
                  <a:gd name="connsiteX267" fmla="*/ 4116 w 10000"/>
                  <a:gd name="connsiteY267" fmla="*/ 2349 h 10000"/>
                  <a:gd name="connsiteX268" fmla="*/ 4165 w 10000"/>
                  <a:gd name="connsiteY268" fmla="*/ 2304 h 10000"/>
                  <a:gd name="connsiteX269" fmla="*/ 4213 w 10000"/>
                  <a:gd name="connsiteY269" fmla="*/ 2290 h 10000"/>
                  <a:gd name="connsiteX270" fmla="*/ 4286 w 10000"/>
                  <a:gd name="connsiteY270" fmla="*/ 2275 h 10000"/>
                  <a:gd name="connsiteX271" fmla="*/ 4504 w 10000"/>
                  <a:gd name="connsiteY271" fmla="*/ 2260 h 10000"/>
                  <a:gd name="connsiteX272" fmla="*/ 4697 w 10000"/>
                  <a:gd name="connsiteY272" fmla="*/ 2275 h 10000"/>
                  <a:gd name="connsiteX273" fmla="*/ 4673 w 10000"/>
                  <a:gd name="connsiteY273" fmla="*/ 2112 h 10000"/>
                  <a:gd name="connsiteX274" fmla="*/ 4625 w 10000"/>
                  <a:gd name="connsiteY274" fmla="*/ 1950 h 10000"/>
                  <a:gd name="connsiteX275" fmla="*/ 4552 w 10000"/>
                  <a:gd name="connsiteY275" fmla="*/ 1802 h 10000"/>
                  <a:gd name="connsiteX276" fmla="*/ 4455 w 10000"/>
                  <a:gd name="connsiteY276" fmla="*/ 1640 h 10000"/>
                  <a:gd name="connsiteX277" fmla="*/ 4213 w 10000"/>
                  <a:gd name="connsiteY277" fmla="*/ 1329 h 10000"/>
                  <a:gd name="connsiteX278" fmla="*/ 3971 w 10000"/>
                  <a:gd name="connsiteY278" fmla="*/ 1034 h 10000"/>
                  <a:gd name="connsiteX279" fmla="*/ 3850 w 10000"/>
                  <a:gd name="connsiteY279" fmla="*/ 901 h 10000"/>
                  <a:gd name="connsiteX280" fmla="*/ 3753 w 10000"/>
                  <a:gd name="connsiteY280" fmla="*/ 753 h 10000"/>
                  <a:gd name="connsiteX281" fmla="*/ 3680 w 10000"/>
                  <a:gd name="connsiteY281" fmla="*/ 620 h 10000"/>
                  <a:gd name="connsiteX282" fmla="*/ 3656 w 10000"/>
                  <a:gd name="connsiteY282" fmla="*/ 487 h 10000"/>
                  <a:gd name="connsiteX283" fmla="*/ 3632 w 10000"/>
                  <a:gd name="connsiteY283" fmla="*/ 355 h 10000"/>
                  <a:gd name="connsiteX284" fmla="*/ 3680 w 10000"/>
                  <a:gd name="connsiteY284" fmla="*/ 222 h 10000"/>
                  <a:gd name="connsiteX285" fmla="*/ 3705 w 10000"/>
                  <a:gd name="connsiteY285" fmla="*/ 162 h 10000"/>
                  <a:gd name="connsiteX286" fmla="*/ 3753 w 10000"/>
                  <a:gd name="connsiteY286" fmla="*/ 103 h 10000"/>
                  <a:gd name="connsiteX287" fmla="*/ 3826 w 10000"/>
                  <a:gd name="connsiteY287" fmla="*/ 59 h 10000"/>
                  <a:gd name="connsiteX288" fmla="*/ 3923 w 10000"/>
                  <a:gd name="connsiteY288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6852 w 10000"/>
                  <a:gd name="connsiteY59" fmla="*/ 4313 h 10000"/>
                  <a:gd name="connsiteX60" fmla="*/ 6852 w 10000"/>
                  <a:gd name="connsiteY60" fmla="*/ 4431 h 10000"/>
                  <a:gd name="connsiteX61" fmla="*/ 6852 w 10000"/>
                  <a:gd name="connsiteY61" fmla="*/ 4549 h 10000"/>
                  <a:gd name="connsiteX62" fmla="*/ 6804 w 10000"/>
                  <a:gd name="connsiteY62" fmla="*/ 4564 h 10000"/>
                  <a:gd name="connsiteX63" fmla="*/ 6731 w 10000"/>
                  <a:gd name="connsiteY63" fmla="*/ 4594 h 10000"/>
                  <a:gd name="connsiteX64" fmla="*/ 6683 w 10000"/>
                  <a:gd name="connsiteY64" fmla="*/ 4638 h 10000"/>
                  <a:gd name="connsiteX65" fmla="*/ 6683 w 10000"/>
                  <a:gd name="connsiteY65" fmla="*/ 4697 h 10000"/>
                  <a:gd name="connsiteX66" fmla="*/ 6659 w 10000"/>
                  <a:gd name="connsiteY66" fmla="*/ 4801 h 10000"/>
                  <a:gd name="connsiteX67" fmla="*/ 6659 w 10000"/>
                  <a:gd name="connsiteY67" fmla="*/ 4904 h 10000"/>
                  <a:gd name="connsiteX68" fmla="*/ 6538 w 10000"/>
                  <a:gd name="connsiteY68" fmla="*/ 4860 h 10000"/>
                  <a:gd name="connsiteX69" fmla="*/ 6465 w 10000"/>
                  <a:gd name="connsiteY69" fmla="*/ 4801 h 10000"/>
                  <a:gd name="connsiteX70" fmla="*/ 6392 w 10000"/>
                  <a:gd name="connsiteY70" fmla="*/ 4727 h 10000"/>
                  <a:gd name="connsiteX71" fmla="*/ 6320 w 10000"/>
                  <a:gd name="connsiteY71" fmla="*/ 4638 h 10000"/>
                  <a:gd name="connsiteX72" fmla="*/ 6199 w 10000"/>
                  <a:gd name="connsiteY72" fmla="*/ 4476 h 10000"/>
                  <a:gd name="connsiteX73" fmla="*/ 6077 w 10000"/>
                  <a:gd name="connsiteY73" fmla="*/ 4313 h 10000"/>
                  <a:gd name="connsiteX74" fmla="*/ 6223 w 10000"/>
                  <a:gd name="connsiteY74" fmla="*/ 4210 h 10000"/>
                  <a:gd name="connsiteX75" fmla="*/ 6416 w 10000"/>
                  <a:gd name="connsiteY75" fmla="*/ 4121 h 10000"/>
                  <a:gd name="connsiteX76" fmla="*/ 6634 w 10000"/>
                  <a:gd name="connsiteY76" fmla="*/ 4032 h 10000"/>
                  <a:gd name="connsiteX77" fmla="*/ 6877 w 10000"/>
                  <a:gd name="connsiteY77" fmla="*/ 3959 h 10000"/>
                  <a:gd name="connsiteX78" fmla="*/ 7385 w 10000"/>
                  <a:gd name="connsiteY78" fmla="*/ 3811 h 10000"/>
                  <a:gd name="connsiteX79" fmla="*/ 7893 w 10000"/>
                  <a:gd name="connsiteY79" fmla="*/ 3663 h 10000"/>
                  <a:gd name="connsiteX80" fmla="*/ 8136 w 10000"/>
                  <a:gd name="connsiteY80" fmla="*/ 3589 h 10000"/>
                  <a:gd name="connsiteX81" fmla="*/ 8378 w 10000"/>
                  <a:gd name="connsiteY81" fmla="*/ 3516 h 10000"/>
                  <a:gd name="connsiteX82" fmla="*/ 8571 w 10000"/>
                  <a:gd name="connsiteY82" fmla="*/ 3412 h 10000"/>
                  <a:gd name="connsiteX83" fmla="*/ 8765 w 10000"/>
                  <a:gd name="connsiteY83" fmla="*/ 3338 h 10000"/>
                  <a:gd name="connsiteX84" fmla="*/ 8886 w 10000"/>
                  <a:gd name="connsiteY84" fmla="*/ 3235 h 10000"/>
                  <a:gd name="connsiteX85" fmla="*/ 8983 w 10000"/>
                  <a:gd name="connsiteY85" fmla="*/ 3117 h 10000"/>
                  <a:gd name="connsiteX86" fmla="*/ 9007 w 10000"/>
                  <a:gd name="connsiteY86" fmla="*/ 3072 h 10000"/>
                  <a:gd name="connsiteX87" fmla="*/ 9031 w 10000"/>
                  <a:gd name="connsiteY87" fmla="*/ 3013 h 10000"/>
                  <a:gd name="connsiteX88" fmla="*/ 9031 w 10000"/>
                  <a:gd name="connsiteY88" fmla="*/ 2954 h 10000"/>
                  <a:gd name="connsiteX89" fmla="*/ 9007 w 10000"/>
                  <a:gd name="connsiteY89" fmla="*/ 2866 h 10000"/>
                  <a:gd name="connsiteX90" fmla="*/ 8838 w 10000"/>
                  <a:gd name="connsiteY90" fmla="*/ 2984 h 10000"/>
                  <a:gd name="connsiteX91" fmla="*/ 8644 w 10000"/>
                  <a:gd name="connsiteY91" fmla="*/ 3072 h 10000"/>
                  <a:gd name="connsiteX92" fmla="*/ 8450 w 10000"/>
                  <a:gd name="connsiteY92" fmla="*/ 3161 h 10000"/>
                  <a:gd name="connsiteX93" fmla="*/ 8257 w 10000"/>
                  <a:gd name="connsiteY93" fmla="*/ 3250 h 10000"/>
                  <a:gd name="connsiteX94" fmla="*/ 7821 w 10000"/>
                  <a:gd name="connsiteY94" fmla="*/ 3397 h 10000"/>
                  <a:gd name="connsiteX95" fmla="*/ 7361 w 10000"/>
                  <a:gd name="connsiteY95" fmla="*/ 3545 h 10000"/>
                  <a:gd name="connsiteX96" fmla="*/ 6901 w 10000"/>
                  <a:gd name="connsiteY96" fmla="*/ 3678 h 10000"/>
                  <a:gd name="connsiteX97" fmla="*/ 6465 w 10000"/>
                  <a:gd name="connsiteY97" fmla="*/ 3840 h 10000"/>
                  <a:gd name="connsiteX98" fmla="*/ 6247 w 10000"/>
                  <a:gd name="connsiteY98" fmla="*/ 3914 h 10000"/>
                  <a:gd name="connsiteX99" fmla="*/ 6053 w 10000"/>
                  <a:gd name="connsiteY99" fmla="*/ 4003 h 10000"/>
                  <a:gd name="connsiteX100" fmla="*/ 5860 w 10000"/>
                  <a:gd name="connsiteY100" fmla="*/ 4106 h 10000"/>
                  <a:gd name="connsiteX101" fmla="*/ 5666 w 10000"/>
                  <a:gd name="connsiteY101" fmla="*/ 4195 h 10000"/>
                  <a:gd name="connsiteX102" fmla="*/ 5811 w 10000"/>
                  <a:gd name="connsiteY102" fmla="*/ 4417 h 10000"/>
                  <a:gd name="connsiteX103" fmla="*/ 5908 w 10000"/>
                  <a:gd name="connsiteY103" fmla="*/ 4623 h 10000"/>
                  <a:gd name="connsiteX104" fmla="*/ 6005 w 10000"/>
                  <a:gd name="connsiteY104" fmla="*/ 4845 h 10000"/>
                  <a:gd name="connsiteX105" fmla="*/ 6077 w 10000"/>
                  <a:gd name="connsiteY105" fmla="*/ 5081 h 10000"/>
                  <a:gd name="connsiteX106" fmla="*/ 6126 w 10000"/>
                  <a:gd name="connsiteY106" fmla="*/ 5318 h 10000"/>
                  <a:gd name="connsiteX107" fmla="*/ 6150 w 10000"/>
                  <a:gd name="connsiteY107" fmla="*/ 5539 h 10000"/>
                  <a:gd name="connsiteX108" fmla="*/ 6174 w 10000"/>
                  <a:gd name="connsiteY108" fmla="*/ 5775 h 10000"/>
                  <a:gd name="connsiteX109" fmla="*/ 6174 w 10000"/>
                  <a:gd name="connsiteY109" fmla="*/ 5997 h 10000"/>
                  <a:gd name="connsiteX110" fmla="*/ 6150 w 10000"/>
                  <a:gd name="connsiteY110" fmla="*/ 6233 h 10000"/>
                  <a:gd name="connsiteX111" fmla="*/ 6102 w 10000"/>
                  <a:gd name="connsiteY111" fmla="*/ 6470 h 10000"/>
                  <a:gd name="connsiteX112" fmla="*/ 6053 w 10000"/>
                  <a:gd name="connsiteY112" fmla="*/ 6677 h 10000"/>
                  <a:gd name="connsiteX113" fmla="*/ 5981 w 10000"/>
                  <a:gd name="connsiteY113" fmla="*/ 6898 h 10000"/>
                  <a:gd name="connsiteX114" fmla="*/ 5884 w 10000"/>
                  <a:gd name="connsiteY114" fmla="*/ 7105 h 10000"/>
                  <a:gd name="connsiteX115" fmla="*/ 5763 w 10000"/>
                  <a:gd name="connsiteY115" fmla="*/ 7297 h 10000"/>
                  <a:gd name="connsiteX116" fmla="*/ 5617 w 10000"/>
                  <a:gd name="connsiteY116" fmla="*/ 7489 h 10000"/>
                  <a:gd name="connsiteX117" fmla="*/ 5472 w 10000"/>
                  <a:gd name="connsiteY117" fmla="*/ 7681 h 10000"/>
                  <a:gd name="connsiteX118" fmla="*/ 6174 w 10000"/>
                  <a:gd name="connsiteY118" fmla="*/ 7799 h 10000"/>
                  <a:gd name="connsiteX119" fmla="*/ 6901 w 10000"/>
                  <a:gd name="connsiteY119" fmla="*/ 7962 h 10000"/>
                  <a:gd name="connsiteX120" fmla="*/ 7046 w 10000"/>
                  <a:gd name="connsiteY120" fmla="*/ 8021 h 10000"/>
                  <a:gd name="connsiteX121" fmla="*/ 7167 w 10000"/>
                  <a:gd name="connsiteY121" fmla="*/ 8080 h 10000"/>
                  <a:gd name="connsiteX122" fmla="*/ 7288 w 10000"/>
                  <a:gd name="connsiteY122" fmla="*/ 8139 h 10000"/>
                  <a:gd name="connsiteX123" fmla="*/ 7361 w 10000"/>
                  <a:gd name="connsiteY123" fmla="*/ 8227 h 10000"/>
                  <a:gd name="connsiteX124" fmla="*/ 7385 w 10000"/>
                  <a:gd name="connsiteY124" fmla="*/ 8301 h 10000"/>
                  <a:gd name="connsiteX125" fmla="*/ 7385 w 10000"/>
                  <a:gd name="connsiteY125" fmla="*/ 8405 h 10000"/>
                  <a:gd name="connsiteX126" fmla="*/ 7337 w 10000"/>
                  <a:gd name="connsiteY126" fmla="*/ 8523 h 10000"/>
                  <a:gd name="connsiteX127" fmla="*/ 7264 w 10000"/>
                  <a:gd name="connsiteY127" fmla="*/ 8641 h 10000"/>
                  <a:gd name="connsiteX128" fmla="*/ 6949 w 10000"/>
                  <a:gd name="connsiteY128" fmla="*/ 8552 h 10000"/>
                  <a:gd name="connsiteX129" fmla="*/ 6659 w 10000"/>
                  <a:gd name="connsiteY129" fmla="*/ 8449 h 10000"/>
                  <a:gd name="connsiteX130" fmla="*/ 6368 w 10000"/>
                  <a:gd name="connsiteY130" fmla="*/ 8360 h 10000"/>
                  <a:gd name="connsiteX131" fmla="*/ 6077 w 10000"/>
                  <a:gd name="connsiteY131" fmla="*/ 8287 h 10000"/>
                  <a:gd name="connsiteX132" fmla="*/ 5956 w 10000"/>
                  <a:gd name="connsiteY132" fmla="*/ 8449 h 10000"/>
                  <a:gd name="connsiteX133" fmla="*/ 5860 w 10000"/>
                  <a:gd name="connsiteY133" fmla="*/ 8597 h 10000"/>
                  <a:gd name="connsiteX134" fmla="*/ 5811 w 10000"/>
                  <a:gd name="connsiteY134" fmla="*/ 8656 h 10000"/>
                  <a:gd name="connsiteX135" fmla="*/ 5714 w 10000"/>
                  <a:gd name="connsiteY135" fmla="*/ 8700 h 10000"/>
                  <a:gd name="connsiteX136" fmla="*/ 5642 w 10000"/>
                  <a:gd name="connsiteY136" fmla="*/ 8744 h 10000"/>
                  <a:gd name="connsiteX137" fmla="*/ 5569 w 10000"/>
                  <a:gd name="connsiteY137" fmla="*/ 8774 h 10000"/>
                  <a:gd name="connsiteX138" fmla="*/ 5496 w 10000"/>
                  <a:gd name="connsiteY138" fmla="*/ 8804 h 10000"/>
                  <a:gd name="connsiteX139" fmla="*/ 5400 w 10000"/>
                  <a:gd name="connsiteY139" fmla="*/ 8818 h 10000"/>
                  <a:gd name="connsiteX140" fmla="*/ 5278 w 10000"/>
                  <a:gd name="connsiteY140" fmla="*/ 8833 h 10000"/>
                  <a:gd name="connsiteX141" fmla="*/ 5157 w 10000"/>
                  <a:gd name="connsiteY141" fmla="*/ 8833 h 10000"/>
                  <a:gd name="connsiteX142" fmla="*/ 4867 w 10000"/>
                  <a:gd name="connsiteY142" fmla="*/ 8818 h 10000"/>
                  <a:gd name="connsiteX143" fmla="*/ 4504 w 10000"/>
                  <a:gd name="connsiteY143" fmla="*/ 8744 h 10000"/>
                  <a:gd name="connsiteX144" fmla="*/ 4504 w 10000"/>
                  <a:gd name="connsiteY144" fmla="*/ 8922 h 10000"/>
                  <a:gd name="connsiteX145" fmla="*/ 4479 w 10000"/>
                  <a:gd name="connsiteY145" fmla="*/ 9069 h 10000"/>
                  <a:gd name="connsiteX146" fmla="*/ 4455 w 10000"/>
                  <a:gd name="connsiteY146" fmla="*/ 9232 h 10000"/>
                  <a:gd name="connsiteX147" fmla="*/ 4431 w 10000"/>
                  <a:gd name="connsiteY147" fmla="*/ 9365 h 10000"/>
                  <a:gd name="connsiteX148" fmla="*/ 4383 w 10000"/>
                  <a:gd name="connsiteY148" fmla="*/ 9498 h 10000"/>
                  <a:gd name="connsiteX149" fmla="*/ 4286 w 10000"/>
                  <a:gd name="connsiteY149" fmla="*/ 9616 h 10000"/>
                  <a:gd name="connsiteX150" fmla="*/ 4213 w 10000"/>
                  <a:gd name="connsiteY150" fmla="*/ 9734 h 10000"/>
                  <a:gd name="connsiteX151" fmla="*/ 4092 w 10000"/>
                  <a:gd name="connsiteY151" fmla="*/ 9838 h 10000"/>
                  <a:gd name="connsiteX152" fmla="*/ 3801 w 10000"/>
                  <a:gd name="connsiteY152" fmla="*/ 9897 h 10000"/>
                  <a:gd name="connsiteX153" fmla="*/ 3559 w 10000"/>
                  <a:gd name="connsiteY153" fmla="*/ 9941 h 10000"/>
                  <a:gd name="connsiteX154" fmla="*/ 3269 w 10000"/>
                  <a:gd name="connsiteY154" fmla="*/ 9985 h 10000"/>
                  <a:gd name="connsiteX155" fmla="*/ 3051 w 10000"/>
                  <a:gd name="connsiteY155" fmla="*/ 10000 h 10000"/>
                  <a:gd name="connsiteX156" fmla="*/ 2567 w 10000"/>
                  <a:gd name="connsiteY156" fmla="*/ 10000 h 10000"/>
                  <a:gd name="connsiteX157" fmla="*/ 2107 w 10000"/>
                  <a:gd name="connsiteY157" fmla="*/ 9985 h 10000"/>
                  <a:gd name="connsiteX158" fmla="*/ 1671 w 10000"/>
                  <a:gd name="connsiteY158" fmla="*/ 9941 h 10000"/>
                  <a:gd name="connsiteX159" fmla="*/ 1211 w 10000"/>
                  <a:gd name="connsiteY159" fmla="*/ 9911 h 10000"/>
                  <a:gd name="connsiteX160" fmla="*/ 944 w 10000"/>
                  <a:gd name="connsiteY160" fmla="*/ 9911 h 10000"/>
                  <a:gd name="connsiteX161" fmla="*/ 702 w 10000"/>
                  <a:gd name="connsiteY161" fmla="*/ 9911 h 10000"/>
                  <a:gd name="connsiteX162" fmla="*/ 436 w 10000"/>
                  <a:gd name="connsiteY162" fmla="*/ 9926 h 10000"/>
                  <a:gd name="connsiteX163" fmla="*/ 169 w 10000"/>
                  <a:gd name="connsiteY163" fmla="*/ 9970 h 10000"/>
                  <a:gd name="connsiteX164" fmla="*/ 97 w 10000"/>
                  <a:gd name="connsiteY164" fmla="*/ 9867 h 10000"/>
                  <a:gd name="connsiteX165" fmla="*/ 48 w 10000"/>
                  <a:gd name="connsiteY165" fmla="*/ 9793 h 10000"/>
                  <a:gd name="connsiteX166" fmla="*/ 0 w 10000"/>
                  <a:gd name="connsiteY166" fmla="*/ 9705 h 10000"/>
                  <a:gd name="connsiteX167" fmla="*/ 0 w 10000"/>
                  <a:gd name="connsiteY167" fmla="*/ 9601 h 10000"/>
                  <a:gd name="connsiteX168" fmla="*/ 48 w 10000"/>
                  <a:gd name="connsiteY168" fmla="*/ 9424 h 10000"/>
                  <a:gd name="connsiteX169" fmla="*/ 97 w 10000"/>
                  <a:gd name="connsiteY169" fmla="*/ 9202 h 10000"/>
                  <a:gd name="connsiteX170" fmla="*/ 145 w 10000"/>
                  <a:gd name="connsiteY170" fmla="*/ 8996 h 10000"/>
                  <a:gd name="connsiteX171" fmla="*/ 194 w 10000"/>
                  <a:gd name="connsiteY171" fmla="*/ 8759 h 10000"/>
                  <a:gd name="connsiteX172" fmla="*/ 218 w 10000"/>
                  <a:gd name="connsiteY172" fmla="*/ 8641 h 10000"/>
                  <a:gd name="connsiteX173" fmla="*/ 218 w 10000"/>
                  <a:gd name="connsiteY173" fmla="*/ 8538 h 10000"/>
                  <a:gd name="connsiteX174" fmla="*/ 194 w 10000"/>
                  <a:gd name="connsiteY174" fmla="*/ 8405 h 10000"/>
                  <a:gd name="connsiteX175" fmla="*/ 169 w 10000"/>
                  <a:gd name="connsiteY175" fmla="*/ 8287 h 10000"/>
                  <a:gd name="connsiteX176" fmla="*/ 412 w 10000"/>
                  <a:gd name="connsiteY176" fmla="*/ 8213 h 10000"/>
                  <a:gd name="connsiteX177" fmla="*/ 654 w 10000"/>
                  <a:gd name="connsiteY177" fmla="*/ 8139 h 10000"/>
                  <a:gd name="connsiteX178" fmla="*/ 896 w 10000"/>
                  <a:gd name="connsiteY178" fmla="*/ 8095 h 10000"/>
                  <a:gd name="connsiteX179" fmla="*/ 1162 w 10000"/>
                  <a:gd name="connsiteY179" fmla="*/ 8065 h 10000"/>
                  <a:gd name="connsiteX180" fmla="*/ 1646 w 10000"/>
                  <a:gd name="connsiteY180" fmla="*/ 8021 h 10000"/>
                  <a:gd name="connsiteX181" fmla="*/ 2131 w 10000"/>
                  <a:gd name="connsiteY181" fmla="*/ 7976 h 10000"/>
                  <a:gd name="connsiteX182" fmla="*/ 2349 w 10000"/>
                  <a:gd name="connsiteY182" fmla="*/ 7947 h 10000"/>
                  <a:gd name="connsiteX183" fmla="*/ 2567 w 10000"/>
                  <a:gd name="connsiteY183" fmla="*/ 7917 h 10000"/>
                  <a:gd name="connsiteX184" fmla="*/ 2760 w 10000"/>
                  <a:gd name="connsiteY184" fmla="*/ 7843 h 10000"/>
                  <a:gd name="connsiteX185" fmla="*/ 2954 w 10000"/>
                  <a:gd name="connsiteY185" fmla="*/ 7784 h 10000"/>
                  <a:gd name="connsiteX186" fmla="*/ 3123 w 10000"/>
                  <a:gd name="connsiteY186" fmla="*/ 7710 h 10000"/>
                  <a:gd name="connsiteX187" fmla="*/ 3269 w 10000"/>
                  <a:gd name="connsiteY187" fmla="*/ 7592 h 10000"/>
                  <a:gd name="connsiteX188" fmla="*/ 3414 w 10000"/>
                  <a:gd name="connsiteY188" fmla="*/ 7474 h 10000"/>
                  <a:gd name="connsiteX189" fmla="*/ 3511 w 10000"/>
                  <a:gd name="connsiteY189" fmla="*/ 7312 h 10000"/>
                  <a:gd name="connsiteX190" fmla="*/ 3317 w 10000"/>
                  <a:gd name="connsiteY190" fmla="*/ 7238 h 10000"/>
                  <a:gd name="connsiteX191" fmla="*/ 3148 w 10000"/>
                  <a:gd name="connsiteY191" fmla="*/ 7179 h 10000"/>
                  <a:gd name="connsiteX192" fmla="*/ 3002 w 10000"/>
                  <a:gd name="connsiteY192" fmla="*/ 7090 h 10000"/>
                  <a:gd name="connsiteX193" fmla="*/ 2857 w 10000"/>
                  <a:gd name="connsiteY193" fmla="*/ 6987 h 10000"/>
                  <a:gd name="connsiteX194" fmla="*/ 2760 w 10000"/>
                  <a:gd name="connsiteY194" fmla="*/ 6869 h 10000"/>
                  <a:gd name="connsiteX195" fmla="*/ 2712 w 10000"/>
                  <a:gd name="connsiteY195" fmla="*/ 6721 h 10000"/>
                  <a:gd name="connsiteX196" fmla="*/ 2688 w 10000"/>
                  <a:gd name="connsiteY196" fmla="*/ 6558 h 10000"/>
                  <a:gd name="connsiteX197" fmla="*/ 2712 w 10000"/>
                  <a:gd name="connsiteY197" fmla="*/ 6352 h 10000"/>
                  <a:gd name="connsiteX198" fmla="*/ 2591 w 10000"/>
                  <a:gd name="connsiteY198" fmla="*/ 6322 h 10000"/>
                  <a:gd name="connsiteX199" fmla="*/ 2446 w 10000"/>
                  <a:gd name="connsiteY199" fmla="*/ 6292 h 10000"/>
                  <a:gd name="connsiteX200" fmla="*/ 2276 w 10000"/>
                  <a:gd name="connsiteY200" fmla="*/ 6278 h 10000"/>
                  <a:gd name="connsiteX201" fmla="*/ 2107 w 10000"/>
                  <a:gd name="connsiteY201" fmla="*/ 6263 h 10000"/>
                  <a:gd name="connsiteX202" fmla="*/ 1768 w 10000"/>
                  <a:gd name="connsiteY202" fmla="*/ 6248 h 10000"/>
                  <a:gd name="connsiteX203" fmla="*/ 1404 w 10000"/>
                  <a:gd name="connsiteY203" fmla="*/ 6263 h 10000"/>
                  <a:gd name="connsiteX204" fmla="*/ 1090 w 10000"/>
                  <a:gd name="connsiteY204" fmla="*/ 6278 h 10000"/>
                  <a:gd name="connsiteX205" fmla="*/ 799 w 10000"/>
                  <a:gd name="connsiteY205" fmla="*/ 6278 h 10000"/>
                  <a:gd name="connsiteX206" fmla="*/ 557 w 10000"/>
                  <a:gd name="connsiteY206" fmla="*/ 6263 h 10000"/>
                  <a:gd name="connsiteX207" fmla="*/ 363 w 10000"/>
                  <a:gd name="connsiteY207" fmla="*/ 6233 h 10000"/>
                  <a:gd name="connsiteX208" fmla="*/ 605 w 10000"/>
                  <a:gd name="connsiteY208" fmla="*/ 5805 h 10000"/>
                  <a:gd name="connsiteX209" fmla="*/ 872 w 10000"/>
                  <a:gd name="connsiteY209" fmla="*/ 5391 h 10000"/>
                  <a:gd name="connsiteX210" fmla="*/ 969 w 10000"/>
                  <a:gd name="connsiteY210" fmla="*/ 5170 h 10000"/>
                  <a:gd name="connsiteX211" fmla="*/ 1041 w 10000"/>
                  <a:gd name="connsiteY211" fmla="*/ 4963 h 10000"/>
                  <a:gd name="connsiteX212" fmla="*/ 1065 w 10000"/>
                  <a:gd name="connsiteY212" fmla="*/ 4860 h 10000"/>
                  <a:gd name="connsiteX213" fmla="*/ 1041 w 10000"/>
                  <a:gd name="connsiteY213" fmla="*/ 4756 h 10000"/>
                  <a:gd name="connsiteX214" fmla="*/ 1017 w 10000"/>
                  <a:gd name="connsiteY214" fmla="*/ 4653 h 10000"/>
                  <a:gd name="connsiteX215" fmla="*/ 944 w 10000"/>
                  <a:gd name="connsiteY215" fmla="*/ 4549 h 10000"/>
                  <a:gd name="connsiteX216" fmla="*/ 1211 w 10000"/>
                  <a:gd name="connsiteY216" fmla="*/ 4520 h 10000"/>
                  <a:gd name="connsiteX217" fmla="*/ 1404 w 10000"/>
                  <a:gd name="connsiteY217" fmla="*/ 4505 h 10000"/>
                  <a:gd name="connsiteX218" fmla="*/ 1574 w 10000"/>
                  <a:gd name="connsiteY218" fmla="*/ 4505 h 10000"/>
                  <a:gd name="connsiteX219" fmla="*/ 1719 w 10000"/>
                  <a:gd name="connsiteY219" fmla="*/ 4520 h 10000"/>
                  <a:gd name="connsiteX220" fmla="*/ 1840 w 10000"/>
                  <a:gd name="connsiteY220" fmla="*/ 4520 h 10000"/>
                  <a:gd name="connsiteX221" fmla="*/ 1985 w 10000"/>
                  <a:gd name="connsiteY221" fmla="*/ 4520 h 10000"/>
                  <a:gd name="connsiteX222" fmla="*/ 2131 w 10000"/>
                  <a:gd name="connsiteY222" fmla="*/ 4490 h 10000"/>
                  <a:gd name="connsiteX223" fmla="*/ 2324 w 10000"/>
                  <a:gd name="connsiteY223" fmla="*/ 4446 h 10000"/>
                  <a:gd name="connsiteX224" fmla="*/ 2324 w 10000"/>
                  <a:gd name="connsiteY224" fmla="*/ 4579 h 10000"/>
                  <a:gd name="connsiteX225" fmla="*/ 2324 w 10000"/>
                  <a:gd name="connsiteY225" fmla="*/ 4742 h 10000"/>
                  <a:gd name="connsiteX226" fmla="*/ 2324 w 10000"/>
                  <a:gd name="connsiteY226" fmla="*/ 4874 h 10000"/>
                  <a:gd name="connsiteX227" fmla="*/ 2324 w 10000"/>
                  <a:gd name="connsiteY227" fmla="*/ 5037 h 10000"/>
                  <a:gd name="connsiteX228" fmla="*/ 2542 w 10000"/>
                  <a:gd name="connsiteY228" fmla="*/ 5022 h 10000"/>
                  <a:gd name="connsiteX229" fmla="*/ 2688 w 10000"/>
                  <a:gd name="connsiteY229" fmla="*/ 5037 h 10000"/>
                  <a:gd name="connsiteX230" fmla="*/ 2809 w 10000"/>
                  <a:gd name="connsiteY230" fmla="*/ 5066 h 10000"/>
                  <a:gd name="connsiteX231" fmla="*/ 2930 w 10000"/>
                  <a:gd name="connsiteY231" fmla="*/ 5096 h 10000"/>
                  <a:gd name="connsiteX232" fmla="*/ 3027 w 10000"/>
                  <a:gd name="connsiteY232" fmla="*/ 5126 h 10000"/>
                  <a:gd name="connsiteX233" fmla="*/ 3148 w 10000"/>
                  <a:gd name="connsiteY233" fmla="*/ 5155 h 10000"/>
                  <a:gd name="connsiteX234" fmla="*/ 3293 w 10000"/>
                  <a:gd name="connsiteY234" fmla="*/ 5170 h 10000"/>
                  <a:gd name="connsiteX235" fmla="*/ 3511 w 10000"/>
                  <a:gd name="connsiteY235" fmla="*/ 5155 h 10000"/>
                  <a:gd name="connsiteX236" fmla="*/ 3584 w 10000"/>
                  <a:gd name="connsiteY236" fmla="*/ 5096 h 10000"/>
                  <a:gd name="connsiteX237" fmla="*/ 3656 w 10000"/>
                  <a:gd name="connsiteY237" fmla="*/ 5022 h 10000"/>
                  <a:gd name="connsiteX238" fmla="*/ 3680 w 10000"/>
                  <a:gd name="connsiteY238" fmla="*/ 4934 h 10000"/>
                  <a:gd name="connsiteX239" fmla="*/ 3705 w 10000"/>
                  <a:gd name="connsiteY239" fmla="*/ 4860 h 10000"/>
                  <a:gd name="connsiteX240" fmla="*/ 3729 w 10000"/>
                  <a:gd name="connsiteY240" fmla="*/ 4697 h 10000"/>
                  <a:gd name="connsiteX241" fmla="*/ 3705 w 10000"/>
                  <a:gd name="connsiteY241" fmla="*/ 4520 h 10000"/>
                  <a:gd name="connsiteX242" fmla="*/ 3632 w 10000"/>
                  <a:gd name="connsiteY242" fmla="*/ 4343 h 10000"/>
                  <a:gd name="connsiteX243" fmla="*/ 3559 w 10000"/>
                  <a:gd name="connsiteY243" fmla="*/ 4195 h 10000"/>
                  <a:gd name="connsiteX244" fmla="*/ 3438 w 10000"/>
                  <a:gd name="connsiteY244" fmla="*/ 4047 h 10000"/>
                  <a:gd name="connsiteX245" fmla="*/ 3317 w 10000"/>
                  <a:gd name="connsiteY245" fmla="*/ 3959 h 10000"/>
                  <a:gd name="connsiteX246" fmla="*/ 3462 w 10000"/>
                  <a:gd name="connsiteY246" fmla="*/ 3944 h 10000"/>
                  <a:gd name="connsiteX247" fmla="*/ 3584 w 10000"/>
                  <a:gd name="connsiteY247" fmla="*/ 3914 h 10000"/>
                  <a:gd name="connsiteX248" fmla="*/ 3680 w 10000"/>
                  <a:gd name="connsiteY248" fmla="*/ 3855 h 10000"/>
                  <a:gd name="connsiteX249" fmla="*/ 3801 w 10000"/>
                  <a:gd name="connsiteY249" fmla="*/ 3752 h 10000"/>
                  <a:gd name="connsiteX250" fmla="*/ 3923 w 10000"/>
                  <a:gd name="connsiteY250" fmla="*/ 3663 h 10000"/>
                  <a:gd name="connsiteX251" fmla="*/ 4019 w 10000"/>
                  <a:gd name="connsiteY251" fmla="*/ 3560 h 10000"/>
                  <a:gd name="connsiteX252" fmla="*/ 4092 w 10000"/>
                  <a:gd name="connsiteY252" fmla="*/ 3442 h 10000"/>
                  <a:gd name="connsiteX253" fmla="*/ 4165 w 10000"/>
                  <a:gd name="connsiteY253" fmla="*/ 3323 h 10000"/>
                  <a:gd name="connsiteX254" fmla="*/ 4213 w 10000"/>
                  <a:gd name="connsiteY254" fmla="*/ 3220 h 10000"/>
                  <a:gd name="connsiteX255" fmla="*/ 4237 w 10000"/>
                  <a:gd name="connsiteY255" fmla="*/ 3102 h 10000"/>
                  <a:gd name="connsiteX256" fmla="*/ 4262 w 10000"/>
                  <a:gd name="connsiteY256" fmla="*/ 3013 h 10000"/>
                  <a:gd name="connsiteX257" fmla="*/ 4237 w 10000"/>
                  <a:gd name="connsiteY257" fmla="*/ 2939 h 10000"/>
                  <a:gd name="connsiteX258" fmla="*/ 4213 w 10000"/>
                  <a:gd name="connsiteY258" fmla="*/ 2866 h 10000"/>
                  <a:gd name="connsiteX259" fmla="*/ 4140 w 10000"/>
                  <a:gd name="connsiteY259" fmla="*/ 2836 h 10000"/>
                  <a:gd name="connsiteX260" fmla="*/ 4044 w 10000"/>
                  <a:gd name="connsiteY260" fmla="*/ 2836 h 10000"/>
                  <a:gd name="connsiteX261" fmla="*/ 3923 w 10000"/>
                  <a:gd name="connsiteY261" fmla="*/ 2866 h 10000"/>
                  <a:gd name="connsiteX262" fmla="*/ 4019 w 10000"/>
                  <a:gd name="connsiteY262" fmla="*/ 2777 h 10000"/>
                  <a:gd name="connsiteX263" fmla="*/ 4068 w 10000"/>
                  <a:gd name="connsiteY263" fmla="*/ 2674 h 10000"/>
                  <a:gd name="connsiteX264" fmla="*/ 4092 w 10000"/>
                  <a:gd name="connsiteY264" fmla="*/ 2541 h 10000"/>
                  <a:gd name="connsiteX265" fmla="*/ 4092 w 10000"/>
                  <a:gd name="connsiteY265" fmla="*/ 2393 h 10000"/>
                  <a:gd name="connsiteX266" fmla="*/ 4116 w 10000"/>
                  <a:gd name="connsiteY266" fmla="*/ 2349 h 10000"/>
                  <a:gd name="connsiteX267" fmla="*/ 4165 w 10000"/>
                  <a:gd name="connsiteY267" fmla="*/ 2304 h 10000"/>
                  <a:gd name="connsiteX268" fmla="*/ 4213 w 10000"/>
                  <a:gd name="connsiteY268" fmla="*/ 2290 h 10000"/>
                  <a:gd name="connsiteX269" fmla="*/ 4286 w 10000"/>
                  <a:gd name="connsiteY269" fmla="*/ 2275 h 10000"/>
                  <a:gd name="connsiteX270" fmla="*/ 4504 w 10000"/>
                  <a:gd name="connsiteY270" fmla="*/ 2260 h 10000"/>
                  <a:gd name="connsiteX271" fmla="*/ 4697 w 10000"/>
                  <a:gd name="connsiteY271" fmla="*/ 2275 h 10000"/>
                  <a:gd name="connsiteX272" fmla="*/ 4673 w 10000"/>
                  <a:gd name="connsiteY272" fmla="*/ 2112 h 10000"/>
                  <a:gd name="connsiteX273" fmla="*/ 4625 w 10000"/>
                  <a:gd name="connsiteY273" fmla="*/ 1950 h 10000"/>
                  <a:gd name="connsiteX274" fmla="*/ 4552 w 10000"/>
                  <a:gd name="connsiteY274" fmla="*/ 1802 h 10000"/>
                  <a:gd name="connsiteX275" fmla="*/ 4455 w 10000"/>
                  <a:gd name="connsiteY275" fmla="*/ 1640 h 10000"/>
                  <a:gd name="connsiteX276" fmla="*/ 4213 w 10000"/>
                  <a:gd name="connsiteY276" fmla="*/ 1329 h 10000"/>
                  <a:gd name="connsiteX277" fmla="*/ 3971 w 10000"/>
                  <a:gd name="connsiteY277" fmla="*/ 1034 h 10000"/>
                  <a:gd name="connsiteX278" fmla="*/ 3850 w 10000"/>
                  <a:gd name="connsiteY278" fmla="*/ 901 h 10000"/>
                  <a:gd name="connsiteX279" fmla="*/ 3753 w 10000"/>
                  <a:gd name="connsiteY279" fmla="*/ 753 h 10000"/>
                  <a:gd name="connsiteX280" fmla="*/ 3680 w 10000"/>
                  <a:gd name="connsiteY280" fmla="*/ 620 h 10000"/>
                  <a:gd name="connsiteX281" fmla="*/ 3656 w 10000"/>
                  <a:gd name="connsiteY281" fmla="*/ 487 h 10000"/>
                  <a:gd name="connsiteX282" fmla="*/ 3632 w 10000"/>
                  <a:gd name="connsiteY282" fmla="*/ 355 h 10000"/>
                  <a:gd name="connsiteX283" fmla="*/ 3680 w 10000"/>
                  <a:gd name="connsiteY283" fmla="*/ 222 h 10000"/>
                  <a:gd name="connsiteX284" fmla="*/ 3705 w 10000"/>
                  <a:gd name="connsiteY284" fmla="*/ 162 h 10000"/>
                  <a:gd name="connsiteX285" fmla="*/ 3753 w 10000"/>
                  <a:gd name="connsiteY285" fmla="*/ 103 h 10000"/>
                  <a:gd name="connsiteX286" fmla="*/ 3826 w 10000"/>
                  <a:gd name="connsiteY286" fmla="*/ 59 h 10000"/>
                  <a:gd name="connsiteX287" fmla="*/ 3923 w 10000"/>
                  <a:gd name="connsiteY287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6852 w 10000"/>
                  <a:gd name="connsiteY58" fmla="*/ 4313 h 10000"/>
                  <a:gd name="connsiteX59" fmla="*/ 6852 w 10000"/>
                  <a:gd name="connsiteY59" fmla="*/ 4431 h 10000"/>
                  <a:gd name="connsiteX60" fmla="*/ 6852 w 10000"/>
                  <a:gd name="connsiteY60" fmla="*/ 4549 h 10000"/>
                  <a:gd name="connsiteX61" fmla="*/ 6804 w 10000"/>
                  <a:gd name="connsiteY61" fmla="*/ 4564 h 10000"/>
                  <a:gd name="connsiteX62" fmla="*/ 6731 w 10000"/>
                  <a:gd name="connsiteY62" fmla="*/ 4594 h 10000"/>
                  <a:gd name="connsiteX63" fmla="*/ 6683 w 10000"/>
                  <a:gd name="connsiteY63" fmla="*/ 4638 h 10000"/>
                  <a:gd name="connsiteX64" fmla="*/ 6683 w 10000"/>
                  <a:gd name="connsiteY64" fmla="*/ 4697 h 10000"/>
                  <a:gd name="connsiteX65" fmla="*/ 6659 w 10000"/>
                  <a:gd name="connsiteY65" fmla="*/ 4801 h 10000"/>
                  <a:gd name="connsiteX66" fmla="*/ 6659 w 10000"/>
                  <a:gd name="connsiteY66" fmla="*/ 4904 h 10000"/>
                  <a:gd name="connsiteX67" fmla="*/ 6538 w 10000"/>
                  <a:gd name="connsiteY67" fmla="*/ 4860 h 10000"/>
                  <a:gd name="connsiteX68" fmla="*/ 6465 w 10000"/>
                  <a:gd name="connsiteY68" fmla="*/ 4801 h 10000"/>
                  <a:gd name="connsiteX69" fmla="*/ 6392 w 10000"/>
                  <a:gd name="connsiteY69" fmla="*/ 4727 h 10000"/>
                  <a:gd name="connsiteX70" fmla="*/ 6320 w 10000"/>
                  <a:gd name="connsiteY70" fmla="*/ 4638 h 10000"/>
                  <a:gd name="connsiteX71" fmla="*/ 6199 w 10000"/>
                  <a:gd name="connsiteY71" fmla="*/ 4476 h 10000"/>
                  <a:gd name="connsiteX72" fmla="*/ 6077 w 10000"/>
                  <a:gd name="connsiteY72" fmla="*/ 4313 h 10000"/>
                  <a:gd name="connsiteX73" fmla="*/ 6223 w 10000"/>
                  <a:gd name="connsiteY73" fmla="*/ 4210 h 10000"/>
                  <a:gd name="connsiteX74" fmla="*/ 6416 w 10000"/>
                  <a:gd name="connsiteY74" fmla="*/ 4121 h 10000"/>
                  <a:gd name="connsiteX75" fmla="*/ 6634 w 10000"/>
                  <a:gd name="connsiteY75" fmla="*/ 4032 h 10000"/>
                  <a:gd name="connsiteX76" fmla="*/ 6877 w 10000"/>
                  <a:gd name="connsiteY76" fmla="*/ 3959 h 10000"/>
                  <a:gd name="connsiteX77" fmla="*/ 7385 w 10000"/>
                  <a:gd name="connsiteY77" fmla="*/ 3811 h 10000"/>
                  <a:gd name="connsiteX78" fmla="*/ 7893 w 10000"/>
                  <a:gd name="connsiteY78" fmla="*/ 3663 h 10000"/>
                  <a:gd name="connsiteX79" fmla="*/ 8136 w 10000"/>
                  <a:gd name="connsiteY79" fmla="*/ 3589 h 10000"/>
                  <a:gd name="connsiteX80" fmla="*/ 8378 w 10000"/>
                  <a:gd name="connsiteY80" fmla="*/ 3516 h 10000"/>
                  <a:gd name="connsiteX81" fmla="*/ 8571 w 10000"/>
                  <a:gd name="connsiteY81" fmla="*/ 3412 h 10000"/>
                  <a:gd name="connsiteX82" fmla="*/ 8765 w 10000"/>
                  <a:gd name="connsiteY82" fmla="*/ 3338 h 10000"/>
                  <a:gd name="connsiteX83" fmla="*/ 8886 w 10000"/>
                  <a:gd name="connsiteY83" fmla="*/ 3235 h 10000"/>
                  <a:gd name="connsiteX84" fmla="*/ 8983 w 10000"/>
                  <a:gd name="connsiteY84" fmla="*/ 3117 h 10000"/>
                  <a:gd name="connsiteX85" fmla="*/ 9007 w 10000"/>
                  <a:gd name="connsiteY85" fmla="*/ 3072 h 10000"/>
                  <a:gd name="connsiteX86" fmla="*/ 9031 w 10000"/>
                  <a:gd name="connsiteY86" fmla="*/ 3013 h 10000"/>
                  <a:gd name="connsiteX87" fmla="*/ 9031 w 10000"/>
                  <a:gd name="connsiteY87" fmla="*/ 2954 h 10000"/>
                  <a:gd name="connsiteX88" fmla="*/ 9007 w 10000"/>
                  <a:gd name="connsiteY88" fmla="*/ 2866 h 10000"/>
                  <a:gd name="connsiteX89" fmla="*/ 8838 w 10000"/>
                  <a:gd name="connsiteY89" fmla="*/ 2984 h 10000"/>
                  <a:gd name="connsiteX90" fmla="*/ 8644 w 10000"/>
                  <a:gd name="connsiteY90" fmla="*/ 3072 h 10000"/>
                  <a:gd name="connsiteX91" fmla="*/ 8450 w 10000"/>
                  <a:gd name="connsiteY91" fmla="*/ 3161 h 10000"/>
                  <a:gd name="connsiteX92" fmla="*/ 8257 w 10000"/>
                  <a:gd name="connsiteY92" fmla="*/ 3250 h 10000"/>
                  <a:gd name="connsiteX93" fmla="*/ 7821 w 10000"/>
                  <a:gd name="connsiteY93" fmla="*/ 3397 h 10000"/>
                  <a:gd name="connsiteX94" fmla="*/ 7361 w 10000"/>
                  <a:gd name="connsiteY94" fmla="*/ 3545 h 10000"/>
                  <a:gd name="connsiteX95" fmla="*/ 6901 w 10000"/>
                  <a:gd name="connsiteY95" fmla="*/ 3678 h 10000"/>
                  <a:gd name="connsiteX96" fmla="*/ 6465 w 10000"/>
                  <a:gd name="connsiteY96" fmla="*/ 3840 h 10000"/>
                  <a:gd name="connsiteX97" fmla="*/ 6247 w 10000"/>
                  <a:gd name="connsiteY97" fmla="*/ 3914 h 10000"/>
                  <a:gd name="connsiteX98" fmla="*/ 6053 w 10000"/>
                  <a:gd name="connsiteY98" fmla="*/ 4003 h 10000"/>
                  <a:gd name="connsiteX99" fmla="*/ 5860 w 10000"/>
                  <a:gd name="connsiteY99" fmla="*/ 4106 h 10000"/>
                  <a:gd name="connsiteX100" fmla="*/ 5666 w 10000"/>
                  <a:gd name="connsiteY100" fmla="*/ 4195 h 10000"/>
                  <a:gd name="connsiteX101" fmla="*/ 5811 w 10000"/>
                  <a:gd name="connsiteY101" fmla="*/ 4417 h 10000"/>
                  <a:gd name="connsiteX102" fmla="*/ 5908 w 10000"/>
                  <a:gd name="connsiteY102" fmla="*/ 4623 h 10000"/>
                  <a:gd name="connsiteX103" fmla="*/ 6005 w 10000"/>
                  <a:gd name="connsiteY103" fmla="*/ 4845 h 10000"/>
                  <a:gd name="connsiteX104" fmla="*/ 6077 w 10000"/>
                  <a:gd name="connsiteY104" fmla="*/ 5081 h 10000"/>
                  <a:gd name="connsiteX105" fmla="*/ 6126 w 10000"/>
                  <a:gd name="connsiteY105" fmla="*/ 5318 h 10000"/>
                  <a:gd name="connsiteX106" fmla="*/ 6150 w 10000"/>
                  <a:gd name="connsiteY106" fmla="*/ 5539 h 10000"/>
                  <a:gd name="connsiteX107" fmla="*/ 6174 w 10000"/>
                  <a:gd name="connsiteY107" fmla="*/ 5775 h 10000"/>
                  <a:gd name="connsiteX108" fmla="*/ 6174 w 10000"/>
                  <a:gd name="connsiteY108" fmla="*/ 5997 h 10000"/>
                  <a:gd name="connsiteX109" fmla="*/ 6150 w 10000"/>
                  <a:gd name="connsiteY109" fmla="*/ 6233 h 10000"/>
                  <a:gd name="connsiteX110" fmla="*/ 6102 w 10000"/>
                  <a:gd name="connsiteY110" fmla="*/ 6470 h 10000"/>
                  <a:gd name="connsiteX111" fmla="*/ 6053 w 10000"/>
                  <a:gd name="connsiteY111" fmla="*/ 6677 h 10000"/>
                  <a:gd name="connsiteX112" fmla="*/ 5981 w 10000"/>
                  <a:gd name="connsiteY112" fmla="*/ 6898 h 10000"/>
                  <a:gd name="connsiteX113" fmla="*/ 5884 w 10000"/>
                  <a:gd name="connsiteY113" fmla="*/ 7105 h 10000"/>
                  <a:gd name="connsiteX114" fmla="*/ 5763 w 10000"/>
                  <a:gd name="connsiteY114" fmla="*/ 7297 h 10000"/>
                  <a:gd name="connsiteX115" fmla="*/ 5617 w 10000"/>
                  <a:gd name="connsiteY115" fmla="*/ 7489 h 10000"/>
                  <a:gd name="connsiteX116" fmla="*/ 5472 w 10000"/>
                  <a:gd name="connsiteY116" fmla="*/ 7681 h 10000"/>
                  <a:gd name="connsiteX117" fmla="*/ 6174 w 10000"/>
                  <a:gd name="connsiteY117" fmla="*/ 7799 h 10000"/>
                  <a:gd name="connsiteX118" fmla="*/ 6901 w 10000"/>
                  <a:gd name="connsiteY118" fmla="*/ 7962 h 10000"/>
                  <a:gd name="connsiteX119" fmla="*/ 7046 w 10000"/>
                  <a:gd name="connsiteY119" fmla="*/ 8021 h 10000"/>
                  <a:gd name="connsiteX120" fmla="*/ 7167 w 10000"/>
                  <a:gd name="connsiteY120" fmla="*/ 8080 h 10000"/>
                  <a:gd name="connsiteX121" fmla="*/ 7288 w 10000"/>
                  <a:gd name="connsiteY121" fmla="*/ 8139 h 10000"/>
                  <a:gd name="connsiteX122" fmla="*/ 7361 w 10000"/>
                  <a:gd name="connsiteY122" fmla="*/ 8227 h 10000"/>
                  <a:gd name="connsiteX123" fmla="*/ 7385 w 10000"/>
                  <a:gd name="connsiteY123" fmla="*/ 8301 h 10000"/>
                  <a:gd name="connsiteX124" fmla="*/ 7385 w 10000"/>
                  <a:gd name="connsiteY124" fmla="*/ 8405 h 10000"/>
                  <a:gd name="connsiteX125" fmla="*/ 7337 w 10000"/>
                  <a:gd name="connsiteY125" fmla="*/ 8523 h 10000"/>
                  <a:gd name="connsiteX126" fmla="*/ 7264 w 10000"/>
                  <a:gd name="connsiteY126" fmla="*/ 8641 h 10000"/>
                  <a:gd name="connsiteX127" fmla="*/ 6949 w 10000"/>
                  <a:gd name="connsiteY127" fmla="*/ 8552 h 10000"/>
                  <a:gd name="connsiteX128" fmla="*/ 6659 w 10000"/>
                  <a:gd name="connsiteY128" fmla="*/ 8449 h 10000"/>
                  <a:gd name="connsiteX129" fmla="*/ 6368 w 10000"/>
                  <a:gd name="connsiteY129" fmla="*/ 8360 h 10000"/>
                  <a:gd name="connsiteX130" fmla="*/ 6077 w 10000"/>
                  <a:gd name="connsiteY130" fmla="*/ 8287 h 10000"/>
                  <a:gd name="connsiteX131" fmla="*/ 5956 w 10000"/>
                  <a:gd name="connsiteY131" fmla="*/ 8449 h 10000"/>
                  <a:gd name="connsiteX132" fmla="*/ 5860 w 10000"/>
                  <a:gd name="connsiteY132" fmla="*/ 8597 h 10000"/>
                  <a:gd name="connsiteX133" fmla="*/ 5811 w 10000"/>
                  <a:gd name="connsiteY133" fmla="*/ 8656 h 10000"/>
                  <a:gd name="connsiteX134" fmla="*/ 5714 w 10000"/>
                  <a:gd name="connsiteY134" fmla="*/ 8700 h 10000"/>
                  <a:gd name="connsiteX135" fmla="*/ 5642 w 10000"/>
                  <a:gd name="connsiteY135" fmla="*/ 8744 h 10000"/>
                  <a:gd name="connsiteX136" fmla="*/ 5569 w 10000"/>
                  <a:gd name="connsiteY136" fmla="*/ 8774 h 10000"/>
                  <a:gd name="connsiteX137" fmla="*/ 5496 w 10000"/>
                  <a:gd name="connsiteY137" fmla="*/ 8804 h 10000"/>
                  <a:gd name="connsiteX138" fmla="*/ 5400 w 10000"/>
                  <a:gd name="connsiteY138" fmla="*/ 8818 h 10000"/>
                  <a:gd name="connsiteX139" fmla="*/ 5278 w 10000"/>
                  <a:gd name="connsiteY139" fmla="*/ 8833 h 10000"/>
                  <a:gd name="connsiteX140" fmla="*/ 5157 w 10000"/>
                  <a:gd name="connsiteY140" fmla="*/ 8833 h 10000"/>
                  <a:gd name="connsiteX141" fmla="*/ 4867 w 10000"/>
                  <a:gd name="connsiteY141" fmla="*/ 8818 h 10000"/>
                  <a:gd name="connsiteX142" fmla="*/ 4504 w 10000"/>
                  <a:gd name="connsiteY142" fmla="*/ 8744 h 10000"/>
                  <a:gd name="connsiteX143" fmla="*/ 4504 w 10000"/>
                  <a:gd name="connsiteY143" fmla="*/ 8922 h 10000"/>
                  <a:gd name="connsiteX144" fmla="*/ 4479 w 10000"/>
                  <a:gd name="connsiteY144" fmla="*/ 9069 h 10000"/>
                  <a:gd name="connsiteX145" fmla="*/ 4455 w 10000"/>
                  <a:gd name="connsiteY145" fmla="*/ 9232 h 10000"/>
                  <a:gd name="connsiteX146" fmla="*/ 4431 w 10000"/>
                  <a:gd name="connsiteY146" fmla="*/ 9365 h 10000"/>
                  <a:gd name="connsiteX147" fmla="*/ 4383 w 10000"/>
                  <a:gd name="connsiteY147" fmla="*/ 9498 h 10000"/>
                  <a:gd name="connsiteX148" fmla="*/ 4286 w 10000"/>
                  <a:gd name="connsiteY148" fmla="*/ 9616 h 10000"/>
                  <a:gd name="connsiteX149" fmla="*/ 4213 w 10000"/>
                  <a:gd name="connsiteY149" fmla="*/ 9734 h 10000"/>
                  <a:gd name="connsiteX150" fmla="*/ 4092 w 10000"/>
                  <a:gd name="connsiteY150" fmla="*/ 9838 h 10000"/>
                  <a:gd name="connsiteX151" fmla="*/ 3801 w 10000"/>
                  <a:gd name="connsiteY151" fmla="*/ 9897 h 10000"/>
                  <a:gd name="connsiteX152" fmla="*/ 3559 w 10000"/>
                  <a:gd name="connsiteY152" fmla="*/ 9941 h 10000"/>
                  <a:gd name="connsiteX153" fmla="*/ 3269 w 10000"/>
                  <a:gd name="connsiteY153" fmla="*/ 9985 h 10000"/>
                  <a:gd name="connsiteX154" fmla="*/ 3051 w 10000"/>
                  <a:gd name="connsiteY154" fmla="*/ 10000 h 10000"/>
                  <a:gd name="connsiteX155" fmla="*/ 2567 w 10000"/>
                  <a:gd name="connsiteY155" fmla="*/ 10000 h 10000"/>
                  <a:gd name="connsiteX156" fmla="*/ 2107 w 10000"/>
                  <a:gd name="connsiteY156" fmla="*/ 9985 h 10000"/>
                  <a:gd name="connsiteX157" fmla="*/ 1671 w 10000"/>
                  <a:gd name="connsiteY157" fmla="*/ 9941 h 10000"/>
                  <a:gd name="connsiteX158" fmla="*/ 1211 w 10000"/>
                  <a:gd name="connsiteY158" fmla="*/ 9911 h 10000"/>
                  <a:gd name="connsiteX159" fmla="*/ 944 w 10000"/>
                  <a:gd name="connsiteY159" fmla="*/ 9911 h 10000"/>
                  <a:gd name="connsiteX160" fmla="*/ 702 w 10000"/>
                  <a:gd name="connsiteY160" fmla="*/ 9911 h 10000"/>
                  <a:gd name="connsiteX161" fmla="*/ 436 w 10000"/>
                  <a:gd name="connsiteY161" fmla="*/ 9926 h 10000"/>
                  <a:gd name="connsiteX162" fmla="*/ 169 w 10000"/>
                  <a:gd name="connsiteY162" fmla="*/ 9970 h 10000"/>
                  <a:gd name="connsiteX163" fmla="*/ 97 w 10000"/>
                  <a:gd name="connsiteY163" fmla="*/ 9867 h 10000"/>
                  <a:gd name="connsiteX164" fmla="*/ 48 w 10000"/>
                  <a:gd name="connsiteY164" fmla="*/ 9793 h 10000"/>
                  <a:gd name="connsiteX165" fmla="*/ 0 w 10000"/>
                  <a:gd name="connsiteY165" fmla="*/ 9705 h 10000"/>
                  <a:gd name="connsiteX166" fmla="*/ 0 w 10000"/>
                  <a:gd name="connsiteY166" fmla="*/ 9601 h 10000"/>
                  <a:gd name="connsiteX167" fmla="*/ 48 w 10000"/>
                  <a:gd name="connsiteY167" fmla="*/ 9424 h 10000"/>
                  <a:gd name="connsiteX168" fmla="*/ 97 w 10000"/>
                  <a:gd name="connsiteY168" fmla="*/ 9202 h 10000"/>
                  <a:gd name="connsiteX169" fmla="*/ 145 w 10000"/>
                  <a:gd name="connsiteY169" fmla="*/ 8996 h 10000"/>
                  <a:gd name="connsiteX170" fmla="*/ 194 w 10000"/>
                  <a:gd name="connsiteY170" fmla="*/ 8759 h 10000"/>
                  <a:gd name="connsiteX171" fmla="*/ 218 w 10000"/>
                  <a:gd name="connsiteY171" fmla="*/ 8641 h 10000"/>
                  <a:gd name="connsiteX172" fmla="*/ 218 w 10000"/>
                  <a:gd name="connsiteY172" fmla="*/ 8538 h 10000"/>
                  <a:gd name="connsiteX173" fmla="*/ 194 w 10000"/>
                  <a:gd name="connsiteY173" fmla="*/ 8405 h 10000"/>
                  <a:gd name="connsiteX174" fmla="*/ 169 w 10000"/>
                  <a:gd name="connsiteY174" fmla="*/ 8287 h 10000"/>
                  <a:gd name="connsiteX175" fmla="*/ 412 w 10000"/>
                  <a:gd name="connsiteY175" fmla="*/ 8213 h 10000"/>
                  <a:gd name="connsiteX176" fmla="*/ 654 w 10000"/>
                  <a:gd name="connsiteY176" fmla="*/ 8139 h 10000"/>
                  <a:gd name="connsiteX177" fmla="*/ 896 w 10000"/>
                  <a:gd name="connsiteY177" fmla="*/ 8095 h 10000"/>
                  <a:gd name="connsiteX178" fmla="*/ 1162 w 10000"/>
                  <a:gd name="connsiteY178" fmla="*/ 8065 h 10000"/>
                  <a:gd name="connsiteX179" fmla="*/ 1646 w 10000"/>
                  <a:gd name="connsiteY179" fmla="*/ 8021 h 10000"/>
                  <a:gd name="connsiteX180" fmla="*/ 2131 w 10000"/>
                  <a:gd name="connsiteY180" fmla="*/ 7976 h 10000"/>
                  <a:gd name="connsiteX181" fmla="*/ 2349 w 10000"/>
                  <a:gd name="connsiteY181" fmla="*/ 7947 h 10000"/>
                  <a:gd name="connsiteX182" fmla="*/ 2567 w 10000"/>
                  <a:gd name="connsiteY182" fmla="*/ 7917 h 10000"/>
                  <a:gd name="connsiteX183" fmla="*/ 2760 w 10000"/>
                  <a:gd name="connsiteY183" fmla="*/ 7843 h 10000"/>
                  <a:gd name="connsiteX184" fmla="*/ 2954 w 10000"/>
                  <a:gd name="connsiteY184" fmla="*/ 7784 h 10000"/>
                  <a:gd name="connsiteX185" fmla="*/ 3123 w 10000"/>
                  <a:gd name="connsiteY185" fmla="*/ 7710 h 10000"/>
                  <a:gd name="connsiteX186" fmla="*/ 3269 w 10000"/>
                  <a:gd name="connsiteY186" fmla="*/ 7592 h 10000"/>
                  <a:gd name="connsiteX187" fmla="*/ 3414 w 10000"/>
                  <a:gd name="connsiteY187" fmla="*/ 7474 h 10000"/>
                  <a:gd name="connsiteX188" fmla="*/ 3511 w 10000"/>
                  <a:gd name="connsiteY188" fmla="*/ 7312 h 10000"/>
                  <a:gd name="connsiteX189" fmla="*/ 3317 w 10000"/>
                  <a:gd name="connsiteY189" fmla="*/ 7238 h 10000"/>
                  <a:gd name="connsiteX190" fmla="*/ 3148 w 10000"/>
                  <a:gd name="connsiteY190" fmla="*/ 7179 h 10000"/>
                  <a:gd name="connsiteX191" fmla="*/ 3002 w 10000"/>
                  <a:gd name="connsiteY191" fmla="*/ 7090 h 10000"/>
                  <a:gd name="connsiteX192" fmla="*/ 2857 w 10000"/>
                  <a:gd name="connsiteY192" fmla="*/ 6987 h 10000"/>
                  <a:gd name="connsiteX193" fmla="*/ 2760 w 10000"/>
                  <a:gd name="connsiteY193" fmla="*/ 6869 h 10000"/>
                  <a:gd name="connsiteX194" fmla="*/ 2712 w 10000"/>
                  <a:gd name="connsiteY194" fmla="*/ 6721 h 10000"/>
                  <a:gd name="connsiteX195" fmla="*/ 2688 w 10000"/>
                  <a:gd name="connsiteY195" fmla="*/ 6558 h 10000"/>
                  <a:gd name="connsiteX196" fmla="*/ 2712 w 10000"/>
                  <a:gd name="connsiteY196" fmla="*/ 6352 h 10000"/>
                  <a:gd name="connsiteX197" fmla="*/ 2591 w 10000"/>
                  <a:gd name="connsiteY197" fmla="*/ 6322 h 10000"/>
                  <a:gd name="connsiteX198" fmla="*/ 2446 w 10000"/>
                  <a:gd name="connsiteY198" fmla="*/ 6292 h 10000"/>
                  <a:gd name="connsiteX199" fmla="*/ 2276 w 10000"/>
                  <a:gd name="connsiteY199" fmla="*/ 6278 h 10000"/>
                  <a:gd name="connsiteX200" fmla="*/ 2107 w 10000"/>
                  <a:gd name="connsiteY200" fmla="*/ 6263 h 10000"/>
                  <a:gd name="connsiteX201" fmla="*/ 1768 w 10000"/>
                  <a:gd name="connsiteY201" fmla="*/ 6248 h 10000"/>
                  <a:gd name="connsiteX202" fmla="*/ 1404 w 10000"/>
                  <a:gd name="connsiteY202" fmla="*/ 6263 h 10000"/>
                  <a:gd name="connsiteX203" fmla="*/ 1090 w 10000"/>
                  <a:gd name="connsiteY203" fmla="*/ 6278 h 10000"/>
                  <a:gd name="connsiteX204" fmla="*/ 799 w 10000"/>
                  <a:gd name="connsiteY204" fmla="*/ 6278 h 10000"/>
                  <a:gd name="connsiteX205" fmla="*/ 557 w 10000"/>
                  <a:gd name="connsiteY205" fmla="*/ 6263 h 10000"/>
                  <a:gd name="connsiteX206" fmla="*/ 363 w 10000"/>
                  <a:gd name="connsiteY206" fmla="*/ 6233 h 10000"/>
                  <a:gd name="connsiteX207" fmla="*/ 605 w 10000"/>
                  <a:gd name="connsiteY207" fmla="*/ 5805 h 10000"/>
                  <a:gd name="connsiteX208" fmla="*/ 872 w 10000"/>
                  <a:gd name="connsiteY208" fmla="*/ 5391 h 10000"/>
                  <a:gd name="connsiteX209" fmla="*/ 969 w 10000"/>
                  <a:gd name="connsiteY209" fmla="*/ 5170 h 10000"/>
                  <a:gd name="connsiteX210" fmla="*/ 1041 w 10000"/>
                  <a:gd name="connsiteY210" fmla="*/ 4963 h 10000"/>
                  <a:gd name="connsiteX211" fmla="*/ 1065 w 10000"/>
                  <a:gd name="connsiteY211" fmla="*/ 4860 h 10000"/>
                  <a:gd name="connsiteX212" fmla="*/ 1041 w 10000"/>
                  <a:gd name="connsiteY212" fmla="*/ 4756 h 10000"/>
                  <a:gd name="connsiteX213" fmla="*/ 1017 w 10000"/>
                  <a:gd name="connsiteY213" fmla="*/ 4653 h 10000"/>
                  <a:gd name="connsiteX214" fmla="*/ 944 w 10000"/>
                  <a:gd name="connsiteY214" fmla="*/ 4549 h 10000"/>
                  <a:gd name="connsiteX215" fmla="*/ 1211 w 10000"/>
                  <a:gd name="connsiteY215" fmla="*/ 4520 h 10000"/>
                  <a:gd name="connsiteX216" fmla="*/ 1404 w 10000"/>
                  <a:gd name="connsiteY216" fmla="*/ 4505 h 10000"/>
                  <a:gd name="connsiteX217" fmla="*/ 1574 w 10000"/>
                  <a:gd name="connsiteY217" fmla="*/ 4505 h 10000"/>
                  <a:gd name="connsiteX218" fmla="*/ 1719 w 10000"/>
                  <a:gd name="connsiteY218" fmla="*/ 4520 h 10000"/>
                  <a:gd name="connsiteX219" fmla="*/ 1840 w 10000"/>
                  <a:gd name="connsiteY219" fmla="*/ 4520 h 10000"/>
                  <a:gd name="connsiteX220" fmla="*/ 1985 w 10000"/>
                  <a:gd name="connsiteY220" fmla="*/ 4520 h 10000"/>
                  <a:gd name="connsiteX221" fmla="*/ 2131 w 10000"/>
                  <a:gd name="connsiteY221" fmla="*/ 4490 h 10000"/>
                  <a:gd name="connsiteX222" fmla="*/ 2324 w 10000"/>
                  <a:gd name="connsiteY222" fmla="*/ 4446 h 10000"/>
                  <a:gd name="connsiteX223" fmla="*/ 2324 w 10000"/>
                  <a:gd name="connsiteY223" fmla="*/ 4579 h 10000"/>
                  <a:gd name="connsiteX224" fmla="*/ 2324 w 10000"/>
                  <a:gd name="connsiteY224" fmla="*/ 4742 h 10000"/>
                  <a:gd name="connsiteX225" fmla="*/ 2324 w 10000"/>
                  <a:gd name="connsiteY225" fmla="*/ 4874 h 10000"/>
                  <a:gd name="connsiteX226" fmla="*/ 2324 w 10000"/>
                  <a:gd name="connsiteY226" fmla="*/ 5037 h 10000"/>
                  <a:gd name="connsiteX227" fmla="*/ 2542 w 10000"/>
                  <a:gd name="connsiteY227" fmla="*/ 5022 h 10000"/>
                  <a:gd name="connsiteX228" fmla="*/ 2688 w 10000"/>
                  <a:gd name="connsiteY228" fmla="*/ 5037 h 10000"/>
                  <a:gd name="connsiteX229" fmla="*/ 2809 w 10000"/>
                  <a:gd name="connsiteY229" fmla="*/ 5066 h 10000"/>
                  <a:gd name="connsiteX230" fmla="*/ 2930 w 10000"/>
                  <a:gd name="connsiteY230" fmla="*/ 5096 h 10000"/>
                  <a:gd name="connsiteX231" fmla="*/ 3027 w 10000"/>
                  <a:gd name="connsiteY231" fmla="*/ 5126 h 10000"/>
                  <a:gd name="connsiteX232" fmla="*/ 3148 w 10000"/>
                  <a:gd name="connsiteY232" fmla="*/ 5155 h 10000"/>
                  <a:gd name="connsiteX233" fmla="*/ 3293 w 10000"/>
                  <a:gd name="connsiteY233" fmla="*/ 5170 h 10000"/>
                  <a:gd name="connsiteX234" fmla="*/ 3511 w 10000"/>
                  <a:gd name="connsiteY234" fmla="*/ 5155 h 10000"/>
                  <a:gd name="connsiteX235" fmla="*/ 3584 w 10000"/>
                  <a:gd name="connsiteY235" fmla="*/ 5096 h 10000"/>
                  <a:gd name="connsiteX236" fmla="*/ 3656 w 10000"/>
                  <a:gd name="connsiteY236" fmla="*/ 5022 h 10000"/>
                  <a:gd name="connsiteX237" fmla="*/ 3680 w 10000"/>
                  <a:gd name="connsiteY237" fmla="*/ 4934 h 10000"/>
                  <a:gd name="connsiteX238" fmla="*/ 3705 w 10000"/>
                  <a:gd name="connsiteY238" fmla="*/ 4860 h 10000"/>
                  <a:gd name="connsiteX239" fmla="*/ 3729 w 10000"/>
                  <a:gd name="connsiteY239" fmla="*/ 4697 h 10000"/>
                  <a:gd name="connsiteX240" fmla="*/ 3705 w 10000"/>
                  <a:gd name="connsiteY240" fmla="*/ 4520 h 10000"/>
                  <a:gd name="connsiteX241" fmla="*/ 3632 w 10000"/>
                  <a:gd name="connsiteY241" fmla="*/ 4343 h 10000"/>
                  <a:gd name="connsiteX242" fmla="*/ 3559 w 10000"/>
                  <a:gd name="connsiteY242" fmla="*/ 4195 h 10000"/>
                  <a:gd name="connsiteX243" fmla="*/ 3438 w 10000"/>
                  <a:gd name="connsiteY243" fmla="*/ 4047 h 10000"/>
                  <a:gd name="connsiteX244" fmla="*/ 3317 w 10000"/>
                  <a:gd name="connsiteY244" fmla="*/ 3959 h 10000"/>
                  <a:gd name="connsiteX245" fmla="*/ 3462 w 10000"/>
                  <a:gd name="connsiteY245" fmla="*/ 3944 h 10000"/>
                  <a:gd name="connsiteX246" fmla="*/ 3584 w 10000"/>
                  <a:gd name="connsiteY246" fmla="*/ 3914 h 10000"/>
                  <a:gd name="connsiteX247" fmla="*/ 3680 w 10000"/>
                  <a:gd name="connsiteY247" fmla="*/ 3855 h 10000"/>
                  <a:gd name="connsiteX248" fmla="*/ 3801 w 10000"/>
                  <a:gd name="connsiteY248" fmla="*/ 3752 h 10000"/>
                  <a:gd name="connsiteX249" fmla="*/ 3923 w 10000"/>
                  <a:gd name="connsiteY249" fmla="*/ 3663 h 10000"/>
                  <a:gd name="connsiteX250" fmla="*/ 4019 w 10000"/>
                  <a:gd name="connsiteY250" fmla="*/ 3560 h 10000"/>
                  <a:gd name="connsiteX251" fmla="*/ 4092 w 10000"/>
                  <a:gd name="connsiteY251" fmla="*/ 3442 h 10000"/>
                  <a:gd name="connsiteX252" fmla="*/ 4165 w 10000"/>
                  <a:gd name="connsiteY252" fmla="*/ 3323 h 10000"/>
                  <a:gd name="connsiteX253" fmla="*/ 4213 w 10000"/>
                  <a:gd name="connsiteY253" fmla="*/ 3220 h 10000"/>
                  <a:gd name="connsiteX254" fmla="*/ 4237 w 10000"/>
                  <a:gd name="connsiteY254" fmla="*/ 3102 h 10000"/>
                  <a:gd name="connsiteX255" fmla="*/ 4262 w 10000"/>
                  <a:gd name="connsiteY255" fmla="*/ 3013 h 10000"/>
                  <a:gd name="connsiteX256" fmla="*/ 4237 w 10000"/>
                  <a:gd name="connsiteY256" fmla="*/ 2939 h 10000"/>
                  <a:gd name="connsiteX257" fmla="*/ 4213 w 10000"/>
                  <a:gd name="connsiteY257" fmla="*/ 2866 h 10000"/>
                  <a:gd name="connsiteX258" fmla="*/ 4140 w 10000"/>
                  <a:gd name="connsiteY258" fmla="*/ 2836 h 10000"/>
                  <a:gd name="connsiteX259" fmla="*/ 4044 w 10000"/>
                  <a:gd name="connsiteY259" fmla="*/ 2836 h 10000"/>
                  <a:gd name="connsiteX260" fmla="*/ 3923 w 10000"/>
                  <a:gd name="connsiteY260" fmla="*/ 2866 h 10000"/>
                  <a:gd name="connsiteX261" fmla="*/ 4019 w 10000"/>
                  <a:gd name="connsiteY261" fmla="*/ 2777 h 10000"/>
                  <a:gd name="connsiteX262" fmla="*/ 4068 w 10000"/>
                  <a:gd name="connsiteY262" fmla="*/ 2674 h 10000"/>
                  <a:gd name="connsiteX263" fmla="*/ 4092 w 10000"/>
                  <a:gd name="connsiteY263" fmla="*/ 2541 h 10000"/>
                  <a:gd name="connsiteX264" fmla="*/ 4092 w 10000"/>
                  <a:gd name="connsiteY264" fmla="*/ 2393 h 10000"/>
                  <a:gd name="connsiteX265" fmla="*/ 4116 w 10000"/>
                  <a:gd name="connsiteY265" fmla="*/ 2349 h 10000"/>
                  <a:gd name="connsiteX266" fmla="*/ 4165 w 10000"/>
                  <a:gd name="connsiteY266" fmla="*/ 2304 h 10000"/>
                  <a:gd name="connsiteX267" fmla="*/ 4213 w 10000"/>
                  <a:gd name="connsiteY267" fmla="*/ 2290 h 10000"/>
                  <a:gd name="connsiteX268" fmla="*/ 4286 w 10000"/>
                  <a:gd name="connsiteY268" fmla="*/ 2275 h 10000"/>
                  <a:gd name="connsiteX269" fmla="*/ 4504 w 10000"/>
                  <a:gd name="connsiteY269" fmla="*/ 2260 h 10000"/>
                  <a:gd name="connsiteX270" fmla="*/ 4697 w 10000"/>
                  <a:gd name="connsiteY270" fmla="*/ 2275 h 10000"/>
                  <a:gd name="connsiteX271" fmla="*/ 4673 w 10000"/>
                  <a:gd name="connsiteY271" fmla="*/ 2112 h 10000"/>
                  <a:gd name="connsiteX272" fmla="*/ 4625 w 10000"/>
                  <a:gd name="connsiteY272" fmla="*/ 1950 h 10000"/>
                  <a:gd name="connsiteX273" fmla="*/ 4552 w 10000"/>
                  <a:gd name="connsiteY273" fmla="*/ 1802 h 10000"/>
                  <a:gd name="connsiteX274" fmla="*/ 4455 w 10000"/>
                  <a:gd name="connsiteY274" fmla="*/ 1640 h 10000"/>
                  <a:gd name="connsiteX275" fmla="*/ 4213 w 10000"/>
                  <a:gd name="connsiteY275" fmla="*/ 1329 h 10000"/>
                  <a:gd name="connsiteX276" fmla="*/ 3971 w 10000"/>
                  <a:gd name="connsiteY276" fmla="*/ 1034 h 10000"/>
                  <a:gd name="connsiteX277" fmla="*/ 3850 w 10000"/>
                  <a:gd name="connsiteY277" fmla="*/ 901 h 10000"/>
                  <a:gd name="connsiteX278" fmla="*/ 3753 w 10000"/>
                  <a:gd name="connsiteY278" fmla="*/ 753 h 10000"/>
                  <a:gd name="connsiteX279" fmla="*/ 3680 w 10000"/>
                  <a:gd name="connsiteY279" fmla="*/ 620 h 10000"/>
                  <a:gd name="connsiteX280" fmla="*/ 3656 w 10000"/>
                  <a:gd name="connsiteY280" fmla="*/ 487 h 10000"/>
                  <a:gd name="connsiteX281" fmla="*/ 3632 w 10000"/>
                  <a:gd name="connsiteY281" fmla="*/ 355 h 10000"/>
                  <a:gd name="connsiteX282" fmla="*/ 3680 w 10000"/>
                  <a:gd name="connsiteY282" fmla="*/ 222 h 10000"/>
                  <a:gd name="connsiteX283" fmla="*/ 3705 w 10000"/>
                  <a:gd name="connsiteY283" fmla="*/ 162 h 10000"/>
                  <a:gd name="connsiteX284" fmla="*/ 3753 w 10000"/>
                  <a:gd name="connsiteY284" fmla="*/ 103 h 10000"/>
                  <a:gd name="connsiteX285" fmla="*/ 3826 w 10000"/>
                  <a:gd name="connsiteY285" fmla="*/ 59 h 10000"/>
                  <a:gd name="connsiteX286" fmla="*/ 3923 w 10000"/>
                  <a:gd name="connsiteY286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6852 w 10000"/>
                  <a:gd name="connsiteY57" fmla="*/ 4313 h 10000"/>
                  <a:gd name="connsiteX58" fmla="*/ 6852 w 10000"/>
                  <a:gd name="connsiteY58" fmla="*/ 4431 h 10000"/>
                  <a:gd name="connsiteX59" fmla="*/ 6852 w 10000"/>
                  <a:gd name="connsiteY59" fmla="*/ 4549 h 10000"/>
                  <a:gd name="connsiteX60" fmla="*/ 6804 w 10000"/>
                  <a:gd name="connsiteY60" fmla="*/ 4564 h 10000"/>
                  <a:gd name="connsiteX61" fmla="*/ 6731 w 10000"/>
                  <a:gd name="connsiteY61" fmla="*/ 4594 h 10000"/>
                  <a:gd name="connsiteX62" fmla="*/ 6683 w 10000"/>
                  <a:gd name="connsiteY62" fmla="*/ 4638 h 10000"/>
                  <a:gd name="connsiteX63" fmla="*/ 6683 w 10000"/>
                  <a:gd name="connsiteY63" fmla="*/ 4697 h 10000"/>
                  <a:gd name="connsiteX64" fmla="*/ 6659 w 10000"/>
                  <a:gd name="connsiteY64" fmla="*/ 4801 h 10000"/>
                  <a:gd name="connsiteX65" fmla="*/ 6659 w 10000"/>
                  <a:gd name="connsiteY65" fmla="*/ 4904 h 10000"/>
                  <a:gd name="connsiteX66" fmla="*/ 6538 w 10000"/>
                  <a:gd name="connsiteY66" fmla="*/ 4860 h 10000"/>
                  <a:gd name="connsiteX67" fmla="*/ 6465 w 10000"/>
                  <a:gd name="connsiteY67" fmla="*/ 4801 h 10000"/>
                  <a:gd name="connsiteX68" fmla="*/ 6392 w 10000"/>
                  <a:gd name="connsiteY68" fmla="*/ 4727 h 10000"/>
                  <a:gd name="connsiteX69" fmla="*/ 6320 w 10000"/>
                  <a:gd name="connsiteY69" fmla="*/ 4638 h 10000"/>
                  <a:gd name="connsiteX70" fmla="*/ 6199 w 10000"/>
                  <a:gd name="connsiteY70" fmla="*/ 4476 h 10000"/>
                  <a:gd name="connsiteX71" fmla="*/ 6077 w 10000"/>
                  <a:gd name="connsiteY71" fmla="*/ 4313 h 10000"/>
                  <a:gd name="connsiteX72" fmla="*/ 6223 w 10000"/>
                  <a:gd name="connsiteY72" fmla="*/ 4210 h 10000"/>
                  <a:gd name="connsiteX73" fmla="*/ 6416 w 10000"/>
                  <a:gd name="connsiteY73" fmla="*/ 4121 h 10000"/>
                  <a:gd name="connsiteX74" fmla="*/ 6634 w 10000"/>
                  <a:gd name="connsiteY74" fmla="*/ 4032 h 10000"/>
                  <a:gd name="connsiteX75" fmla="*/ 6877 w 10000"/>
                  <a:gd name="connsiteY75" fmla="*/ 3959 h 10000"/>
                  <a:gd name="connsiteX76" fmla="*/ 7385 w 10000"/>
                  <a:gd name="connsiteY76" fmla="*/ 3811 h 10000"/>
                  <a:gd name="connsiteX77" fmla="*/ 7893 w 10000"/>
                  <a:gd name="connsiteY77" fmla="*/ 3663 h 10000"/>
                  <a:gd name="connsiteX78" fmla="*/ 8136 w 10000"/>
                  <a:gd name="connsiteY78" fmla="*/ 3589 h 10000"/>
                  <a:gd name="connsiteX79" fmla="*/ 8378 w 10000"/>
                  <a:gd name="connsiteY79" fmla="*/ 3516 h 10000"/>
                  <a:gd name="connsiteX80" fmla="*/ 8571 w 10000"/>
                  <a:gd name="connsiteY80" fmla="*/ 3412 h 10000"/>
                  <a:gd name="connsiteX81" fmla="*/ 8765 w 10000"/>
                  <a:gd name="connsiteY81" fmla="*/ 3338 h 10000"/>
                  <a:gd name="connsiteX82" fmla="*/ 8886 w 10000"/>
                  <a:gd name="connsiteY82" fmla="*/ 3235 h 10000"/>
                  <a:gd name="connsiteX83" fmla="*/ 8983 w 10000"/>
                  <a:gd name="connsiteY83" fmla="*/ 3117 h 10000"/>
                  <a:gd name="connsiteX84" fmla="*/ 9007 w 10000"/>
                  <a:gd name="connsiteY84" fmla="*/ 3072 h 10000"/>
                  <a:gd name="connsiteX85" fmla="*/ 9031 w 10000"/>
                  <a:gd name="connsiteY85" fmla="*/ 3013 h 10000"/>
                  <a:gd name="connsiteX86" fmla="*/ 9031 w 10000"/>
                  <a:gd name="connsiteY86" fmla="*/ 2954 h 10000"/>
                  <a:gd name="connsiteX87" fmla="*/ 9007 w 10000"/>
                  <a:gd name="connsiteY87" fmla="*/ 2866 h 10000"/>
                  <a:gd name="connsiteX88" fmla="*/ 8838 w 10000"/>
                  <a:gd name="connsiteY88" fmla="*/ 2984 h 10000"/>
                  <a:gd name="connsiteX89" fmla="*/ 8644 w 10000"/>
                  <a:gd name="connsiteY89" fmla="*/ 3072 h 10000"/>
                  <a:gd name="connsiteX90" fmla="*/ 8450 w 10000"/>
                  <a:gd name="connsiteY90" fmla="*/ 3161 h 10000"/>
                  <a:gd name="connsiteX91" fmla="*/ 8257 w 10000"/>
                  <a:gd name="connsiteY91" fmla="*/ 3250 h 10000"/>
                  <a:gd name="connsiteX92" fmla="*/ 7821 w 10000"/>
                  <a:gd name="connsiteY92" fmla="*/ 3397 h 10000"/>
                  <a:gd name="connsiteX93" fmla="*/ 7361 w 10000"/>
                  <a:gd name="connsiteY93" fmla="*/ 3545 h 10000"/>
                  <a:gd name="connsiteX94" fmla="*/ 6901 w 10000"/>
                  <a:gd name="connsiteY94" fmla="*/ 3678 h 10000"/>
                  <a:gd name="connsiteX95" fmla="*/ 6465 w 10000"/>
                  <a:gd name="connsiteY95" fmla="*/ 3840 h 10000"/>
                  <a:gd name="connsiteX96" fmla="*/ 6247 w 10000"/>
                  <a:gd name="connsiteY96" fmla="*/ 3914 h 10000"/>
                  <a:gd name="connsiteX97" fmla="*/ 6053 w 10000"/>
                  <a:gd name="connsiteY97" fmla="*/ 4003 h 10000"/>
                  <a:gd name="connsiteX98" fmla="*/ 5860 w 10000"/>
                  <a:gd name="connsiteY98" fmla="*/ 4106 h 10000"/>
                  <a:gd name="connsiteX99" fmla="*/ 5666 w 10000"/>
                  <a:gd name="connsiteY99" fmla="*/ 4195 h 10000"/>
                  <a:gd name="connsiteX100" fmla="*/ 5811 w 10000"/>
                  <a:gd name="connsiteY100" fmla="*/ 4417 h 10000"/>
                  <a:gd name="connsiteX101" fmla="*/ 5908 w 10000"/>
                  <a:gd name="connsiteY101" fmla="*/ 4623 h 10000"/>
                  <a:gd name="connsiteX102" fmla="*/ 6005 w 10000"/>
                  <a:gd name="connsiteY102" fmla="*/ 4845 h 10000"/>
                  <a:gd name="connsiteX103" fmla="*/ 6077 w 10000"/>
                  <a:gd name="connsiteY103" fmla="*/ 5081 h 10000"/>
                  <a:gd name="connsiteX104" fmla="*/ 6126 w 10000"/>
                  <a:gd name="connsiteY104" fmla="*/ 5318 h 10000"/>
                  <a:gd name="connsiteX105" fmla="*/ 6150 w 10000"/>
                  <a:gd name="connsiteY105" fmla="*/ 5539 h 10000"/>
                  <a:gd name="connsiteX106" fmla="*/ 6174 w 10000"/>
                  <a:gd name="connsiteY106" fmla="*/ 5775 h 10000"/>
                  <a:gd name="connsiteX107" fmla="*/ 6174 w 10000"/>
                  <a:gd name="connsiteY107" fmla="*/ 5997 h 10000"/>
                  <a:gd name="connsiteX108" fmla="*/ 6150 w 10000"/>
                  <a:gd name="connsiteY108" fmla="*/ 6233 h 10000"/>
                  <a:gd name="connsiteX109" fmla="*/ 6102 w 10000"/>
                  <a:gd name="connsiteY109" fmla="*/ 6470 h 10000"/>
                  <a:gd name="connsiteX110" fmla="*/ 6053 w 10000"/>
                  <a:gd name="connsiteY110" fmla="*/ 6677 h 10000"/>
                  <a:gd name="connsiteX111" fmla="*/ 5981 w 10000"/>
                  <a:gd name="connsiteY111" fmla="*/ 6898 h 10000"/>
                  <a:gd name="connsiteX112" fmla="*/ 5884 w 10000"/>
                  <a:gd name="connsiteY112" fmla="*/ 7105 h 10000"/>
                  <a:gd name="connsiteX113" fmla="*/ 5763 w 10000"/>
                  <a:gd name="connsiteY113" fmla="*/ 7297 h 10000"/>
                  <a:gd name="connsiteX114" fmla="*/ 5617 w 10000"/>
                  <a:gd name="connsiteY114" fmla="*/ 7489 h 10000"/>
                  <a:gd name="connsiteX115" fmla="*/ 5472 w 10000"/>
                  <a:gd name="connsiteY115" fmla="*/ 7681 h 10000"/>
                  <a:gd name="connsiteX116" fmla="*/ 6174 w 10000"/>
                  <a:gd name="connsiteY116" fmla="*/ 7799 h 10000"/>
                  <a:gd name="connsiteX117" fmla="*/ 6901 w 10000"/>
                  <a:gd name="connsiteY117" fmla="*/ 7962 h 10000"/>
                  <a:gd name="connsiteX118" fmla="*/ 7046 w 10000"/>
                  <a:gd name="connsiteY118" fmla="*/ 8021 h 10000"/>
                  <a:gd name="connsiteX119" fmla="*/ 7167 w 10000"/>
                  <a:gd name="connsiteY119" fmla="*/ 8080 h 10000"/>
                  <a:gd name="connsiteX120" fmla="*/ 7288 w 10000"/>
                  <a:gd name="connsiteY120" fmla="*/ 8139 h 10000"/>
                  <a:gd name="connsiteX121" fmla="*/ 7361 w 10000"/>
                  <a:gd name="connsiteY121" fmla="*/ 8227 h 10000"/>
                  <a:gd name="connsiteX122" fmla="*/ 7385 w 10000"/>
                  <a:gd name="connsiteY122" fmla="*/ 8301 h 10000"/>
                  <a:gd name="connsiteX123" fmla="*/ 7385 w 10000"/>
                  <a:gd name="connsiteY123" fmla="*/ 8405 h 10000"/>
                  <a:gd name="connsiteX124" fmla="*/ 7337 w 10000"/>
                  <a:gd name="connsiteY124" fmla="*/ 8523 h 10000"/>
                  <a:gd name="connsiteX125" fmla="*/ 7264 w 10000"/>
                  <a:gd name="connsiteY125" fmla="*/ 8641 h 10000"/>
                  <a:gd name="connsiteX126" fmla="*/ 6949 w 10000"/>
                  <a:gd name="connsiteY126" fmla="*/ 8552 h 10000"/>
                  <a:gd name="connsiteX127" fmla="*/ 6659 w 10000"/>
                  <a:gd name="connsiteY127" fmla="*/ 8449 h 10000"/>
                  <a:gd name="connsiteX128" fmla="*/ 6368 w 10000"/>
                  <a:gd name="connsiteY128" fmla="*/ 8360 h 10000"/>
                  <a:gd name="connsiteX129" fmla="*/ 6077 w 10000"/>
                  <a:gd name="connsiteY129" fmla="*/ 8287 h 10000"/>
                  <a:gd name="connsiteX130" fmla="*/ 5956 w 10000"/>
                  <a:gd name="connsiteY130" fmla="*/ 8449 h 10000"/>
                  <a:gd name="connsiteX131" fmla="*/ 5860 w 10000"/>
                  <a:gd name="connsiteY131" fmla="*/ 8597 h 10000"/>
                  <a:gd name="connsiteX132" fmla="*/ 5811 w 10000"/>
                  <a:gd name="connsiteY132" fmla="*/ 8656 h 10000"/>
                  <a:gd name="connsiteX133" fmla="*/ 5714 w 10000"/>
                  <a:gd name="connsiteY133" fmla="*/ 8700 h 10000"/>
                  <a:gd name="connsiteX134" fmla="*/ 5642 w 10000"/>
                  <a:gd name="connsiteY134" fmla="*/ 8744 h 10000"/>
                  <a:gd name="connsiteX135" fmla="*/ 5569 w 10000"/>
                  <a:gd name="connsiteY135" fmla="*/ 8774 h 10000"/>
                  <a:gd name="connsiteX136" fmla="*/ 5496 w 10000"/>
                  <a:gd name="connsiteY136" fmla="*/ 8804 h 10000"/>
                  <a:gd name="connsiteX137" fmla="*/ 5400 w 10000"/>
                  <a:gd name="connsiteY137" fmla="*/ 8818 h 10000"/>
                  <a:gd name="connsiteX138" fmla="*/ 5278 w 10000"/>
                  <a:gd name="connsiteY138" fmla="*/ 8833 h 10000"/>
                  <a:gd name="connsiteX139" fmla="*/ 5157 w 10000"/>
                  <a:gd name="connsiteY139" fmla="*/ 8833 h 10000"/>
                  <a:gd name="connsiteX140" fmla="*/ 4867 w 10000"/>
                  <a:gd name="connsiteY140" fmla="*/ 8818 h 10000"/>
                  <a:gd name="connsiteX141" fmla="*/ 4504 w 10000"/>
                  <a:gd name="connsiteY141" fmla="*/ 8744 h 10000"/>
                  <a:gd name="connsiteX142" fmla="*/ 4504 w 10000"/>
                  <a:gd name="connsiteY142" fmla="*/ 8922 h 10000"/>
                  <a:gd name="connsiteX143" fmla="*/ 4479 w 10000"/>
                  <a:gd name="connsiteY143" fmla="*/ 9069 h 10000"/>
                  <a:gd name="connsiteX144" fmla="*/ 4455 w 10000"/>
                  <a:gd name="connsiteY144" fmla="*/ 9232 h 10000"/>
                  <a:gd name="connsiteX145" fmla="*/ 4431 w 10000"/>
                  <a:gd name="connsiteY145" fmla="*/ 9365 h 10000"/>
                  <a:gd name="connsiteX146" fmla="*/ 4383 w 10000"/>
                  <a:gd name="connsiteY146" fmla="*/ 9498 h 10000"/>
                  <a:gd name="connsiteX147" fmla="*/ 4286 w 10000"/>
                  <a:gd name="connsiteY147" fmla="*/ 9616 h 10000"/>
                  <a:gd name="connsiteX148" fmla="*/ 4213 w 10000"/>
                  <a:gd name="connsiteY148" fmla="*/ 9734 h 10000"/>
                  <a:gd name="connsiteX149" fmla="*/ 4092 w 10000"/>
                  <a:gd name="connsiteY149" fmla="*/ 9838 h 10000"/>
                  <a:gd name="connsiteX150" fmla="*/ 3801 w 10000"/>
                  <a:gd name="connsiteY150" fmla="*/ 9897 h 10000"/>
                  <a:gd name="connsiteX151" fmla="*/ 3559 w 10000"/>
                  <a:gd name="connsiteY151" fmla="*/ 9941 h 10000"/>
                  <a:gd name="connsiteX152" fmla="*/ 3269 w 10000"/>
                  <a:gd name="connsiteY152" fmla="*/ 9985 h 10000"/>
                  <a:gd name="connsiteX153" fmla="*/ 3051 w 10000"/>
                  <a:gd name="connsiteY153" fmla="*/ 10000 h 10000"/>
                  <a:gd name="connsiteX154" fmla="*/ 2567 w 10000"/>
                  <a:gd name="connsiteY154" fmla="*/ 10000 h 10000"/>
                  <a:gd name="connsiteX155" fmla="*/ 2107 w 10000"/>
                  <a:gd name="connsiteY155" fmla="*/ 9985 h 10000"/>
                  <a:gd name="connsiteX156" fmla="*/ 1671 w 10000"/>
                  <a:gd name="connsiteY156" fmla="*/ 9941 h 10000"/>
                  <a:gd name="connsiteX157" fmla="*/ 1211 w 10000"/>
                  <a:gd name="connsiteY157" fmla="*/ 9911 h 10000"/>
                  <a:gd name="connsiteX158" fmla="*/ 944 w 10000"/>
                  <a:gd name="connsiteY158" fmla="*/ 9911 h 10000"/>
                  <a:gd name="connsiteX159" fmla="*/ 702 w 10000"/>
                  <a:gd name="connsiteY159" fmla="*/ 9911 h 10000"/>
                  <a:gd name="connsiteX160" fmla="*/ 436 w 10000"/>
                  <a:gd name="connsiteY160" fmla="*/ 9926 h 10000"/>
                  <a:gd name="connsiteX161" fmla="*/ 169 w 10000"/>
                  <a:gd name="connsiteY161" fmla="*/ 9970 h 10000"/>
                  <a:gd name="connsiteX162" fmla="*/ 97 w 10000"/>
                  <a:gd name="connsiteY162" fmla="*/ 9867 h 10000"/>
                  <a:gd name="connsiteX163" fmla="*/ 48 w 10000"/>
                  <a:gd name="connsiteY163" fmla="*/ 9793 h 10000"/>
                  <a:gd name="connsiteX164" fmla="*/ 0 w 10000"/>
                  <a:gd name="connsiteY164" fmla="*/ 9705 h 10000"/>
                  <a:gd name="connsiteX165" fmla="*/ 0 w 10000"/>
                  <a:gd name="connsiteY165" fmla="*/ 9601 h 10000"/>
                  <a:gd name="connsiteX166" fmla="*/ 48 w 10000"/>
                  <a:gd name="connsiteY166" fmla="*/ 9424 h 10000"/>
                  <a:gd name="connsiteX167" fmla="*/ 97 w 10000"/>
                  <a:gd name="connsiteY167" fmla="*/ 9202 h 10000"/>
                  <a:gd name="connsiteX168" fmla="*/ 145 w 10000"/>
                  <a:gd name="connsiteY168" fmla="*/ 8996 h 10000"/>
                  <a:gd name="connsiteX169" fmla="*/ 194 w 10000"/>
                  <a:gd name="connsiteY169" fmla="*/ 8759 h 10000"/>
                  <a:gd name="connsiteX170" fmla="*/ 218 w 10000"/>
                  <a:gd name="connsiteY170" fmla="*/ 8641 h 10000"/>
                  <a:gd name="connsiteX171" fmla="*/ 218 w 10000"/>
                  <a:gd name="connsiteY171" fmla="*/ 8538 h 10000"/>
                  <a:gd name="connsiteX172" fmla="*/ 194 w 10000"/>
                  <a:gd name="connsiteY172" fmla="*/ 8405 h 10000"/>
                  <a:gd name="connsiteX173" fmla="*/ 169 w 10000"/>
                  <a:gd name="connsiteY173" fmla="*/ 8287 h 10000"/>
                  <a:gd name="connsiteX174" fmla="*/ 412 w 10000"/>
                  <a:gd name="connsiteY174" fmla="*/ 8213 h 10000"/>
                  <a:gd name="connsiteX175" fmla="*/ 654 w 10000"/>
                  <a:gd name="connsiteY175" fmla="*/ 8139 h 10000"/>
                  <a:gd name="connsiteX176" fmla="*/ 896 w 10000"/>
                  <a:gd name="connsiteY176" fmla="*/ 8095 h 10000"/>
                  <a:gd name="connsiteX177" fmla="*/ 1162 w 10000"/>
                  <a:gd name="connsiteY177" fmla="*/ 8065 h 10000"/>
                  <a:gd name="connsiteX178" fmla="*/ 1646 w 10000"/>
                  <a:gd name="connsiteY178" fmla="*/ 8021 h 10000"/>
                  <a:gd name="connsiteX179" fmla="*/ 2131 w 10000"/>
                  <a:gd name="connsiteY179" fmla="*/ 7976 h 10000"/>
                  <a:gd name="connsiteX180" fmla="*/ 2349 w 10000"/>
                  <a:gd name="connsiteY180" fmla="*/ 7947 h 10000"/>
                  <a:gd name="connsiteX181" fmla="*/ 2567 w 10000"/>
                  <a:gd name="connsiteY181" fmla="*/ 7917 h 10000"/>
                  <a:gd name="connsiteX182" fmla="*/ 2760 w 10000"/>
                  <a:gd name="connsiteY182" fmla="*/ 7843 h 10000"/>
                  <a:gd name="connsiteX183" fmla="*/ 2954 w 10000"/>
                  <a:gd name="connsiteY183" fmla="*/ 7784 h 10000"/>
                  <a:gd name="connsiteX184" fmla="*/ 3123 w 10000"/>
                  <a:gd name="connsiteY184" fmla="*/ 7710 h 10000"/>
                  <a:gd name="connsiteX185" fmla="*/ 3269 w 10000"/>
                  <a:gd name="connsiteY185" fmla="*/ 7592 h 10000"/>
                  <a:gd name="connsiteX186" fmla="*/ 3414 w 10000"/>
                  <a:gd name="connsiteY186" fmla="*/ 7474 h 10000"/>
                  <a:gd name="connsiteX187" fmla="*/ 3511 w 10000"/>
                  <a:gd name="connsiteY187" fmla="*/ 7312 h 10000"/>
                  <a:gd name="connsiteX188" fmla="*/ 3317 w 10000"/>
                  <a:gd name="connsiteY188" fmla="*/ 7238 h 10000"/>
                  <a:gd name="connsiteX189" fmla="*/ 3148 w 10000"/>
                  <a:gd name="connsiteY189" fmla="*/ 7179 h 10000"/>
                  <a:gd name="connsiteX190" fmla="*/ 3002 w 10000"/>
                  <a:gd name="connsiteY190" fmla="*/ 7090 h 10000"/>
                  <a:gd name="connsiteX191" fmla="*/ 2857 w 10000"/>
                  <a:gd name="connsiteY191" fmla="*/ 6987 h 10000"/>
                  <a:gd name="connsiteX192" fmla="*/ 2760 w 10000"/>
                  <a:gd name="connsiteY192" fmla="*/ 6869 h 10000"/>
                  <a:gd name="connsiteX193" fmla="*/ 2712 w 10000"/>
                  <a:gd name="connsiteY193" fmla="*/ 6721 h 10000"/>
                  <a:gd name="connsiteX194" fmla="*/ 2688 w 10000"/>
                  <a:gd name="connsiteY194" fmla="*/ 6558 h 10000"/>
                  <a:gd name="connsiteX195" fmla="*/ 2712 w 10000"/>
                  <a:gd name="connsiteY195" fmla="*/ 6352 h 10000"/>
                  <a:gd name="connsiteX196" fmla="*/ 2591 w 10000"/>
                  <a:gd name="connsiteY196" fmla="*/ 6322 h 10000"/>
                  <a:gd name="connsiteX197" fmla="*/ 2446 w 10000"/>
                  <a:gd name="connsiteY197" fmla="*/ 6292 h 10000"/>
                  <a:gd name="connsiteX198" fmla="*/ 2276 w 10000"/>
                  <a:gd name="connsiteY198" fmla="*/ 6278 h 10000"/>
                  <a:gd name="connsiteX199" fmla="*/ 2107 w 10000"/>
                  <a:gd name="connsiteY199" fmla="*/ 6263 h 10000"/>
                  <a:gd name="connsiteX200" fmla="*/ 1768 w 10000"/>
                  <a:gd name="connsiteY200" fmla="*/ 6248 h 10000"/>
                  <a:gd name="connsiteX201" fmla="*/ 1404 w 10000"/>
                  <a:gd name="connsiteY201" fmla="*/ 6263 h 10000"/>
                  <a:gd name="connsiteX202" fmla="*/ 1090 w 10000"/>
                  <a:gd name="connsiteY202" fmla="*/ 6278 h 10000"/>
                  <a:gd name="connsiteX203" fmla="*/ 799 w 10000"/>
                  <a:gd name="connsiteY203" fmla="*/ 6278 h 10000"/>
                  <a:gd name="connsiteX204" fmla="*/ 557 w 10000"/>
                  <a:gd name="connsiteY204" fmla="*/ 6263 h 10000"/>
                  <a:gd name="connsiteX205" fmla="*/ 363 w 10000"/>
                  <a:gd name="connsiteY205" fmla="*/ 6233 h 10000"/>
                  <a:gd name="connsiteX206" fmla="*/ 605 w 10000"/>
                  <a:gd name="connsiteY206" fmla="*/ 5805 h 10000"/>
                  <a:gd name="connsiteX207" fmla="*/ 872 w 10000"/>
                  <a:gd name="connsiteY207" fmla="*/ 5391 h 10000"/>
                  <a:gd name="connsiteX208" fmla="*/ 969 w 10000"/>
                  <a:gd name="connsiteY208" fmla="*/ 5170 h 10000"/>
                  <a:gd name="connsiteX209" fmla="*/ 1041 w 10000"/>
                  <a:gd name="connsiteY209" fmla="*/ 4963 h 10000"/>
                  <a:gd name="connsiteX210" fmla="*/ 1065 w 10000"/>
                  <a:gd name="connsiteY210" fmla="*/ 4860 h 10000"/>
                  <a:gd name="connsiteX211" fmla="*/ 1041 w 10000"/>
                  <a:gd name="connsiteY211" fmla="*/ 4756 h 10000"/>
                  <a:gd name="connsiteX212" fmla="*/ 1017 w 10000"/>
                  <a:gd name="connsiteY212" fmla="*/ 4653 h 10000"/>
                  <a:gd name="connsiteX213" fmla="*/ 944 w 10000"/>
                  <a:gd name="connsiteY213" fmla="*/ 4549 h 10000"/>
                  <a:gd name="connsiteX214" fmla="*/ 1211 w 10000"/>
                  <a:gd name="connsiteY214" fmla="*/ 4520 h 10000"/>
                  <a:gd name="connsiteX215" fmla="*/ 1404 w 10000"/>
                  <a:gd name="connsiteY215" fmla="*/ 4505 h 10000"/>
                  <a:gd name="connsiteX216" fmla="*/ 1574 w 10000"/>
                  <a:gd name="connsiteY216" fmla="*/ 4505 h 10000"/>
                  <a:gd name="connsiteX217" fmla="*/ 1719 w 10000"/>
                  <a:gd name="connsiteY217" fmla="*/ 4520 h 10000"/>
                  <a:gd name="connsiteX218" fmla="*/ 1840 w 10000"/>
                  <a:gd name="connsiteY218" fmla="*/ 4520 h 10000"/>
                  <a:gd name="connsiteX219" fmla="*/ 1985 w 10000"/>
                  <a:gd name="connsiteY219" fmla="*/ 4520 h 10000"/>
                  <a:gd name="connsiteX220" fmla="*/ 2131 w 10000"/>
                  <a:gd name="connsiteY220" fmla="*/ 4490 h 10000"/>
                  <a:gd name="connsiteX221" fmla="*/ 2324 w 10000"/>
                  <a:gd name="connsiteY221" fmla="*/ 4446 h 10000"/>
                  <a:gd name="connsiteX222" fmla="*/ 2324 w 10000"/>
                  <a:gd name="connsiteY222" fmla="*/ 4579 h 10000"/>
                  <a:gd name="connsiteX223" fmla="*/ 2324 w 10000"/>
                  <a:gd name="connsiteY223" fmla="*/ 4742 h 10000"/>
                  <a:gd name="connsiteX224" fmla="*/ 2324 w 10000"/>
                  <a:gd name="connsiteY224" fmla="*/ 4874 h 10000"/>
                  <a:gd name="connsiteX225" fmla="*/ 2324 w 10000"/>
                  <a:gd name="connsiteY225" fmla="*/ 5037 h 10000"/>
                  <a:gd name="connsiteX226" fmla="*/ 2542 w 10000"/>
                  <a:gd name="connsiteY226" fmla="*/ 5022 h 10000"/>
                  <a:gd name="connsiteX227" fmla="*/ 2688 w 10000"/>
                  <a:gd name="connsiteY227" fmla="*/ 5037 h 10000"/>
                  <a:gd name="connsiteX228" fmla="*/ 2809 w 10000"/>
                  <a:gd name="connsiteY228" fmla="*/ 5066 h 10000"/>
                  <a:gd name="connsiteX229" fmla="*/ 2930 w 10000"/>
                  <a:gd name="connsiteY229" fmla="*/ 5096 h 10000"/>
                  <a:gd name="connsiteX230" fmla="*/ 3027 w 10000"/>
                  <a:gd name="connsiteY230" fmla="*/ 5126 h 10000"/>
                  <a:gd name="connsiteX231" fmla="*/ 3148 w 10000"/>
                  <a:gd name="connsiteY231" fmla="*/ 5155 h 10000"/>
                  <a:gd name="connsiteX232" fmla="*/ 3293 w 10000"/>
                  <a:gd name="connsiteY232" fmla="*/ 5170 h 10000"/>
                  <a:gd name="connsiteX233" fmla="*/ 3511 w 10000"/>
                  <a:gd name="connsiteY233" fmla="*/ 5155 h 10000"/>
                  <a:gd name="connsiteX234" fmla="*/ 3584 w 10000"/>
                  <a:gd name="connsiteY234" fmla="*/ 5096 h 10000"/>
                  <a:gd name="connsiteX235" fmla="*/ 3656 w 10000"/>
                  <a:gd name="connsiteY235" fmla="*/ 5022 h 10000"/>
                  <a:gd name="connsiteX236" fmla="*/ 3680 w 10000"/>
                  <a:gd name="connsiteY236" fmla="*/ 4934 h 10000"/>
                  <a:gd name="connsiteX237" fmla="*/ 3705 w 10000"/>
                  <a:gd name="connsiteY237" fmla="*/ 4860 h 10000"/>
                  <a:gd name="connsiteX238" fmla="*/ 3729 w 10000"/>
                  <a:gd name="connsiteY238" fmla="*/ 4697 h 10000"/>
                  <a:gd name="connsiteX239" fmla="*/ 3705 w 10000"/>
                  <a:gd name="connsiteY239" fmla="*/ 4520 h 10000"/>
                  <a:gd name="connsiteX240" fmla="*/ 3632 w 10000"/>
                  <a:gd name="connsiteY240" fmla="*/ 4343 h 10000"/>
                  <a:gd name="connsiteX241" fmla="*/ 3559 w 10000"/>
                  <a:gd name="connsiteY241" fmla="*/ 4195 h 10000"/>
                  <a:gd name="connsiteX242" fmla="*/ 3438 w 10000"/>
                  <a:gd name="connsiteY242" fmla="*/ 4047 h 10000"/>
                  <a:gd name="connsiteX243" fmla="*/ 3317 w 10000"/>
                  <a:gd name="connsiteY243" fmla="*/ 3959 h 10000"/>
                  <a:gd name="connsiteX244" fmla="*/ 3462 w 10000"/>
                  <a:gd name="connsiteY244" fmla="*/ 3944 h 10000"/>
                  <a:gd name="connsiteX245" fmla="*/ 3584 w 10000"/>
                  <a:gd name="connsiteY245" fmla="*/ 3914 h 10000"/>
                  <a:gd name="connsiteX246" fmla="*/ 3680 w 10000"/>
                  <a:gd name="connsiteY246" fmla="*/ 3855 h 10000"/>
                  <a:gd name="connsiteX247" fmla="*/ 3801 w 10000"/>
                  <a:gd name="connsiteY247" fmla="*/ 3752 h 10000"/>
                  <a:gd name="connsiteX248" fmla="*/ 3923 w 10000"/>
                  <a:gd name="connsiteY248" fmla="*/ 3663 h 10000"/>
                  <a:gd name="connsiteX249" fmla="*/ 4019 w 10000"/>
                  <a:gd name="connsiteY249" fmla="*/ 3560 h 10000"/>
                  <a:gd name="connsiteX250" fmla="*/ 4092 w 10000"/>
                  <a:gd name="connsiteY250" fmla="*/ 3442 h 10000"/>
                  <a:gd name="connsiteX251" fmla="*/ 4165 w 10000"/>
                  <a:gd name="connsiteY251" fmla="*/ 3323 h 10000"/>
                  <a:gd name="connsiteX252" fmla="*/ 4213 w 10000"/>
                  <a:gd name="connsiteY252" fmla="*/ 3220 h 10000"/>
                  <a:gd name="connsiteX253" fmla="*/ 4237 w 10000"/>
                  <a:gd name="connsiteY253" fmla="*/ 3102 h 10000"/>
                  <a:gd name="connsiteX254" fmla="*/ 4262 w 10000"/>
                  <a:gd name="connsiteY254" fmla="*/ 3013 h 10000"/>
                  <a:gd name="connsiteX255" fmla="*/ 4237 w 10000"/>
                  <a:gd name="connsiteY255" fmla="*/ 2939 h 10000"/>
                  <a:gd name="connsiteX256" fmla="*/ 4213 w 10000"/>
                  <a:gd name="connsiteY256" fmla="*/ 2866 h 10000"/>
                  <a:gd name="connsiteX257" fmla="*/ 4140 w 10000"/>
                  <a:gd name="connsiteY257" fmla="*/ 2836 h 10000"/>
                  <a:gd name="connsiteX258" fmla="*/ 4044 w 10000"/>
                  <a:gd name="connsiteY258" fmla="*/ 2836 h 10000"/>
                  <a:gd name="connsiteX259" fmla="*/ 3923 w 10000"/>
                  <a:gd name="connsiteY259" fmla="*/ 2866 h 10000"/>
                  <a:gd name="connsiteX260" fmla="*/ 4019 w 10000"/>
                  <a:gd name="connsiteY260" fmla="*/ 2777 h 10000"/>
                  <a:gd name="connsiteX261" fmla="*/ 4068 w 10000"/>
                  <a:gd name="connsiteY261" fmla="*/ 2674 h 10000"/>
                  <a:gd name="connsiteX262" fmla="*/ 4092 w 10000"/>
                  <a:gd name="connsiteY262" fmla="*/ 2541 h 10000"/>
                  <a:gd name="connsiteX263" fmla="*/ 4092 w 10000"/>
                  <a:gd name="connsiteY263" fmla="*/ 2393 h 10000"/>
                  <a:gd name="connsiteX264" fmla="*/ 4116 w 10000"/>
                  <a:gd name="connsiteY264" fmla="*/ 2349 h 10000"/>
                  <a:gd name="connsiteX265" fmla="*/ 4165 w 10000"/>
                  <a:gd name="connsiteY265" fmla="*/ 2304 h 10000"/>
                  <a:gd name="connsiteX266" fmla="*/ 4213 w 10000"/>
                  <a:gd name="connsiteY266" fmla="*/ 2290 h 10000"/>
                  <a:gd name="connsiteX267" fmla="*/ 4286 w 10000"/>
                  <a:gd name="connsiteY267" fmla="*/ 2275 h 10000"/>
                  <a:gd name="connsiteX268" fmla="*/ 4504 w 10000"/>
                  <a:gd name="connsiteY268" fmla="*/ 2260 h 10000"/>
                  <a:gd name="connsiteX269" fmla="*/ 4697 w 10000"/>
                  <a:gd name="connsiteY269" fmla="*/ 2275 h 10000"/>
                  <a:gd name="connsiteX270" fmla="*/ 4673 w 10000"/>
                  <a:gd name="connsiteY270" fmla="*/ 2112 h 10000"/>
                  <a:gd name="connsiteX271" fmla="*/ 4625 w 10000"/>
                  <a:gd name="connsiteY271" fmla="*/ 1950 h 10000"/>
                  <a:gd name="connsiteX272" fmla="*/ 4552 w 10000"/>
                  <a:gd name="connsiteY272" fmla="*/ 1802 h 10000"/>
                  <a:gd name="connsiteX273" fmla="*/ 4455 w 10000"/>
                  <a:gd name="connsiteY273" fmla="*/ 1640 h 10000"/>
                  <a:gd name="connsiteX274" fmla="*/ 4213 w 10000"/>
                  <a:gd name="connsiteY274" fmla="*/ 1329 h 10000"/>
                  <a:gd name="connsiteX275" fmla="*/ 3971 w 10000"/>
                  <a:gd name="connsiteY275" fmla="*/ 1034 h 10000"/>
                  <a:gd name="connsiteX276" fmla="*/ 3850 w 10000"/>
                  <a:gd name="connsiteY276" fmla="*/ 901 h 10000"/>
                  <a:gd name="connsiteX277" fmla="*/ 3753 w 10000"/>
                  <a:gd name="connsiteY277" fmla="*/ 753 h 10000"/>
                  <a:gd name="connsiteX278" fmla="*/ 3680 w 10000"/>
                  <a:gd name="connsiteY278" fmla="*/ 620 h 10000"/>
                  <a:gd name="connsiteX279" fmla="*/ 3656 w 10000"/>
                  <a:gd name="connsiteY279" fmla="*/ 487 h 10000"/>
                  <a:gd name="connsiteX280" fmla="*/ 3632 w 10000"/>
                  <a:gd name="connsiteY280" fmla="*/ 355 h 10000"/>
                  <a:gd name="connsiteX281" fmla="*/ 3680 w 10000"/>
                  <a:gd name="connsiteY281" fmla="*/ 222 h 10000"/>
                  <a:gd name="connsiteX282" fmla="*/ 3705 w 10000"/>
                  <a:gd name="connsiteY282" fmla="*/ 162 h 10000"/>
                  <a:gd name="connsiteX283" fmla="*/ 3753 w 10000"/>
                  <a:gd name="connsiteY283" fmla="*/ 103 h 10000"/>
                  <a:gd name="connsiteX284" fmla="*/ 3826 w 10000"/>
                  <a:gd name="connsiteY284" fmla="*/ 59 h 10000"/>
                  <a:gd name="connsiteX285" fmla="*/ 3923 w 10000"/>
                  <a:gd name="connsiteY285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6852 w 10000"/>
                  <a:gd name="connsiteY56" fmla="*/ 4313 h 10000"/>
                  <a:gd name="connsiteX57" fmla="*/ 6852 w 10000"/>
                  <a:gd name="connsiteY57" fmla="*/ 4431 h 10000"/>
                  <a:gd name="connsiteX58" fmla="*/ 6852 w 10000"/>
                  <a:gd name="connsiteY58" fmla="*/ 4549 h 10000"/>
                  <a:gd name="connsiteX59" fmla="*/ 6804 w 10000"/>
                  <a:gd name="connsiteY59" fmla="*/ 4564 h 10000"/>
                  <a:gd name="connsiteX60" fmla="*/ 6731 w 10000"/>
                  <a:gd name="connsiteY60" fmla="*/ 4594 h 10000"/>
                  <a:gd name="connsiteX61" fmla="*/ 6683 w 10000"/>
                  <a:gd name="connsiteY61" fmla="*/ 4638 h 10000"/>
                  <a:gd name="connsiteX62" fmla="*/ 6683 w 10000"/>
                  <a:gd name="connsiteY62" fmla="*/ 4697 h 10000"/>
                  <a:gd name="connsiteX63" fmla="*/ 6659 w 10000"/>
                  <a:gd name="connsiteY63" fmla="*/ 4801 h 10000"/>
                  <a:gd name="connsiteX64" fmla="*/ 6659 w 10000"/>
                  <a:gd name="connsiteY64" fmla="*/ 4904 h 10000"/>
                  <a:gd name="connsiteX65" fmla="*/ 6538 w 10000"/>
                  <a:gd name="connsiteY65" fmla="*/ 4860 h 10000"/>
                  <a:gd name="connsiteX66" fmla="*/ 6465 w 10000"/>
                  <a:gd name="connsiteY66" fmla="*/ 4801 h 10000"/>
                  <a:gd name="connsiteX67" fmla="*/ 6392 w 10000"/>
                  <a:gd name="connsiteY67" fmla="*/ 4727 h 10000"/>
                  <a:gd name="connsiteX68" fmla="*/ 6320 w 10000"/>
                  <a:gd name="connsiteY68" fmla="*/ 4638 h 10000"/>
                  <a:gd name="connsiteX69" fmla="*/ 6199 w 10000"/>
                  <a:gd name="connsiteY69" fmla="*/ 4476 h 10000"/>
                  <a:gd name="connsiteX70" fmla="*/ 6077 w 10000"/>
                  <a:gd name="connsiteY70" fmla="*/ 4313 h 10000"/>
                  <a:gd name="connsiteX71" fmla="*/ 6223 w 10000"/>
                  <a:gd name="connsiteY71" fmla="*/ 4210 h 10000"/>
                  <a:gd name="connsiteX72" fmla="*/ 6416 w 10000"/>
                  <a:gd name="connsiteY72" fmla="*/ 4121 h 10000"/>
                  <a:gd name="connsiteX73" fmla="*/ 6634 w 10000"/>
                  <a:gd name="connsiteY73" fmla="*/ 4032 h 10000"/>
                  <a:gd name="connsiteX74" fmla="*/ 6877 w 10000"/>
                  <a:gd name="connsiteY74" fmla="*/ 3959 h 10000"/>
                  <a:gd name="connsiteX75" fmla="*/ 7385 w 10000"/>
                  <a:gd name="connsiteY75" fmla="*/ 3811 h 10000"/>
                  <a:gd name="connsiteX76" fmla="*/ 7893 w 10000"/>
                  <a:gd name="connsiteY76" fmla="*/ 3663 h 10000"/>
                  <a:gd name="connsiteX77" fmla="*/ 8136 w 10000"/>
                  <a:gd name="connsiteY77" fmla="*/ 3589 h 10000"/>
                  <a:gd name="connsiteX78" fmla="*/ 8378 w 10000"/>
                  <a:gd name="connsiteY78" fmla="*/ 3516 h 10000"/>
                  <a:gd name="connsiteX79" fmla="*/ 8571 w 10000"/>
                  <a:gd name="connsiteY79" fmla="*/ 3412 h 10000"/>
                  <a:gd name="connsiteX80" fmla="*/ 8765 w 10000"/>
                  <a:gd name="connsiteY80" fmla="*/ 3338 h 10000"/>
                  <a:gd name="connsiteX81" fmla="*/ 8886 w 10000"/>
                  <a:gd name="connsiteY81" fmla="*/ 3235 h 10000"/>
                  <a:gd name="connsiteX82" fmla="*/ 8983 w 10000"/>
                  <a:gd name="connsiteY82" fmla="*/ 3117 h 10000"/>
                  <a:gd name="connsiteX83" fmla="*/ 9007 w 10000"/>
                  <a:gd name="connsiteY83" fmla="*/ 3072 h 10000"/>
                  <a:gd name="connsiteX84" fmla="*/ 9031 w 10000"/>
                  <a:gd name="connsiteY84" fmla="*/ 3013 h 10000"/>
                  <a:gd name="connsiteX85" fmla="*/ 9031 w 10000"/>
                  <a:gd name="connsiteY85" fmla="*/ 2954 h 10000"/>
                  <a:gd name="connsiteX86" fmla="*/ 9007 w 10000"/>
                  <a:gd name="connsiteY86" fmla="*/ 2866 h 10000"/>
                  <a:gd name="connsiteX87" fmla="*/ 8838 w 10000"/>
                  <a:gd name="connsiteY87" fmla="*/ 2984 h 10000"/>
                  <a:gd name="connsiteX88" fmla="*/ 8644 w 10000"/>
                  <a:gd name="connsiteY88" fmla="*/ 3072 h 10000"/>
                  <a:gd name="connsiteX89" fmla="*/ 8450 w 10000"/>
                  <a:gd name="connsiteY89" fmla="*/ 3161 h 10000"/>
                  <a:gd name="connsiteX90" fmla="*/ 8257 w 10000"/>
                  <a:gd name="connsiteY90" fmla="*/ 3250 h 10000"/>
                  <a:gd name="connsiteX91" fmla="*/ 7821 w 10000"/>
                  <a:gd name="connsiteY91" fmla="*/ 3397 h 10000"/>
                  <a:gd name="connsiteX92" fmla="*/ 7361 w 10000"/>
                  <a:gd name="connsiteY92" fmla="*/ 3545 h 10000"/>
                  <a:gd name="connsiteX93" fmla="*/ 6901 w 10000"/>
                  <a:gd name="connsiteY93" fmla="*/ 3678 h 10000"/>
                  <a:gd name="connsiteX94" fmla="*/ 6465 w 10000"/>
                  <a:gd name="connsiteY94" fmla="*/ 3840 h 10000"/>
                  <a:gd name="connsiteX95" fmla="*/ 6247 w 10000"/>
                  <a:gd name="connsiteY95" fmla="*/ 3914 h 10000"/>
                  <a:gd name="connsiteX96" fmla="*/ 6053 w 10000"/>
                  <a:gd name="connsiteY96" fmla="*/ 4003 h 10000"/>
                  <a:gd name="connsiteX97" fmla="*/ 5860 w 10000"/>
                  <a:gd name="connsiteY97" fmla="*/ 4106 h 10000"/>
                  <a:gd name="connsiteX98" fmla="*/ 5666 w 10000"/>
                  <a:gd name="connsiteY98" fmla="*/ 4195 h 10000"/>
                  <a:gd name="connsiteX99" fmla="*/ 5811 w 10000"/>
                  <a:gd name="connsiteY99" fmla="*/ 4417 h 10000"/>
                  <a:gd name="connsiteX100" fmla="*/ 5908 w 10000"/>
                  <a:gd name="connsiteY100" fmla="*/ 4623 h 10000"/>
                  <a:gd name="connsiteX101" fmla="*/ 6005 w 10000"/>
                  <a:gd name="connsiteY101" fmla="*/ 4845 h 10000"/>
                  <a:gd name="connsiteX102" fmla="*/ 6077 w 10000"/>
                  <a:gd name="connsiteY102" fmla="*/ 5081 h 10000"/>
                  <a:gd name="connsiteX103" fmla="*/ 6126 w 10000"/>
                  <a:gd name="connsiteY103" fmla="*/ 5318 h 10000"/>
                  <a:gd name="connsiteX104" fmla="*/ 6150 w 10000"/>
                  <a:gd name="connsiteY104" fmla="*/ 5539 h 10000"/>
                  <a:gd name="connsiteX105" fmla="*/ 6174 w 10000"/>
                  <a:gd name="connsiteY105" fmla="*/ 5775 h 10000"/>
                  <a:gd name="connsiteX106" fmla="*/ 6174 w 10000"/>
                  <a:gd name="connsiteY106" fmla="*/ 5997 h 10000"/>
                  <a:gd name="connsiteX107" fmla="*/ 6150 w 10000"/>
                  <a:gd name="connsiteY107" fmla="*/ 6233 h 10000"/>
                  <a:gd name="connsiteX108" fmla="*/ 6102 w 10000"/>
                  <a:gd name="connsiteY108" fmla="*/ 6470 h 10000"/>
                  <a:gd name="connsiteX109" fmla="*/ 6053 w 10000"/>
                  <a:gd name="connsiteY109" fmla="*/ 6677 h 10000"/>
                  <a:gd name="connsiteX110" fmla="*/ 5981 w 10000"/>
                  <a:gd name="connsiteY110" fmla="*/ 6898 h 10000"/>
                  <a:gd name="connsiteX111" fmla="*/ 5884 w 10000"/>
                  <a:gd name="connsiteY111" fmla="*/ 7105 h 10000"/>
                  <a:gd name="connsiteX112" fmla="*/ 5763 w 10000"/>
                  <a:gd name="connsiteY112" fmla="*/ 7297 h 10000"/>
                  <a:gd name="connsiteX113" fmla="*/ 5617 w 10000"/>
                  <a:gd name="connsiteY113" fmla="*/ 7489 h 10000"/>
                  <a:gd name="connsiteX114" fmla="*/ 5472 w 10000"/>
                  <a:gd name="connsiteY114" fmla="*/ 7681 h 10000"/>
                  <a:gd name="connsiteX115" fmla="*/ 6174 w 10000"/>
                  <a:gd name="connsiteY115" fmla="*/ 7799 h 10000"/>
                  <a:gd name="connsiteX116" fmla="*/ 6901 w 10000"/>
                  <a:gd name="connsiteY116" fmla="*/ 7962 h 10000"/>
                  <a:gd name="connsiteX117" fmla="*/ 7046 w 10000"/>
                  <a:gd name="connsiteY117" fmla="*/ 8021 h 10000"/>
                  <a:gd name="connsiteX118" fmla="*/ 7167 w 10000"/>
                  <a:gd name="connsiteY118" fmla="*/ 8080 h 10000"/>
                  <a:gd name="connsiteX119" fmla="*/ 7288 w 10000"/>
                  <a:gd name="connsiteY119" fmla="*/ 8139 h 10000"/>
                  <a:gd name="connsiteX120" fmla="*/ 7361 w 10000"/>
                  <a:gd name="connsiteY120" fmla="*/ 8227 h 10000"/>
                  <a:gd name="connsiteX121" fmla="*/ 7385 w 10000"/>
                  <a:gd name="connsiteY121" fmla="*/ 8301 h 10000"/>
                  <a:gd name="connsiteX122" fmla="*/ 7385 w 10000"/>
                  <a:gd name="connsiteY122" fmla="*/ 8405 h 10000"/>
                  <a:gd name="connsiteX123" fmla="*/ 7337 w 10000"/>
                  <a:gd name="connsiteY123" fmla="*/ 8523 h 10000"/>
                  <a:gd name="connsiteX124" fmla="*/ 7264 w 10000"/>
                  <a:gd name="connsiteY124" fmla="*/ 8641 h 10000"/>
                  <a:gd name="connsiteX125" fmla="*/ 6949 w 10000"/>
                  <a:gd name="connsiteY125" fmla="*/ 8552 h 10000"/>
                  <a:gd name="connsiteX126" fmla="*/ 6659 w 10000"/>
                  <a:gd name="connsiteY126" fmla="*/ 8449 h 10000"/>
                  <a:gd name="connsiteX127" fmla="*/ 6368 w 10000"/>
                  <a:gd name="connsiteY127" fmla="*/ 8360 h 10000"/>
                  <a:gd name="connsiteX128" fmla="*/ 6077 w 10000"/>
                  <a:gd name="connsiteY128" fmla="*/ 8287 h 10000"/>
                  <a:gd name="connsiteX129" fmla="*/ 5956 w 10000"/>
                  <a:gd name="connsiteY129" fmla="*/ 8449 h 10000"/>
                  <a:gd name="connsiteX130" fmla="*/ 5860 w 10000"/>
                  <a:gd name="connsiteY130" fmla="*/ 8597 h 10000"/>
                  <a:gd name="connsiteX131" fmla="*/ 5811 w 10000"/>
                  <a:gd name="connsiteY131" fmla="*/ 8656 h 10000"/>
                  <a:gd name="connsiteX132" fmla="*/ 5714 w 10000"/>
                  <a:gd name="connsiteY132" fmla="*/ 8700 h 10000"/>
                  <a:gd name="connsiteX133" fmla="*/ 5642 w 10000"/>
                  <a:gd name="connsiteY133" fmla="*/ 8744 h 10000"/>
                  <a:gd name="connsiteX134" fmla="*/ 5569 w 10000"/>
                  <a:gd name="connsiteY134" fmla="*/ 8774 h 10000"/>
                  <a:gd name="connsiteX135" fmla="*/ 5496 w 10000"/>
                  <a:gd name="connsiteY135" fmla="*/ 8804 h 10000"/>
                  <a:gd name="connsiteX136" fmla="*/ 5400 w 10000"/>
                  <a:gd name="connsiteY136" fmla="*/ 8818 h 10000"/>
                  <a:gd name="connsiteX137" fmla="*/ 5278 w 10000"/>
                  <a:gd name="connsiteY137" fmla="*/ 8833 h 10000"/>
                  <a:gd name="connsiteX138" fmla="*/ 5157 w 10000"/>
                  <a:gd name="connsiteY138" fmla="*/ 8833 h 10000"/>
                  <a:gd name="connsiteX139" fmla="*/ 4867 w 10000"/>
                  <a:gd name="connsiteY139" fmla="*/ 8818 h 10000"/>
                  <a:gd name="connsiteX140" fmla="*/ 4504 w 10000"/>
                  <a:gd name="connsiteY140" fmla="*/ 8744 h 10000"/>
                  <a:gd name="connsiteX141" fmla="*/ 4504 w 10000"/>
                  <a:gd name="connsiteY141" fmla="*/ 8922 h 10000"/>
                  <a:gd name="connsiteX142" fmla="*/ 4479 w 10000"/>
                  <a:gd name="connsiteY142" fmla="*/ 9069 h 10000"/>
                  <a:gd name="connsiteX143" fmla="*/ 4455 w 10000"/>
                  <a:gd name="connsiteY143" fmla="*/ 9232 h 10000"/>
                  <a:gd name="connsiteX144" fmla="*/ 4431 w 10000"/>
                  <a:gd name="connsiteY144" fmla="*/ 9365 h 10000"/>
                  <a:gd name="connsiteX145" fmla="*/ 4383 w 10000"/>
                  <a:gd name="connsiteY145" fmla="*/ 9498 h 10000"/>
                  <a:gd name="connsiteX146" fmla="*/ 4286 w 10000"/>
                  <a:gd name="connsiteY146" fmla="*/ 9616 h 10000"/>
                  <a:gd name="connsiteX147" fmla="*/ 4213 w 10000"/>
                  <a:gd name="connsiteY147" fmla="*/ 9734 h 10000"/>
                  <a:gd name="connsiteX148" fmla="*/ 4092 w 10000"/>
                  <a:gd name="connsiteY148" fmla="*/ 9838 h 10000"/>
                  <a:gd name="connsiteX149" fmla="*/ 3801 w 10000"/>
                  <a:gd name="connsiteY149" fmla="*/ 9897 h 10000"/>
                  <a:gd name="connsiteX150" fmla="*/ 3559 w 10000"/>
                  <a:gd name="connsiteY150" fmla="*/ 9941 h 10000"/>
                  <a:gd name="connsiteX151" fmla="*/ 3269 w 10000"/>
                  <a:gd name="connsiteY151" fmla="*/ 9985 h 10000"/>
                  <a:gd name="connsiteX152" fmla="*/ 3051 w 10000"/>
                  <a:gd name="connsiteY152" fmla="*/ 10000 h 10000"/>
                  <a:gd name="connsiteX153" fmla="*/ 2567 w 10000"/>
                  <a:gd name="connsiteY153" fmla="*/ 10000 h 10000"/>
                  <a:gd name="connsiteX154" fmla="*/ 2107 w 10000"/>
                  <a:gd name="connsiteY154" fmla="*/ 9985 h 10000"/>
                  <a:gd name="connsiteX155" fmla="*/ 1671 w 10000"/>
                  <a:gd name="connsiteY155" fmla="*/ 9941 h 10000"/>
                  <a:gd name="connsiteX156" fmla="*/ 1211 w 10000"/>
                  <a:gd name="connsiteY156" fmla="*/ 9911 h 10000"/>
                  <a:gd name="connsiteX157" fmla="*/ 944 w 10000"/>
                  <a:gd name="connsiteY157" fmla="*/ 9911 h 10000"/>
                  <a:gd name="connsiteX158" fmla="*/ 702 w 10000"/>
                  <a:gd name="connsiteY158" fmla="*/ 9911 h 10000"/>
                  <a:gd name="connsiteX159" fmla="*/ 436 w 10000"/>
                  <a:gd name="connsiteY159" fmla="*/ 9926 h 10000"/>
                  <a:gd name="connsiteX160" fmla="*/ 169 w 10000"/>
                  <a:gd name="connsiteY160" fmla="*/ 9970 h 10000"/>
                  <a:gd name="connsiteX161" fmla="*/ 97 w 10000"/>
                  <a:gd name="connsiteY161" fmla="*/ 9867 h 10000"/>
                  <a:gd name="connsiteX162" fmla="*/ 48 w 10000"/>
                  <a:gd name="connsiteY162" fmla="*/ 9793 h 10000"/>
                  <a:gd name="connsiteX163" fmla="*/ 0 w 10000"/>
                  <a:gd name="connsiteY163" fmla="*/ 9705 h 10000"/>
                  <a:gd name="connsiteX164" fmla="*/ 0 w 10000"/>
                  <a:gd name="connsiteY164" fmla="*/ 9601 h 10000"/>
                  <a:gd name="connsiteX165" fmla="*/ 48 w 10000"/>
                  <a:gd name="connsiteY165" fmla="*/ 9424 h 10000"/>
                  <a:gd name="connsiteX166" fmla="*/ 97 w 10000"/>
                  <a:gd name="connsiteY166" fmla="*/ 9202 h 10000"/>
                  <a:gd name="connsiteX167" fmla="*/ 145 w 10000"/>
                  <a:gd name="connsiteY167" fmla="*/ 8996 h 10000"/>
                  <a:gd name="connsiteX168" fmla="*/ 194 w 10000"/>
                  <a:gd name="connsiteY168" fmla="*/ 8759 h 10000"/>
                  <a:gd name="connsiteX169" fmla="*/ 218 w 10000"/>
                  <a:gd name="connsiteY169" fmla="*/ 8641 h 10000"/>
                  <a:gd name="connsiteX170" fmla="*/ 218 w 10000"/>
                  <a:gd name="connsiteY170" fmla="*/ 8538 h 10000"/>
                  <a:gd name="connsiteX171" fmla="*/ 194 w 10000"/>
                  <a:gd name="connsiteY171" fmla="*/ 8405 h 10000"/>
                  <a:gd name="connsiteX172" fmla="*/ 169 w 10000"/>
                  <a:gd name="connsiteY172" fmla="*/ 8287 h 10000"/>
                  <a:gd name="connsiteX173" fmla="*/ 412 w 10000"/>
                  <a:gd name="connsiteY173" fmla="*/ 8213 h 10000"/>
                  <a:gd name="connsiteX174" fmla="*/ 654 w 10000"/>
                  <a:gd name="connsiteY174" fmla="*/ 8139 h 10000"/>
                  <a:gd name="connsiteX175" fmla="*/ 896 w 10000"/>
                  <a:gd name="connsiteY175" fmla="*/ 8095 h 10000"/>
                  <a:gd name="connsiteX176" fmla="*/ 1162 w 10000"/>
                  <a:gd name="connsiteY176" fmla="*/ 8065 h 10000"/>
                  <a:gd name="connsiteX177" fmla="*/ 1646 w 10000"/>
                  <a:gd name="connsiteY177" fmla="*/ 8021 h 10000"/>
                  <a:gd name="connsiteX178" fmla="*/ 2131 w 10000"/>
                  <a:gd name="connsiteY178" fmla="*/ 7976 h 10000"/>
                  <a:gd name="connsiteX179" fmla="*/ 2349 w 10000"/>
                  <a:gd name="connsiteY179" fmla="*/ 7947 h 10000"/>
                  <a:gd name="connsiteX180" fmla="*/ 2567 w 10000"/>
                  <a:gd name="connsiteY180" fmla="*/ 7917 h 10000"/>
                  <a:gd name="connsiteX181" fmla="*/ 2760 w 10000"/>
                  <a:gd name="connsiteY181" fmla="*/ 7843 h 10000"/>
                  <a:gd name="connsiteX182" fmla="*/ 2954 w 10000"/>
                  <a:gd name="connsiteY182" fmla="*/ 7784 h 10000"/>
                  <a:gd name="connsiteX183" fmla="*/ 3123 w 10000"/>
                  <a:gd name="connsiteY183" fmla="*/ 7710 h 10000"/>
                  <a:gd name="connsiteX184" fmla="*/ 3269 w 10000"/>
                  <a:gd name="connsiteY184" fmla="*/ 7592 h 10000"/>
                  <a:gd name="connsiteX185" fmla="*/ 3414 w 10000"/>
                  <a:gd name="connsiteY185" fmla="*/ 7474 h 10000"/>
                  <a:gd name="connsiteX186" fmla="*/ 3511 w 10000"/>
                  <a:gd name="connsiteY186" fmla="*/ 7312 h 10000"/>
                  <a:gd name="connsiteX187" fmla="*/ 3317 w 10000"/>
                  <a:gd name="connsiteY187" fmla="*/ 7238 h 10000"/>
                  <a:gd name="connsiteX188" fmla="*/ 3148 w 10000"/>
                  <a:gd name="connsiteY188" fmla="*/ 7179 h 10000"/>
                  <a:gd name="connsiteX189" fmla="*/ 3002 w 10000"/>
                  <a:gd name="connsiteY189" fmla="*/ 7090 h 10000"/>
                  <a:gd name="connsiteX190" fmla="*/ 2857 w 10000"/>
                  <a:gd name="connsiteY190" fmla="*/ 6987 h 10000"/>
                  <a:gd name="connsiteX191" fmla="*/ 2760 w 10000"/>
                  <a:gd name="connsiteY191" fmla="*/ 6869 h 10000"/>
                  <a:gd name="connsiteX192" fmla="*/ 2712 w 10000"/>
                  <a:gd name="connsiteY192" fmla="*/ 6721 h 10000"/>
                  <a:gd name="connsiteX193" fmla="*/ 2688 w 10000"/>
                  <a:gd name="connsiteY193" fmla="*/ 6558 h 10000"/>
                  <a:gd name="connsiteX194" fmla="*/ 2712 w 10000"/>
                  <a:gd name="connsiteY194" fmla="*/ 6352 h 10000"/>
                  <a:gd name="connsiteX195" fmla="*/ 2591 w 10000"/>
                  <a:gd name="connsiteY195" fmla="*/ 6322 h 10000"/>
                  <a:gd name="connsiteX196" fmla="*/ 2446 w 10000"/>
                  <a:gd name="connsiteY196" fmla="*/ 6292 h 10000"/>
                  <a:gd name="connsiteX197" fmla="*/ 2276 w 10000"/>
                  <a:gd name="connsiteY197" fmla="*/ 6278 h 10000"/>
                  <a:gd name="connsiteX198" fmla="*/ 2107 w 10000"/>
                  <a:gd name="connsiteY198" fmla="*/ 6263 h 10000"/>
                  <a:gd name="connsiteX199" fmla="*/ 1768 w 10000"/>
                  <a:gd name="connsiteY199" fmla="*/ 6248 h 10000"/>
                  <a:gd name="connsiteX200" fmla="*/ 1404 w 10000"/>
                  <a:gd name="connsiteY200" fmla="*/ 6263 h 10000"/>
                  <a:gd name="connsiteX201" fmla="*/ 1090 w 10000"/>
                  <a:gd name="connsiteY201" fmla="*/ 6278 h 10000"/>
                  <a:gd name="connsiteX202" fmla="*/ 799 w 10000"/>
                  <a:gd name="connsiteY202" fmla="*/ 6278 h 10000"/>
                  <a:gd name="connsiteX203" fmla="*/ 557 w 10000"/>
                  <a:gd name="connsiteY203" fmla="*/ 6263 h 10000"/>
                  <a:gd name="connsiteX204" fmla="*/ 363 w 10000"/>
                  <a:gd name="connsiteY204" fmla="*/ 6233 h 10000"/>
                  <a:gd name="connsiteX205" fmla="*/ 605 w 10000"/>
                  <a:gd name="connsiteY205" fmla="*/ 5805 h 10000"/>
                  <a:gd name="connsiteX206" fmla="*/ 872 w 10000"/>
                  <a:gd name="connsiteY206" fmla="*/ 5391 h 10000"/>
                  <a:gd name="connsiteX207" fmla="*/ 969 w 10000"/>
                  <a:gd name="connsiteY207" fmla="*/ 5170 h 10000"/>
                  <a:gd name="connsiteX208" fmla="*/ 1041 w 10000"/>
                  <a:gd name="connsiteY208" fmla="*/ 4963 h 10000"/>
                  <a:gd name="connsiteX209" fmla="*/ 1065 w 10000"/>
                  <a:gd name="connsiteY209" fmla="*/ 4860 h 10000"/>
                  <a:gd name="connsiteX210" fmla="*/ 1041 w 10000"/>
                  <a:gd name="connsiteY210" fmla="*/ 4756 h 10000"/>
                  <a:gd name="connsiteX211" fmla="*/ 1017 w 10000"/>
                  <a:gd name="connsiteY211" fmla="*/ 4653 h 10000"/>
                  <a:gd name="connsiteX212" fmla="*/ 944 w 10000"/>
                  <a:gd name="connsiteY212" fmla="*/ 4549 h 10000"/>
                  <a:gd name="connsiteX213" fmla="*/ 1211 w 10000"/>
                  <a:gd name="connsiteY213" fmla="*/ 4520 h 10000"/>
                  <a:gd name="connsiteX214" fmla="*/ 1404 w 10000"/>
                  <a:gd name="connsiteY214" fmla="*/ 4505 h 10000"/>
                  <a:gd name="connsiteX215" fmla="*/ 1574 w 10000"/>
                  <a:gd name="connsiteY215" fmla="*/ 4505 h 10000"/>
                  <a:gd name="connsiteX216" fmla="*/ 1719 w 10000"/>
                  <a:gd name="connsiteY216" fmla="*/ 4520 h 10000"/>
                  <a:gd name="connsiteX217" fmla="*/ 1840 w 10000"/>
                  <a:gd name="connsiteY217" fmla="*/ 4520 h 10000"/>
                  <a:gd name="connsiteX218" fmla="*/ 1985 w 10000"/>
                  <a:gd name="connsiteY218" fmla="*/ 4520 h 10000"/>
                  <a:gd name="connsiteX219" fmla="*/ 2131 w 10000"/>
                  <a:gd name="connsiteY219" fmla="*/ 4490 h 10000"/>
                  <a:gd name="connsiteX220" fmla="*/ 2324 w 10000"/>
                  <a:gd name="connsiteY220" fmla="*/ 4446 h 10000"/>
                  <a:gd name="connsiteX221" fmla="*/ 2324 w 10000"/>
                  <a:gd name="connsiteY221" fmla="*/ 4579 h 10000"/>
                  <a:gd name="connsiteX222" fmla="*/ 2324 w 10000"/>
                  <a:gd name="connsiteY222" fmla="*/ 4742 h 10000"/>
                  <a:gd name="connsiteX223" fmla="*/ 2324 w 10000"/>
                  <a:gd name="connsiteY223" fmla="*/ 4874 h 10000"/>
                  <a:gd name="connsiteX224" fmla="*/ 2324 w 10000"/>
                  <a:gd name="connsiteY224" fmla="*/ 5037 h 10000"/>
                  <a:gd name="connsiteX225" fmla="*/ 2542 w 10000"/>
                  <a:gd name="connsiteY225" fmla="*/ 5022 h 10000"/>
                  <a:gd name="connsiteX226" fmla="*/ 2688 w 10000"/>
                  <a:gd name="connsiteY226" fmla="*/ 5037 h 10000"/>
                  <a:gd name="connsiteX227" fmla="*/ 2809 w 10000"/>
                  <a:gd name="connsiteY227" fmla="*/ 5066 h 10000"/>
                  <a:gd name="connsiteX228" fmla="*/ 2930 w 10000"/>
                  <a:gd name="connsiteY228" fmla="*/ 5096 h 10000"/>
                  <a:gd name="connsiteX229" fmla="*/ 3027 w 10000"/>
                  <a:gd name="connsiteY229" fmla="*/ 5126 h 10000"/>
                  <a:gd name="connsiteX230" fmla="*/ 3148 w 10000"/>
                  <a:gd name="connsiteY230" fmla="*/ 5155 h 10000"/>
                  <a:gd name="connsiteX231" fmla="*/ 3293 w 10000"/>
                  <a:gd name="connsiteY231" fmla="*/ 5170 h 10000"/>
                  <a:gd name="connsiteX232" fmla="*/ 3511 w 10000"/>
                  <a:gd name="connsiteY232" fmla="*/ 5155 h 10000"/>
                  <a:gd name="connsiteX233" fmla="*/ 3584 w 10000"/>
                  <a:gd name="connsiteY233" fmla="*/ 5096 h 10000"/>
                  <a:gd name="connsiteX234" fmla="*/ 3656 w 10000"/>
                  <a:gd name="connsiteY234" fmla="*/ 5022 h 10000"/>
                  <a:gd name="connsiteX235" fmla="*/ 3680 w 10000"/>
                  <a:gd name="connsiteY235" fmla="*/ 4934 h 10000"/>
                  <a:gd name="connsiteX236" fmla="*/ 3705 w 10000"/>
                  <a:gd name="connsiteY236" fmla="*/ 4860 h 10000"/>
                  <a:gd name="connsiteX237" fmla="*/ 3729 w 10000"/>
                  <a:gd name="connsiteY237" fmla="*/ 4697 h 10000"/>
                  <a:gd name="connsiteX238" fmla="*/ 3705 w 10000"/>
                  <a:gd name="connsiteY238" fmla="*/ 4520 h 10000"/>
                  <a:gd name="connsiteX239" fmla="*/ 3632 w 10000"/>
                  <a:gd name="connsiteY239" fmla="*/ 4343 h 10000"/>
                  <a:gd name="connsiteX240" fmla="*/ 3559 w 10000"/>
                  <a:gd name="connsiteY240" fmla="*/ 4195 h 10000"/>
                  <a:gd name="connsiteX241" fmla="*/ 3438 w 10000"/>
                  <a:gd name="connsiteY241" fmla="*/ 4047 h 10000"/>
                  <a:gd name="connsiteX242" fmla="*/ 3317 w 10000"/>
                  <a:gd name="connsiteY242" fmla="*/ 3959 h 10000"/>
                  <a:gd name="connsiteX243" fmla="*/ 3462 w 10000"/>
                  <a:gd name="connsiteY243" fmla="*/ 3944 h 10000"/>
                  <a:gd name="connsiteX244" fmla="*/ 3584 w 10000"/>
                  <a:gd name="connsiteY244" fmla="*/ 3914 h 10000"/>
                  <a:gd name="connsiteX245" fmla="*/ 3680 w 10000"/>
                  <a:gd name="connsiteY245" fmla="*/ 3855 h 10000"/>
                  <a:gd name="connsiteX246" fmla="*/ 3801 w 10000"/>
                  <a:gd name="connsiteY246" fmla="*/ 3752 h 10000"/>
                  <a:gd name="connsiteX247" fmla="*/ 3923 w 10000"/>
                  <a:gd name="connsiteY247" fmla="*/ 3663 h 10000"/>
                  <a:gd name="connsiteX248" fmla="*/ 4019 w 10000"/>
                  <a:gd name="connsiteY248" fmla="*/ 3560 h 10000"/>
                  <a:gd name="connsiteX249" fmla="*/ 4092 w 10000"/>
                  <a:gd name="connsiteY249" fmla="*/ 3442 h 10000"/>
                  <a:gd name="connsiteX250" fmla="*/ 4165 w 10000"/>
                  <a:gd name="connsiteY250" fmla="*/ 3323 h 10000"/>
                  <a:gd name="connsiteX251" fmla="*/ 4213 w 10000"/>
                  <a:gd name="connsiteY251" fmla="*/ 3220 h 10000"/>
                  <a:gd name="connsiteX252" fmla="*/ 4237 w 10000"/>
                  <a:gd name="connsiteY252" fmla="*/ 3102 h 10000"/>
                  <a:gd name="connsiteX253" fmla="*/ 4262 w 10000"/>
                  <a:gd name="connsiteY253" fmla="*/ 3013 h 10000"/>
                  <a:gd name="connsiteX254" fmla="*/ 4237 w 10000"/>
                  <a:gd name="connsiteY254" fmla="*/ 2939 h 10000"/>
                  <a:gd name="connsiteX255" fmla="*/ 4213 w 10000"/>
                  <a:gd name="connsiteY255" fmla="*/ 2866 h 10000"/>
                  <a:gd name="connsiteX256" fmla="*/ 4140 w 10000"/>
                  <a:gd name="connsiteY256" fmla="*/ 2836 h 10000"/>
                  <a:gd name="connsiteX257" fmla="*/ 4044 w 10000"/>
                  <a:gd name="connsiteY257" fmla="*/ 2836 h 10000"/>
                  <a:gd name="connsiteX258" fmla="*/ 3923 w 10000"/>
                  <a:gd name="connsiteY258" fmla="*/ 2866 h 10000"/>
                  <a:gd name="connsiteX259" fmla="*/ 4019 w 10000"/>
                  <a:gd name="connsiteY259" fmla="*/ 2777 h 10000"/>
                  <a:gd name="connsiteX260" fmla="*/ 4068 w 10000"/>
                  <a:gd name="connsiteY260" fmla="*/ 2674 h 10000"/>
                  <a:gd name="connsiteX261" fmla="*/ 4092 w 10000"/>
                  <a:gd name="connsiteY261" fmla="*/ 2541 h 10000"/>
                  <a:gd name="connsiteX262" fmla="*/ 4092 w 10000"/>
                  <a:gd name="connsiteY262" fmla="*/ 2393 h 10000"/>
                  <a:gd name="connsiteX263" fmla="*/ 4116 w 10000"/>
                  <a:gd name="connsiteY263" fmla="*/ 2349 h 10000"/>
                  <a:gd name="connsiteX264" fmla="*/ 4165 w 10000"/>
                  <a:gd name="connsiteY264" fmla="*/ 2304 h 10000"/>
                  <a:gd name="connsiteX265" fmla="*/ 4213 w 10000"/>
                  <a:gd name="connsiteY265" fmla="*/ 2290 h 10000"/>
                  <a:gd name="connsiteX266" fmla="*/ 4286 w 10000"/>
                  <a:gd name="connsiteY266" fmla="*/ 2275 h 10000"/>
                  <a:gd name="connsiteX267" fmla="*/ 4504 w 10000"/>
                  <a:gd name="connsiteY267" fmla="*/ 2260 h 10000"/>
                  <a:gd name="connsiteX268" fmla="*/ 4697 w 10000"/>
                  <a:gd name="connsiteY268" fmla="*/ 2275 h 10000"/>
                  <a:gd name="connsiteX269" fmla="*/ 4673 w 10000"/>
                  <a:gd name="connsiteY269" fmla="*/ 2112 h 10000"/>
                  <a:gd name="connsiteX270" fmla="*/ 4625 w 10000"/>
                  <a:gd name="connsiteY270" fmla="*/ 1950 h 10000"/>
                  <a:gd name="connsiteX271" fmla="*/ 4552 w 10000"/>
                  <a:gd name="connsiteY271" fmla="*/ 1802 h 10000"/>
                  <a:gd name="connsiteX272" fmla="*/ 4455 w 10000"/>
                  <a:gd name="connsiteY272" fmla="*/ 1640 h 10000"/>
                  <a:gd name="connsiteX273" fmla="*/ 4213 w 10000"/>
                  <a:gd name="connsiteY273" fmla="*/ 1329 h 10000"/>
                  <a:gd name="connsiteX274" fmla="*/ 3971 w 10000"/>
                  <a:gd name="connsiteY274" fmla="*/ 1034 h 10000"/>
                  <a:gd name="connsiteX275" fmla="*/ 3850 w 10000"/>
                  <a:gd name="connsiteY275" fmla="*/ 901 h 10000"/>
                  <a:gd name="connsiteX276" fmla="*/ 3753 w 10000"/>
                  <a:gd name="connsiteY276" fmla="*/ 753 h 10000"/>
                  <a:gd name="connsiteX277" fmla="*/ 3680 w 10000"/>
                  <a:gd name="connsiteY277" fmla="*/ 620 h 10000"/>
                  <a:gd name="connsiteX278" fmla="*/ 3656 w 10000"/>
                  <a:gd name="connsiteY278" fmla="*/ 487 h 10000"/>
                  <a:gd name="connsiteX279" fmla="*/ 3632 w 10000"/>
                  <a:gd name="connsiteY279" fmla="*/ 355 h 10000"/>
                  <a:gd name="connsiteX280" fmla="*/ 3680 w 10000"/>
                  <a:gd name="connsiteY280" fmla="*/ 222 h 10000"/>
                  <a:gd name="connsiteX281" fmla="*/ 3705 w 10000"/>
                  <a:gd name="connsiteY281" fmla="*/ 162 h 10000"/>
                  <a:gd name="connsiteX282" fmla="*/ 3753 w 10000"/>
                  <a:gd name="connsiteY282" fmla="*/ 103 h 10000"/>
                  <a:gd name="connsiteX283" fmla="*/ 3826 w 10000"/>
                  <a:gd name="connsiteY283" fmla="*/ 59 h 10000"/>
                  <a:gd name="connsiteX284" fmla="*/ 3923 w 10000"/>
                  <a:gd name="connsiteY284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6852 w 10000"/>
                  <a:gd name="connsiteY55" fmla="*/ 4313 h 10000"/>
                  <a:gd name="connsiteX56" fmla="*/ 6852 w 10000"/>
                  <a:gd name="connsiteY56" fmla="*/ 4431 h 10000"/>
                  <a:gd name="connsiteX57" fmla="*/ 6852 w 10000"/>
                  <a:gd name="connsiteY57" fmla="*/ 4549 h 10000"/>
                  <a:gd name="connsiteX58" fmla="*/ 6804 w 10000"/>
                  <a:gd name="connsiteY58" fmla="*/ 4564 h 10000"/>
                  <a:gd name="connsiteX59" fmla="*/ 6731 w 10000"/>
                  <a:gd name="connsiteY59" fmla="*/ 4594 h 10000"/>
                  <a:gd name="connsiteX60" fmla="*/ 6683 w 10000"/>
                  <a:gd name="connsiteY60" fmla="*/ 4638 h 10000"/>
                  <a:gd name="connsiteX61" fmla="*/ 6683 w 10000"/>
                  <a:gd name="connsiteY61" fmla="*/ 4697 h 10000"/>
                  <a:gd name="connsiteX62" fmla="*/ 6659 w 10000"/>
                  <a:gd name="connsiteY62" fmla="*/ 4801 h 10000"/>
                  <a:gd name="connsiteX63" fmla="*/ 6659 w 10000"/>
                  <a:gd name="connsiteY63" fmla="*/ 4904 h 10000"/>
                  <a:gd name="connsiteX64" fmla="*/ 6538 w 10000"/>
                  <a:gd name="connsiteY64" fmla="*/ 4860 h 10000"/>
                  <a:gd name="connsiteX65" fmla="*/ 6465 w 10000"/>
                  <a:gd name="connsiteY65" fmla="*/ 4801 h 10000"/>
                  <a:gd name="connsiteX66" fmla="*/ 6392 w 10000"/>
                  <a:gd name="connsiteY66" fmla="*/ 4727 h 10000"/>
                  <a:gd name="connsiteX67" fmla="*/ 6320 w 10000"/>
                  <a:gd name="connsiteY67" fmla="*/ 4638 h 10000"/>
                  <a:gd name="connsiteX68" fmla="*/ 6199 w 10000"/>
                  <a:gd name="connsiteY68" fmla="*/ 4476 h 10000"/>
                  <a:gd name="connsiteX69" fmla="*/ 6077 w 10000"/>
                  <a:gd name="connsiteY69" fmla="*/ 4313 h 10000"/>
                  <a:gd name="connsiteX70" fmla="*/ 6223 w 10000"/>
                  <a:gd name="connsiteY70" fmla="*/ 4210 h 10000"/>
                  <a:gd name="connsiteX71" fmla="*/ 6416 w 10000"/>
                  <a:gd name="connsiteY71" fmla="*/ 4121 h 10000"/>
                  <a:gd name="connsiteX72" fmla="*/ 6634 w 10000"/>
                  <a:gd name="connsiteY72" fmla="*/ 4032 h 10000"/>
                  <a:gd name="connsiteX73" fmla="*/ 6877 w 10000"/>
                  <a:gd name="connsiteY73" fmla="*/ 3959 h 10000"/>
                  <a:gd name="connsiteX74" fmla="*/ 7385 w 10000"/>
                  <a:gd name="connsiteY74" fmla="*/ 3811 h 10000"/>
                  <a:gd name="connsiteX75" fmla="*/ 7893 w 10000"/>
                  <a:gd name="connsiteY75" fmla="*/ 3663 h 10000"/>
                  <a:gd name="connsiteX76" fmla="*/ 8136 w 10000"/>
                  <a:gd name="connsiteY76" fmla="*/ 3589 h 10000"/>
                  <a:gd name="connsiteX77" fmla="*/ 8378 w 10000"/>
                  <a:gd name="connsiteY77" fmla="*/ 3516 h 10000"/>
                  <a:gd name="connsiteX78" fmla="*/ 8571 w 10000"/>
                  <a:gd name="connsiteY78" fmla="*/ 3412 h 10000"/>
                  <a:gd name="connsiteX79" fmla="*/ 8765 w 10000"/>
                  <a:gd name="connsiteY79" fmla="*/ 3338 h 10000"/>
                  <a:gd name="connsiteX80" fmla="*/ 8886 w 10000"/>
                  <a:gd name="connsiteY80" fmla="*/ 3235 h 10000"/>
                  <a:gd name="connsiteX81" fmla="*/ 8983 w 10000"/>
                  <a:gd name="connsiteY81" fmla="*/ 3117 h 10000"/>
                  <a:gd name="connsiteX82" fmla="*/ 9007 w 10000"/>
                  <a:gd name="connsiteY82" fmla="*/ 3072 h 10000"/>
                  <a:gd name="connsiteX83" fmla="*/ 9031 w 10000"/>
                  <a:gd name="connsiteY83" fmla="*/ 3013 h 10000"/>
                  <a:gd name="connsiteX84" fmla="*/ 9031 w 10000"/>
                  <a:gd name="connsiteY84" fmla="*/ 2954 h 10000"/>
                  <a:gd name="connsiteX85" fmla="*/ 9007 w 10000"/>
                  <a:gd name="connsiteY85" fmla="*/ 2866 h 10000"/>
                  <a:gd name="connsiteX86" fmla="*/ 8838 w 10000"/>
                  <a:gd name="connsiteY86" fmla="*/ 2984 h 10000"/>
                  <a:gd name="connsiteX87" fmla="*/ 8644 w 10000"/>
                  <a:gd name="connsiteY87" fmla="*/ 3072 h 10000"/>
                  <a:gd name="connsiteX88" fmla="*/ 8450 w 10000"/>
                  <a:gd name="connsiteY88" fmla="*/ 3161 h 10000"/>
                  <a:gd name="connsiteX89" fmla="*/ 8257 w 10000"/>
                  <a:gd name="connsiteY89" fmla="*/ 3250 h 10000"/>
                  <a:gd name="connsiteX90" fmla="*/ 7821 w 10000"/>
                  <a:gd name="connsiteY90" fmla="*/ 3397 h 10000"/>
                  <a:gd name="connsiteX91" fmla="*/ 7361 w 10000"/>
                  <a:gd name="connsiteY91" fmla="*/ 3545 h 10000"/>
                  <a:gd name="connsiteX92" fmla="*/ 6901 w 10000"/>
                  <a:gd name="connsiteY92" fmla="*/ 3678 h 10000"/>
                  <a:gd name="connsiteX93" fmla="*/ 6465 w 10000"/>
                  <a:gd name="connsiteY93" fmla="*/ 3840 h 10000"/>
                  <a:gd name="connsiteX94" fmla="*/ 6247 w 10000"/>
                  <a:gd name="connsiteY94" fmla="*/ 3914 h 10000"/>
                  <a:gd name="connsiteX95" fmla="*/ 6053 w 10000"/>
                  <a:gd name="connsiteY95" fmla="*/ 4003 h 10000"/>
                  <a:gd name="connsiteX96" fmla="*/ 5860 w 10000"/>
                  <a:gd name="connsiteY96" fmla="*/ 4106 h 10000"/>
                  <a:gd name="connsiteX97" fmla="*/ 5666 w 10000"/>
                  <a:gd name="connsiteY97" fmla="*/ 4195 h 10000"/>
                  <a:gd name="connsiteX98" fmla="*/ 5811 w 10000"/>
                  <a:gd name="connsiteY98" fmla="*/ 4417 h 10000"/>
                  <a:gd name="connsiteX99" fmla="*/ 5908 w 10000"/>
                  <a:gd name="connsiteY99" fmla="*/ 4623 h 10000"/>
                  <a:gd name="connsiteX100" fmla="*/ 6005 w 10000"/>
                  <a:gd name="connsiteY100" fmla="*/ 4845 h 10000"/>
                  <a:gd name="connsiteX101" fmla="*/ 6077 w 10000"/>
                  <a:gd name="connsiteY101" fmla="*/ 5081 h 10000"/>
                  <a:gd name="connsiteX102" fmla="*/ 6126 w 10000"/>
                  <a:gd name="connsiteY102" fmla="*/ 5318 h 10000"/>
                  <a:gd name="connsiteX103" fmla="*/ 6150 w 10000"/>
                  <a:gd name="connsiteY103" fmla="*/ 5539 h 10000"/>
                  <a:gd name="connsiteX104" fmla="*/ 6174 w 10000"/>
                  <a:gd name="connsiteY104" fmla="*/ 5775 h 10000"/>
                  <a:gd name="connsiteX105" fmla="*/ 6174 w 10000"/>
                  <a:gd name="connsiteY105" fmla="*/ 5997 h 10000"/>
                  <a:gd name="connsiteX106" fmla="*/ 6150 w 10000"/>
                  <a:gd name="connsiteY106" fmla="*/ 6233 h 10000"/>
                  <a:gd name="connsiteX107" fmla="*/ 6102 w 10000"/>
                  <a:gd name="connsiteY107" fmla="*/ 6470 h 10000"/>
                  <a:gd name="connsiteX108" fmla="*/ 6053 w 10000"/>
                  <a:gd name="connsiteY108" fmla="*/ 6677 h 10000"/>
                  <a:gd name="connsiteX109" fmla="*/ 5981 w 10000"/>
                  <a:gd name="connsiteY109" fmla="*/ 6898 h 10000"/>
                  <a:gd name="connsiteX110" fmla="*/ 5884 w 10000"/>
                  <a:gd name="connsiteY110" fmla="*/ 7105 h 10000"/>
                  <a:gd name="connsiteX111" fmla="*/ 5763 w 10000"/>
                  <a:gd name="connsiteY111" fmla="*/ 7297 h 10000"/>
                  <a:gd name="connsiteX112" fmla="*/ 5617 w 10000"/>
                  <a:gd name="connsiteY112" fmla="*/ 7489 h 10000"/>
                  <a:gd name="connsiteX113" fmla="*/ 5472 w 10000"/>
                  <a:gd name="connsiteY113" fmla="*/ 7681 h 10000"/>
                  <a:gd name="connsiteX114" fmla="*/ 6174 w 10000"/>
                  <a:gd name="connsiteY114" fmla="*/ 7799 h 10000"/>
                  <a:gd name="connsiteX115" fmla="*/ 6901 w 10000"/>
                  <a:gd name="connsiteY115" fmla="*/ 7962 h 10000"/>
                  <a:gd name="connsiteX116" fmla="*/ 7046 w 10000"/>
                  <a:gd name="connsiteY116" fmla="*/ 8021 h 10000"/>
                  <a:gd name="connsiteX117" fmla="*/ 7167 w 10000"/>
                  <a:gd name="connsiteY117" fmla="*/ 8080 h 10000"/>
                  <a:gd name="connsiteX118" fmla="*/ 7288 w 10000"/>
                  <a:gd name="connsiteY118" fmla="*/ 8139 h 10000"/>
                  <a:gd name="connsiteX119" fmla="*/ 7361 w 10000"/>
                  <a:gd name="connsiteY119" fmla="*/ 8227 h 10000"/>
                  <a:gd name="connsiteX120" fmla="*/ 7385 w 10000"/>
                  <a:gd name="connsiteY120" fmla="*/ 8301 h 10000"/>
                  <a:gd name="connsiteX121" fmla="*/ 7385 w 10000"/>
                  <a:gd name="connsiteY121" fmla="*/ 8405 h 10000"/>
                  <a:gd name="connsiteX122" fmla="*/ 7337 w 10000"/>
                  <a:gd name="connsiteY122" fmla="*/ 8523 h 10000"/>
                  <a:gd name="connsiteX123" fmla="*/ 7264 w 10000"/>
                  <a:gd name="connsiteY123" fmla="*/ 8641 h 10000"/>
                  <a:gd name="connsiteX124" fmla="*/ 6949 w 10000"/>
                  <a:gd name="connsiteY124" fmla="*/ 8552 h 10000"/>
                  <a:gd name="connsiteX125" fmla="*/ 6659 w 10000"/>
                  <a:gd name="connsiteY125" fmla="*/ 8449 h 10000"/>
                  <a:gd name="connsiteX126" fmla="*/ 6368 w 10000"/>
                  <a:gd name="connsiteY126" fmla="*/ 8360 h 10000"/>
                  <a:gd name="connsiteX127" fmla="*/ 6077 w 10000"/>
                  <a:gd name="connsiteY127" fmla="*/ 8287 h 10000"/>
                  <a:gd name="connsiteX128" fmla="*/ 5956 w 10000"/>
                  <a:gd name="connsiteY128" fmla="*/ 8449 h 10000"/>
                  <a:gd name="connsiteX129" fmla="*/ 5860 w 10000"/>
                  <a:gd name="connsiteY129" fmla="*/ 8597 h 10000"/>
                  <a:gd name="connsiteX130" fmla="*/ 5811 w 10000"/>
                  <a:gd name="connsiteY130" fmla="*/ 8656 h 10000"/>
                  <a:gd name="connsiteX131" fmla="*/ 5714 w 10000"/>
                  <a:gd name="connsiteY131" fmla="*/ 8700 h 10000"/>
                  <a:gd name="connsiteX132" fmla="*/ 5642 w 10000"/>
                  <a:gd name="connsiteY132" fmla="*/ 8744 h 10000"/>
                  <a:gd name="connsiteX133" fmla="*/ 5569 w 10000"/>
                  <a:gd name="connsiteY133" fmla="*/ 8774 h 10000"/>
                  <a:gd name="connsiteX134" fmla="*/ 5496 w 10000"/>
                  <a:gd name="connsiteY134" fmla="*/ 8804 h 10000"/>
                  <a:gd name="connsiteX135" fmla="*/ 5400 w 10000"/>
                  <a:gd name="connsiteY135" fmla="*/ 8818 h 10000"/>
                  <a:gd name="connsiteX136" fmla="*/ 5278 w 10000"/>
                  <a:gd name="connsiteY136" fmla="*/ 8833 h 10000"/>
                  <a:gd name="connsiteX137" fmla="*/ 5157 w 10000"/>
                  <a:gd name="connsiteY137" fmla="*/ 8833 h 10000"/>
                  <a:gd name="connsiteX138" fmla="*/ 4867 w 10000"/>
                  <a:gd name="connsiteY138" fmla="*/ 8818 h 10000"/>
                  <a:gd name="connsiteX139" fmla="*/ 4504 w 10000"/>
                  <a:gd name="connsiteY139" fmla="*/ 8744 h 10000"/>
                  <a:gd name="connsiteX140" fmla="*/ 4504 w 10000"/>
                  <a:gd name="connsiteY140" fmla="*/ 8922 h 10000"/>
                  <a:gd name="connsiteX141" fmla="*/ 4479 w 10000"/>
                  <a:gd name="connsiteY141" fmla="*/ 9069 h 10000"/>
                  <a:gd name="connsiteX142" fmla="*/ 4455 w 10000"/>
                  <a:gd name="connsiteY142" fmla="*/ 9232 h 10000"/>
                  <a:gd name="connsiteX143" fmla="*/ 4431 w 10000"/>
                  <a:gd name="connsiteY143" fmla="*/ 9365 h 10000"/>
                  <a:gd name="connsiteX144" fmla="*/ 4383 w 10000"/>
                  <a:gd name="connsiteY144" fmla="*/ 9498 h 10000"/>
                  <a:gd name="connsiteX145" fmla="*/ 4286 w 10000"/>
                  <a:gd name="connsiteY145" fmla="*/ 9616 h 10000"/>
                  <a:gd name="connsiteX146" fmla="*/ 4213 w 10000"/>
                  <a:gd name="connsiteY146" fmla="*/ 9734 h 10000"/>
                  <a:gd name="connsiteX147" fmla="*/ 4092 w 10000"/>
                  <a:gd name="connsiteY147" fmla="*/ 9838 h 10000"/>
                  <a:gd name="connsiteX148" fmla="*/ 3801 w 10000"/>
                  <a:gd name="connsiteY148" fmla="*/ 9897 h 10000"/>
                  <a:gd name="connsiteX149" fmla="*/ 3559 w 10000"/>
                  <a:gd name="connsiteY149" fmla="*/ 9941 h 10000"/>
                  <a:gd name="connsiteX150" fmla="*/ 3269 w 10000"/>
                  <a:gd name="connsiteY150" fmla="*/ 9985 h 10000"/>
                  <a:gd name="connsiteX151" fmla="*/ 3051 w 10000"/>
                  <a:gd name="connsiteY151" fmla="*/ 10000 h 10000"/>
                  <a:gd name="connsiteX152" fmla="*/ 2567 w 10000"/>
                  <a:gd name="connsiteY152" fmla="*/ 10000 h 10000"/>
                  <a:gd name="connsiteX153" fmla="*/ 2107 w 10000"/>
                  <a:gd name="connsiteY153" fmla="*/ 9985 h 10000"/>
                  <a:gd name="connsiteX154" fmla="*/ 1671 w 10000"/>
                  <a:gd name="connsiteY154" fmla="*/ 9941 h 10000"/>
                  <a:gd name="connsiteX155" fmla="*/ 1211 w 10000"/>
                  <a:gd name="connsiteY155" fmla="*/ 9911 h 10000"/>
                  <a:gd name="connsiteX156" fmla="*/ 944 w 10000"/>
                  <a:gd name="connsiteY156" fmla="*/ 9911 h 10000"/>
                  <a:gd name="connsiteX157" fmla="*/ 702 w 10000"/>
                  <a:gd name="connsiteY157" fmla="*/ 9911 h 10000"/>
                  <a:gd name="connsiteX158" fmla="*/ 436 w 10000"/>
                  <a:gd name="connsiteY158" fmla="*/ 9926 h 10000"/>
                  <a:gd name="connsiteX159" fmla="*/ 169 w 10000"/>
                  <a:gd name="connsiteY159" fmla="*/ 9970 h 10000"/>
                  <a:gd name="connsiteX160" fmla="*/ 97 w 10000"/>
                  <a:gd name="connsiteY160" fmla="*/ 9867 h 10000"/>
                  <a:gd name="connsiteX161" fmla="*/ 48 w 10000"/>
                  <a:gd name="connsiteY161" fmla="*/ 9793 h 10000"/>
                  <a:gd name="connsiteX162" fmla="*/ 0 w 10000"/>
                  <a:gd name="connsiteY162" fmla="*/ 9705 h 10000"/>
                  <a:gd name="connsiteX163" fmla="*/ 0 w 10000"/>
                  <a:gd name="connsiteY163" fmla="*/ 9601 h 10000"/>
                  <a:gd name="connsiteX164" fmla="*/ 48 w 10000"/>
                  <a:gd name="connsiteY164" fmla="*/ 9424 h 10000"/>
                  <a:gd name="connsiteX165" fmla="*/ 97 w 10000"/>
                  <a:gd name="connsiteY165" fmla="*/ 9202 h 10000"/>
                  <a:gd name="connsiteX166" fmla="*/ 145 w 10000"/>
                  <a:gd name="connsiteY166" fmla="*/ 8996 h 10000"/>
                  <a:gd name="connsiteX167" fmla="*/ 194 w 10000"/>
                  <a:gd name="connsiteY167" fmla="*/ 8759 h 10000"/>
                  <a:gd name="connsiteX168" fmla="*/ 218 w 10000"/>
                  <a:gd name="connsiteY168" fmla="*/ 8641 h 10000"/>
                  <a:gd name="connsiteX169" fmla="*/ 218 w 10000"/>
                  <a:gd name="connsiteY169" fmla="*/ 8538 h 10000"/>
                  <a:gd name="connsiteX170" fmla="*/ 194 w 10000"/>
                  <a:gd name="connsiteY170" fmla="*/ 8405 h 10000"/>
                  <a:gd name="connsiteX171" fmla="*/ 169 w 10000"/>
                  <a:gd name="connsiteY171" fmla="*/ 8287 h 10000"/>
                  <a:gd name="connsiteX172" fmla="*/ 412 w 10000"/>
                  <a:gd name="connsiteY172" fmla="*/ 8213 h 10000"/>
                  <a:gd name="connsiteX173" fmla="*/ 654 w 10000"/>
                  <a:gd name="connsiteY173" fmla="*/ 8139 h 10000"/>
                  <a:gd name="connsiteX174" fmla="*/ 896 w 10000"/>
                  <a:gd name="connsiteY174" fmla="*/ 8095 h 10000"/>
                  <a:gd name="connsiteX175" fmla="*/ 1162 w 10000"/>
                  <a:gd name="connsiteY175" fmla="*/ 8065 h 10000"/>
                  <a:gd name="connsiteX176" fmla="*/ 1646 w 10000"/>
                  <a:gd name="connsiteY176" fmla="*/ 8021 h 10000"/>
                  <a:gd name="connsiteX177" fmla="*/ 2131 w 10000"/>
                  <a:gd name="connsiteY177" fmla="*/ 7976 h 10000"/>
                  <a:gd name="connsiteX178" fmla="*/ 2349 w 10000"/>
                  <a:gd name="connsiteY178" fmla="*/ 7947 h 10000"/>
                  <a:gd name="connsiteX179" fmla="*/ 2567 w 10000"/>
                  <a:gd name="connsiteY179" fmla="*/ 7917 h 10000"/>
                  <a:gd name="connsiteX180" fmla="*/ 2760 w 10000"/>
                  <a:gd name="connsiteY180" fmla="*/ 7843 h 10000"/>
                  <a:gd name="connsiteX181" fmla="*/ 2954 w 10000"/>
                  <a:gd name="connsiteY181" fmla="*/ 7784 h 10000"/>
                  <a:gd name="connsiteX182" fmla="*/ 3123 w 10000"/>
                  <a:gd name="connsiteY182" fmla="*/ 7710 h 10000"/>
                  <a:gd name="connsiteX183" fmla="*/ 3269 w 10000"/>
                  <a:gd name="connsiteY183" fmla="*/ 7592 h 10000"/>
                  <a:gd name="connsiteX184" fmla="*/ 3414 w 10000"/>
                  <a:gd name="connsiteY184" fmla="*/ 7474 h 10000"/>
                  <a:gd name="connsiteX185" fmla="*/ 3511 w 10000"/>
                  <a:gd name="connsiteY185" fmla="*/ 7312 h 10000"/>
                  <a:gd name="connsiteX186" fmla="*/ 3317 w 10000"/>
                  <a:gd name="connsiteY186" fmla="*/ 7238 h 10000"/>
                  <a:gd name="connsiteX187" fmla="*/ 3148 w 10000"/>
                  <a:gd name="connsiteY187" fmla="*/ 7179 h 10000"/>
                  <a:gd name="connsiteX188" fmla="*/ 3002 w 10000"/>
                  <a:gd name="connsiteY188" fmla="*/ 7090 h 10000"/>
                  <a:gd name="connsiteX189" fmla="*/ 2857 w 10000"/>
                  <a:gd name="connsiteY189" fmla="*/ 6987 h 10000"/>
                  <a:gd name="connsiteX190" fmla="*/ 2760 w 10000"/>
                  <a:gd name="connsiteY190" fmla="*/ 6869 h 10000"/>
                  <a:gd name="connsiteX191" fmla="*/ 2712 w 10000"/>
                  <a:gd name="connsiteY191" fmla="*/ 6721 h 10000"/>
                  <a:gd name="connsiteX192" fmla="*/ 2688 w 10000"/>
                  <a:gd name="connsiteY192" fmla="*/ 6558 h 10000"/>
                  <a:gd name="connsiteX193" fmla="*/ 2712 w 10000"/>
                  <a:gd name="connsiteY193" fmla="*/ 6352 h 10000"/>
                  <a:gd name="connsiteX194" fmla="*/ 2591 w 10000"/>
                  <a:gd name="connsiteY194" fmla="*/ 6322 h 10000"/>
                  <a:gd name="connsiteX195" fmla="*/ 2446 w 10000"/>
                  <a:gd name="connsiteY195" fmla="*/ 6292 h 10000"/>
                  <a:gd name="connsiteX196" fmla="*/ 2276 w 10000"/>
                  <a:gd name="connsiteY196" fmla="*/ 6278 h 10000"/>
                  <a:gd name="connsiteX197" fmla="*/ 2107 w 10000"/>
                  <a:gd name="connsiteY197" fmla="*/ 6263 h 10000"/>
                  <a:gd name="connsiteX198" fmla="*/ 1768 w 10000"/>
                  <a:gd name="connsiteY198" fmla="*/ 6248 h 10000"/>
                  <a:gd name="connsiteX199" fmla="*/ 1404 w 10000"/>
                  <a:gd name="connsiteY199" fmla="*/ 6263 h 10000"/>
                  <a:gd name="connsiteX200" fmla="*/ 1090 w 10000"/>
                  <a:gd name="connsiteY200" fmla="*/ 6278 h 10000"/>
                  <a:gd name="connsiteX201" fmla="*/ 799 w 10000"/>
                  <a:gd name="connsiteY201" fmla="*/ 6278 h 10000"/>
                  <a:gd name="connsiteX202" fmla="*/ 557 w 10000"/>
                  <a:gd name="connsiteY202" fmla="*/ 6263 h 10000"/>
                  <a:gd name="connsiteX203" fmla="*/ 363 w 10000"/>
                  <a:gd name="connsiteY203" fmla="*/ 6233 h 10000"/>
                  <a:gd name="connsiteX204" fmla="*/ 605 w 10000"/>
                  <a:gd name="connsiteY204" fmla="*/ 5805 h 10000"/>
                  <a:gd name="connsiteX205" fmla="*/ 872 w 10000"/>
                  <a:gd name="connsiteY205" fmla="*/ 5391 h 10000"/>
                  <a:gd name="connsiteX206" fmla="*/ 969 w 10000"/>
                  <a:gd name="connsiteY206" fmla="*/ 5170 h 10000"/>
                  <a:gd name="connsiteX207" fmla="*/ 1041 w 10000"/>
                  <a:gd name="connsiteY207" fmla="*/ 4963 h 10000"/>
                  <a:gd name="connsiteX208" fmla="*/ 1065 w 10000"/>
                  <a:gd name="connsiteY208" fmla="*/ 4860 h 10000"/>
                  <a:gd name="connsiteX209" fmla="*/ 1041 w 10000"/>
                  <a:gd name="connsiteY209" fmla="*/ 4756 h 10000"/>
                  <a:gd name="connsiteX210" fmla="*/ 1017 w 10000"/>
                  <a:gd name="connsiteY210" fmla="*/ 4653 h 10000"/>
                  <a:gd name="connsiteX211" fmla="*/ 944 w 10000"/>
                  <a:gd name="connsiteY211" fmla="*/ 4549 h 10000"/>
                  <a:gd name="connsiteX212" fmla="*/ 1211 w 10000"/>
                  <a:gd name="connsiteY212" fmla="*/ 4520 h 10000"/>
                  <a:gd name="connsiteX213" fmla="*/ 1404 w 10000"/>
                  <a:gd name="connsiteY213" fmla="*/ 4505 h 10000"/>
                  <a:gd name="connsiteX214" fmla="*/ 1574 w 10000"/>
                  <a:gd name="connsiteY214" fmla="*/ 4505 h 10000"/>
                  <a:gd name="connsiteX215" fmla="*/ 1719 w 10000"/>
                  <a:gd name="connsiteY215" fmla="*/ 4520 h 10000"/>
                  <a:gd name="connsiteX216" fmla="*/ 1840 w 10000"/>
                  <a:gd name="connsiteY216" fmla="*/ 4520 h 10000"/>
                  <a:gd name="connsiteX217" fmla="*/ 1985 w 10000"/>
                  <a:gd name="connsiteY217" fmla="*/ 4520 h 10000"/>
                  <a:gd name="connsiteX218" fmla="*/ 2131 w 10000"/>
                  <a:gd name="connsiteY218" fmla="*/ 4490 h 10000"/>
                  <a:gd name="connsiteX219" fmla="*/ 2324 w 10000"/>
                  <a:gd name="connsiteY219" fmla="*/ 4446 h 10000"/>
                  <a:gd name="connsiteX220" fmla="*/ 2324 w 10000"/>
                  <a:gd name="connsiteY220" fmla="*/ 4579 h 10000"/>
                  <a:gd name="connsiteX221" fmla="*/ 2324 w 10000"/>
                  <a:gd name="connsiteY221" fmla="*/ 4742 h 10000"/>
                  <a:gd name="connsiteX222" fmla="*/ 2324 w 10000"/>
                  <a:gd name="connsiteY222" fmla="*/ 4874 h 10000"/>
                  <a:gd name="connsiteX223" fmla="*/ 2324 w 10000"/>
                  <a:gd name="connsiteY223" fmla="*/ 5037 h 10000"/>
                  <a:gd name="connsiteX224" fmla="*/ 2542 w 10000"/>
                  <a:gd name="connsiteY224" fmla="*/ 5022 h 10000"/>
                  <a:gd name="connsiteX225" fmla="*/ 2688 w 10000"/>
                  <a:gd name="connsiteY225" fmla="*/ 5037 h 10000"/>
                  <a:gd name="connsiteX226" fmla="*/ 2809 w 10000"/>
                  <a:gd name="connsiteY226" fmla="*/ 5066 h 10000"/>
                  <a:gd name="connsiteX227" fmla="*/ 2930 w 10000"/>
                  <a:gd name="connsiteY227" fmla="*/ 5096 h 10000"/>
                  <a:gd name="connsiteX228" fmla="*/ 3027 w 10000"/>
                  <a:gd name="connsiteY228" fmla="*/ 5126 h 10000"/>
                  <a:gd name="connsiteX229" fmla="*/ 3148 w 10000"/>
                  <a:gd name="connsiteY229" fmla="*/ 5155 h 10000"/>
                  <a:gd name="connsiteX230" fmla="*/ 3293 w 10000"/>
                  <a:gd name="connsiteY230" fmla="*/ 5170 h 10000"/>
                  <a:gd name="connsiteX231" fmla="*/ 3511 w 10000"/>
                  <a:gd name="connsiteY231" fmla="*/ 5155 h 10000"/>
                  <a:gd name="connsiteX232" fmla="*/ 3584 w 10000"/>
                  <a:gd name="connsiteY232" fmla="*/ 5096 h 10000"/>
                  <a:gd name="connsiteX233" fmla="*/ 3656 w 10000"/>
                  <a:gd name="connsiteY233" fmla="*/ 5022 h 10000"/>
                  <a:gd name="connsiteX234" fmla="*/ 3680 w 10000"/>
                  <a:gd name="connsiteY234" fmla="*/ 4934 h 10000"/>
                  <a:gd name="connsiteX235" fmla="*/ 3705 w 10000"/>
                  <a:gd name="connsiteY235" fmla="*/ 4860 h 10000"/>
                  <a:gd name="connsiteX236" fmla="*/ 3729 w 10000"/>
                  <a:gd name="connsiteY236" fmla="*/ 4697 h 10000"/>
                  <a:gd name="connsiteX237" fmla="*/ 3705 w 10000"/>
                  <a:gd name="connsiteY237" fmla="*/ 4520 h 10000"/>
                  <a:gd name="connsiteX238" fmla="*/ 3632 w 10000"/>
                  <a:gd name="connsiteY238" fmla="*/ 4343 h 10000"/>
                  <a:gd name="connsiteX239" fmla="*/ 3559 w 10000"/>
                  <a:gd name="connsiteY239" fmla="*/ 4195 h 10000"/>
                  <a:gd name="connsiteX240" fmla="*/ 3438 w 10000"/>
                  <a:gd name="connsiteY240" fmla="*/ 4047 h 10000"/>
                  <a:gd name="connsiteX241" fmla="*/ 3317 w 10000"/>
                  <a:gd name="connsiteY241" fmla="*/ 3959 h 10000"/>
                  <a:gd name="connsiteX242" fmla="*/ 3462 w 10000"/>
                  <a:gd name="connsiteY242" fmla="*/ 3944 h 10000"/>
                  <a:gd name="connsiteX243" fmla="*/ 3584 w 10000"/>
                  <a:gd name="connsiteY243" fmla="*/ 3914 h 10000"/>
                  <a:gd name="connsiteX244" fmla="*/ 3680 w 10000"/>
                  <a:gd name="connsiteY244" fmla="*/ 3855 h 10000"/>
                  <a:gd name="connsiteX245" fmla="*/ 3801 w 10000"/>
                  <a:gd name="connsiteY245" fmla="*/ 3752 h 10000"/>
                  <a:gd name="connsiteX246" fmla="*/ 3923 w 10000"/>
                  <a:gd name="connsiteY246" fmla="*/ 3663 h 10000"/>
                  <a:gd name="connsiteX247" fmla="*/ 4019 w 10000"/>
                  <a:gd name="connsiteY247" fmla="*/ 3560 h 10000"/>
                  <a:gd name="connsiteX248" fmla="*/ 4092 w 10000"/>
                  <a:gd name="connsiteY248" fmla="*/ 3442 h 10000"/>
                  <a:gd name="connsiteX249" fmla="*/ 4165 w 10000"/>
                  <a:gd name="connsiteY249" fmla="*/ 3323 h 10000"/>
                  <a:gd name="connsiteX250" fmla="*/ 4213 w 10000"/>
                  <a:gd name="connsiteY250" fmla="*/ 3220 h 10000"/>
                  <a:gd name="connsiteX251" fmla="*/ 4237 w 10000"/>
                  <a:gd name="connsiteY251" fmla="*/ 3102 h 10000"/>
                  <a:gd name="connsiteX252" fmla="*/ 4262 w 10000"/>
                  <a:gd name="connsiteY252" fmla="*/ 3013 h 10000"/>
                  <a:gd name="connsiteX253" fmla="*/ 4237 w 10000"/>
                  <a:gd name="connsiteY253" fmla="*/ 2939 h 10000"/>
                  <a:gd name="connsiteX254" fmla="*/ 4213 w 10000"/>
                  <a:gd name="connsiteY254" fmla="*/ 2866 h 10000"/>
                  <a:gd name="connsiteX255" fmla="*/ 4140 w 10000"/>
                  <a:gd name="connsiteY255" fmla="*/ 2836 h 10000"/>
                  <a:gd name="connsiteX256" fmla="*/ 4044 w 10000"/>
                  <a:gd name="connsiteY256" fmla="*/ 2836 h 10000"/>
                  <a:gd name="connsiteX257" fmla="*/ 3923 w 10000"/>
                  <a:gd name="connsiteY257" fmla="*/ 2866 h 10000"/>
                  <a:gd name="connsiteX258" fmla="*/ 4019 w 10000"/>
                  <a:gd name="connsiteY258" fmla="*/ 2777 h 10000"/>
                  <a:gd name="connsiteX259" fmla="*/ 4068 w 10000"/>
                  <a:gd name="connsiteY259" fmla="*/ 2674 h 10000"/>
                  <a:gd name="connsiteX260" fmla="*/ 4092 w 10000"/>
                  <a:gd name="connsiteY260" fmla="*/ 2541 h 10000"/>
                  <a:gd name="connsiteX261" fmla="*/ 4092 w 10000"/>
                  <a:gd name="connsiteY261" fmla="*/ 2393 h 10000"/>
                  <a:gd name="connsiteX262" fmla="*/ 4116 w 10000"/>
                  <a:gd name="connsiteY262" fmla="*/ 2349 h 10000"/>
                  <a:gd name="connsiteX263" fmla="*/ 4165 w 10000"/>
                  <a:gd name="connsiteY263" fmla="*/ 2304 h 10000"/>
                  <a:gd name="connsiteX264" fmla="*/ 4213 w 10000"/>
                  <a:gd name="connsiteY264" fmla="*/ 2290 h 10000"/>
                  <a:gd name="connsiteX265" fmla="*/ 4286 w 10000"/>
                  <a:gd name="connsiteY265" fmla="*/ 2275 h 10000"/>
                  <a:gd name="connsiteX266" fmla="*/ 4504 w 10000"/>
                  <a:gd name="connsiteY266" fmla="*/ 2260 h 10000"/>
                  <a:gd name="connsiteX267" fmla="*/ 4697 w 10000"/>
                  <a:gd name="connsiteY267" fmla="*/ 2275 h 10000"/>
                  <a:gd name="connsiteX268" fmla="*/ 4673 w 10000"/>
                  <a:gd name="connsiteY268" fmla="*/ 2112 h 10000"/>
                  <a:gd name="connsiteX269" fmla="*/ 4625 w 10000"/>
                  <a:gd name="connsiteY269" fmla="*/ 1950 h 10000"/>
                  <a:gd name="connsiteX270" fmla="*/ 4552 w 10000"/>
                  <a:gd name="connsiteY270" fmla="*/ 1802 h 10000"/>
                  <a:gd name="connsiteX271" fmla="*/ 4455 w 10000"/>
                  <a:gd name="connsiteY271" fmla="*/ 1640 h 10000"/>
                  <a:gd name="connsiteX272" fmla="*/ 4213 w 10000"/>
                  <a:gd name="connsiteY272" fmla="*/ 1329 h 10000"/>
                  <a:gd name="connsiteX273" fmla="*/ 3971 w 10000"/>
                  <a:gd name="connsiteY273" fmla="*/ 1034 h 10000"/>
                  <a:gd name="connsiteX274" fmla="*/ 3850 w 10000"/>
                  <a:gd name="connsiteY274" fmla="*/ 901 h 10000"/>
                  <a:gd name="connsiteX275" fmla="*/ 3753 w 10000"/>
                  <a:gd name="connsiteY275" fmla="*/ 753 h 10000"/>
                  <a:gd name="connsiteX276" fmla="*/ 3680 w 10000"/>
                  <a:gd name="connsiteY276" fmla="*/ 620 h 10000"/>
                  <a:gd name="connsiteX277" fmla="*/ 3656 w 10000"/>
                  <a:gd name="connsiteY277" fmla="*/ 487 h 10000"/>
                  <a:gd name="connsiteX278" fmla="*/ 3632 w 10000"/>
                  <a:gd name="connsiteY278" fmla="*/ 355 h 10000"/>
                  <a:gd name="connsiteX279" fmla="*/ 3680 w 10000"/>
                  <a:gd name="connsiteY279" fmla="*/ 222 h 10000"/>
                  <a:gd name="connsiteX280" fmla="*/ 3705 w 10000"/>
                  <a:gd name="connsiteY280" fmla="*/ 162 h 10000"/>
                  <a:gd name="connsiteX281" fmla="*/ 3753 w 10000"/>
                  <a:gd name="connsiteY281" fmla="*/ 103 h 10000"/>
                  <a:gd name="connsiteX282" fmla="*/ 3826 w 10000"/>
                  <a:gd name="connsiteY282" fmla="*/ 59 h 10000"/>
                  <a:gd name="connsiteX283" fmla="*/ 3923 w 10000"/>
                  <a:gd name="connsiteY283" fmla="*/ 0 h 10000"/>
                  <a:gd name="connsiteX0" fmla="*/ 3923 w 9831"/>
                  <a:gd name="connsiteY0" fmla="*/ 0 h 10000"/>
                  <a:gd name="connsiteX1" fmla="*/ 4092 w 9831"/>
                  <a:gd name="connsiteY1" fmla="*/ 0 h 10000"/>
                  <a:gd name="connsiteX2" fmla="*/ 4262 w 9831"/>
                  <a:gd name="connsiteY2" fmla="*/ 15 h 10000"/>
                  <a:gd name="connsiteX3" fmla="*/ 4431 w 9831"/>
                  <a:gd name="connsiteY3" fmla="*/ 44 h 10000"/>
                  <a:gd name="connsiteX4" fmla="*/ 4552 w 9831"/>
                  <a:gd name="connsiteY4" fmla="*/ 89 h 10000"/>
                  <a:gd name="connsiteX5" fmla="*/ 4746 w 9831"/>
                  <a:gd name="connsiteY5" fmla="*/ 192 h 10000"/>
                  <a:gd name="connsiteX6" fmla="*/ 4939 w 9831"/>
                  <a:gd name="connsiteY6" fmla="*/ 340 h 10000"/>
                  <a:gd name="connsiteX7" fmla="*/ 5085 w 9831"/>
                  <a:gd name="connsiteY7" fmla="*/ 473 h 10000"/>
                  <a:gd name="connsiteX8" fmla="*/ 5278 w 9831"/>
                  <a:gd name="connsiteY8" fmla="*/ 591 h 10000"/>
                  <a:gd name="connsiteX9" fmla="*/ 5400 w 9831"/>
                  <a:gd name="connsiteY9" fmla="*/ 650 h 10000"/>
                  <a:gd name="connsiteX10" fmla="*/ 5545 w 9831"/>
                  <a:gd name="connsiteY10" fmla="*/ 679 h 10000"/>
                  <a:gd name="connsiteX11" fmla="*/ 5690 w 9831"/>
                  <a:gd name="connsiteY11" fmla="*/ 709 h 10000"/>
                  <a:gd name="connsiteX12" fmla="*/ 5884 w 9831"/>
                  <a:gd name="connsiteY12" fmla="*/ 709 h 10000"/>
                  <a:gd name="connsiteX13" fmla="*/ 5884 w 9831"/>
                  <a:gd name="connsiteY13" fmla="*/ 768 h 10000"/>
                  <a:gd name="connsiteX14" fmla="*/ 5908 w 9831"/>
                  <a:gd name="connsiteY14" fmla="*/ 842 h 10000"/>
                  <a:gd name="connsiteX15" fmla="*/ 5956 w 9831"/>
                  <a:gd name="connsiteY15" fmla="*/ 916 h 10000"/>
                  <a:gd name="connsiteX16" fmla="*/ 6005 w 9831"/>
                  <a:gd name="connsiteY16" fmla="*/ 990 h 10000"/>
                  <a:gd name="connsiteX17" fmla="*/ 6077 w 9831"/>
                  <a:gd name="connsiteY17" fmla="*/ 1049 h 10000"/>
                  <a:gd name="connsiteX18" fmla="*/ 6174 w 9831"/>
                  <a:gd name="connsiteY18" fmla="*/ 1108 h 10000"/>
                  <a:gd name="connsiteX19" fmla="*/ 6295 w 9831"/>
                  <a:gd name="connsiteY19" fmla="*/ 1182 h 10000"/>
                  <a:gd name="connsiteX20" fmla="*/ 6392 w 9831"/>
                  <a:gd name="connsiteY20" fmla="*/ 1226 h 10000"/>
                  <a:gd name="connsiteX21" fmla="*/ 6489 w 9831"/>
                  <a:gd name="connsiteY21" fmla="*/ 1270 h 10000"/>
                  <a:gd name="connsiteX22" fmla="*/ 6586 w 9831"/>
                  <a:gd name="connsiteY22" fmla="*/ 1300 h 10000"/>
                  <a:gd name="connsiteX23" fmla="*/ 6683 w 9831"/>
                  <a:gd name="connsiteY23" fmla="*/ 1315 h 10000"/>
                  <a:gd name="connsiteX24" fmla="*/ 6804 w 9831"/>
                  <a:gd name="connsiteY24" fmla="*/ 1300 h 10000"/>
                  <a:gd name="connsiteX25" fmla="*/ 6901 w 9831"/>
                  <a:gd name="connsiteY25" fmla="*/ 1285 h 10000"/>
                  <a:gd name="connsiteX26" fmla="*/ 6973 w 9831"/>
                  <a:gd name="connsiteY26" fmla="*/ 1241 h 10000"/>
                  <a:gd name="connsiteX27" fmla="*/ 7022 w 9831"/>
                  <a:gd name="connsiteY27" fmla="*/ 1167 h 10000"/>
                  <a:gd name="connsiteX28" fmla="*/ 7046 w 9831"/>
                  <a:gd name="connsiteY28" fmla="*/ 1064 h 10000"/>
                  <a:gd name="connsiteX29" fmla="*/ 7409 w 9831"/>
                  <a:gd name="connsiteY29" fmla="*/ 1034 h 10000"/>
                  <a:gd name="connsiteX30" fmla="*/ 7748 w 9831"/>
                  <a:gd name="connsiteY30" fmla="*/ 1004 h 10000"/>
                  <a:gd name="connsiteX31" fmla="*/ 8039 w 9831"/>
                  <a:gd name="connsiteY31" fmla="*/ 990 h 10000"/>
                  <a:gd name="connsiteX32" fmla="*/ 8305 w 9831"/>
                  <a:gd name="connsiteY32" fmla="*/ 1004 h 10000"/>
                  <a:gd name="connsiteX33" fmla="*/ 8426 w 9831"/>
                  <a:gd name="connsiteY33" fmla="*/ 1019 h 10000"/>
                  <a:gd name="connsiteX34" fmla="*/ 8547 w 9831"/>
                  <a:gd name="connsiteY34" fmla="*/ 1034 h 10000"/>
                  <a:gd name="connsiteX35" fmla="*/ 8644 w 9831"/>
                  <a:gd name="connsiteY35" fmla="*/ 1064 h 10000"/>
                  <a:gd name="connsiteX36" fmla="*/ 8765 w 9831"/>
                  <a:gd name="connsiteY36" fmla="*/ 1108 h 10000"/>
                  <a:gd name="connsiteX37" fmla="*/ 8838 w 9831"/>
                  <a:gd name="connsiteY37" fmla="*/ 1182 h 10000"/>
                  <a:gd name="connsiteX38" fmla="*/ 8910 w 9831"/>
                  <a:gd name="connsiteY38" fmla="*/ 1241 h 10000"/>
                  <a:gd name="connsiteX39" fmla="*/ 8959 w 9831"/>
                  <a:gd name="connsiteY39" fmla="*/ 1329 h 10000"/>
                  <a:gd name="connsiteX40" fmla="*/ 9007 w 9831"/>
                  <a:gd name="connsiteY40" fmla="*/ 1433 h 10000"/>
                  <a:gd name="connsiteX41" fmla="*/ 9056 w 9831"/>
                  <a:gd name="connsiteY41" fmla="*/ 1551 h 10000"/>
                  <a:gd name="connsiteX42" fmla="*/ 9031 w 9831"/>
                  <a:gd name="connsiteY42" fmla="*/ 1625 h 10000"/>
                  <a:gd name="connsiteX43" fmla="*/ 9007 w 9831"/>
                  <a:gd name="connsiteY43" fmla="*/ 1684 h 10000"/>
                  <a:gd name="connsiteX44" fmla="*/ 8959 w 9831"/>
                  <a:gd name="connsiteY44" fmla="*/ 1758 h 10000"/>
                  <a:gd name="connsiteX45" fmla="*/ 8886 w 9831"/>
                  <a:gd name="connsiteY45" fmla="*/ 1802 h 10000"/>
                  <a:gd name="connsiteX46" fmla="*/ 8838 w 9831"/>
                  <a:gd name="connsiteY46" fmla="*/ 1861 h 10000"/>
                  <a:gd name="connsiteX47" fmla="*/ 8814 w 9831"/>
                  <a:gd name="connsiteY47" fmla="*/ 1935 h 10000"/>
                  <a:gd name="connsiteX48" fmla="*/ 8838 w 9831"/>
                  <a:gd name="connsiteY48" fmla="*/ 2024 h 10000"/>
                  <a:gd name="connsiteX49" fmla="*/ 9104 w 9831"/>
                  <a:gd name="connsiteY49" fmla="*/ 2157 h 10000"/>
                  <a:gd name="connsiteX50" fmla="*/ 9419 w 9831"/>
                  <a:gd name="connsiteY50" fmla="*/ 2275 h 10000"/>
                  <a:gd name="connsiteX51" fmla="*/ 9540 w 9831"/>
                  <a:gd name="connsiteY51" fmla="*/ 2349 h 10000"/>
                  <a:gd name="connsiteX52" fmla="*/ 9685 w 9831"/>
                  <a:gd name="connsiteY52" fmla="*/ 2422 h 10000"/>
                  <a:gd name="connsiteX53" fmla="*/ 9831 w 9831"/>
                  <a:gd name="connsiteY53" fmla="*/ 2467 h 10000"/>
                  <a:gd name="connsiteX54" fmla="*/ 6852 w 9831"/>
                  <a:gd name="connsiteY54" fmla="*/ 4313 h 10000"/>
                  <a:gd name="connsiteX55" fmla="*/ 6852 w 9831"/>
                  <a:gd name="connsiteY55" fmla="*/ 4431 h 10000"/>
                  <a:gd name="connsiteX56" fmla="*/ 6852 w 9831"/>
                  <a:gd name="connsiteY56" fmla="*/ 4549 h 10000"/>
                  <a:gd name="connsiteX57" fmla="*/ 6804 w 9831"/>
                  <a:gd name="connsiteY57" fmla="*/ 4564 h 10000"/>
                  <a:gd name="connsiteX58" fmla="*/ 6731 w 9831"/>
                  <a:gd name="connsiteY58" fmla="*/ 4594 h 10000"/>
                  <a:gd name="connsiteX59" fmla="*/ 6683 w 9831"/>
                  <a:gd name="connsiteY59" fmla="*/ 4638 h 10000"/>
                  <a:gd name="connsiteX60" fmla="*/ 6683 w 9831"/>
                  <a:gd name="connsiteY60" fmla="*/ 4697 h 10000"/>
                  <a:gd name="connsiteX61" fmla="*/ 6659 w 9831"/>
                  <a:gd name="connsiteY61" fmla="*/ 4801 h 10000"/>
                  <a:gd name="connsiteX62" fmla="*/ 6659 w 9831"/>
                  <a:gd name="connsiteY62" fmla="*/ 4904 h 10000"/>
                  <a:gd name="connsiteX63" fmla="*/ 6538 w 9831"/>
                  <a:gd name="connsiteY63" fmla="*/ 4860 h 10000"/>
                  <a:gd name="connsiteX64" fmla="*/ 6465 w 9831"/>
                  <a:gd name="connsiteY64" fmla="*/ 4801 h 10000"/>
                  <a:gd name="connsiteX65" fmla="*/ 6392 w 9831"/>
                  <a:gd name="connsiteY65" fmla="*/ 4727 h 10000"/>
                  <a:gd name="connsiteX66" fmla="*/ 6320 w 9831"/>
                  <a:gd name="connsiteY66" fmla="*/ 4638 h 10000"/>
                  <a:gd name="connsiteX67" fmla="*/ 6199 w 9831"/>
                  <a:gd name="connsiteY67" fmla="*/ 4476 h 10000"/>
                  <a:gd name="connsiteX68" fmla="*/ 6077 w 9831"/>
                  <a:gd name="connsiteY68" fmla="*/ 4313 h 10000"/>
                  <a:gd name="connsiteX69" fmla="*/ 6223 w 9831"/>
                  <a:gd name="connsiteY69" fmla="*/ 4210 h 10000"/>
                  <a:gd name="connsiteX70" fmla="*/ 6416 w 9831"/>
                  <a:gd name="connsiteY70" fmla="*/ 4121 h 10000"/>
                  <a:gd name="connsiteX71" fmla="*/ 6634 w 9831"/>
                  <a:gd name="connsiteY71" fmla="*/ 4032 h 10000"/>
                  <a:gd name="connsiteX72" fmla="*/ 6877 w 9831"/>
                  <a:gd name="connsiteY72" fmla="*/ 3959 h 10000"/>
                  <a:gd name="connsiteX73" fmla="*/ 7385 w 9831"/>
                  <a:gd name="connsiteY73" fmla="*/ 3811 h 10000"/>
                  <a:gd name="connsiteX74" fmla="*/ 7893 w 9831"/>
                  <a:gd name="connsiteY74" fmla="*/ 3663 h 10000"/>
                  <a:gd name="connsiteX75" fmla="*/ 8136 w 9831"/>
                  <a:gd name="connsiteY75" fmla="*/ 3589 h 10000"/>
                  <a:gd name="connsiteX76" fmla="*/ 8378 w 9831"/>
                  <a:gd name="connsiteY76" fmla="*/ 3516 h 10000"/>
                  <a:gd name="connsiteX77" fmla="*/ 8571 w 9831"/>
                  <a:gd name="connsiteY77" fmla="*/ 3412 h 10000"/>
                  <a:gd name="connsiteX78" fmla="*/ 8765 w 9831"/>
                  <a:gd name="connsiteY78" fmla="*/ 3338 h 10000"/>
                  <a:gd name="connsiteX79" fmla="*/ 8886 w 9831"/>
                  <a:gd name="connsiteY79" fmla="*/ 3235 h 10000"/>
                  <a:gd name="connsiteX80" fmla="*/ 8983 w 9831"/>
                  <a:gd name="connsiteY80" fmla="*/ 3117 h 10000"/>
                  <a:gd name="connsiteX81" fmla="*/ 9007 w 9831"/>
                  <a:gd name="connsiteY81" fmla="*/ 3072 h 10000"/>
                  <a:gd name="connsiteX82" fmla="*/ 9031 w 9831"/>
                  <a:gd name="connsiteY82" fmla="*/ 3013 h 10000"/>
                  <a:gd name="connsiteX83" fmla="*/ 9031 w 9831"/>
                  <a:gd name="connsiteY83" fmla="*/ 2954 h 10000"/>
                  <a:gd name="connsiteX84" fmla="*/ 9007 w 9831"/>
                  <a:gd name="connsiteY84" fmla="*/ 2866 h 10000"/>
                  <a:gd name="connsiteX85" fmla="*/ 8838 w 9831"/>
                  <a:gd name="connsiteY85" fmla="*/ 2984 h 10000"/>
                  <a:gd name="connsiteX86" fmla="*/ 8644 w 9831"/>
                  <a:gd name="connsiteY86" fmla="*/ 3072 h 10000"/>
                  <a:gd name="connsiteX87" fmla="*/ 8450 w 9831"/>
                  <a:gd name="connsiteY87" fmla="*/ 3161 h 10000"/>
                  <a:gd name="connsiteX88" fmla="*/ 8257 w 9831"/>
                  <a:gd name="connsiteY88" fmla="*/ 3250 h 10000"/>
                  <a:gd name="connsiteX89" fmla="*/ 7821 w 9831"/>
                  <a:gd name="connsiteY89" fmla="*/ 3397 h 10000"/>
                  <a:gd name="connsiteX90" fmla="*/ 7361 w 9831"/>
                  <a:gd name="connsiteY90" fmla="*/ 3545 h 10000"/>
                  <a:gd name="connsiteX91" fmla="*/ 6901 w 9831"/>
                  <a:gd name="connsiteY91" fmla="*/ 3678 h 10000"/>
                  <a:gd name="connsiteX92" fmla="*/ 6465 w 9831"/>
                  <a:gd name="connsiteY92" fmla="*/ 3840 h 10000"/>
                  <a:gd name="connsiteX93" fmla="*/ 6247 w 9831"/>
                  <a:gd name="connsiteY93" fmla="*/ 3914 h 10000"/>
                  <a:gd name="connsiteX94" fmla="*/ 6053 w 9831"/>
                  <a:gd name="connsiteY94" fmla="*/ 4003 h 10000"/>
                  <a:gd name="connsiteX95" fmla="*/ 5860 w 9831"/>
                  <a:gd name="connsiteY95" fmla="*/ 4106 h 10000"/>
                  <a:gd name="connsiteX96" fmla="*/ 5666 w 9831"/>
                  <a:gd name="connsiteY96" fmla="*/ 4195 h 10000"/>
                  <a:gd name="connsiteX97" fmla="*/ 5811 w 9831"/>
                  <a:gd name="connsiteY97" fmla="*/ 4417 h 10000"/>
                  <a:gd name="connsiteX98" fmla="*/ 5908 w 9831"/>
                  <a:gd name="connsiteY98" fmla="*/ 4623 h 10000"/>
                  <a:gd name="connsiteX99" fmla="*/ 6005 w 9831"/>
                  <a:gd name="connsiteY99" fmla="*/ 4845 h 10000"/>
                  <a:gd name="connsiteX100" fmla="*/ 6077 w 9831"/>
                  <a:gd name="connsiteY100" fmla="*/ 5081 h 10000"/>
                  <a:gd name="connsiteX101" fmla="*/ 6126 w 9831"/>
                  <a:gd name="connsiteY101" fmla="*/ 5318 h 10000"/>
                  <a:gd name="connsiteX102" fmla="*/ 6150 w 9831"/>
                  <a:gd name="connsiteY102" fmla="*/ 5539 h 10000"/>
                  <a:gd name="connsiteX103" fmla="*/ 6174 w 9831"/>
                  <a:gd name="connsiteY103" fmla="*/ 5775 h 10000"/>
                  <a:gd name="connsiteX104" fmla="*/ 6174 w 9831"/>
                  <a:gd name="connsiteY104" fmla="*/ 5997 h 10000"/>
                  <a:gd name="connsiteX105" fmla="*/ 6150 w 9831"/>
                  <a:gd name="connsiteY105" fmla="*/ 6233 h 10000"/>
                  <a:gd name="connsiteX106" fmla="*/ 6102 w 9831"/>
                  <a:gd name="connsiteY106" fmla="*/ 6470 h 10000"/>
                  <a:gd name="connsiteX107" fmla="*/ 6053 w 9831"/>
                  <a:gd name="connsiteY107" fmla="*/ 6677 h 10000"/>
                  <a:gd name="connsiteX108" fmla="*/ 5981 w 9831"/>
                  <a:gd name="connsiteY108" fmla="*/ 6898 h 10000"/>
                  <a:gd name="connsiteX109" fmla="*/ 5884 w 9831"/>
                  <a:gd name="connsiteY109" fmla="*/ 7105 h 10000"/>
                  <a:gd name="connsiteX110" fmla="*/ 5763 w 9831"/>
                  <a:gd name="connsiteY110" fmla="*/ 7297 h 10000"/>
                  <a:gd name="connsiteX111" fmla="*/ 5617 w 9831"/>
                  <a:gd name="connsiteY111" fmla="*/ 7489 h 10000"/>
                  <a:gd name="connsiteX112" fmla="*/ 5472 w 9831"/>
                  <a:gd name="connsiteY112" fmla="*/ 7681 h 10000"/>
                  <a:gd name="connsiteX113" fmla="*/ 6174 w 9831"/>
                  <a:gd name="connsiteY113" fmla="*/ 7799 h 10000"/>
                  <a:gd name="connsiteX114" fmla="*/ 6901 w 9831"/>
                  <a:gd name="connsiteY114" fmla="*/ 7962 h 10000"/>
                  <a:gd name="connsiteX115" fmla="*/ 7046 w 9831"/>
                  <a:gd name="connsiteY115" fmla="*/ 8021 h 10000"/>
                  <a:gd name="connsiteX116" fmla="*/ 7167 w 9831"/>
                  <a:gd name="connsiteY116" fmla="*/ 8080 h 10000"/>
                  <a:gd name="connsiteX117" fmla="*/ 7288 w 9831"/>
                  <a:gd name="connsiteY117" fmla="*/ 8139 h 10000"/>
                  <a:gd name="connsiteX118" fmla="*/ 7361 w 9831"/>
                  <a:gd name="connsiteY118" fmla="*/ 8227 h 10000"/>
                  <a:gd name="connsiteX119" fmla="*/ 7385 w 9831"/>
                  <a:gd name="connsiteY119" fmla="*/ 8301 h 10000"/>
                  <a:gd name="connsiteX120" fmla="*/ 7385 w 9831"/>
                  <a:gd name="connsiteY120" fmla="*/ 8405 h 10000"/>
                  <a:gd name="connsiteX121" fmla="*/ 7337 w 9831"/>
                  <a:gd name="connsiteY121" fmla="*/ 8523 h 10000"/>
                  <a:gd name="connsiteX122" fmla="*/ 7264 w 9831"/>
                  <a:gd name="connsiteY122" fmla="*/ 8641 h 10000"/>
                  <a:gd name="connsiteX123" fmla="*/ 6949 w 9831"/>
                  <a:gd name="connsiteY123" fmla="*/ 8552 h 10000"/>
                  <a:gd name="connsiteX124" fmla="*/ 6659 w 9831"/>
                  <a:gd name="connsiteY124" fmla="*/ 8449 h 10000"/>
                  <a:gd name="connsiteX125" fmla="*/ 6368 w 9831"/>
                  <a:gd name="connsiteY125" fmla="*/ 8360 h 10000"/>
                  <a:gd name="connsiteX126" fmla="*/ 6077 w 9831"/>
                  <a:gd name="connsiteY126" fmla="*/ 8287 h 10000"/>
                  <a:gd name="connsiteX127" fmla="*/ 5956 w 9831"/>
                  <a:gd name="connsiteY127" fmla="*/ 8449 h 10000"/>
                  <a:gd name="connsiteX128" fmla="*/ 5860 w 9831"/>
                  <a:gd name="connsiteY128" fmla="*/ 8597 h 10000"/>
                  <a:gd name="connsiteX129" fmla="*/ 5811 w 9831"/>
                  <a:gd name="connsiteY129" fmla="*/ 8656 h 10000"/>
                  <a:gd name="connsiteX130" fmla="*/ 5714 w 9831"/>
                  <a:gd name="connsiteY130" fmla="*/ 8700 h 10000"/>
                  <a:gd name="connsiteX131" fmla="*/ 5642 w 9831"/>
                  <a:gd name="connsiteY131" fmla="*/ 8744 h 10000"/>
                  <a:gd name="connsiteX132" fmla="*/ 5569 w 9831"/>
                  <a:gd name="connsiteY132" fmla="*/ 8774 h 10000"/>
                  <a:gd name="connsiteX133" fmla="*/ 5496 w 9831"/>
                  <a:gd name="connsiteY133" fmla="*/ 8804 h 10000"/>
                  <a:gd name="connsiteX134" fmla="*/ 5400 w 9831"/>
                  <a:gd name="connsiteY134" fmla="*/ 8818 h 10000"/>
                  <a:gd name="connsiteX135" fmla="*/ 5278 w 9831"/>
                  <a:gd name="connsiteY135" fmla="*/ 8833 h 10000"/>
                  <a:gd name="connsiteX136" fmla="*/ 5157 w 9831"/>
                  <a:gd name="connsiteY136" fmla="*/ 8833 h 10000"/>
                  <a:gd name="connsiteX137" fmla="*/ 4867 w 9831"/>
                  <a:gd name="connsiteY137" fmla="*/ 8818 h 10000"/>
                  <a:gd name="connsiteX138" fmla="*/ 4504 w 9831"/>
                  <a:gd name="connsiteY138" fmla="*/ 8744 h 10000"/>
                  <a:gd name="connsiteX139" fmla="*/ 4504 w 9831"/>
                  <a:gd name="connsiteY139" fmla="*/ 8922 h 10000"/>
                  <a:gd name="connsiteX140" fmla="*/ 4479 w 9831"/>
                  <a:gd name="connsiteY140" fmla="*/ 9069 h 10000"/>
                  <a:gd name="connsiteX141" fmla="*/ 4455 w 9831"/>
                  <a:gd name="connsiteY141" fmla="*/ 9232 h 10000"/>
                  <a:gd name="connsiteX142" fmla="*/ 4431 w 9831"/>
                  <a:gd name="connsiteY142" fmla="*/ 9365 h 10000"/>
                  <a:gd name="connsiteX143" fmla="*/ 4383 w 9831"/>
                  <a:gd name="connsiteY143" fmla="*/ 9498 h 10000"/>
                  <a:gd name="connsiteX144" fmla="*/ 4286 w 9831"/>
                  <a:gd name="connsiteY144" fmla="*/ 9616 h 10000"/>
                  <a:gd name="connsiteX145" fmla="*/ 4213 w 9831"/>
                  <a:gd name="connsiteY145" fmla="*/ 9734 h 10000"/>
                  <a:gd name="connsiteX146" fmla="*/ 4092 w 9831"/>
                  <a:gd name="connsiteY146" fmla="*/ 9838 h 10000"/>
                  <a:gd name="connsiteX147" fmla="*/ 3801 w 9831"/>
                  <a:gd name="connsiteY147" fmla="*/ 9897 h 10000"/>
                  <a:gd name="connsiteX148" fmla="*/ 3559 w 9831"/>
                  <a:gd name="connsiteY148" fmla="*/ 9941 h 10000"/>
                  <a:gd name="connsiteX149" fmla="*/ 3269 w 9831"/>
                  <a:gd name="connsiteY149" fmla="*/ 9985 h 10000"/>
                  <a:gd name="connsiteX150" fmla="*/ 3051 w 9831"/>
                  <a:gd name="connsiteY150" fmla="*/ 10000 h 10000"/>
                  <a:gd name="connsiteX151" fmla="*/ 2567 w 9831"/>
                  <a:gd name="connsiteY151" fmla="*/ 10000 h 10000"/>
                  <a:gd name="connsiteX152" fmla="*/ 2107 w 9831"/>
                  <a:gd name="connsiteY152" fmla="*/ 9985 h 10000"/>
                  <a:gd name="connsiteX153" fmla="*/ 1671 w 9831"/>
                  <a:gd name="connsiteY153" fmla="*/ 9941 h 10000"/>
                  <a:gd name="connsiteX154" fmla="*/ 1211 w 9831"/>
                  <a:gd name="connsiteY154" fmla="*/ 9911 h 10000"/>
                  <a:gd name="connsiteX155" fmla="*/ 944 w 9831"/>
                  <a:gd name="connsiteY155" fmla="*/ 9911 h 10000"/>
                  <a:gd name="connsiteX156" fmla="*/ 702 w 9831"/>
                  <a:gd name="connsiteY156" fmla="*/ 9911 h 10000"/>
                  <a:gd name="connsiteX157" fmla="*/ 436 w 9831"/>
                  <a:gd name="connsiteY157" fmla="*/ 9926 h 10000"/>
                  <a:gd name="connsiteX158" fmla="*/ 169 w 9831"/>
                  <a:gd name="connsiteY158" fmla="*/ 9970 h 10000"/>
                  <a:gd name="connsiteX159" fmla="*/ 97 w 9831"/>
                  <a:gd name="connsiteY159" fmla="*/ 9867 h 10000"/>
                  <a:gd name="connsiteX160" fmla="*/ 48 w 9831"/>
                  <a:gd name="connsiteY160" fmla="*/ 9793 h 10000"/>
                  <a:gd name="connsiteX161" fmla="*/ 0 w 9831"/>
                  <a:gd name="connsiteY161" fmla="*/ 9705 h 10000"/>
                  <a:gd name="connsiteX162" fmla="*/ 0 w 9831"/>
                  <a:gd name="connsiteY162" fmla="*/ 9601 h 10000"/>
                  <a:gd name="connsiteX163" fmla="*/ 48 w 9831"/>
                  <a:gd name="connsiteY163" fmla="*/ 9424 h 10000"/>
                  <a:gd name="connsiteX164" fmla="*/ 97 w 9831"/>
                  <a:gd name="connsiteY164" fmla="*/ 9202 h 10000"/>
                  <a:gd name="connsiteX165" fmla="*/ 145 w 9831"/>
                  <a:gd name="connsiteY165" fmla="*/ 8996 h 10000"/>
                  <a:gd name="connsiteX166" fmla="*/ 194 w 9831"/>
                  <a:gd name="connsiteY166" fmla="*/ 8759 h 10000"/>
                  <a:gd name="connsiteX167" fmla="*/ 218 w 9831"/>
                  <a:gd name="connsiteY167" fmla="*/ 8641 h 10000"/>
                  <a:gd name="connsiteX168" fmla="*/ 218 w 9831"/>
                  <a:gd name="connsiteY168" fmla="*/ 8538 h 10000"/>
                  <a:gd name="connsiteX169" fmla="*/ 194 w 9831"/>
                  <a:gd name="connsiteY169" fmla="*/ 8405 h 10000"/>
                  <a:gd name="connsiteX170" fmla="*/ 169 w 9831"/>
                  <a:gd name="connsiteY170" fmla="*/ 8287 h 10000"/>
                  <a:gd name="connsiteX171" fmla="*/ 412 w 9831"/>
                  <a:gd name="connsiteY171" fmla="*/ 8213 h 10000"/>
                  <a:gd name="connsiteX172" fmla="*/ 654 w 9831"/>
                  <a:gd name="connsiteY172" fmla="*/ 8139 h 10000"/>
                  <a:gd name="connsiteX173" fmla="*/ 896 w 9831"/>
                  <a:gd name="connsiteY173" fmla="*/ 8095 h 10000"/>
                  <a:gd name="connsiteX174" fmla="*/ 1162 w 9831"/>
                  <a:gd name="connsiteY174" fmla="*/ 8065 h 10000"/>
                  <a:gd name="connsiteX175" fmla="*/ 1646 w 9831"/>
                  <a:gd name="connsiteY175" fmla="*/ 8021 h 10000"/>
                  <a:gd name="connsiteX176" fmla="*/ 2131 w 9831"/>
                  <a:gd name="connsiteY176" fmla="*/ 7976 h 10000"/>
                  <a:gd name="connsiteX177" fmla="*/ 2349 w 9831"/>
                  <a:gd name="connsiteY177" fmla="*/ 7947 h 10000"/>
                  <a:gd name="connsiteX178" fmla="*/ 2567 w 9831"/>
                  <a:gd name="connsiteY178" fmla="*/ 7917 h 10000"/>
                  <a:gd name="connsiteX179" fmla="*/ 2760 w 9831"/>
                  <a:gd name="connsiteY179" fmla="*/ 7843 h 10000"/>
                  <a:gd name="connsiteX180" fmla="*/ 2954 w 9831"/>
                  <a:gd name="connsiteY180" fmla="*/ 7784 h 10000"/>
                  <a:gd name="connsiteX181" fmla="*/ 3123 w 9831"/>
                  <a:gd name="connsiteY181" fmla="*/ 7710 h 10000"/>
                  <a:gd name="connsiteX182" fmla="*/ 3269 w 9831"/>
                  <a:gd name="connsiteY182" fmla="*/ 7592 h 10000"/>
                  <a:gd name="connsiteX183" fmla="*/ 3414 w 9831"/>
                  <a:gd name="connsiteY183" fmla="*/ 7474 h 10000"/>
                  <a:gd name="connsiteX184" fmla="*/ 3511 w 9831"/>
                  <a:gd name="connsiteY184" fmla="*/ 7312 h 10000"/>
                  <a:gd name="connsiteX185" fmla="*/ 3317 w 9831"/>
                  <a:gd name="connsiteY185" fmla="*/ 7238 h 10000"/>
                  <a:gd name="connsiteX186" fmla="*/ 3148 w 9831"/>
                  <a:gd name="connsiteY186" fmla="*/ 7179 h 10000"/>
                  <a:gd name="connsiteX187" fmla="*/ 3002 w 9831"/>
                  <a:gd name="connsiteY187" fmla="*/ 7090 h 10000"/>
                  <a:gd name="connsiteX188" fmla="*/ 2857 w 9831"/>
                  <a:gd name="connsiteY188" fmla="*/ 6987 h 10000"/>
                  <a:gd name="connsiteX189" fmla="*/ 2760 w 9831"/>
                  <a:gd name="connsiteY189" fmla="*/ 6869 h 10000"/>
                  <a:gd name="connsiteX190" fmla="*/ 2712 w 9831"/>
                  <a:gd name="connsiteY190" fmla="*/ 6721 h 10000"/>
                  <a:gd name="connsiteX191" fmla="*/ 2688 w 9831"/>
                  <a:gd name="connsiteY191" fmla="*/ 6558 h 10000"/>
                  <a:gd name="connsiteX192" fmla="*/ 2712 w 9831"/>
                  <a:gd name="connsiteY192" fmla="*/ 6352 h 10000"/>
                  <a:gd name="connsiteX193" fmla="*/ 2591 w 9831"/>
                  <a:gd name="connsiteY193" fmla="*/ 6322 h 10000"/>
                  <a:gd name="connsiteX194" fmla="*/ 2446 w 9831"/>
                  <a:gd name="connsiteY194" fmla="*/ 6292 h 10000"/>
                  <a:gd name="connsiteX195" fmla="*/ 2276 w 9831"/>
                  <a:gd name="connsiteY195" fmla="*/ 6278 h 10000"/>
                  <a:gd name="connsiteX196" fmla="*/ 2107 w 9831"/>
                  <a:gd name="connsiteY196" fmla="*/ 6263 h 10000"/>
                  <a:gd name="connsiteX197" fmla="*/ 1768 w 9831"/>
                  <a:gd name="connsiteY197" fmla="*/ 6248 h 10000"/>
                  <a:gd name="connsiteX198" fmla="*/ 1404 w 9831"/>
                  <a:gd name="connsiteY198" fmla="*/ 6263 h 10000"/>
                  <a:gd name="connsiteX199" fmla="*/ 1090 w 9831"/>
                  <a:gd name="connsiteY199" fmla="*/ 6278 h 10000"/>
                  <a:gd name="connsiteX200" fmla="*/ 799 w 9831"/>
                  <a:gd name="connsiteY200" fmla="*/ 6278 h 10000"/>
                  <a:gd name="connsiteX201" fmla="*/ 557 w 9831"/>
                  <a:gd name="connsiteY201" fmla="*/ 6263 h 10000"/>
                  <a:gd name="connsiteX202" fmla="*/ 363 w 9831"/>
                  <a:gd name="connsiteY202" fmla="*/ 6233 h 10000"/>
                  <a:gd name="connsiteX203" fmla="*/ 605 w 9831"/>
                  <a:gd name="connsiteY203" fmla="*/ 5805 h 10000"/>
                  <a:gd name="connsiteX204" fmla="*/ 872 w 9831"/>
                  <a:gd name="connsiteY204" fmla="*/ 5391 h 10000"/>
                  <a:gd name="connsiteX205" fmla="*/ 969 w 9831"/>
                  <a:gd name="connsiteY205" fmla="*/ 5170 h 10000"/>
                  <a:gd name="connsiteX206" fmla="*/ 1041 w 9831"/>
                  <a:gd name="connsiteY206" fmla="*/ 4963 h 10000"/>
                  <a:gd name="connsiteX207" fmla="*/ 1065 w 9831"/>
                  <a:gd name="connsiteY207" fmla="*/ 4860 h 10000"/>
                  <a:gd name="connsiteX208" fmla="*/ 1041 w 9831"/>
                  <a:gd name="connsiteY208" fmla="*/ 4756 h 10000"/>
                  <a:gd name="connsiteX209" fmla="*/ 1017 w 9831"/>
                  <a:gd name="connsiteY209" fmla="*/ 4653 h 10000"/>
                  <a:gd name="connsiteX210" fmla="*/ 944 w 9831"/>
                  <a:gd name="connsiteY210" fmla="*/ 4549 h 10000"/>
                  <a:gd name="connsiteX211" fmla="*/ 1211 w 9831"/>
                  <a:gd name="connsiteY211" fmla="*/ 4520 h 10000"/>
                  <a:gd name="connsiteX212" fmla="*/ 1404 w 9831"/>
                  <a:gd name="connsiteY212" fmla="*/ 4505 h 10000"/>
                  <a:gd name="connsiteX213" fmla="*/ 1574 w 9831"/>
                  <a:gd name="connsiteY213" fmla="*/ 4505 h 10000"/>
                  <a:gd name="connsiteX214" fmla="*/ 1719 w 9831"/>
                  <a:gd name="connsiteY214" fmla="*/ 4520 h 10000"/>
                  <a:gd name="connsiteX215" fmla="*/ 1840 w 9831"/>
                  <a:gd name="connsiteY215" fmla="*/ 4520 h 10000"/>
                  <a:gd name="connsiteX216" fmla="*/ 1985 w 9831"/>
                  <a:gd name="connsiteY216" fmla="*/ 4520 h 10000"/>
                  <a:gd name="connsiteX217" fmla="*/ 2131 w 9831"/>
                  <a:gd name="connsiteY217" fmla="*/ 4490 h 10000"/>
                  <a:gd name="connsiteX218" fmla="*/ 2324 w 9831"/>
                  <a:gd name="connsiteY218" fmla="*/ 4446 h 10000"/>
                  <a:gd name="connsiteX219" fmla="*/ 2324 w 9831"/>
                  <a:gd name="connsiteY219" fmla="*/ 4579 h 10000"/>
                  <a:gd name="connsiteX220" fmla="*/ 2324 w 9831"/>
                  <a:gd name="connsiteY220" fmla="*/ 4742 h 10000"/>
                  <a:gd name="connsiteX221" fmla="*/ 2324 w 9831"/>
                  <a:gd name="connsiteY221" fmla="*/ 4874 h 10000"/>
                  <a:gd name="connsiteX222" fmla="*/ 2324 w 9831"/>
                  <a:gd name="connsiteY222" fmla="*/ 5037 h 10000"/>
                  <a:gd name="connsiteX223" fmla="*/ 2542 w 9831"/>
                  <a:gd name="connsiteY223" fmla="*/ 5022 h 10000"/>
                  <a:gd name="connsiteX224" fmla="*/ 2688 w 9831"/>
                  <a:gd name="connsiteY224" fmla="*/ 5037 h 10000"/>
                  <a:gd name="connsiteX225" fmla="*/ 2809 w 9831"/>
                  <a:gd name="connsiteY225" fmla="*/ 5066 h 10000"/>
                  <a:gd name="connsiteX226" fmla="*/ 2930 w 9831"/>
                  <a:gd name="connsiteY226" fmla="*/ 5096 h 10000"/>
                  <a:gd name="connsiteX227" fmla="*/ 3027 w 9831"/>
                  <a:gd name="connsiteY227" fmla="*/ 5126 h 10000"/>
                  <a:gd name="connsiteX228" fmla="*/ 3148 w 9831"/>
                  <a:gd name="connsiteY228" fmla="*/ 5155 h 10000"/>
                  <a:gd name="connsiteX229" fmla="*/ 3293 w 9831"/>
                  <a:gd name="connsiteY229" fmla="*/ 5170 h 10000"/>
                  <a:gd name="connsiteX230" fmla="*/ 3511 w 9831"/>
                  <a:gd name="connsiteY230" fmla="*/ 5155 h 10000"/>
                  <a:gd name="connsiteX231" fmla="*/ 3584 w 9831"/>
                  <a:gd name="connsiteY231" fmla="*/ 5096 h 10000"/>
                  <a:gd name="connsiteX232" fmla="*/ 3656 w 9831"/>
                  <a:gd name="connsiteY232" fmla="*/ 5022 h 10000"/>
                  <a:gd name="connsiteX233" fmla="*/ 3680 w 9831"/>
                  <a:gd name="connsiteY233" fmla="*/ 4934 h 10000"/>
                  <a:gd name="connsiteX234" fmla="*/ 3705 w 9831"/>
                  <a:gd name="connsiteY234" fmla="*/ 4860 h 10000"/>
                  <a:gd name="connsiteX235" fmla="*/ 3729 w 9831"/>
                  <a:gd name="connsiteY235" fmla="*/ 4697 h 10000"/>
                  <a:gd name="connsiteX236" fmla="*/ 3705 w 9831"/>
                  <a:gd name="connsiteY236" fmla="*/ 4520 h 10000"/>
                  <a:gd name="connsiteX237" fmla="*/ 3632 w 9831"/>
                  <a:gd name="connsiteY237" fmla="*/ 4343 h 10000"/>
                  <a:gd name="connsiteX238" fmla="*/ 3559 w 9831"/>
                  <a:gd name="connsiteY238" fmla="*/ 4195 h 10000"/>
                  <a:gd name="connsiteX239" fmla="*/ 3438 w 9831"/>
                  <a:gd name="connsiteY239" fmla="*/ 4047 h 10000"/>
                  <a:gd name="connsiteX240" fmla="*/ 3317 w 9831"/>
                  <a:gd name="connsiteY240" fmla="*/ 3959 h 10000"/>
                  <a:gd name="connsiteX241" fmla="*/ 3462 w 9831"/>
                  <a:gd name="connsiteY241" fmla="*/ 3944 h 10000"/>
                  <a:gd name="connsiteX242" fmla="*/ 3584 w 9831"/>
                  <a:gd name="connsiteY242" fmla="*/ 3914 h 10000"/>
                  <a:gd name="connsiteX243" fmla="*/ 3680 w 9831"/>
                  <a:gd name="connsiteY243" fmla="*/ 3855 h 10000"/>
                  <a:gd name="connsiteX244" fmla="*/ 3801 w 9831"/>
                  <a:gd name="connsiteY244" fmla="*/ 3752 h 10000"/>
                  <a:gd name="connsiteX245" fmla="*/ 3923 w 9831"/>
                  <a:gd name="connsiteY245" fmla="*/ 3663 h 10000"/>
                  <a:gd name="connsiteX246" fmla="*/ 4019 w 9831"/>
                  <a:gd name="connsiteY246" fmla="*/ 3560 h 10000"/>
                  <a:gd name="connsiteX247" fmla="*/ 4092 w 9831"/>
                  <a:gd name="connsiteY247" fmla="*/ 3442 h 10000"/>
                  <a:gd name="connsiteX248" fmla="*/ 4165 w 9831"/>
                  <a:gd name="connsiteY248" fmla="*/ 3323 h 10000"/>
                  <a:gd name="connsiteX249" fmla="*/ 4213 w 9831"/>
                  <a:gd name="connsiteY249" fmla="*/ 3220 h 10000"/>
                  <a:gd name="connsiteX250" fmla="*/ 4237 w 9831"/>
                  <a:gd name="connsiteY250" fmla="*/ 3102 h 10000"/>
                  <a:gd name="connsiteX251" fmla="*/ 4262 w 9831"/>
                  <a:gd name="connsiteY251" fmla="*/ 3013 h 10000"/>
                  <a:gd name="connsiteX252" fmla="*/ 4237 w 9831"/>
                  <a:gd name="connsiteY252" fmla="*/ 2939 h 10000"/>
                  <a:gd name="connsiteX253" fmla="*/ 4213 w 9831"/>
                  <a:gd name="connsiteY253" fmla="*/ 2866 h 10000"/>
                  <a:gd name="connsiteX254" fmla="*/ 4140 w 9831"/>
                  <a:gd name="connsiteY254" fmla="*/ 2836 h 10000"/>
                  <a:gd name="connsiteX255" fmla="*/ 4044 w 9831"/>
                  <a:gd name="connsiteY255" fmla="*/ 2836 h 10000"/>
                  <a:gd name="connsiteX256" fmla="*/ 3923 w 9831"/>
                  <a:gd name="connsiteY256" fmla="*/ 2866 h 10000"/>
                  <a:gd name="connsiteX257" fmla="*/ 4019 w 9831"/>
                  <a:gd name="connsiteY257" fmla="*/ 2777 h 10000"/>
                  <a:gd name="connsiteX258" fmla="*/ 4068 w 9831"/>
                  <a:gd name="connsiteY258" fmla="*/ 2674 h 10000"/>
                  <a:gd name="connsiteX259" fmla="*/ 4092 w 9831"/>
                  <a:gd name="connsiteY259" fmla="*/ 2541 h 10000"/>
                  <a:gd name="connsiteX260" fmla="*/ 4092 w 9831"/>
                  <a:gd name="connsiteY260" fmla="*/ 2393 h 10000"/>
                  <a:gd name="connsiteX261" fmla="*/ 4116 w 9831"/>
                  <a:gd name="connsiteY261" fmla="*/ 2349 h 10000"/>
                  <a:gd name="connsiteX262" fmla="*/ 4165 w 9831"/>
                  <a:gd name="connsiteY262" fmla="*/ 2304 h 10000"/>
                  <a:gd name="connsiteX263" fmla="*/ 4213 w 9831"/>
                  <a:gd name="connsiteY263" fmla="*/ 2290 h 10000"/>
                  <a:gd name="connsiteX264" fmla="*/ 4286 w 9831"/>
                  <a:gd name="connsiteY264" fmla="*/ 2275 h 10000"/>
                  <a:gd name="connsiteX265" fmla="*/ 4504 w 9831"/>
                  <a:gd name="connsiteY265" fmla="*/ 2260 h 10000"/>
                  <a:gd name="connsiteX266" fmla="*/ 4697 w 9831"/>
                  <a:gd name="connsiteY266" fmla="*/ 2275 h 10000"/>
                  <a:gd name="connsiteX267" fmla="*/ 4673 w 9831"/>
                  <a:gd name="connsiteY267" fmla="*/ 2112 h 10000"/>
                  <a:gd name="connsiteX268" fmla="*/ 4625 w 9831"/>
                  <a:gd name="connsiteY268" fmla="*/ 1950 h 10000"/>
                  <a:gd name="connsiteX269" fmla="*/ 4552 w 9831"/>
                  <a:gd name="connsiteY269" fmla="*/ 1802 h 10000"/>
                  <a:gd name="connsiteX270" fmla="*/ 4455 w 9831"/>
                  <a:gd name="connsiteY270" fmla="*/ 1640 h 10000"/>
                  <a:gd name="connsiteX271" fmla="*/ 4213 w 9831"/>
                  <a:gd name="connsiteY271" fmla="*/ 1329 h 10000"/>
                  <a:gd name="connsiteX272" fmla="*/ 3971 w 9831"/>
                  <a:gd name="connsiteY272" fmla="*/ 1034 h 10000"/>
                  <a:gd name="connsiteX273" fmla="*/ 3850 w 9831"/>
                  <a:gd name="connsiteY273" fmla="*/ 901 h 10000"/>
                  <a:gd name="connsiteX274" fmla="*/ 3753 w 9831"/>
                  <a:gd name="connsiteY274" fmla="*/ 753 h 10000"/>
                  <a:gd name="connsiteX275" fmla="*/ 3680 w 9831"/>
                  <a:gd name="connsiteY275" fmla="*/ 620 h 10000"/>
                  <a:gd name="connsiteX276" fmla="*/ 3656 w 9831"/>
                  <a:gd name="connsiteY276" fmla="*/ 487 h 10000"/>
                  <a:gd name="connsiteX277" fmla="*/ 3632 w 9831"/>
                  <a:gd name="connsiteY277" fmla="*/ 355 h 10000"/>
                  <a:gd name="connsiteX278" fmla="*/ 3680 w 9831"/>
                  <a:gd name="connsiteY278" fmla="*/ 222 h 10000"/>
                  <a:gd name="connsiteX279" fmla="*/ 3705 w 9831"/>
                  <a:gd name="connsiteY279" fmla="*/ 162 h 10000"/>
                  <a:gd name="connsiteX280" fmla="*/ 3753 w 9831"/>
                  <a:gd name="connsiteY280" fmla="*/ 103 h 10000"/>
                  <a:gd name="connsiteX281" fmla="*/ 3826 w 9831"/>
                  <a:gd name="connsiteY281" fmla="*/ 59 h 10000"/>
                  <a:gd name="connsiteX282" fmla="*/ 3923 w 9831"/>
                  <a:gd name="connsiteY282" fmla="*/ 0 h 10000"/>
                  <a:gd name="connsiteX0" fmla="*/ 3990 w 9851"/>
                  <a:gd name="connsiteY0" fmla="*/ 0 h 10000"/>
                  <a:gd name="connsiteX1" fmla="*/ 4162 w 9851"/>
                  <a:gd name="connsiteY1" fmla="*/ 0 h 10000"/>
                  <a:gd name="connsiteX2" fmla="*/ 4335 w 9851"/>
                  <a:gd name="connsiteY2" fmla="*/ 15 h 10000"/>
                  <a:gd name="connsiteX3" fmla="*/ 4507 w 9851"/>
                  <a:gd name="connsiteY3" fmla="*/ 44 h 10000"/>
                  <a:gd name="connsiteX4" fmla="*/ 4630 w 9851"/>
                  <a:gd name="connsiteY4" fmla="*/ 89 h 10000"/>
                  <a:gd name="connsiteX5" fmla="*/ 4828 w 9851"/>
                  <a:gd name="connsiteY5" fmla="*/ 192 h 10000"/>
                  <a:gd name="connsiteX6" fmla="*/ 5024 w 9851"/>
                  <a:gd name="connsiteY6" fmla="*/ 340 h 10000"/>
                  <a:gd name="connsiteX7" fmla="*/ 5172 w 9851"/>
                  <a:gd name="connsiteY7" fmla="*/ 473 h 10000"/>
                  <a:gd name="connsiteX8" fmla="*/ 5369 w 9851"/>
                  <a:gd name="connsiteY8" fmla="*/ 591 h 10000"/>
                  <a:gd name="connsiteX9" fmla="*/ 5493 w 9851"/>
                  <a:gd name="connsiteY9" fmla="*/ 650 h 10000"/>
                  <a:gd name="connsiteX10" fmla="*/ 5640 w 9851"/>
                  <a:gd name="connsiteY10" fmla="*/ 679 h 10000"/>
                  <a:gd name="connsiteX11" fmla="*/ 5788 w 9851"/>
                  <a:gd name="connsiteY11" fmla="*/ 709 h 10000"/>
                  <a:gd name="connsiteX12" fmla="*/ 5985 w 9851"/>
                  <a:gd name="connsiteY12" fmla="*/ 709 h 10000"/>
                  <a:gd name="connsiteX13" fmla="*/ 5985 w 9851"/>
                  <a:gd name="connsiteY13" fmla="*/ 768 h 10000"/>
                  <a:gd name="connsiteX14" fmla="*/ 6010 w 9851"/>
                  <a:gd name="connsiteY14" fmla="*/ 842 h 10000"/>
                  <a:gd name="connsiteX15" fmla="*/ 6058 w 9851"/>
                  <a:gd name="connsiteY15" fmla="*/ 916 h 10000"/>
                  <a:gd name="connsiteX16" fmla="*/ 6108 w 9851"/>
                  <a:gd name="connsiteY16" fmla="*/ 990 h 10000"/>
                  <a:gd name="connsiteX17" fmla="*/ 6181 w 9851"/>
                  <a:gd name="connsiteY17" fmla="*/ 1049 h 10000"/>
                  <a:gd name="connsiteX18" fmla="*/ 6280 w 9851"/>
                  <a:gd name="connsiteY18" fmla="*/ 1108 h 10000"/>
                  <a:gd name="connsiteX19" fmla="*/ 6403 w 9851"/>
                  <a:gd name="connsiteY19" fmla="*/ 1182 h 10000"/>
                  <a:gd name="connsiteX20" fmla="*/ 6502 w 9851"/>
                  <a:gd name="connsiteY20" fmla="*/ 1226 h 10000"/>
                  <a:gd name="connsiteX21" fmla="*/ 6601 w 9851"/>
                  <a:gd name="connsiteY21" fmla="*/ 1270 h 10000"/>
                  <a:gd name="connsiteX22" fmla="*/ 6699 w 9851"/>
                  <a:gd name="connsiteY22" fmla="*/ 1300 h 10000"/>
                  <a:gd name="connsiteX23" fmla="*/ 6798 w 9851"/>
                  <a:gd name="connsiteY23" fmla="*/ 1315 h 10000"/>
                  <a:gd name="connsiteX24" fmla="*/ 6921 w 9851"/>
                  <a:gd name="connsiteY24" fmla="*/ 1300 h 10000"/>
                  <a:gd name="connsiteX25" fmla="*/ 7020 w 9851"/>
                  <a:gd name="connsiteY25" fmla="*/ 1285 h 10000"/>
                  <a:gd name="connsiteX26" fmla="*/ 7093 w 9851"/>
                  <a:gd name="connsiteY26" fmla="*/ 1241 h 10000"/>
                  <a:gd name="connsiteX27" fmla="*/ 7143 w 9851"/>
                  <a:gd name="connsiteY27" fmla="*/ 1167 h 10000"/>
                  <a:gd name="connsiteX28" fmla="*/ 7167 w 9851"/>
                  <a:gd name="connsiteY28" fmla="*/ 1064 h 10000"/>
                  <a:gd name="connsiteX29" fmla="*/ 7536 w 9851"/>
                  <a:gd name="connsiteY29" fmla="*/ 1034 h 10000"/>
                  <a:gd name="connsiteX30" fmla="*/ 7881 w 9851"/>
                  <a:gd name="connsiteY30" fmla="*/ 1004 h 10000"/>
                  <a:gd name="connsiteX31" fmla="*/ 8177 w 9851"/>
                  <a:gd name="connsiteY31" fmla="*/ 990 h 10000"/>
                  <a:gd name="connsiteX32" fmla="*/ 8448 w 9851"/>
                  <a:gd name="connsiteY32" fmla="*/ 1004 h 10000"/>
                  <a:gd name="connsiteX33" fmla="*/ 8571 w 9851"/>
                  <a:gd name="connsiteY33" fmla="*/ 1019 h 10000"/>
                  <a:gd name="connsiteX34" fmla="*/ 8694 w 9851"/>
                  <a:gd name="connsiteY34" fmla="*/ 1034 h 10000"/>
                  <a:gd name="connsiteX35" fmla="*/ 8793 w 9851"/>
                  <a:gd name="connsiteY35" fmla="*/ 1064 h 10000"/>
                  <a:gd name="connsiteX36" fmla="*/ 8916 w 9851"/>
                  <a:gd name="connsiteY36" fmla="*/ 1108 h 10000"/>
                  <a:gd name="connsiteX37" fmla="*/ 8990 w 9851"/>
                  <a:gd name="connsiteY37" fmla="*/ 1182 h 10000"/>
                  <a:gd name="connsiteX38" fmla="*/ 9063 w 9851"/>
                  <a:gd name="connsiteY38" fmla="*/ 1241 h 10000"/>
                  <a:gd name="connsiteX39" fmla="*/ 9113 w 9851"/>
                  <a:gd name="connsiteY39" fmla="*/ 1329 h 10000"/>
                  <a:gd name="connsiteX40" fmla="*/ 9162 w 9851"/>
                  <a:gd name="connsiteY40" fmla="*/ 1433 h 10000"/>
                  <a:gd name="connsiteX41" fmla="*/ 9212 w 9851"/>
                  <a:gd name="connsiteY41" fmla="*/ 1551 h 10000"/>
                  <a:gd name="connsiteX42" fmla="*/ 9186 w 9851"/>
                  <a:gd name="connsiteY42" fmla="*/ 1625 h 10000"/>
                  <a:gd name="connsiteX43" fmla="*/ 9162 w 9851"/>
                  <a:gd name="connsiteY43" fmla="*/ 1684 h 10000"/>
                  <a:gd name="connsiteX44" fmla="*/ 9113 w 9851"/>
                  <a:gd name="connsiteY44" fmla="*/ 1758 h 10000"/>
                  <a:gd name="connsiteX45" fmla="*/ 9039 w 9851"/>
                  <a:gd name="connsiteY45" fmla="*/ 1802 h 10000"/>
                  <a:gd name="connsiteX46" fmla="*/ 8990 w 9851"/>
                  <a:gd name="connsiteY46" fmla="*/ 1861 h 10000"/>
                  <a:gd name="connsiteX47" fmla="*/ 8966 w 9851"/>
                  <a:gd name="connsiteY47" fmla="*/ 1935 h 10000"/>
                  <a:gd name="connsiteX48" fmla="*/ 8990 w 9851"/>
                  <a:gd name="connsiteY48" fmla="*/ 2024 h 10000"/>
                  <a:gd name="connsiteX49" fmla="*/ 9261 w 9851"/>
                  <a:gd name="connsiteY49" fmla="*/ 2157 h 10000"/>
                  <a:gd name="connsiteX50" fmla="*/ 9581 w 9851"/>
                  <a:gd name="connsiteY50" fmla="*/ 2275 h 10000"/>
                  <a:gd name="connsiteX51" fmla="*/ 9704 w 9851"/>
                  <a:gd name="connsiteY51" fmla="*/ 2349 h 10000"/>
                  <a:gd name="connsiteX52" fmla="*/ 9851 w 9851"/>
                  <a:gd name="connsiteY52" fmla="*/ 2422 h 10000"/>
                  <a:gd name="connsiteX53" fmla="*/ 6970 w 9851"/>
                  <a:gd name="connsiteY53" fmla="*/ 4313 h 10000"/>
                  <a:gd name="connsiteX54" fmla="*/ 6970 w 9851"/>
                  <a:gd name="connsiteY54" fmla="*/ 4431 h 10000"/>
                  <a:gd name="connsiteX55" fmla="*/ 6970 w 9851"/>
                  <a:gd name="connsiteY55" fmla="*/ 4549 h 10000"/>
                  <a:gd name="connsiteX56" fmla="*/ 6921 w 9851"/>
                  <a:gd name="connsiteY56" fmla="*/ 4564 h 10000"/>
                  <a:gd name="connsiteX57" fmla="*/ 6847 w 9851"/>
                  <a:gd name="connsiteY57" fmla="*/ 4594 h 10000"/>
                  <a:gd name="connsiteX58" fmla="*/ 6798 w 9851"/>
                  <a:gd name="connsiteY58" fmla="*/ 4638 h 10000"/>
                  <a:gd name="connsiteX59" fmla="*/ 6798 w 9851"/>
                  <a:gd name="connsiteY59" fmla="*/ 4697 h 10000"/>
                  <a:gd name="connsiteX60" fmla="*/ 6773 w 9851"/>
                  <a:gd name="connsiteY60" fmla="*/ 4801 h 10000"/>
                  <a:gd name="connsiteX61" fmla="*/ 6773 w 9851"/>
                  <a:gd name="connsiteY61" fmla="*/ 4904 h 10000"/>
                  <a:gd name="connsiteX62" fmla="*/ 6650 w 9851"/>
                  <a:gd name="connsiteY62" fmla="*/ 4860 h 10000"/>
                  <a:gd name="connsiteX63" fmla="*/ 6576 w 9851"/>
                  <a:gd name="connsiteY63" fmla="*/ 4801 h 10000"/>
                  <a:gd name="connsiteX64" fmla="*/ 6502 w 9851"/>
                  <a:gd name="connsiteY64" fmla="*/ 4727 h 10000"/>
                  <a:gd name="connsiteX65" fmla="*/ 6429 w 9851"/>
                  <a:gd name="connsiteY65" fmla="*/ 4638 h 10000"/>
                  <a:gd name="connsiteX66" fmla="*/ 6306 w 9851"/>
                  <a:gd name="connsiteY66" fmla="*/ 4476 h 10000"/>
                  <a:gd name="connsiteX67" fmla="*/ 6181 w 9851"/>
                  <a:gd name="connsiteY67" fmla="*/ 4313 h 10000"/>
                  <a:gd name="connsiteX68" fmla="*/ 6330 w 9851"/>
                  <a:gd name="connsiteY68" fmla="*/ 4210 h 10000"/>
                  <a:gd name="connsiteX69" fmla="*/ 6526 w 9851"/>
                  <a:gd name="connsiteY69" fmla="*/ 4121 h 10000"/>
                  <a:gd name="connsiteX70" fmla="*/ 6748 w 9851"/>
                  <a:gd name="connsiteY70" fmla="*/ 4032 h 10000"/>
                  <a:gd name="connsiteX71" fmla="*/ 6995 w 9851"/>
                  <a:gd name="connsiteY71" fmla="*/ 3959 h 10000"/>
                  <a:gd name="connsiteX72" fmla="*/ 7512 w 9851"/>
                  <a:gd name="connsiteY72" fmla="*/ 3811 h 10000"/>
                  <a:gd name="connsiteX73" fmla="*/ 8029 w 9851"/>
                  <a:gd name="connsiteY73" fmla="*/ 3663 h 10000"/>
                  <a:gd name="connsiteX74" fmla="*/ 8276 w 9851"/>
                  <a:gd name="connsiteY74" fmla="*/ 3589 h 10000"/>
                  <a:gd name="connsiteX75" fmla="*/ 8522 w 9851"/>
                  <a:gd name="connsiteY75" fmla="*/ 3516 h 10000"/>
                  <a:gd name="connsiteX76" fmla="*/ 8718 w 9851"/>
                  <a:gd name="connsiteY76" fmla="*/ 3412 h 10000"/>
                  <a:gd name="connsiteX77" fmla="*/ 8916 w 9851"/>
                  <a:gd name="connsiteY77" fmla="*/ 3338 h 10000"/>
                  <a:gd name="connsiteX78" fmla="*/ 9039 w 9851"/>
                  <a:gd name="connsiteY78" fmla="*/ 3235 h 10000"/>
                  <a:gd name="connsiteX79" fmla="*/ 9137 w 9851"/>
                  <a:gd name="connsiteY79" fmla="*/ 3117 h 10000"/>
                  <a:gd name="connsiteX80" fmla="*/ 9162 w 9851"/>
                  <a:gd name="connsiteY80" fmla="*/ 3072 h 10000"/>
                  <a:gd name="connsiteX81" fmla="*/ 9186 w 9851"/>
                  <a:gd name="connsiteY81" fmla="*/ 3013 h 10000"/>
                  <a:gd name="connsiteX82" fmla="*/ 9186 w 9851"/>
                  <a:gd name="connsiteY82" fmla="*/ 2954 h 10000"/>
                  <a:gd name="connsiteX83" fmla="*/ 9162 w 9851"/>
                  <a:gd name="connsiteY83" fmla="*/ 2866 h 10000"/>
                  <a:gd name="connsiteX84" fmla="*/ 8990 w 9851"/>
                  <a:gd name="connsiteY84" fmla="*/ 2984 h 10000"/>
                  <a:gd name="connsiteX85" fmla="*/ 8793 w 9851"/>
                  <a:gd name="connsiteY85" fmla="*/ 3072 h 10000"/>
                  <a:gd name="connsiteX86" fmla="*/ 8595 w 9851"/>
                  <a:gd name="connsiteY86" fmla="*/ 3161 h 10000"/>
                  <a:gd name="connsiteX87" fmla="*/ 8399 w 9851"/>
                  <a:gd name="connsiteY87" fmla="*/ 3250 h 10000"/>
                  <a:gd name="connsiteX88" fmla="*/ 7955 w 9851"/>
                  <a:gd name="connsiteY88" fmla="*/ 3397 h 10000"/>
                  <a:gd name="connsiteX89" fmla="*/ 7488 w 9851"/>
                  <a:gd name="connsiteY89" fmla="*/ 3545 h 10000"/>
                  <a:gd name="connsiteX90" fmla="*/ 7020 w 9851"/>
                  <a:gd name="connsiteY90" fmla="*/ 3678 h 10000"/>
                  <a:gd name="connsiteX91" fmla="*/ 6576 w 9851"/>
                  <a:gd name="connsiteY91" fmla="*/ 3840 h 10000"/>
                  <a:gd name="connsiteX92" fmla="*/ 6354 w 9851"/>
                  <a:gd name="connsiteY92" fmla="*/ 3914 h 10000"/>
                  <a:gd name="connsiteX93" fmla="*/ 6157 w 9851"/>
                  <a:gd name="connsiteY93" fmla="*/ 4003 h 10000"/>
                  <a:gd name="connsiteX94" fmla="*/ 5961 w 9851"/>
                  <a:gd name="connsiteY94" fmla="*/ 4106 h 10000"/>
                  <a:gd name="connsiteX95" fmla="*/ 5763 w 9851"/>
                  <a:gd name="connsiteY95" fmla="*/ 4195 h 10000"/>
                  <a:gd name="connsiteX96" fmla="*/ 5911 w 9851"/>
                  <a:gd name="connsiteY96" fmla="*/ 4417 h 10000"/>
                  <a:gd name="connsiteX97" fmla="*/ 6010 w 9851"/>
                  <a:gd name="connsiteY97" fmla="*/ 4623 h 10000"/>
                  <a:gd name="connsiteX98" fmla="*/ 6108 w 9851"/>
                  <a:gd name="connsiteY98" fmla="*/ 4845 h 10000"/>
                  <a:gd name="connsiteX99" fmla="*/ 6181 w 9851"/>
                  <a:gd name="connsiteY99" fmla="*/ 5081 h 10000"/>
                  <a:gd name="connsiteX100" fmla="*/ 6231 w 9851"/>
                  <a:gd name="connsiteY100" fmla="*/ 5318 h 10000"/>
                  <a:gd name="connsiteX101" fmla="*/ 6256 w 9851"/>
                  <a:gd name="connsiteY101" fmla="*/ 5539 h 10000"/>
                  <a:gd name="connsiteX102" fmla="*/ 6280 w 9851"/>
                  <a:gd name="connsiteY102" fmla="*/ 5775 h 10000"/>
                  <a:gd name="connsiteX103" fmla="*/ 6280 w 9851"/>
                  <a:gd name="connsiteY103" fmla="*/ 5997 h 10000"/>
                  <a:gd name="connsiteX104" fmla="*/ 6256 w 9851"/>
                  <a:gd name="connsiteY104" fmla="*/ 6233 h 10000"/>
                  <a:gd name="connsiteX105" fmla="*/ 6207 w 9851"/>
                  <a:gd name="connsiteY105" fmla="*/ 6470 h 10000"/>
                  <a:gd name="connsiteX106" fmla="*/ 6157 w 9851"/>
                  <a:gd name="connsiteY106" fmla="*/ 6677 h 10000"/>
                  <a:gd name="connsiteX107" fmla="*/ 6084 w 9851"/>
                  <a:gd name="connsiteY107" fmla="*/ 6898 h 10000"/>
                  <a:gd name="connsiteX108" fmla="*/ 5985 w 9851"/>
                  <a:gd name="connsiteY108" fmla="*/ 7105 h 10000"/>
                  <a:gd name="connsiteX109" fmla="*/ 5862 w 9851"/>
                  <a:gd name="connsiteY109" fmla="*/ 7297 h 10000"/>
                  <a:gd name="connsiteX110" fmla="*/ 5714 w 9851"/>
                  <a:gd name="connsiteY110" fmla="*/ 7489 h 10000"/>
                  <a:gd name="connsiteX111" fmla="*/ 5566 w 9851"/>
                  <a:gd name="connsiteY111" fmla="*/ 7681 h 10000"/>
                  <a:gd name="connsiteX112" fmla="*/ 6280 w 9851"/>
                  <a:gd name="connsiteY112" fmla="*/ 7799 h 10000"/>
                  <a:gd name="connsiteX113" fmla="*/ 7020 w 9851"/>
                  <a:gd name="connsiteY113" fmla="*/ 7962 h 10000"/>
                  <a:gd name="connsiteX114" fmla="*/ 7167 w 9851"/>
                  <a:gd name="connsiteY114" fmla="*/ 8021 h 10000"/>
                  <a:gd name="connsiteX115" fmla="*/ 7290 w 9851"/>
                  <a:gd name="connsiteY115" fmla="*/ 8080 h 10000"/>
                  <a:gd name="connsiteX116" fmla="*/ 7413 w 9851"/>
                  <a:gd name="connsiteY116" fmla="*/ 8139 h 10000"/>
                  <a:gd name="connsiteX117" fmla="*/ 7488 w 9851"/>
                  <a:gd name="connsiteY117" fmla="*/ 8227 h 10000"/>
                  <a:gd name="connsiteX118" fmla="*/ 7512 w 9851"/>
                  <a:gd name="connsiteY118" fmla="*/ 8301 h 10000"/>
                  <a:gd name="connsiteX119" fmla="*/ 7512 w 9851"/>
                  <a:gd name="connsiteY119" fmla="*/ 8405 h 10000"/>
                  <a:gd name="connsiteX120" fmla="*/ 7463 w 9851"/>
                  <a:gd name="connsiteY120" fmla="*/ 8523 h 10000"/>
                  <a:gd name="connsiteX121" fmla="*/ 7389 w 9851"/>
                  <a:gd name="connsiteY121" fmla="*/ 8641 h 10000"/>
                  <a:gd name="connsiteX122" fmla="*/ 7068 w 9851"/>
                  <a:gd name="connsiteY122" fmla="*/ 8552 h 10000"/>
                  <a:gd name="connsiteX123" fmla="*/ 6773 w 9851"/>
                  <a:gd name="connsiteY123" fmla="*/ 8449 h 10000"/>
                  <a:gd name="connsiteX124" fmla="*/ 6477 w 9851"/>
                  <a:gd name="connsiteY124" fmla="*/ 8360 h 10000"/>
                  <a:gd name="connsiteX125" fmla="*/ 6181 w 9851"/>
                  <a:gd name="connsiteY125" fmla="*/ 8287 h 10000"/>
                  <a:gd name="connsiteX126" fmla="*/ 6058 w 9851"/>
                  <a:gd name="connsiteY126" fmla="*/ 8449 h 10000"/>
                  <a:gd name="connsiteX127" fmla="*/ 5961 w 9851"/>
                  <a:gd name="connsiteY127" fmla="*/ 8597 h 10000"/>
                  <a:gd name="connsiteX128" fmla="*/ 5911 w 9851"/>
                  <a:gd name="connsiteY128" fmla="*/ 8656 h 10000"/>
                  <a:gd name="connsiteX129" fmla="*/ 5812 w 9851"/>
                  <a:gd name="connsiteY129" fmla="*/ 8700 h 10000"/>
                  <a:gd name="connsiteX130" fmla="*/ 5739 w 9851"/>
                  <a:gd name="connsiteY130" fmla="*/ 8744 h 10000"/>
                  <a:gd name="connsiteX131" fmla="*/ 5665 w 9851"/>
                  <a:gd name="connsiteY131" fmla="*/ 8774 h 10000"/>
                  <a:gd name="connsiteX132" fmla="*/ 5590 w 9851"/>
                  <a:gd name="connsiteY132" fmla="*/ 8804 h 10000"/>
                  <a:gd name="connsiteX133" fmla="*/ 5493 w 9851"/>
                  <a:gd name="connsiteY133" fmla="*/ 8818 h 10000"/>
                  <a:gd name="connsiteX134" fmla="*/ 5369 w 9851"/>
                  <a:gd name="connsiteY134" fmla="*/ 8833 h 10000"/>
                  <a:gd name="connsiteX135" fmla="*/ 5246 w 9851"/>
                  <a:gd name="connsiteY135" fmla="*/ 8833 h 10000"/>
                  <a:gd name="connsiteX136" fmla="*/ 4951 w 9851"/>
                  <a:gd name="connsiteY136" fmla="*/ 8818 h 10000"/>
                  <a:gd name="connsiteX137" fmla="*/ 4581 w 9851"/>
                  <a:gd name="connsiteY137" fmla="*/ 8744 h 10000"/>
                  <a:gd name="connsiteX138" fmla="*/ 4581 w 9851"/>
                  <a:gd name="connsiteY138" fmla="*/ 8922 h 10000"/>
                  <a:gd name="connsiteX139" fmla="*/ 4556 w 9851"/>
                  <a:gd name="connsiteY139" fmla="*/ 9069 h 10000"/>
                  <a:gd name="connsiteX140" fmla="*/ 4532 w 9851"/>
                  <a:gd name="connsiteY140" fmla="*/ 9232 h 10000"/>
                  <a:gd name="connsiteX141" fmla="*/ 4507 w 9851"/>
                  <a:gd name="connsiteY141" fmla="*/ 9365 h 10000"/>
                  <a:gd name="connsiteX142" fmla="*/ 4458 w 9851"/>
                  <a:gd name="connsiteY142" fmla="*/ 9498 h 10000"/>
                  <a:gd name="connsiteX143" fmla="*/ 4360 w 9851"/>
                  <a:gd name="connsiteY143" fmla="*/ 9616 h 10000"/>
                  <a:gd name="connsiteX144" fmla="*/ 4285 w 9851"/>
                  <a:gd name="connsiteY144" fmla="*/ 9734 h 10000"/>
                  <a:gd name="connsiteX145" fmla="*/ 4162 w 9851"/>
                  <a:gd name="connsiteY145" fmla="*/ 9838 h 10000"/>
                  <a:gd name="connsiteX146" fmla="*/ 3866 w 9851"/>
                  <a:gd name="connsiteY146" fmla="*/ 9897 h 10000"/>
                  <a:gd name="connsiteX147" fmla="*/ 3620 w 9851"/>
                  <a:gd name="connsiteY147" fmla="*/ 9941 h 10000"/>
                  <a:gd name="connsiteX148" fmla="*/ 3325 w 9851"/>
                  <a:gd name="connsiteY148" fmla="*/ 9985 h 10000"/>
                  <a:gd name="connsiteX149" fmla="*/ 3103 w 9851"/>
                  <a:gd name="connsiteY149" fmla="*/ 10000 h 10000"/>
                  <a:gd name="connsiteX150" fmla="*/ 2611 w 9851"/>
                  <a:gd name="connsiteY150" fmla="*/ 10000 h 10000"/>
                  <a:gd name="connsiteX151" fmla="*/ 2143 w 9851"/>
                  <a:gd name="connsiteY151" fmla="*/ 9985 h 10000"/>
                  <a:gd name="connsiteX152" fmla="*/ 1700 w 9851"/>
                  <a:gd name="connsiteY152" fmla="*/ 9941 h 10000"/>
                  <a:gd name="connsiteX153" fmla="*/ 1232 w 9851"/>
                  <a:gd name="connsiteY153" fmla="*/ 9911 h 10000"/>
                  <a:gd name="connsiteX154" fmla="*/ 960 w 9851"/>
                  <a:gd name="connsiteY154" fmla="*/ 9911 h 10000"/>
                  <a:gd name="connsiteX155" fmla="*/ 714 w 9851"/>
                  <a:gd name="connsiteY155" fmla="*/ 9911 h 10000"/>
                  <a:gd name="connsiteX156" fmla="*/ 443 w 9851"/>
                  <a:gd name="connsiteY156" fmla="*/ 9926 h 10000"/>
                  <a:gd name="connsiteX157" fmla="*/ 172 w 9851"/>
                  <a:gd name="connsiteY157" fmla="*/ 9970 h 10000"/>
                  <a:gd name="connsiteX158" fmla="*/ 99 w 9851"/>
                  <a:gd name="connsiteY158" fmla="*/ 9867 h 10000"/>
                  <a:gd name="connsiteX159" fmla="*/ 49 w 9851"/>
                  <a:gd name="connsiteY159" fmla="*/ 9793 h 10000"/>
                  <a:gd name="connsiteX160" fmla="*/ 0 w 9851"/>
                  <a:gd name="connsiteY160" fmla="*/ 9705 h 10000"/>
                  <a:gd name="connsiteX161" fmla="*/ 0 w 9851"/>
                  <a:gd name="connsiteY161" fmla="*/ 9601 h 10000"/>
                  <a:gd name="connsiteX162" fmla="*/ 49 w 9851"/>
                  <a:gd name="connsiteY162" fmla="*/ 9424 h 10000"/>
                  <a:gd name="connsiteX163" fmla="*/ 99 w 9851"/>
                  <a:gd name="connsiteY163" fmla="*/ 9202 h 10000"/>
                  <a:gd name="connsiteX164" fmla="*/ 147 w 9851"/>
                  <a:gd name="connsiteY164" fmla="*/ 8996 h 10000"/>
                  <a:gd name="connsiteX165" fmla="*/ 197 w 9851"/>
                  <a:gd name="connsiteY165" fmla="*/ 8759 h 10000"/>
                  <a:gd name="connsiteX166" fmla="*/ 222 w 9851"/>
                  <a:gd name="connsiteY166" fmla="*/ 8641 h 10000"/>
                  <a:gd name="connsiteX167" fmla="*/ 222 w 9851"/>
                  <a:gd name="connsiteY167" fmla="*/ 8538 h 10000"/>
                  <a:gd name="connsiteX168" fmla="*/ 197 w 9851"/>
                  <a:gd name="connsiteY168" fmla="*/ 8405 h 10000"/>
                  <a:gd name="connsiteX169" fmla="*/ 172 w 9851"/>
                  <a:gd name="connsiteY169" fmla="*/ 8287 h 10000"/>
                  <a:gd name="connsiteX170" fmla="*/ 419 w 9851"/>
                  <a:gd name="connsiteY170" fmla="*/ 8213 h 10000"/>
                  <a:gd name="connsiteX171" fmla="*/ 665 w 9851"/>
                  <a:gd name="connsiteY171" fmla="*/ 8139 h 10000"/>
                  <a:gd name="connsiteX172" fmla="*/ 911 w 9851"/>
                  <a:gd name="connsiteY172" fmla="*/ 8095 h 10000"/>
                  <a:gd name="connsiteX173" fmla="*/ 1182 w 9851"/>
                  <a:gd name="connsiteY173" fmla="*/ 8065 h 10000"/>
                  <a:gd name="connsiteX174" fmla="*/ 1674 w 9851"/>
                  <a:gd name="connsiteY174" fmla="*/ 8021 h 10000"/>
                  <a:gd name="connsiteX175" fmla="*/ 2168 w 9851"/>
                  <a:gd name="connsiteY175" fmla="*/ 7976 h 10000"/>
                  <a:gd name="connsiteX176" fmla="*/ 2389 w 9851"/>
                  <a:gd name="connsiteY176" fmla="*/ 7947 h 10000"/>
                  <a:gd name="connsiteX177" fmla="*/ 2611 w 9851"/>
                  <a:gd name="connsiteY177" fmla="*/ 7917 h 10000"/>
                  <a:gd name="connsiteX178" fmla="*/ 2807 w 9851"/>
                  <a:gd name="connsiteY178" fmla="*/ 7843 h 10000"/>
                  <a:gd name="connsiteX179" fmla="*/ 3005 w 9851"/>
                  <a:gd name="connsiteY179" fmla="*/ 7784 h 10000"/>
                  <a:gd name="connsiteX180" fmla="*/ 3177 w 9851"/>
                  <a:gd name="connsiteY180" fmla="*/ 7710 h 10000"/>
                  <a:gd name="connsiteX181" fmla="*/ 3325 w 9851"/>
                  <a:gd name="connsiteY181" fmla="*/ 7592 h 10000"/>
                  <a:gd name="connsiteX182" fmla="*/ 3473 w 9851"/>
                  <a:gd name="connsiteY182" fmla="*/ 7474 h 10000"/>
                  <a:gd name="connsiteX183" fmla="*/ 3571 w 9851"/>
                  <a:gd name="connsiteY183" fmla="*/ 7312 h 10000"/>
                  <a:gd name="connsiteX184" fmla="*/ 3374 w 9851"/>
                  <a:gd name="connsiteY184" fmla="*/ 7238 h 10000"/>
                  <a:gd name="connsiteX185" fmla="*/ 3202 w 9851"/>
                  <a:gd name="connsiteY185" fmla="*/ 7179 h 10000"/>
                  <a:gd name="connsiteX186" fmla="*/ 3054 w 9851"/>
                  <a:gd name="connsiteY186" fmla="*/ 7090 h 10000"/>
                  <a:gd name="connsiteX187" fmla="*/ 2906 w 9851"/>
                  <a:gd name="connsiteY187" fmla="*/ 6987 h 10000"/>
                  <a:gd name="connsiteX188" fmla="*/ 2807 w 9851"/>
                  <a:gd name="connsiteY188" fmla="*/ 6869 h 10000"/>
                  <a:gd name="connsiteX189" fmla="*/ 2759 w 9851"/>
                  <a:gd name="connsiteY189" fmla="*/ 6721 h 10000"/>
                  <a:gd name="connsiteX190" fmla="*/ 2734 w 9851"/>
                  <a:gd name="connsiteY190" fmla="*/ 6558 h 10000"/>
                  <a:gd name="connsiteX191" fmla="*/ 2759 w 9851"/>
                  <a:gd name="connsiteY191" fmla="*/ 6352 h 10000"/>
                  <a:gd name="connsiteX192" fmla="*/ 2636 w 9851"/>
                  <a:gd name="connsiteY192" fmla="*/ 6322 h 10000"/>
                  <a:gd name="connsiteX193" fmla="*/ 2488 w 9851"/>
                  <a:gd name="connsiteY193" fmla="*/ 6292 h 10000"/>
                  <a:gd name="connsiteX194" fmla="*/ 2315 w 9851"/>
                  <a:gd name="connsiteY194" fmla="*/ 6278 h 10000"/>
                  <a:gd name="connsiteX195" fmla="*/ 2143 w 9851"/>
                  <a:gd name="connsiteY195" fmla="*/ 6263 h 10000"/>
                  <a:gd name="connsiteX196" fmla="*/ 1798 w 9851"/>
                  <a:gd name="connsiteY196" fmla="*/ 6248 h 10000"/>
                  <a:gd name="connsiteX197" fmla="*/ 1428 w 9851"/>
                  <a:gd name="connsiteY197" fmla="*/ 6263 h 10000"/>
                  <a:gd name="connsiteX198" fmla="*/ 1109 w 9851"/>
                  <a:gd name="connsiteY198" fmla="*/ 6278 h 10000"/>
                  <a:gd name="connsiteX199" fmla="*/ 813 w 9851"/>
                  <a:gd name="connsiteY199" fmla="*/ 6278 h 10000"/>
                  <a:gd name="connsiteX200" fmla="*/ 567 w 9851"/>
                  <a:gd name="connsiteY200" fmla="*/ 6263 h 10000"/>
                  <a:gd name="connsiteX201" fmla="*/ 369 w 9851"/>
                  <a:gd name="connsiteY201" fmla="*/ 6233 h 10000"/>
                  <a:gd name="connsiteX202" fmla="*/ 615 w 9851"/>
                  <a:gd name="connsiteY202" fmla="*/ 5805 h 10000"/>
                  <a:gd name="connsiteX203" fmla="*/ 887 w 9851"/>
                  <a:gd name="connsiteY203" fmla="*/ 5391 h 10000"/>
                  <a:gd name="connsiteX204" fmla="*/ 986 w 9851"/>
                  <a:gd name="connsiteY204" fmla="*/ 5170 h 10000"/>
                  <a:gd name="connsiteX205" fmla="*/ 1059 w 9851"/>
                  <a:gd name="connsiteY205" fmla="*/ 4963 h 10000"/>
                  <a:gd name="connsiteX206" fmla="*/ 1083 w 9851"/>
                  <a:gd name="connsiteY206" fmla="*/ 4860 h 10000"/>
                  <a:gd name="connsiteX207" fmla="*/ 1059 w 9851"/>
                  <a:gd name="connsiteY207" fmla="*/ 4756 h 10000"/>
                  <a:gd name="connsiteX208" fmla="*/ 1034 w 9851"/>
                  <a:gd name="connsiteY208" fmla="*/ 4653 h 10000"/>
                  <a:gd name="connsiteX209" fmla="*/ 960 w 9851"/>
                  <a:gd name="connsiteY209" fmla="*/ 4549 h 10000"/>
                  <a:gd name="connsiteX210" fmla="*/ 1232 w 9851"/>
                  <a:gd name="connsiteY210" fmla="*/ 4520 h 10000"/>
                  <a:gd name="connsiteX211" fmla="*/ 1428 w 9851"/>
                  <a:gd name="connsiteY211" fmla="*/ 4505 h 10000"/>
                  <a:gd name="connsiteX212" fmla="*/ 1601 w 9851"/>
                  <a:gd name="connsiteY212" fmla="*/ 4505 h 10000"/>
                  <a:gd name="connsiteX213" fmla="*/ 1749 w 9851"/>
                  <a:gd name="connsiteY213" fmla="*/ 4520 h 10000"/>
                  <a:gd name="connsiteX214" fmla="*/ 1872 w 9851"/>
                  <a:gd name="connsiteY214" fmla="*/ 4520 h 10000"/>
                  <a:gd name="connsiteX215" fmla="*/ 2019 w 9851"/>
                  <a:gd name="connsiteY215" fmla="*/ 4520 h 10000"/>
                  <a:gd name="connsiteX216" fmla="*/ 2168 w 9851"/>
                  <a:gd name="connsiteY216" fmla="*/ 4490 h 10000"/>
                  <a:gd name="connsiteX217" fmla="*/ 2364 w 9851"/>
                  <a:gd name="connsiteY217" fmla="*/ 4446 h 10000"/>
                  <a:gd name="connsiteX218" fmla="*/ 2364 w 9851"/>
                  <a:gd name="connsiteY218" fmla="*/ 4579 h 10000"/>
                  <a:gd name="connsiteX219" fmla="*/ 2364 w 9851"/>
                  <a:gd name="connsiteY219" fmla="*/ 4742 h 10000"/>
                  <a:gd name="connsiteX220" fmla="*/ 2364 w 9851"/>
                  <a:gd name="connsiteY220" fmla="*/ 4874 h 10000"/>
                  <a:gd name="connsiteX221" fmla="*/ 2364 w 9851"/>
                  <a:gd name="connsiteY221" fmla="*/ 5037 h 10000"/>
                  <a:gd name="connsiteX222" fmla="*/ 2586 w 9851"/>
                  <a:gd name="connsiteY222" fmla="*/ 5022 h 10000"/>
                  <a:gd name="connsiteX223" fmla="*/ 2734 w 9851"/>
                  <a:gd name="connsiteY223" fmla="*/ 5037 h 10000"/>
                  <a:gd name="connsiteX224" fmla="*/ 2857 w 9851"/>
                  <a:gd name="connsiteY224" fmla="*/ 5066 h 10000"/>
                  <a:gd name="connsiteX225" fmla="*/ 2980 w 9851"/>
                  <a:gd name="connsiteY225" fmla="*/ 5096 h 10000"/>
                  <a:gd name="connsiteX226" fmla="*/ 3079 w 9851"/>
                  <a:gd name="connsiteY226" fmla="*/ 5126 h 10000"/>
                  <a:gd name="connsiteX227" fmla="*/ 3202 w 9851"/>
                  <a:gd name="connsiteY227" fmla="*/ 5155 h 10000"/>
                  <a:gd name="connsiteX228" fmla="*/ 3350 w 9851"/>
                  <a:gd name="connsiteY228" fmla="*/ 5170 h 10000"/>
                  <a:gd name="connsiteX229" fmla="*/ 3571 w 9851"/>
                  <a:gd name="connsiteY229" fmla="*/ 5155 h 10000"/>
                  <a:gd name="connsiteX230" fmla="*/ 3646 w 9851"/>
                  <a:gd name="connsiteY230" fmla="*/ 5096 h 10000"/>
                  <a:gd name="connsiteX231" fmla="*/ 3719 w 9851"/>
                  <a:gd name="connsiteY231" fmla="*/ 5022 h 10000"/>
                  <a:gd name="connsiteX232" fmla="*/ 3743 w 9851"/>
                  <a:gd name="connsiteY232" fmla="*/ 4934 h 10000"/>
                  <a:gd name="connsiteX233" fmla="*/ 3769 w 9851"/>
                  <a:gd name="connsiteY233" fmla="*/ 4860 h 10000"/>
                  <a:gd name="connsiteX234" fmla="*/ 3793 w 9851"/>
                  <a:gd name="connsiteY234" fmla="*/ 4697 h 10000"/>
                  <a:gd name="connsiteX235" fmla="*/ 3769 w 9851"/>
                  <a:gd name="connsiteY235" fmla="*/ 4520 h 10000"/>
                  <a:gd name="connsiteX236" fmla="*/ 3694 w 9851"/>
                  <a:gd name="connsiteY236" fmla="*/ 4343 h 10000"/>
                  <a:gd name="connsiteX237" fmla="*/ 3620 w 9851"/>
                  <a:gd name="connsiteY237" fmla="*/ 4195 h 10000"/>
                  <a:gd name="connsiteX238" fmla="*/ 3497 w 9851"/>
                  <a:gd name="connsiteY238" fmla="*/ 4047 h 10000"/>
                  <a:gd name="connsiteX239" fmla="*/ 3374 w 9851"/>
                  <a:gd name="connsiteY239" fmla="*/ 3959 h 10000"/>
                  <a:gd name="connsiteX240" fmla="*/ 3522 w 9851"/>
                  <a:gd name="connsiteY240" fmla="*/ 3944 h 10000"/>
                  <a:gd name="connsiteX241" fmla="*/ 3646 w 9851"/>
                  <a:gd name="connsiteY241" fmla="*/ 3914 h 10000"/>
                  <a:gd name="connsiteX242" fmla="*/ 3743 w 9851"/>
                  <a:gd name="connsiteY242" fmla="*/ 3855 h 10000"/>
                  <a:gd name="connsiteX243" fmla="*/ 3866 w 9851"/>
                  <a:gd name="connsiteY243" fmla="*/ 3752 h 10000"/>
                  <a:gd name="connsiteX244" fmla="*/ 3990 w 9851"/>
                  <a:gd name="connsiteY244" fmla="*/ 3663 h 10000"/>
                  <a:gd name="connsiteX245" fmla="*/ 4088 w 9851"/>
                  <a:gd name="connsiteY245" fmla="*/ 3560 h 10000"/>
                  <a:gd name="connsiteX246" fmla="*/ 4162 w 9851"/>
                  <a:gd name="connsiteY246" fmla="*/ 3442 h 10000"/>
                  <a:gd name="connsiteX247" fmla="*/ 4237 w 9851"/>
                  <a:gd name="connsiteY247" fmla="*/ 3323 h 10000"/>
                  <a:gd name="connsiteX248" fmla="*/ 4285 w 9851"/>
                  <a:gd name="connsiteY248" fmla="*/ 3220 h 10000"/>
                  <a:gd name="connsiteX249" fmla="*/ 4310 w 9851"/>
                  <a:gd name="connsiteY249" fmla="*/ 3102 h 10000"/>
                  <a:gd name="connsiteX250" fmla="*/ 4335 w 9851"/>
                  <a:gd name="connsiteY250" fmla="*/ 3013 h 10000"/>
                  <a:gd name="connsiteX251" fmla="*/ 4310 w 9851"/>
                  <a:gd name="connsiteY251" fmla="*/ 2939 h 10000"/>
                  <a:gd name="connsiteX252" fmla="*/ 4285 w 9851"/>
                  <a:gd name="connsiteY252" fmla="*/ 2866 h 10000"/>
                  <a:gd name="connsiteX253" fmla="*/ 4211 w 9851"/>
                  <a:gd name="connsiteY253" fmla="*/ 2836 h 10000"/>
                  <a:gd name="connsiteX254" fmla="*/ 4114 w 9851"/>
                  <a:gd name="connsiteY254" fmla="*/ 2836 h 10000"/>
                  <a:gd name="connsiteX255" fmla="*/ 3990 w 9851"/>
                  <a:gd name="connsiteY255" fmla="*/ 2866 h 10000"/>
                  <a:gd name="connsiteX256" fmla="*/ 4088 w 9851"/>
                  <a:gd name="connsiteY256" fmla="*/ 2777 h 10000"/>
                  <a:gd name="connsiteX257" fmla="*/ 4138 w 9851"/>
                  <a:gd name="connsiteY257" fmla="*/ 2674 h 10000"/>
                  <a:gd name="connsiteX258" fmla="*/ 4162 w 9851"/>
                  <a:gd name="connsiteY258" fmla="*/ 2541 h 10000"/>
                  <a:gd name="connsiteX259" fmla="*/ 4162 w 9851"/>
                  <a:gd name="connsiteY259" fmla="*/ 2393 h 10000"/>
                  <a:gd name="connsiteX260" fmla="*/ 4187 w 9851"/>
                  <a:gd name="connsiteY260" fmla="*/ 2349 h 10000"/>
                  <a:gd name="connsiteX261" fmla="*/ 4237 w 9851"/>
                  <a:gd name="connsiteY261" fmla="*/ 2304 h 10000"/>
                  <a:gd name="connsiteX262" fmla="*/ 4285 w 9851"/>
                  <a:gd name="connsiteY262" fmla="*/ 2290 h 10000"/>
                  <a:gd name="connsiteX263" fmla="*/ 4360 w 9851"/>
                  <a:gd name="connsiteY263" fmla="*/ 2275 h 10000"/>
                  <a:gd name="connsiteX264" fmla="*/ 4581 w 9851"/>
                  <a:gd name="connsiteY264" fmla="*/ 2260 h 10000"/>
                  <a:gd name="connsiteX265" fmla="*/ 4778 w 9851"/>
                  <a:gd name="connsiteY265" fmla="*/ 2275 h 10000"/>
                  <a:gd name="connsiteX266" fmla="*/ 4753 w 9851"/>
                  <a:gd name="connsiteY266" fmla="*/ 2112 h 10000"/>
                  <a:gd name="connsiteX267" fmla="*/ 4705 w 9851"/>
                  <a:gd name="connsiteY267" fmla="*/ 1950 h 10000"/>
                  <a:gd name="connsiteX268" fmla="*/ 4630 w 9851"/>
                  <a:gd name="connsiteY268" fmla="*/ 1802 h 10000"/>
                  <a:gd name="connsiteX269" fmla="*/ 4532 w 9851"/>
                  <a:gd name="connsiteY269" fmla="*/ 1640 h 10000"/>
                  <a:gd name="connsiteX270" fmla="*/ 4285 w 9851"/>
                  <a:gd name="connsiteY270" fmla="*/ 1329 h 10000"/>
                  <a:gd name="connsiteX271" fmla="*/ 4039 w 9851"/>
                  <a:gd name="connsiteY271" fmla="*/ 1034 h 10000"/>
                  <a:gd name="connsiteX272" fmla="*/ 3916 w 9851"/>
                  <a:gd name="connsiteY272" fmla="*/ 901 h 10000"/>
                  <a:gd name="connsiteX273" fmla="*/ 3818 w 9851"/>
                  <a:gd name="connsiteY273" fmla="*/ 753 h 10000"/>
                  <a:gd name="connsiteX274" fmla="*/ 3743 w 9851"/>
                  <a:gd name="connsiteY274" fmla="*/ 620 h 10000"/>
                  <a:gd name="connsiteX275" fmla="*/ 3719 w 9851"/>
                  <a:gd name="connsiteY275" fmla="*/ 487 h 10000"/>
                  <a:gd name="connsiteX276" fmla="*/ 3694 w 9851"/>
                  <a:gd name="connsiteY276" fmla="*/ 355 h 10000"/>
                  <a:gd name="connsiteX277" fmla="*/ 3743 w 9851"/>
                  <a:gd name="connsiteY277" fmla="*/ 222 h 10000"/>
                  <a:gd name="connsiteX278" fmla="*/ 3769 w 9851"/>
                  <a:gd name="connsiteY278" fmla="*/ 162 h 10000"/>
                  <a:gd name="connsiteX279" fmla="*/ 3818 w 9851"/>
                  <a:gd name="connsiteY279" fmla="*/ 103 h 10000"/>
                  <a:gd name="connsiteX280" fmla="*/ 3892 w 9851"/>
                  <a:gd name="connsiteY280" fmla="*/ 59 h 10000"/>
                  <a:gd name="connsiteX281" fmla="*/ 3990 w 9851"/>
                  <a:gd name="connsiteY281" fmla="*/ 0 h 10000"/>
                  <a:gd name="connsiteX0" fmla="*/ 4050 w 9851"/>
                  <a:gd name="connsiteY0" fmla="*/ 0 h 10000"/>
                  <a:gd name="connsiteX1" fmla="*/ 4225 w 9851"/>
                  <a:gd name="connsiteY1" fmla="*/ 0 h 10000"/>
                  <a:gd name="connsiteX2" fmla="*/ 4401 w 9851"/>
                  <a:gd name="connsiteY2" fmla="*/ 15 h 10000"/>
                  <a:gd name="connsiteX3" fmla="*/ 4575 w 9851"/>
                  <a:gd name="connsiteY3" fmla="*/ 44 h 10000"/>
                  <a:gd name="connsiteX4" fmla="*/ 4700 w 9851"/>
                  <a:gd name="connsiteY4" fmla="*/ 89 h 10000"/>
                  <a:gd name="connsiteX5" fmla="*/ 4901 w 9851"/>
                  <a:gd name="connsiteY5" fmla="*/ 192 h 10000"/>
                  <a:gd name="connsiteX6" fmla="*/ 5100 w 9851"/>
                  <a:gd name="connsiteY6" fmla="*/ 340 h 10000"/>
                  <a:gd name="connsiteX7" fmla="*/ 5250 w 9851"/>
                  <a:gd name="connsiteY7" fmla="*/ 473 h 10000"/>
                  <a:gd name="connsiteX8" fmla="*/ 5450 w 9851"/>
                  <a:gd name="connsiteY8" fmla="*/ 591 h 10000"/>
                  <a:gd name="connsiteX9" fmla="*/ 5576 w 9851"/>
                  <a:gd name="connsiteY9" fmla="*/ 650 h 10000"/>
                  <a:gd name="connsiteX10" fmla="*/ 5725 w 9851"/>
                  <a:gd name="connsiteY10" fmla="*/ 679 h 10000"/>
                  <a:gd name="connsiteX11" fmla="*/ 5876 w 9851"/>
                  <a:gd name="connsiteY11" fmla="*/ 709 h 10000"/>
                  <a:gd name="connsiteX12" fmla="*/ 6076 w 9851"/>
                  <a:gd name="connsiteY12" fmla="*/ 709 h 10000"/>
                  <a:gd name="connsiteX13" fmla="*/ 6076 w 9851"/>
                  <a:gd name="connsiteY13" fmla="*/ 768 h 10000"/>
                  <a:gd name="connsiteX14" fmla="*/ 6101 w 9851"/>
                  <a:gd name="connsiteY14" fmla="*/ 842 h 10000"/>
                  <a:gd name="connsiteX15" fmla="*/ 6150 w 9851"/>
                  <a:gd name="connsiteY15" fmla="*/ 916 h 10000"/>
                  <a:gd name="connsiteX16" fmla="*/ 6200 w 9851"/>
                  <a:gd name="connsiteY16" fmla="*/ 990 h 10000"/>
                  <a:gd name="connsiteX17" fmla="*/ 6274 w 9851"/>
                  <a:gd name="connsiteY17" fmla="*/ 1049 h 10000"/>
                  <a:gd name="connsiteX18" fmla="*/ 6375 w 9851"/>
                  <a:gd name="connsiteY18" fmla="*/ 1108 h 10000"/>
                  <a:gd name="connsiteX19" fmla="*/ 6500 w 9851"/>
                  <a:gd name="connsiteY19" fmla="*/ 1182 h 10000"/>
                  <a:gd name="connsiteX20" fmla="*/ 6600 w 9851"/>
                  <a:gd name="connsiteY20" fmla="*/ 1226 h 10000"/>
                  <a:gd name="connsiteX21" fmla="*/ 6701 w 9851"/>
                  <a:gd name="connsiteY21" fmla="*/ 1270 h 10000"/>
                  <a:gd name="connsiteX22" fmla="*/ 6800 w 9851"/>
                  <a:gd name="connsiteY22" fmla="*/ 1300 h 10000"/>
                  <a:gd name="connsiteX23" fmla="*/ 6901 w 9851"/>
                  <a:gd name="connsiteY23" fmla="*/ 1315 h 10000"/>
                  <a:gd name="connsiteX24" fmla="*/ 7026 w 9851"/>
                  <a:gd name="connsiteY24" fmla="*/ 1300 h 10000"/>
                  <a:gd name="connsiteX25" fmla="*/ 7126 w 9851"/>
                  <a:gd name="connsiteY25" fmla="*/ 1285 h 10000"/>
                  <a:gd name="connsiteX26" fmla="*/ 7200 w 9851"/>
                  <a:gd name="connsiteY26" fmla="*/ 1241 h 10000"/>
                  <a:gd name="connsiteX27" fmla="*/ 7251 w 9851"/>
                  <a:gd name="connsiteY27" fmla="*/ 1167 h 10000"/>
                  <a:gd name="connsiteX28" fmla="*/ 7275 w 9851"/>
                  <a:gd name="connsiteY28" fmla="*/ 1064 h 10000"/>
                  <a:gd name="connsiteX29" fmla="*/ 7650 w 9851"/>
                  <a:gd name="connsiteY29" fmla="*/ 1034 h 10000"/>
                  <a:gd name="connsiteX30" fmla="*/ 8000 w 9851"/>
                  <a:gd name="connsiteY30" fmla="*/ 1004 h 10000"/>
                  <a:gd name="connsiteX31" fmla="*/ 8301 w 9851"/>
                  <a:gd name="connsiteY31" fmla="*/ 990 h 10000"/>
                  <a:gd name="connsiteX32" fmla="*/ 8576 w 9851"/>
                  <a:gd name="connsiteY32" fmla="*/ 1004 h 10000"/>
                  <a:gd name="connsiteX33" fmla="*/ 8701 w 9851"/>
                  <a:gd name="connsiteY33" fmla="*/ 1019 h 10000"/>
                  <a:gd name="connsiteX34" fmla="*/ 8825 w 9851"/>
                  <a:gd name="connsiteY34" fmla="*/ 1034 h 10000"/>
                  <a:gd name="connsiteX35" fmla="*/ 8926 w 9851"/>
                  <a:gd name="connsiteY35" fmla="*/ 1064 h 10000"/>
                  <a:gd name="connsiteX36" fmla="*/ 9051 w 9851"/>
                  <a:gd name="connsiteY36" fmla="*/ 1108 h 10000"/>
                  <a:gd name="connsiteX37" fmla="*/ 9126 w 9851"/>
                  <a:gd name="connsiteY37" fmla="*/ 1182 h 10000"/>
                  <a:gd name="connsiteX38" fmla="*/ 9200 w 9851"/>
                  <a:gd name="connsiteY38" fmla="*/ 1241 h 10000"/>
                  <a:gd name="connsiteX39" fmla="*/ 9251 w 9851"/>
                  <a:gd name="connsiteY39" fmla="*/ 1329 h 10000"/>
                  <a:gd name="connsiteX40" fmla="*/ 9301 w 9851"/>
                  <a:gd name="connsiteY40" fmla="*/ 1433 h 10000"/>
                  <a:gd name="connsiteX41" fmla="*/ 9351 w 9851"/>
                  <a:gd name="connsiteY41" fmla="*/ 1551 h 10000"/>
                  <a:gd name="connsiteX42" fmla="*/ 9325 w 9851"/>
                  <a:gd name="connsiteY42" fmla="*/ 1625 h 10000"/>
                  <a:gd name="connsiteX43" fmla="*/ 9301 w 9851"/>
                  <a:gd name="connsiteY43" fmla="*/ 1684 h 10000"/>
                  <a:gd name="connsiteX44" fmla="*/ 9251 w 9851"/>
                  <a:gd name="connsiteY44" fmla="*/ 1758 h 10000"/>
                  <a:gd name="connsiteX45" fmla="*/ 9176 w 9851"/>
                  <a:gd name="connsiteY45" fmla="*/ 1802 h 10000"/>
                  <a:gd name="connsiteX46" fmla="*/ 9126 w 9851"/>
                  <a:gd name="connsiteY46" fmla="*/ 1861 h 10000"/>
                  <a:gd name="connsiteX47" fmla="*/ 9102 w 9851"/>
                  <a:gd name="connsiteY47" fmla="*/ 1935 h 10000"/>
                  <a:gd name="connsiteX48" fmla="*/ 9126 w 9851"/>
                  <a:gd name="connsiteY48" fmla="*/ 2024 h 10000"/>
                  <a:gd name="connsiteX49" fmla="*/ 9401 w 9851"/>
                  <a:gd name="connsiteY49" fmla="*/ 2157 h 10000"/>
                  <a:gd name="connsiteX50" fmla="*/ 9726 w 9851"/>
                  <a:gd name="connsiteY50" fmla="*/ 2275 h 10000"/>
                  <a:gd name="connsiteX51" fmla="*/ 9851 w 9851"/>
                  <a:gd name="connsiteY51" fmla="*/ 2349 h 10000"/>
                  <a:gd name="connsiteX52" fmla="*/ 7075 w 9851"/>
                  <a:gd name="connsiteY52" fmla="*/ 4313 h 10000"/>
                  <a:gd name="connsiteX53" fmla="*/ 7075 w 9851"/>
                  <a:gd name="connsiteY53" fmla="*/ 4431 h 10000"/>
                  <a:gd name="connsiteX54" fmla="*/ 7075 w 9851"/>
                  <a:gd name="connsiteY54" fmla="*/ 4549 h 10000"/>
                  <a:gd name="connsiteX55" fmla="*/ 7026 w 9851"/>
                  <a:gd name="connsiteY55" fmla="*/ 4564 h 10000"/>
                  <a:gd name="connsiteX56" fmla="*/ 6951 w 9851"/>
                  <a:gd name="connsiteY56" fmla="*/ 4594 h 10000"/>
                  <a:gd name="connsiteX57" fmla="*/ 6901 w 9851"/>
                  <a:gd name="connsiteY57" fmla="*/ 4638 h 10000"/>
                  <a:gd name="connsiteX58" fmla="*/ 6901 w 9851"/>
                  <a:gd name="connsiteY58" fmla="*/ 4697 h 10000"/>
                  <a:gd name="connsiteX59" fmla="*/ 6875 w 9851"/>
                  <a:gd name="connsiteY59" fmla="*/ 4801 h 10000"/>
                  <a:gd name="connsiteX60" fmla="*/ 6875 w 9851"/>
                  <a:gd name="connsiteY60" fmla="*/ 4904 h 10000"/>
                  <a:gd name="connsiteX61" fmla="*/ 6751 w 9851"/>
                  <a:gd name="connsiteY61" fmla="*/ 4860 h 10000"/>
                  <a:gd name="connsiteX62" fmla="*/ 6675 w 9851"/>
                  <a:gd name="connsiteY62" fmla="*/ 4801 h 10000"/>
                  <a:gd name="connsiteX63" fmla="*/ 6600 w 9851"/>
                  <a:gd name="connsiteY63" fmla="*/ 4727 h 10000"/>
                  <a:gd name="connsiteX64" fmla="*/ 6526 w 9851"/>
                  <a:gd name="connsiteY64" fmla="*/ 4638 h 10000"/>
                  <a:gd name="connsiteX65" fmla="*/ 6401 w 9851"/>
                  <a:gd name="connsiteY65" fmla="*/ 4476 h 10000"/>
                  <a:gd name="connsiteX66" fmla="*/ 6274 w 9851"/>
                  <a:gd name="connsiteY66" fmla="*/ 4313 h 10000"/>
                  <a:gd name="connsiteX67" fmla="*/ 6426 w 9851"/>
                  <a:gd name="connsiteY67" fmla="*/ 4210 h 10000"/>
                  <a:gd name="connsiteX68" fmla="*/ 6625 w 9851"/>
                  <a:gd name="connsiteY68" fmla="*/ 4121 h 10000"/>
                  <a:gd name="connsiteX69" fmla="*/ 6850 w 9851"/>
                  <a:gd name="connsiteY69" fmla="*/ 4032 h 10000"/>
                  <a:gd name="connsiteX70" fmla="*/ 7101 w 9851"/>
                  <a:gd name="connsiteY70" fmla="*/ 3959 h 10000"/>
                  <a:gd name="connsiteX71" fmla="*/ 7626 w 9851"/>
                  <a:gd name="connsiteY71" fmla="*/ 3811 h 10000"/>
                  <a:gd name="connsiteX72" fmla="*/ 8150 w 9851"/>
                  <a:gd name="connsiteY72" fmla="*/ 3663 h 10000"/>
                  <a:gd name="connsiteX73" fmla="*/ 8401 w 9851"/>
                  <a:gd name="connsiteY73" fmla="*/ 3589 h 10000"/>
                  <a:gd name="connsiteX74" fmla="*/ 8651 w 9851"/>
                  <a:gd name="connsiteY74" fmla="*/ 3516 h 10000"/>
                  <a:gd name="connsiteX75" fmla="*/ 8850 w 9851"/>
                  <a:gd name="connsiteY75" fmla="*/ 3412 h 10000"/>
                  <a:gd name="connsiteX76" fmla="*/ 9051 w 9851"/>
                  <a:gd name="connsiteY76" fmla="*/ 3338 h 10000"/>
                  <a:gd name="connsiteX77" fmla="*/ 9176 w 9851"/>
                  <a:gd name="connsiteY77" fmla="*/ 3235 h 10000"/>
                  <a:gd name="connsiteX78" fmla="*/ 9275 w 9851"/>
                  <a:gd name="connsiteY78" fmla="*/ 3117 h 10000"/>
                  <a:gd name="connsiteX79" fmla="*/ 9301 w 9851"/>
                  <a:gd name="connsiteY79" fmla="*/ 3072 h 10000"/>
                  <a:gd name="connsiteX80" fmla="*/ 9325 w 9851"/>
                  <a:gd name="connsiteY80" fmla="*/ 3013 h 10000"/>
                  <a:gd name="connsiteX81" fmla="*/ 9325 w 9851"/>
                  <a:gd name="connsiteY81" fmla="*/ 2954 h 10000"/>
                  <a:gd name="connsiteX82" fmla="*/ 9301 w 9851"/>
                  <a:gd name="connsiteY82" fmla="*/ 2866 h 10000"/>
                  <a:gd name="connsiteX83" fmla="*/ 9126 w 9851"/>
                  <a:gd name="connsiteY83" fmla="*/ 2984 h 10000"/>
                  <a:gd name="connsiteX84" fmla="*/ 8926 w 9851"/>
                  <a:gd name="connsiteY84" fmla="*/ 3072 h 10000"/>
                  <a:gd name="connsiteX85" fmla="*/ 8725 w 9851"/>
                  <a:gd name="connsiteY85" fmla="*/ 3161 h 10000"/>
                  <a:gd name="connsiteX86" fmla="*/ 8526 w 9851"/>
                  <a:gd name="connsiteY86" fmla="*/ 3250 h 10000"/>
                  <a:gd name="connsiteX87" fmla="*/ 8075 w 9851"/>
                  <a:gd name="connsiteY87" fmla="*/ 3397 h 10000"/>
                  <a:gd name="connsiteX88" fmla="*/ 7601 w 9851"/>
                  <a:gd name="connsiteY88" fmla="*/ 3545 h 10000"/>
                  <a:gd name="connsiteX89" fmla="*/ 7126 w 9851"/>
                  <a:gd name="connsiteY89" fmla="*/ 3678 h 10000"/>
                  <a:gd name="connsiteX90" fmla="*/ 6675 w 9851"/>
                  <a:gd name="connsiteY90" fmla="*/ 3840 h 10000"/>
                  <a:gd name="connsiteX91" fmla="*/ 6450 w 9851"/>
                  <a:gd name="connsiteY91" fmla="*/ 3914 h 10000"/>
                  <a:gd name="connsiteX92" fmla="*/ 6250 w 9851"/>
                  <a:gd name="connsiteY92" fmla="*/ 4003 h 10000"/>
                  <a:gd name="connsiteX93" fmla="*/ 6051 w 9851"/>
                  <a:gd name="connsiteY93" fmla="*/ 4106 h 10000"/>
                  <a:gd name="connsiteX94" fmla="*/ 5850 w 9851"/>
                  <a:gd name="connsiteY94" fmla="*/ 4195 h 10000"/>
                  <a:gd name="connsiteX95" fmla="*/ 6000 w 9851"/>
                  <a:gd name="connsiteY95" fmla="*/ 4417 h 10000"/>
                  <a:gd name="connsiteX96" fmla="*/ 6101 w 9851"/>
                  <a:gd name="connsiteY96" fmla="*/ 4623 h 10000"/>
                  <a:gd name="connsiteX97" fmla="*/ 6200 w 9851"/>
                  <a:gd name="connsiteY97" fmla="*/ 4845 h 10000"/>
                  <a:gd name="connsiteX98" fmla="*/ 6274 w 9851"/>
                  <a:gd name="connsiteY98" fmla="*/ 5081 h 10000"/>
                  <a:gd name="connsiteX99" fmla="*/ 6325 w 9851"/>
                  <a:gd name="connsiteY99" fmla="*/ 5318 h 10000"/>
                  <a:gd name="connsiteX100" fmla="*/ 6351 w 9851"/>
                  <a:gd name="connsiteY100" fmla="*/ 5539 h 10000"/>
                  <a:gd name="connsiteX101" fmla="*/ 6375 w 9851"/>
                  <a:gd name="connsiteY101" fmla="*/ 5775 h 10000"/>
                  <a:gd name="connsiteX102" fmla="*/ 6375 w 9851"/>
                  <a:gd name="connsiteY102" fmla="*/ 5997 h 10000"/>
                  <a:gd name="connsiteX103" fmla="*/ 6351 w 9851"/>
                  <a:gd name="connsiteY103" fmla="*/ 6233 h 10000"/>
                  <a:gd name="connsiteX104" fmla="*/ 6301 w 9851"/>
                  <a:gd name="connsiteY104" fmla="*/ 6470 h 10000"/>
                  <a:gd name="connsiteX105" fmla="*/ 6250 w 9851"/>
                  <a:gd name="connsiteY105" fmla="*/ 6677 h 10000"/>
                  <a:gd name="connsiteX106" fmla="*/ 6176 w 9851"/>
                  <a:gd name="connsiteY106" fmla="*/ 6898 h 10000"/>
                  <a:gd name="connsiteX107" fmla="*/ 6076 w 9851"/>
                  <a:gd name="connsiteY107" fmla="*/ 7105 h 10000"/>
                  <a:gd name="connsiteX108" fmla="*/ 5951 w 9851"/>
                  <a:gd name="connsiteY108" fmla="*/ 7297 h 10000"/>
                  <a:gd name="connsiteX109" fmla="*/ 5800 w 9851"/>
                  <a:gd name="connsiteY109" fmla="*/ 7489 h 10000"/>
                  <a:gd name="connsiteX110" fmla="*/ 5650 w 9851"/>
                  <a:gd name="connsiteY110" fmla="*/ 7681 h 10000"/>
                  <a:gd name="connsiteX111" fmla="*/ 6375 w 9851"/>
                  <a:gd name="connsiteY111" fmla="*/ 7799 h 10000"/>
                  <a:gd name="connsiteX112" fmla="*/ 7126 w 9851"/>
                  <a:gd name="connsiteY112" fmla="*/ 7962 h 10000"/>
                  <a:gd name="connsiteX113" fmla="*/ 7275 w 9851"/>
                  <a:gd name="connsiteY113" fmla="*/ 8021 h 10000"/>
                  <a:gd name="connsiteX114" fmla="*/ 7400 w 9851"/>
                  <a:gd name="connsiteY114" fmla="*/ 8080 h 10000"/>
                  <a:gd name="connsiteX115" fmla="*/ 7525 w 9851"/>
                  <a:gd name="connsiteY115" fmla="*/ 8139 h 10000"/>
                  <a:gd name="connsiteX116" fmla="*/ 7601 w 9851"/>
                  <a:gd name="connsiteY116" fmla="*/ 8227 h 10000"/>
                  <a:gd name="connsiteX117" fmla="*/ 7626 w 9851"/>
                  <a:gd name="connsiteY117" fmla="*/ 8301 h 10000"/>
                  <a:gd name="connsiteX118" fmla="*/ 7626 w 9851"/>
                  <a:gd name="connsiteY118" fmla="*/ 8405 h 10000"/>
                  <a:gd name="connsiteX119" fmla="*/ 7576 w 9851"/>
                  <a:gd name="connsiteY119" fmla="*/ 8523 h 10000"/>
                  <a:gd name="connsiteX120" fmla="*/ 7501 w 9851"/>
                  <a:gd name="connsiteY120" fmla="*/ 8641 h 10000"/>
                  <a:gd name="connsiteX121" fmla="*/ 7175 w 9851"/>
                  <a:gd name="connsiteY121" fmla="*/ 8552 h 10000"/>
                  <a:gd name="connsiteX122" fmla="*/ 6875 w 9851"/>
                  <a:gd name="connsiteY122" fmla="*/ 8449 h 10000"/>
                  <a:gd name="connsiteX123" fmla="*/ 6575 w 9851"/>
                  <a:gd name="connsiteY123" fmla="*/ 8360 h 10000"/>
                  <a:gd name="connsiteX124" fmla="*/ 6274 w 9851"/>
                  <a:gd name="connsiteY124" fmla="*/ 8287 h 10000"/>
                  <a:gd name="connsiteX125" fmla="*/ 6150 w 9851"/>
                  <a:gd name="connsiteY125" fmla="*/ 8449 h 10000"/>
                  <a:gd name="connsiteX126" fmla="*/ 6051 w 9851"/>
                  <a:gd name="connsiteY126" fmla="*/ 8597 h 10000"/>
                  <a:gd name="connsiteX127" fmla="*/ 6000 w 9851"/>
                  <a:gd name="connsiteY127" fmla="*/ 8656 h 10000"/>
                  <a:gd name="connsiteX128" fmla="*/ 5900 w 9851"/>
                  <a:gd name="connsiteY128" fmla="*/ 8700 h 10000"/>
                  <a:gd name="connsiteX129" fmla="*/ 5826 w 9851"/>
                  <a:gd name="connsiteY129" fmla="*/ 8744 h 10000"/>
                  <a:gd name="connsiteX130" fmla="*/ 5751 w 9851"/>
                  <a:gd name="connsiteY130" fmla="*/ 8774 h 10000"/>
                  <a:gd name="connsiteX131" fmla="*/ 5675 w 9851"/>
                  <a:gd name="connsiteY131" fmla="*/ 8804 h 10000"/>
                  <a:gd name="connsiteX132" fmla="*/ 5576 w 9851"/>
                  <a:gd name="connsiteY132" fmla="*/ 8818 h 10000"/>
                  <a:gd name="connsiteX133" fmla="*/ 5450 w 9851"/>
                  <a:gd name="connsiteY133" fmla="*/ 8833 h 10000"/>
                  <a:gd name="connsiteX134" fmla="*/ 5325 w 9851"/>
                  <a:gd name="connsiteY134" fmla="*/ 8833 h 10000"/>
                  <a:gd name="connsiteX135" fmla="*/ 5026 w 9851"/>
                  <a:gd name="connsiteY135" fmla="*/ 8818 h 10000"/>
                  <a:gd name="connsiteX136" fmla="*/ 4650 w 9851"/>
                  <a:gd name="connsiteY136" fmla="*/ 8744 h 10000"/>
                  <a:gd name="connsiteX137" fmla="*/ 4650 w 9851"/>
                  <a:gd name="connsiteY137" fmla="*/ 8922 h 10000"/>
                  <a:gd name="connsiteX138" fmla="*/ 4625 w 9851"/>
                  <a:gd name="connsiteY138" fmla="*/ 9069 h 10000"/>
                  <a:gd name="connsiteX139" fmla="*/ 4601 w 9851"/>
                  <a:gd name="connsiteY139" fmla="*/ 9232 h 10000"/>
                  <a:gd name="connsiteX140" fmla="*/ 4575 w 9851"/>
                  <a:gd name="connsiteY140" fmla="*/ 9365 h 10000"/>
                  <a:gd name="connsiteX141" fmla="*/ 4525 w 9851"/>
                  <a:gd name="connsiteY141" fmla="*/ 9498 h 10000"/>
                  <a:gd name="connsiteX142" fmla="*/ 4426 w 9851"/>
                  <a:gd name="connsiteY142" fmla="*/ 9616 h 10000"/>
                  <a:gd name="connsiteX143" fmla="*/ 4350 w 9851"/>
                  <a:gd name="connsiteY143" fmla="*/ 9734 h 10000"/>
                  <a:gd name="connsiteX144" fmla="*/ 4225 w 9851"/>
                  <a:gd name="connsiteY144" fmla="*/ 9838 h 10000"/>
                  <a:gd name="connsiteX145" fmla="*/ 3924 w 9851"/>
                  <a:gd name="connsiteY145" fmla="*/ 9897 h 10000"/>
                  <a:gd name="connsiteX146" fmla="*/ 3675 w 9851"/>
                  <a:gd name="connsiteY146" fmla="*/ 9941 h 10000"/>
                  <a:gd name="connsiteX147" fmla="*/ 3375 w 9851"/>
                  <a:gd name="connsiteY147" fmla="*/ 9985 h 10000"/>
                  <a:gd name="connsiteX148" fmla="*/ 3150 w 9851"/>
                  <a:gd name="connsiteY148" fmla="*/ 10000 h 10000"/>
                  <a:gd name="connsiteX149" fmla="*/ 2650 w 9851"/>
                  <a:gd name="connsiteY149" fmla="*/ 10000 h 10000"/>
                  <a:gd name="connsiteX150" fmla="*/ 2175 w 9851"/>
                  <a:gd name="connsiteY150" fmla="*/ 9985 h 10000"/>
                  <a:gd name="connsiteX151" fmla="*/ 1726 w 9851"/>
                  <a:gd name="connsiteY151" fmla="*/ 9941 h 10000"/>
                  <a:gd name="connsiteX152" fmla="*/ 1251 w 9851"/>
                  <a:gd name="connsiteY152" fmla="*/ 9911 h 10000"/>
                  <a:gd name="connsiteX153" fmla="*/ 975 w 9851"/>
                  <a:gd name="connsiteY153" fmla="*/ 9911 h 10000"/>
                  <a:gd name="connsiteX154" fmla="*/ 725 w 9851"/>
                  <a:gd name="connsiteY154" fmla="*/ 9911 h 10000"/>
                  <a:gd name="connsiteX155" fmla="*/ 450 w 9851"/>
                  <a:gd name="connsiteY155" fmla="*/ 9926 h 10000"/>
                  <a:gd name="connsiteX156" fmla="*/ 175 w 9851"/>
                  <a:gd name="connsiteY156" fmla="*/ 9970 h 10000"/>
                  <a:gd name="connsiteX157" fmla="*/ 100 w 9851"/>
                  <a:gd name="connsiteY157" fmla="*/ 9867 h 10000"/>
                  <a:gd name="connsiteX158" fmla="*/ 50 w 9851"/>
                  <a:gd name="connsiteY158" fmla="*/ 9793 h 10000"/>
                  <a:gd name="connsiteX159" fmla="*/ 0 w 9851"/>
                  <a:gd name="connsiteY159" fmla="*/ 9705 h 10000"/>
                  <a:gd name="connsiteX160" fmla="*/ 0 w 9851"/>
                  <a:gd name="connsiteY160" fmla="*/ 9601 h 10000"/>
                  <a:gd name="connsiteX161" fmla="*/ 50 w 9851"/>
                  <a:gd name="connsiteY161" fmla="*/ 9424 h 10000"/>
                  <a:gd name="connsiteX162" fmla="*/ 100 w 9851"/>
                  <a:gd name="connsiteY162" fmla="*/ 9202 h 10000"/>
                  <a:gd name="connsiteX163" fmla="*/ 149 w 9851"/>
                  <a:gd name="connsiteY163" fmla="*/ 8996 h 10000"/>
                  <a:gd name="connsiteX164" fmla="*/ 200 w 9851"/>
                  <a:gd name="connsiteY164" fmla="*/ 8759 h 10000"/>
                  <a:gd name="connsiteX165" fmla="*/ 225 w 9851"/>
                  <a:gd name="connsiteY165" fmla="*/ 8641 h 10000"/>
                  <a:gd name="connsiteX166" fmla="*/ 225 w 9851"/>
                  <a:gd name="connsiteY166" fmla="*/ 8538 h 10000"/>
                  <a:gd name="connsiteX167" fmla="*/ 200 w 9851"/>
                  <a:gd name="connsiteY167" fmla="*/ 8405 h 10000"/>
                  <a:gd name="connsiteX168" fmla="*/ 175 w 9851"/>
                  <a:gd name="connsiteY168" fmla="*/ 8287 h 10000"/>
                  <a:gd name="connsiteX169" fmla="*/ 425 w 9851"/>
                  <a:gd name="connsiteY169" fmla="*/ 8213 h 10000"/>
                  <a:gd name="connsiteX170" fmla="*/ 675 w 9851"/>
                  <a:gd name="connsiteY170" fmla="*/ 8139 h 10000"/>
                  <a:gd name="connsiteX171" fmla="*/ 925 w 9851"/>
                  <a:gd name="connsiteY171" fmla="*/ 8095 h 10000"/>
                  <a:gd name="connsiteX172" fmla="*/ 1200 w 9851"/>
                  <a:gd name="connsiteY172" fmla="*/ 8065 h 10000"/>
                  <a:gd name="connsiteX173" fmla="*/ 1699 w 9851"/>
                  <a:gd name="connsiteY173" fmla="*/ 8021 h 10000"/>
                  <a:gd name="connsiteX174" fmla="*/ 2201 w 9851"/>
                  <a:gd name="connsiteY174" fmla="*/ 7976 h 10000"/>
                  <a:gd name="connsiteX175" fmla="*/ 2425 w 9851"/>
                  <a:gd name="connsiteY175" fmla="*/ 7947 h 10000"/>
                  <a:gd name="connsiteX176" fmla="*/ 2650 w 9851"/>
                  <a:gd name="connsiteY176" fmla="*/ 7917 h 10000"/>
                  <a:gd name="connsiteX177" fmla="*/ 2849 w 9851"/>
                  <a:gd name="connsiteY177" fmla="*/ 7843 h 10000"/>
                  <a:gd name="connsiteX178" fmla="*/ 3050 w 9851"/>
                  <a:gd name="connsiteY178" fmla="*/ 7784 h 10000"/>
                  <a:gd name="connsiteX179" fmla="*/ 3225 w 9851"/>
                  <a:gd name="connsiteY179" fmla="*/ 7710 h 10000"/>
                  <a:gd name="connsiteX180" fmla="*/ 3375 w 9851"/>
                  <a:gd name="connsiteY180" fmla="*/ 7592 h 10000"/>
                  <a:gd name="connsiteX181" fmla="*/ 3526 w 9851"/>
                  <a:gd name="connsiteY181" fmla="*/ 7474 h 10000"/>
                  <a:gd name="connsiteX182" fmla="*/ 3625 w 9851"/>
                  <a:gd name="connsiteY182" fmla="*/ 7312 h 10000"/>
                  <a:gd name="connsiteX183" fmla="*/ 3425 w 9851"/>
                  <a:gd name="connsiteY183" fmla="*/ 7238 h 10000"/>
                  <a:gd name="connsiteX184" fmla="*/ 3250 w 9851"/>
                  <a:gd name="connsiteY184" fmla="*/ 7179 h 10000"/>
                  <a:gd name="connsiteX185" fmla="*/ 3100 w 9851"/>
                  <a:gd name="connsiteY185" fmla="*/ 7090 h 10000"/>
                  <a:gd name="connsiteX186" fmla="*/ 2950 w 9851"/>
                  <a:gd name="connsiteY186" fmla="*/ 6987 h 10000"/>
                  <a:gd name="connsiteX187" fmla="*/ 2849 w 9851"/>
                  <a:gd name="connsiteY187" fmla="*/ 6869 h 10000"/>
                  <a:gd name="connsiteX188" fmla="*/ 2801 w 9851"/>
                  <a:gd name="connsiteY188" fmla="*/ 6721 h 10000"/>
                  <a:gd name="connsiteX189" fmla="*/ 2775 w 9851"/>
                  <a:gd name="connsiteY189" fmla="*/ 6558 h 10000"/>
                  <a:gd name="connsiteX190" fmla="*/ 2801 w 9851"/>
                  <a:gd name="connsiteY190" fmla="*/ 6352 h 10000"/>
                  <a:gd name="connsiteX191" fmla="*/ 2676 w 9851"/>
                  <a:gd name="connsiteY191" fmla="*/ 6322 h 10000"/>
                  <a:gd name="connsiteX192" fmla="*/ 2526 w 9851"/>
                  <a:gd name="connsiteY192" fmla="*/ 6292 h 10000"/>
                  <a:gd name="connsiteX193" fmla="*/ 2350 w 9851"/>
                  <a:gd name="connsiteY193" fmla="*/ 6278 h 10000"/>
                  <a:gd name="connsiteX194" fmla="*/ 2175 w 9851"/>
                  <a:gd name="connsiteY194" fmla="*/ 6263 h 10000"/>
                  <a:gd name="connsiteX195" fmla="*/ 1825 w 9851"/>
                  <a:gd name="connsiteY195" fmla="*/ 6248 h 10000"/>
                  <a:gd name="connsiteX196" fmla="*/ 1450 w 9851"/>
                  <a:gd name="connsiteY196" fmla="*/ 6263 h 10000"/>
                  <a:gd name="connsiteX197" fmla="*/ 1126 w 9851"/>
                  <a:gd name="connsiteY197" fmla="*/ 6278 h 10000"/>
                  <a:gd name="connsiteX198" fmla="*/ 825 w 9851"/>
                  <a:gd name="connsiteY198" fmla="*/ 6278 h 10000"/>
                  <a:gd name="connsiteX199" fmla="*/ 576 w 9851"/>
                  <a:gd name="connsiteY199" fmla="*/ 6263 h 10000"/>
                  <a:gd name="connsiteX200" fmla="*/ 375 w 9851"/>
                  <a:gd name="connsiteY200" fmla="*/ 6233 h 10000"/>
                  <a:gd name="connsiteX201" fmla="*/ 624 w 9851"/>
                  <a:gd name="connsiteY201" fmla="*/ 5805 h 10000"/>
                  <a:gd name="connsiteX202" fmla="*/ 900 w 9851"/>
                  <a:gd name="connsiteY202" fmla="*/ 5391 h 10000"/>
                  <a:gd name="connsiteX203" fmla="*/ 1001 w 9851"/>
                  <a:gd name="connsiteY203" fmla="*/ 5170 h 10000"/>
                  <a:gd name="connsiteX204" fmla="*/ 1075 w 9851"/>
                  <a:gd name="connsiteY204" fmla="*/ 4963 h 10000"/>
                  <a:gd name="connsiteX205" fmla="*/ 1099 w 9851"/>
                  <a:gd name="connsiteY205" fmla="*/ 4860 h 10000"/>
                  <a:gd name="connsiteX206" fmla="*/ 1075 w 9851"/>
                  <a:gd name="connsiteY206" fmla="*/ 4756 h 10000"/>
                  <a:gd name="connsiteX207" fmla="*/ 1050 w 9851"/>
                  <a:gd name="connsiteY207" fmla="*/ 4653 h 10000"/>
                  <a:gd name="connsiteX208" fmla="*/ 975 w 9851"/>
                  <a:gd name="connsiteY208" fmla="*/ 4549 h 10000"/>
                  <a:gd name="connsiteX209" fmla="*/ 1251 w 9851"/>
                  <a:gd name="connsiteY209" fmla="*/ 4520 h 10000"/>
                  <a:gd name="connsiteX210" fmla="*/ 1450 w 9851"/>
                  <a:gd name="connsiteY210" fmla="*/ 4505 h 10000"/>
                  <a:gd name="connsiteX211" fmla="*/ 1625 w 9851"/>
                  <a:gd name="connsiteY211" fmla="*/ 4505 h 10000"/>
                  <a:gd name="connsiteX212" fmla="*/ 1775 w 9851"/>
                  <a:gd name="connsiteY212" fmla="*/ 4520 h 10000"/>
                  <a:gd name="connsiteX213" fmla="*/ 1900 w 9851"/>
                  <a:gd name="connsiteY213" fmla="*/ 4520 h 10000"/>
                  <a:gd name="connsiteX214" fmla="*/ 2050 w 9851"/>
                  <a:gd name="connsiteY214" fmla="*/ 4520 h 10000"/>
                  <a:gd name="connsiteX215" fmla="*/ 2201 w 9851"/>
                  <a:gd name="connsiteY215" fmla="*/ 4490 h 10000"/>
                  <a:gd name="connsiteX216" fmla="*/ 2400 w 9851"/>
                  <a:gd name="connsiteY216" fmla="*/ 4446 h 10000"/>
                  <a:gd name="connsiteX217" fmla="*/ 2400 w 9851"/>
                  <a:gd name="connsiteY217" fmla="*/ 4579 h 10000"/>
                  <a:gd name="connsiteX218" fmla="*/ 2400 w 9851"/>
                  <a:gd name="connsiteY218" fmla="*/ 4742 h 10000"/>
                  <a:gd name="connsiteX219" fmla="*/ 2400 w 9851"/>
                  <a:gd name="connsiteY219" fmla="*/ 4874 h 10000"/>
                  <a:gd name="connsiteX220" fmla="*/ 2400 w 9851"/>
                  <a:gd name="connsiteY220" fmla="*/ 5037 h 10000"/>
                  <a:gd name="connsiteX221" fmla="*/ 2625 w 9851"/>
                  <a:gd name="connsiteY221" fmla="*/ 5022 h 10000"/>
                  <a:gd name="connsiteX222" fmla="*/ 2775 w 9851"/>
                  <a:gd name="connsiteY222" fmla="*/ 5037 h 10000"/>
                  <a:gd name="connsiteX223" fmla="*/ 2900 w 9851"/>
                  <a:gd name="connsiteY223" fmla="*/ 5066 h 10000"/>
                  <a:gd name="connsiteX224" fmla="*/ 3025 w 9851"/>
                  <a:gd name="connsiteY224" fmla="*/ 5096 h 10000"/>
                  <a:gd name="connsiteX225" fmla="*/ 3126 w 9851"/>
                  <a:gd name="connsiteY225" fmla="*/ 5126 h 10000"/>
                  <a:gd name="connsiteX226" fmla="*/ 3250 w 9851"/>
                  <a:gd name="connsiteY226" fmla="*/ 5155 h 10000"/>
                  <a:gd name="connsiteX227" fmla="*/ 3401 w 9851"/>
                  <a:gd name="connsiteY227" fmla="*/ 5170 h 10000"/>
                  <a:gd name="connsiteX228" fmla="*/ 3625 w 9851"/>
                  <a:gd name="connsiteY228" fmla="*/ 5155 h 10000"/>
                  <a:gd name="connsiteX229" fmla="*/ 3701 w 9851"/>
                  <a:gd name="connsiteY229" fmla="*/ 5096 h 10000"/>
                  <a:gd name="connsiteX230" fmla="*/ 3775 w 9851"/>
                  <a:gd name="connsiteY230" fmla="*/ 5022 h 10000"/>
                  <a:gd name="connsiteX231" fmla="*/ 3800 w 9851"/>
                  <a:gd name="connsiteY231" fmla="*/ 4934 h 10000"/>
                  <a:gd name="connsiteX232" fmla="*/ 3826 w 9851"/>
                  <a:gd name="connsiteY232" fmla="*/ 4860 h 10000"/>
                  <a:gd name="connsiteX233" fmla="*/ 3850 w 9851"/>
                  <a:gd name="connsiteY233" fmla="*/ 4697 h 10000"/>
                  <a:gd name="connsiteX234" fmla="*/ 3826 w 9851"/>
                  <a:gd name="connsiteY234" fmla="*/ 4520 h 10000"/>
                  <a:gd name="connsiteX235" fmla="*/ 3750 w 9851"/>
                  <a:gd name="connsiteY235" fmla="*/ 4343 h 10000"/>
                  <a:gd name="connsiteX236" fmla="*/ 3675 w 9851"/>
                  <a:gd name="connsiteY236" fmla="*/ 4195 h 10000"/>
                  <a:gd name="connsiteX237" fmla="*/ 3550 w 9851"/>
                  <a:gd name="connsiteY237" fmla="*/ 4047 h 10000"/>
                  <a:gd name="connsiteX238" fmla="*/ 3425 w 9851"/>
                  <a:gd name="connsiteY238" fmla="*/ 3959 h 10000"/>
                  <a:gd name="connsiteX239" fmla="*/ 3575 w 9851"/>
                  <a:gd name="connsiteY239" fmla="*/ 3944 h 10000"/>
                  <a:gd name="connsiteX240" fmla="*/ 3701 w 9851"/>
                  <a:gd name="connsiteY240" fmla="*/ 3914 h 10000"/>
                  <a:gd name="connsiteX241" fmla="*/ 3800 w 9851"/>
                  <a:gd name="connsiteY241" fmla="*/ 3855 h 10000"/>
                  <a:gd name="connsiteX242" fmla="*/ 3924 w 9851"/>
                  <a:gd name="connsiteY242" fmla="*/ 3752 h 10000"/>
                  <a:gd name="connsiteX243" fmla="*/ 4050 w 9851"/>
                  <a:gd name="connsiteY243" fmla="*/ 3663 h 10000"/>
                  <a:gd name="connsiteX244" fmla="*/ 4150 w 9851"/>
                  <a:gd name="connsiteY244" fmla="*/ 3560 h 10000"/>
                  <a:gd name="connsiteX245" fmla="*/ 4225 w 9851"/>
                  <a:gd name="connsiteY245" fmla="*/ 3442 h 10000"/>
                  <a:gd name="connsiteX246" fmla="*/ 4301 w 9851"/>
                  <a:gd name="connsiteY246" fmla="*/ 3323 h 10000"/>
                  <a:gd name="connsiteX247" fmla="*/ 4350 w 9851"/>
                  <a:gd name="connsiteY247" fmla="*/ 3220 h 10000"/>
                  <a:gd name="connsiteX248" fmla="*/ 4375 w 9851"/>
                  <a:gd name="connsiteY248" fmla="*/ 3102 h 10000"/>
                  <a:gd name="connsiteX249" fmla="*/ 4401 w 9851"/>
                  <a:gd name="connsiteY249" fmla="*/ 3013 h 10000"/>
                  <a:gd name="connsiteX250" fmla="*/ 4375 w 9851"/>
                  <a:gd name="connsiteY250" fmla="*/ 2939 h 10000"/>
                  <a:gd name="connsiteX251" fmla="*/ 4350 w 9851"/>
                  <a:gd name="connsiteY251" fmla="*/ 2866 h 10000"/>
                  <a:gd name="connsiteX252" fmla="*/ 4275 w 9851"/>
                  <a:gd name="connsiteY252" fmla="*/ 2836 h 10000"/>
                  <a:gd name="connsiteX253" fmla="*/ 4176 w 9851"/>
                  <a:gd name="connsiteY253" fmla="*/ 2836 h 10000"/>
                  <a:gd name="connsiteX254" fmla="*/ 4050 w 9851"/>
                  <a:gd name="connsiteY254" fmla="*/ 2866 h 10000"/>
                  <a:gd name="connsiteX255" fmla="*/ 4150 w 9851"/>
                  <a:gd name="connsiteY255" fmla="*/ 2777 h 10000"/>
                  <a:gd name="connsiteX256" fmla="*/ 4201 w 9851"/>
                  <a:gd name="connsiteY256" fmla="*/ 2674 h 10000"/>
                  <a:gd name="connsiteX257" fmla="*/ 4225 w 9851"/>
                  <a:gd name="connsiteY257" fmla="*/ 2541 h 10000"/>
                  <a:gd name="connsiteX258" fmla="*/ 4225 w 9851"/>
                  <a:gd name="connsiteY258" fmla="*/ 2393 h 10000"/>
                  <a:gd name="connsiteX259" fmla="*/ 4250 w 9851"/>
                  <a:gd name="connsiteY259" fmla="*/ 2349 h 10000"/>
                  <a:gd name="connsiteX260" fmla="*/ 4301 w 9851"/>
                  <a:gd name="connsiteY260" fmla="*/ 2304 h 10000"/>
                  <a:gd name="connsiteX261" fmla="*/ 4350 w 9851"/>
                  <a:gd name="connsiteY261" fmla="*/ 2290 h 10000"/>
                  <a:gd name="connsiteX262" fmla="*/ 4426 w 9851"/>
                  <a:gd name="connsiteY262" fmla="*/ 2275 h 10000"/>
                  <a:gd name="connsiteX263" fmla="*/ 4650 w 9851"/>
                  <a:gd name="connsiteY263" fmla="*/ 2260 h 10000"/>
                  <a:gd name="connsiteX264" fmla="*/ 4850 w 9851"/>
                  <a:gd name="connsiteY264" fmla="*/ 2275 h 10000"/>
                  <a:gd name="connsiteX265" fmla="*/ 4825 w 9851"/>
                  <a:gd name="connsiteY265" fmla="*/ 2112 h 10000"/>
                  <a:gd name="connsiteX266" fmla="*/ 4776 w 9851"/>
                  <a:gd name="connsiteY266" fmla="*/ 1950 h 10000"/>
                  <a:gd name="connsiteX267" fmla="*/ 4700 w 9851"/>
                  <a:gd name="connsiteY267" fmla="*/ 1802 h 10000"/>
                  <a:gd name="connsiteX268" fmla="*/ 4601 w 9851"/>
                  <a:gd name="connsiteY268" fmla="*/ 1640 h 10000"/>
                  <a:gd name="connsiteX269" fmla="*/ 4350 w 9851"/>
                  <a:gd name="connsiteY269" fmla="*/ 1329 h 10000"/>
                  <a:gd name="connsiteX270" fmla="*/ 4100 w 9851"/>
                  <a:gd name="connsiteY270" fmla="*/ 1034 h 10000"/>
                  <a:gd name="connsiteX271" fmla="*/ 3975 w 9851"/>
                  <a:gd name="connsiteY271" fmla="*/ 901 h 10000"/>
                  <a:gd name="connsiteX272" fmla="*/ 3876 w 9851"/>
                  <a:gd name="connsiteY272" fmla="*/ 753 h 10000"/>
                  <a:gd name="connsiteX273" fmla="*/ 3800 w 9851"/>
                  <a:gd name="connsiteY273" fmla="*/ 620 h 10000"/>
                  <a:gd name="connsiteX274" fmla="*/ 3775 w 9851"/>
                  <a:gd name="connsiteY274" fmla="*/ 487 h 10000"/>
                  <a:gd name="connsiteX275" fmla="*/ 3750 w 9851"/>
                  <a:gd name="connsiteY275" fmla="*/ 355 h 10000"/>
                  <a:gd name="connsiteX276" fmla="*/ 3800 w 9851"/>
                  <a:gd name="connsiteY276" fmla="*/ 222 h 10000"/>
                  <a:gd name="connsiteX277" fmla="*/ 3826 w 9851"/>
                  <a:gd name="connsiteY277" fmla="*/ 162 h 10000"/>
                  <a:gd name="connsiteX278" fmla="*/ 3876 w 9851"/>
                  <a:gd name="connsiteY278" fmla="*/ 103 h 10000"/>
                  <a:gd name="connsiteX279" fmla="*/ 3951 w 9851"/>
                  <a:gd name="connsiteY279" fmla="*/ 59 h 10000"/>
                  <a:gd name="connsiteX280" fmla="*/ 4050 w 9851"/>
                  <a:gd name="connsiteY280" fmla="*/ 0 h 10000"/>
                  <a:gd name="connsiteX0" fmla="*/ 4111 w 10000"/>
                  <a:gd name="connsiteY0" fmla="*/ 0 h 10000"/>
                  <a:gd name="connsiteX1" fmla="*/ 4289 w 10000"/>
                  <a:gd name="connsiteY1" fmla="*/ 0 h 10000"/>
                  <a:gd name="connsiteX2" fmla="*/ 4468 w 10000"/>
                  <a:gd name="connsiteY2" fmla="*/ 15 h 10000"/>
                  <a:gd name="connsiteX3" fmla="*/ 4644 w 10000"/>
                  <a:gd name="connsiteY3" fmla="*/ 44 h 10000"/>
                  <a:gd name="connsiteX4" fmla="*/ 4771 w 10000"/>
                  <a:gd name="connsiteY4" fmla="*/ 89 h 10000"/>
                  <a:gd name="connsiteX5" fmla="*/ 4975 w 10000"/>
                  <a:gd name="connsiteY5" fmla="*/ 192 h 10000"/>
                  <a:gd name="connsiteX6" fmla="*/ 5177 w 10000"/>
                  <a:gd name="connsiteY6" fmla="*/ 340 h 10000"/>
                  <a:gd name="connsiteX7" fmla="*/ 5329 w 10000"/>
                  <a:gd name="connsiteY7" fmla="*/ 473 h 10000"/>
                  <a:gd name="connsiteX8" fmla="*/ 5532 w 10000"/>
                  <a:gd name="connsiteY8" fmla="*/ 591 h 10000"/>
                  <a:gd name="connsiteX9" fmla="*/ 5660 w 10000"/>
                  <a:gd name="connsiteY9" fmla="*/ 650 h 10000"/>
                  <a:gd name="connsiteX10" fmla="*/ 5812 w 10000"/>
                  <a:gd name="connsiteY10" fmla="*/ 679 h 10000"/>
                  <a:gd name="connsiteX11" fmla="*/ 5965 w 10000"/>
                  <a:gd name="connsiteY11" fmla="*/ 709 h 10000"/>
                  <a:gd name="connsiteX12" fmla="*/ 6168 w 10000"/>
                  <a:gd name="connsiteY12" fmla="*/ 709 h 10000"/>
                  <a:gd name="connsiteX13" fmla="*/ 6168 w 10000"/>
                  <a:gd name="connsiteY13" fmla="*/ 768 h 10000"/>
                  <a:gd name="connsiteX14" fmla="*/ 6193 w 10000"/>
                  <a:gd name="connsiteY14" fmla="*/ 842 h 10000"/>
                  <a:gd name="connsiteX15" fmla="*/ 6243 w 10000"/>
                  <a:gd name="connsiteY15" fmla="*/ 916 h 10000"/>
                  <a:gd name="connsiteX16" fmla="*/ 6294 w 10000"/>
                  <a:gd name="connsiteY16" fmla="*/ 990 h 10000"/>
                  <a:gd name="connsiteX17" fmla="*/ 6369 w 10000"/>
                  <a:gd name="connsiteY17" fmla="*/ 1049 h 10000"/>
                  <a:gd name="connsiteX18" fmla="*/ 6471 w 10000"/>
                  <a:gd name="connsiteY18" fmla="*/ 1108 h 10000"/>
                  <a:gd name="connsiteX19" fmla="*/ 6598 w 10000"/>
                  <a:gd name="connsiteY19" fmla="*/ 1182 h 10000"/>
                  <a:gd name="connsiteX20" fmla="*/ 6700 w 10000"/>
                  <a:gd name="connsiteY20" fmla="*/ 1226 h 10000"/>
                  <a:gd name="connsiteX21" fmla="*/ 6802 w 10000"/>
                  <a:gd name="connsiteY21" fmla="*/ 1270 h 10000"/>
                  <a:gd name="connsiteX22" fmla="*/ 6903 w 10000"/>
                  <a:gd name="connsiteY22" fmla="*/ 1300 h 10000"/>
                  <a:gd name="connsiteX23" fmla="*/ 7005 w 10000"/>
                  <a:gd name="connsiteY23" fmla="*/ 1315 h 10000"/>
                  <a:gd name="connsiteX24" fmla="*/ 7132 w 10000"/>
                  <a:gd name="connsiteY24" fmla="*/ 1300 h 10000"/>
                  <a:gd name="connsiteX25" fmla="*/ 7234 w 10000"/>
                  <a:gd name="connsiteY25" fmla="*/ 1285 h 10000"/>
                  <a:gd name="connsiteX26" fmla="*/ 7309 w 10000"/>
                  <a:gd name="connsiteY26" fmla="*/ 1241 h 10000"/>
                  <a:gd name="connsiteX27" fmla="*/ 7361 w 10000"/>
                  <a:gd name="connsiteY27" fmla="*/ 1167 h 10000"/>
                  <a:gd name="connsiteX28" fmla="*/ 7385 w 10000"/>
                  <a:gd name="connsiteY28" fmla="*/ 1064 h 10000"/>
                  <a:gd name="connsiteX29" fmla="*/ 7766 w 10000"/>
                  <a:gd name="connsiteY29" fmla="*/ 1034 h 10000"/>
                  <a:gd name="connsiteX30" fmla="*/ 8121 w 10000"/>
                  <a:gd name="connsiteY30" fmla="*/ 1004 h 10000"/>
                  <a:gd name="connsiteX31" fmla="*/ 8427 w 10000"/>
                  <a:gd name="connsiteY31" fmla="*/ 990 h 10000"/>
                  <a:gd name="connsiteX32" fmla="*/ 8706 w 10000"/>
                  <a:gd name="connsiteY32" fmla="*/ 1004 h 10000"/>
                  <a:gd name="connsiteX33" fmla="*/ 8833 w 10000"/>
                  <a:gd name="connsiteY33" fmla="*/ 1019 h 10000"/>
                  <a:gd name="connsiteX34" fmla="*/ 8958 w 10000"/>
                  <a:gd name="connsiteY34" fmla="*/ 1034 h 10000"/>
                  <a:gd name="connsiteX35" fmla="*/ 9061 w 10000"/>
                  <a:gd name="connsiteY35" fmla="*/ 1064 h 10000"/>
                  <a:gd name="connsiteX36" fmla="*/ 9188 w 10000"/>
                  <a:gd name="connsiteY36" fmla="*/ 1108 h 10000"/>
                  <a:gd name="connsiteX37" fmla="*/ 9264 w 10000"/>
                  <a:gd name="connsiteY37" fmla="*/ 1182 h 10000"/>
                  <a:gd name="connsiteX38" fmla="*/ 9339 w 10000"/>
                  <a:gd name="connsiteY38" fmla="*/ 1241 h 10000"/>
                  <a:gd name="connsiteX39" fmla="*/ 9391 w 10000"/>
                  <a:gd name="connsiteY39" fmla="*/ 1329 h 10000"/>
                  <a:gd name="connsiteX40" fmla="*/ 9442 w 10000"/>
                  <a:gd name="connsiteY40" fmla="*/ 1433 h 10000"/>
                  <a:gd name="connsiteX41" fmla="*/ 9492 w 10000"/>
                  <a:gd name="connsiteY41" fmla="*/ 1551 h 10000"/>
                  <a:gd name="connsiteX42" fmla="*/ 9466 w 10000"/>
                  <a:gd name="connsiteY42" fmla="*/ 1625 h 10000"/>
                  <a:gd name="connsiteX43" fmla="*/ 9442 w 10000"/>
                  <a:gd name="connsiteY43" fmla="*/ 1684 h 10000"/>
                  <a:gd name="connsiteX44" fmla="*/ 9391 w 10000"/>
                  <a:gd name="connsiteY44" fmla="*/ 1758 h 10000"/>
                  <a:gd name="connsiteX45" fmla="*/ 9315 w 10000"/>
                  <a:gd name="connsiteY45" fmla="*/ 1802 h 10000"/>
                  <a:gd name="connsiteX46" fmla="*/ 9264 w 10000"/>
                  <a:gd name="connsiteY46" fmla="*/ 1861 h 10000"/>
                  <a:gd name="connsiteX47" fmla="*/ 9240 w 10000"/>
                  <a:gd name="connsiteY47" fmla="*/ 1935 h 10000"/>
                  <a:gd name="connsiteX48" fmla="*/ 9264 w 10000"/>
                  <a:gd name="connsiteY48" fmla="*/ 2024 h 10000"/>
                  <a:gd name="connsiteX49" fmla="*/ 9543 w 10000"/>
                  <a:gd name="connsiteY49" fmla="*/ 2157 h 10000"/>
                  <a:gd name="connsiteX50" fmla="*/ 9873 w 10000"/>
                  <a:gd name="connsiteY50" fmla="*/ 2275 h 10000"/>
                  <a:gd name="connsiteX51" fmla="*/ 10000 w 10000"/>
                  <a:gd name="connsiteY51" fmla="*/ 2349 h 10000"/>
                  <a:gd name="connsiteX52" fmla="*/ 7182 w 10000"/>
                  <a:gd name="connsiteY52" fmla="*/ 4313 h 10000"/>
                  <a:gd name="connsiteX53" fmla="*/ 7182 w 10000"/>
                  <a:gd name="connsiteY53" fmla="*/ 4431 h 10000"/>
                  <a:gd name="connsiteX54" fmla="*/ 7182 w 10000"/>
                  <a:gd name="connsiteY54" fmla="*/ 4549 h 10000"/>
                  <a:gd name="connsiteX55" fmla="*/ 7132 w 10000"/>
                  <a:gd name="connsiteY55" fmla="*/ 4564 h 10000"/>
                  <a:gd name="connsiteX56" fmla="*/ 7056 w 10000"/>
                  <a:gd name="connsiteY56" fmla="*/ 4594 h 10000"/>
                  <a:gd name="connsiteX57" fmla="*/ 7005 w 10000"/>
                  <a:gd name="connsiteY57" fmla="*/ 4638 h 10000"/>
                  <a:gd name="connsiteX58" fmla="*/ 7005 w 10000"/>
                  <a:gd name="connsiteY58" fmla="*/ 4697 h 10000"/>
                  <a:gd name="connsiteX59" fmla="*/ 6979 w 10000"/>
                  <a:gd name="connsiteY59" fmla="*/ 4801 h 10000"/>
                  <a:gd name="connsiteX60" fmla="*/ 6979 w 10000"/>
                  <a:gd name="connsiteY60" fmla="*/ 4904 h 10000"/>
                  <a:gd name="connsiteX61" fmla="*/ 6853 w 10000"/>
                  <a:gd name="connsiteY61" fmla="*/ 4860 h 10000"/>
                  <a:gd name="connsiteX62" fmla="*/ 6776 w 10000"/>
                  <a:gd name="connsiteY62" fmla="*/ 4801 h 10000"/>
                  <a:gd name="connsiteX63" fmla="*/ 6700 w 10000"/>
                  <a:gd name="connsiteY63" fmla="*/ 4727 h 10000"/>
                  <a:gd name="connsiteX64" fmla="*/ 6625 w 10000"/>
                  <a:gd name="connsiteY64" fmla="*/ 4638 h 10000"/>
                  <a:gd name="connsiteX65" fmla="*/ 6498 w 10000"/>
                  <a:gd name="connsiteY65" fmla="*/ 4476 h 10000"/>
                  <a:gd name="connsiteX66" fmla="*/ 6369 w 10000"/>
                  <a:gd name="connsiteY66" fmla="*/ 4313 h 10000"/>
                  <a:gd name="connsiteX67" fmla="*/ 6523 w 10000"/>
                  <a:gd name="connsiteY67" fmla="*/ 4210 h 10000"/>
                  <a:gd name="connsiteX68" fmla="*/ 6725 w 10000"/>
                  <a:gd name="connsiteY68" fmla="*/ 4121 h 10000"/>
                  <a:gd name="connsiteX69" fmla="*/ 6954 w 10000"/>
                  <a:gd name="connsiteY69" fmla="*/ 4032 h 10000"/>
                  <a:gd name="connsiteX70" fmla="*/ 7208 w 10000"/>
                  <a:gd name="connsiteY70" fmla="*/ 3959 h 10000"/>
                  <a:gd name="connsiteX71" fmla="*/ 7741 w 10000"/>
                  <a:gd name="connsiteY71" fmla="*/ 3811 h 10000"/>
                  <a:gd name="connsiteX72" fmla="*/ 8273 w 10000"/>
                  <a:gd name="connsiteY72" fmla="*/ 3663 h 10000"/>
                  <a:gd name="connsiteX73" fmla="*/ 8782 w 10000"/>
                  <a:gd name="connsiteY73" fmla="*/ 3516 h 10000"/>
                  <a:gd name="connsiteX74" fmla="*/ 8984 w 10000"/>
                  <a:gd name="connsiteY74" fmla="*/ 3412 h 10000"/>
                  <a:gd name="connsiteX75" fmla="*/ 9188 w 10000"/>
                  <a:gd name="connsiteY75" fmla="*/ 3338 h 10000"/>
                  <a:gd name="connsiteX76" fmla="*/ 9315 w 10000"/>
                  <a:gd name="connsiteY76" fmla="*/ 3235 h 10000"/>
                  <a:gd name="connsiteX77" fmla="*/ 9415 w 10000"/>
                  <a:gd name="connsiteY77" fmla="*/ 3117 h 10000"/>
                  <a:gd name="connsiteX78" fmla="*/ 9442 w 10000"/>
                  <a:gd name="connsiteY78" fmla="*/ 3072 h 10000"/>
                  <a:gd name="connsiteX79" fmla="*/ 9466 w 10000"/>
                  <a:gd name="connsiteY79" fmla="*/ 3013 h 10000"/>
                  <a:gd name="connsiteX80" fmla="*/ 9466 w 10000"/>
                  <a:gd name="connsiteY80" fmla="*/ 2954 h 10000"/>
                  <a:gd name="connsiteX81" fmla="*/ 9442 w 10000"/>
                  <a:gd name="connsiteY81" fmla="*/ 2866 h 10000"/>
                  <a:gd name="connsiteX82" fmla="*/ 9264 w 10000"/>
                  <a:gd name="connsiteY82" fmla="*/ 2984 h 10000"/>
                  <a:gd name="connsiteX83" fmla="*/ 9061 w 10000"/>
                  <a:gd name="connsiteY83" fmla="*/ 3072 h 10000"/>
                  <a:gd name="connsiteX84" fmla="*/ 8857 w 10000"/>
                  <a:gd name="connsiteY84" fmla="*/ 3161 h 10000"/>
                  <a:gd name="connsiteX85" fmla="*/ 8655 w 10000"/>
                  <a:gd name="connsiteY85" fmla="*/ 3250 h 10000"/>
                  <a:gd name="connsiteX86" fmla="*/ 8197 w 10000"/>
                  <a:gd name="connsiteY86" fmla="*/ 3397 h 10000"/>
                  <a:gd name="connsiteX87" fmla="*/ 7716 w 10000"/>
                  <a:gd name="connsiteY87" fmla="*/ 3545 h 10000"/>
                  <a:gd name="connsiteX88" fmla="*/ 7234 w 10000"/>
                  <a:gd name="connsiteY88" fmla="*/ 3678 h 10000"/>
                  <a:gd name="connsiteX89" fmla="*/ 6776 w 10000"/>
                  <a:gd name="connsiteY89" fmla="*/ 3840 h 10000"/>
                  <a:gd name="connsiteX90" fmla="*/ 6548 w 10000"/>
                  <a:gd name="connsiteY90" fmla="*/ 3914 h 10000"/>
                  <a:gd name="connsiteX91" fmla="*/ 6345 w 10000"/>
                  <a:gd name="connsiteY91" fmla="*/ 4003 h 10000"/>
                  <a:gd name="connsiteX92" fmla="*/ 6143 w 10000"/>
                  <a:gd name="connsiteY92" fmla="*/ 4106 h 10000"/>
                  <a:gd name="connsiteX93" fmla="*/ 5938 w 10000"/>
                  <a:gd name="connsiteY93" fmla="*/ 4195 h 10000"/>
                  <a:gd name="connsiteX94" fmla="*/ 6091 w 10000"/>
                  <a:gd name="connsiteY94" fmla="*/ 4417 h 10000"/>
                  <a:gd name="connsiteX95" fmla="*/ 6193 w 10000"/>
                  <a:gd name="connsiteY95" fmla="*/ 4623 h 10000"/>
                  <a:gd name="connsiteX96" fmla="*/ 6294 w 10000"/>
                  <a:gd name="connsiteY96" fmla="*/ 4845 h 10000"/>
                  <a:gd name="connsiteX97" fmla="*/ 6369 w 10000"/>
                  <a:gd name="connsiteY97" fmla="*/ 5081 h 10000"/>
                  <a:gd name="connsiteX98" fmla="*/ 6421 w 10000"/>
                  <a:gd name="connsiteY98" fmla="*/ 5318 h 10000"/>
                  <a:gd name="connsiteX99" fmla="*/ 6447 w 10000"/>
                  <a:gd name="connsiteY99" fmla="*/ 5539 h 10000"/>
                  <a:gd name="connsiteX100" fmla="*/ 6471 w 10000"/>
                  <a:gd name="connsiteY100" fmla="*/ 5775 h 10000"/>
                  <a:gd name="connsiteX101" fmla="*/ 6471 w 10000"/>
                  <a:gd name="connsiteY101" fmla="*/ 5997 h 10000"/>
                  <a:gd name="connsiteX102" fmla="*/ 6447 w 10000"/>
                  <a:gd name="connsiteY102" fmla="*/ 6233 h 10000"/>
                  <a:gd name="connsiteX103" fmla="*/ 6396 w 10000"/>
                  <a:gd name="connsiteY103" fmla="*/ 6470 h 10000"/>
                  <a:gd name="connsiteX104" fmla="*/ 6345 w 10000"/>
                  <a:gd name="connsiteY104" fmla="*/ 6677 h 10000"/>
                  <a:gd name="connsiteX105" fmla="*/ 6269 w 10000"/>
                  <a:gd name="connsiteY105" fmla="*/ 6898 h 10000"/>
                  <a:gd name="connsiteX106" fmla="*/ 6168 w 10000"/>
                  <a:gd name="connsiteY106" fmla="*/ 7105 h 10000"/>
                  <a:gd name="connsiteX107" fmla="*/ 6041 w 10000"/>
                  <a:gd name="connsiteY107" fmla="*/ 7297 h 10000"/>
                  <a:gd name="connsiteX108" fmla="*/ 5888 w 10000"/>
                  <a:gd name="connsiteY108" fmla="*/ 7489 h 10000"/>
                  <a:gd name="connsiteX109" fmla="*/ 5735 w 10000"/>
                  <a:gd name="connsiteY109" fmla="*/ 7681 h 10000"/>
                  <a:gd name="connsiteX110" fmla="*/ 6471 w 10000"/>
                  <a:gd name="connsiteY110" fmla="*/ 7799 h 10000"/>
                  <a:gd name="connsiteX111" fmla="*/ 7234 w 10000"/>
                  <a:gd name="connsiteY111" fmla="*/ 7962 h 10000"/>
                  <a:gd name="connsiteX112" fmla="*/ 7385 w 10000"/>
                  <a:gd name="connsiteY112" fmla="*/ 8021 h 10000"/>
                  <a:gd name="connsiteX113" fmla="*/ 7512 w 10000"/>
                  <a:gd name="connsiteY113" fmla="*/ 8080 h 10000"/>
                  <a:gd name="connsiteX114" fmla="*/ 7639 w 10000"/>
                  <a:gd name="connsiteY114" fmla="*/ 8139 h 10000"/>
                  <a:gd name="connsiteX115" fmla="*/ 7716 w 10000"/>
                  <a:gd name="connsiteY115" fmla="*/ 8227 h 10000"/>
                  <a:gd name="connsiteX116" fmla="*/ 7741 w 10000"/>
                  <a:gd name="connsiteY116" fmla="*/ 8301 h 10000"/>
                  <a:gd name="connsiteX117" fmla="*/ 7741 w 10000"/>
                  <a:gd name="connsiteY117" fmla="*/ 8405 h 10000"/>
                  <a:gd name="connsiteX118" fmla="*/ 7691 w 10000"/>
                  <a:gd name="connsiteY118" fmla="*/ 8523 h 10000"/>
                  <a:gd name="connsiteX119" fmla="*/ 7614 w 10000"/>
                  <a:gd name="connsiteY119" fmla="*/ 8641 h 10000"/>
                  <a:gd name="connsiteX120" fmla="*/ 7284 w 10000"/>
                  <a:gd name="connsiteY120" fmla="*/ 8552 h 10000"/>
                  <a:gd name="connsiteX121" fmla="*/ 6979 w 10000"/>
                  <a:gd name="connsiteY121" fmla="*/ 8449 h 10000"/>
                  <a:gd name="connsiteX122" fmla="*/ 6674 w 10000"/>
                  <a:gd name="connsiteY122" fmla="*/ 8360 h 10000"/>
                  <a:gd name="connsiteX123" fmla="*/ 6369 w 10000"/>
                  <a:gd name="connsiteY123" fmla="*/ 8287 h 10000"/>
                  <a:gd name="connsiteX124" fmla="*/ 6243 w 10000"/>
                  <a:gd name="connsiteY124" fmla="*/ 8449 h 10000"/>
                  <a:gd name="connsiteX125" fmla="*/ 6143 w 10000"/>
                  <a:gd name="connsiteY125" fmla="*/ 8597 h 10000"/>
                  <a:gd name="connsiteX126" fmla="*/ 6091 w 10000"/>
                  <a:gd name="connsiteY126" fmla="*/ 8656 h 10000"/>
                  <a:gd name="connsiteX127" fmla="*/ 5989 w 10000"/>
                  <a:gd name="connsiteY127" fmla="*/ 8700 h 10000"/>
                  <a:gd name="connsiteX128" fmla="*/ 5914 w 10000"/>
                  <a:gd name="connsiteY128" fmla="*/ 8744 h 10000"/>
                  <a:gd name="connsiteX129" fmla="*/ 5838 w 10000"/>
                  <a:gd name="connsiteY129" fmla="*/ 8774 h 10000"/>
                  <a:gd name="connsiteX130" fmla="*/ 5761 w 10000"/>
                  <a:gd name="connsiteY130" fmla="*/ 8804 h 10000"/>
                  <a:gd name="connsiteX131" fmla="*/ 5660 w 10000"/>
                  <a:gd name="connsiteY131" fmla="*/ 8818 h 10000"/>
                  <a:gd name="connsiteX132" fmla="*/ 5532 w 10000"/>
                  <a:gd name="connsiteY132" fmla="*/ 8833 h 10000"/>
                  <a:gd name="connsiteX133" fmla="*/ 5406 w 10000"/>
                  <a:gd name="connsiteY133" fmla="*/ 8833 h 10000"/>
                  <a:gd name="connsiteX134" fmla="*/ 5102 w 10000"/>
                  <a:gd name="connsiteY134" fmla="*/ 8818 h 10000"/>
                  <a:gd name="connsiteX135" fmla="*/ 4720 w 10000"/>
                  <a:gd name="connsiteY135" fmla="*/ 8744 h 10000"/>
                  <a:gd name="connsiteX136" fmla="*/ 4720 w 10000"/>
                  <a:gd name="connsiteY136" fmla="*/ 8922 h 10000"/>
                  <a:gd name="connsiteX137" fmla="*/ 4695 w 10000"/>
                  <a:gd name="connsiteY137" fmla="*/ 9069 h 10000"/>
                  <a:gd name="connsiteX138" fmla="*/ 4671 w 10000"/>
                  <a:gd name="connsiteY138" fmla="*/ 9232 h 10000"/>
                  <a:gd name="connsiteX139" fmla="*/ 4644 w 10000"/>
                  <a:gd name="connsiteY139" fmla="*/ 9365 h 10000"/>
                  <a:gd name="connsiteX140" fmla="*/ 4593 w 10000"/>
                  <a:gd name="connsiteY140" fmla="*/ 9498 h 10000"/>
                  <a:gd name="connsiteX141" fmla="*/ 4493 w 10000"/>
                  <a:gd name="connsiteY141" fmla="*/ 9616 h 10000"/>
                  <a:gd name="connsiteX142" fmla="*/ 4416 w 10000"/>
                  <a:gd name="connsiteY142" fmla="*/ 9734 h 10000"/>
                  <a:gd name="connsiteX143" fmla="*/ 4289 w 10000"/>
                  <a:gd name="connsiteY143" fmla="*/ 9838 h 10000"/>
                  <a:gd name="connsiteX144" fmla="*/ 3983 w 10000"/>
                  <a:gd name="connsiteY144" fmla="*/ 9897 h 10000"/>
                  <a:gd name="connsiteX145" fmla="*/ 3731 w 10000"/>
                  <a:gd name="connsiteY145" fmla="*/ 9941 h 10000"/>
                  <a:gd name="connsiteX146" fmla="*/ 3426 w 10000"/>
                  <a:gd name="connsiteY146" fmla="*/ 9985 h 10000"/>
                  <a:gd name="connsiteX147" fmla="*/ 3198 w 10000"/>
                  <a:gd name="connsiteY147" fmla="*/ 10000 h 10000"/>
                  <a:gd name="connsiteX148" fmla="*/ 2690 w 10000"/>
                  <a:gd name="connsiteY148" fmla="*/ 10000 h 10000"/>
                  <a:gd name="connsiteX149" fmla="*/ 2208 w 10000"/>
                  <a:gd name="connsiteY149" fmla="*/ 9985 h 10000"/>
                  <a:gd name="connsiteX150" fmla="*/ 1752 w 10000"/>
                  <a:gd name="connsiteY150" fmla="*/ 9941 h 10000"/>
                  <a:gd name="connsiteX151" fmla="*/ 1270 w 10000"/>
                  <a:gd name="connsiteY151" fmla="*/ 9911 h 10000"/>
                  <a:gd name="connsiteX152" fmla="*/ 990 w 10000"/>
                  <a:gd name="connsiteY152" fmla="*/ 9911 h 10000"/>
                  <a:gd name="connsiteX153" fmla="*/ 736 w 10000"/>
                  <a:gd name="connsiteY153" fmla="*/ 9911 h 10000"/>
                  <a:gd name="connsiteX154" fmla="*/ 457 w 10000"/>
                  <a:gd name="connsiteY154" fmla="*/ 9926 h 10000"/>
                  <a:gd name="connsiteX155" fmla="*/ 178 w 10000"/>
                  <a:gd name="connsiteY155" fmla="*/ 9970 h 10000"/>
                  <a:gd name="connsiteX156" fmla="*/ 102 w 10000"/>
                  <a:gd name="connsiteY156" fmla="*/ 9867 h 10000"/>
                  <a:gd name="connsiteX157" fmla="*/ 51 w 10000"/>
                  <a:gd name="connsiteY157" fmla="*/ 9793 h 10000"/>
                  <a:gd name="connsiteX158" fmla="*/ 0 w 10000"/>
                  <a:gd name="connsiteY158" fmla="*/ 9705 h 10000"/>
                  <a:gd name="connsiteX159" fmla="*/ 0 w 10000"/>
                  <a:gd name="connsiteY159" fmla="*/ 9601 h 10000"/>
                  <a:gd name="connsiteX160" fmla="*/ 51 w 10000"/>
                  <a:gd name="connsiteY160" fmla="*/ 9424 h 10000"/>
                  <a:gd name="connsiteX161" fmla="*/ 102 w 10000"/>
                  <a:gd name="connsiteY161" fmla="*/ 9202 h 10000"/>
                  <a:gd name="connsiteX162" fmla="*/ 151 w 10000"/>
                  <a:gd name="connsiteY162" fmla="*/ 8996 h 10000"/>
                  <a:gd name="connsiteX163" fmla="*/ 203 w 10000"/>
                  <a:gd name="connsiteY163" fmla="*/ 8759 h 10000"/>
                  <a:gd name="connsiteX164" fmla="*/ 228 w 10000"/>
                  <a:gd name="connsiteY164" fmla="*/ 8641 h 10000"/>
                  <a:gd name="connsiteX165" fmla="*/ 228 w 10000"/>
                  <a:gd name="connsiteY165" fmla="*/ 8538 h 10000"/>
                  <a:gd name="connsiteX166" fmla="*/ 203 w 10000"/>
                  <a:gd name="connsiteY166" fmla="*/ 8405 h 10000"/>
                  <a:gd name="connsiteX167" fmla="*/ 178 w 10000"/>
                  <a:gd name="connsiteY167" fmla="*/ 8287 h 10000"/>
                  <a:gd name="connsiteX168" fmla="*/ 431 w 10000"/>
                  <a:gd name="connsiteY168" fmla="*/ 8213 h 10000"/>
                  <a:gd name="connsiteX169" fmla="*/ 685 w 10000"/>
                  <a:gd name="connsiteY169" fmla="*/ 8139 h 10000"/>
                  <a:gd name="connsiteX170" fmla="*/ 939 w 10000"/>
                  <a:gd name="connsiteY170" fmla="*/ 8095 h 10000"/>
                  <a:gd name="connsiteX171" fmla="*/ 1218 w 10000"/>
                  <a:gd name="connsiteY171" fmla="*/ 8065 h 10000"/>
                  <a:gd name="connsiteX172" fmla="*/ 1725 w 10000"/>
                  <a:gd name="connsiteY172" fmla="*/ 8021 h 10000"/>
                  <a:gd name="connsiteX173" fmla="*/ 2234 w 10000"/>
                  <a:gd name="connsiteY173" fmla="*/ 7976 h 10000"/>
                  <a:gd name="connsiteX174" fmla="*/ 2462 w 10000"/>
                  <a:gd name="connsiteY174" fmla="*/ 7947 h 10000"/>
                  <a:gd name="connsiteX175" fmla="*/ 2690 w 10000"/>
                  <a:gd name="connsiteY175" fmla="*/ 7917 h 10000"/>
                  <a:gd name="connsiteX176" fmla="*/ 2892 w 10000"/>
                  <a:gd name="connsiteY176" fmla="*/ 7843 h 10000"/>
                  <a:gd name="connsiteX177" fmla="*/ 3096 w 10000"/>
                  <a:gd name="connsiteY177" fmla="*/ 7784 h 10000"/>
                  <a:gd name="connsiteX178" fmla="*/ 3274 w 10000"/>
                  <a:gd name="connsiteY178" fmla="*/ 7710 h 10000"/>
                  <a:gd name="connsiteX179" fmla="*/ 3426 w 10000"/>
                  <a:gd name="connsiteY179" fmla="*/ 7592 h 10000"/>
                  <a:gd name="connsiteX180" fmla="*/ 3579 w 10000"/>
                  <a:gd name="connsiteY180" fmla="*/ 7474 h 10000"/>
                  <a:gd name="connsiteX181" fmla="*/ 3680 w 10000"/>
                  <a:gd name="connsiteY181" fmla="*/ 7312 h 10000"/>
                  <a:gd name="connsiteX182" fmla="*/ 3477 w 10000"/>
                  <a:gd name="connsiteY182" fmla="*/ 7238 h 10000"/>
                  <a:gd name="connsiteX183" fmla="*/ 3299 w 10000"/>
                  <a:gd name="connsiteY183" fmla="*/ 7179 h 10000"/>
                  <a:gd name="connsiteX184" fmla="*/ 3147 w 10000"/>
                  <a:gd name="connsiteY184" fmla="*/ 7090 h 10000"/>
                  <a:gd name="connsiteX185" fmla="*/ 2995 w 10000"/>
                  <a:gd name="connsiteY185" fmla="*/ 6987 h 10000"/>
                  <a:gd name="connsiteX186" fmla="*/ 2892 w 10000"/>
                  <a:gd name="connsiteY186" fmla="*/ 6869 h 10000"/>
                  <a:gd name="connsiteX187" fmla="*/ 2843 w 10000"/>
                  <a:gd name="connsiteY187" fmla="*/ 6721 h 10000"/>
                  <a:gd name="connsiteX188" fmla="*/ 2817 w 10000"/>
                  <a:gd name="connsiteY188" fmla="*/ 6558 h 10000"/>
                  <a:gd name="connsiteX189" fmla="*/ 2843 w 10000"/>
                  <a:gd name="connsiteY189" fmla="*/ 6352 h 10000"/>
                  <a:gd name="connsiteX190" fmla="*/ 2716 w 10000"/>
                  <a:gd name="connsiteY190" fmla="*/ 6322 h 10000"/>
                  <a:gd name="connsiteX191" fmla="*/ 2564 w 10000"/>
                  <a:gd name="connsiteY191" fmla="*/ 6292 h 10000"/>
                  <a:gd name="connsiteX192" fmla="*/ 2386 w 10000"/>
                  <a:gd name="connsiteY192" fmla="*/ 6278 h 10000"/>
                  <a:gd name="connsiteX193" fmla="*/ 2208 w 10000"/>
                  <a:gd name="connsiteY193" fmla="*/ 6263 h 10000"/>
                  <a:gd name="connsiteX194" fmla="*/ 1853 w 10000"/>
                  <a:gd name="connsiteY194" fmla="*/ 6248 h 10000"/>
                  <a:gd name="connsiteX195" fmla="*/ 1472 w 10000"/>
                  <a:gd name="connsiteY195" fmla="*/ 6263 h 10000"/>
                  <a:gd name="connsiteX196" fmla="*/ 1143 w 10000"/>
                  <a:gd name="connsiteY196" fmla="*/ 6278 h 10000"/>
                  <a:gd name="connsiteX197" fmla="*/ 837 w 10000"/>
                  <a:gd name="connsiteY197" fmla="*/ 6278 h 10000"/>
                  <a:gd name="connsiteX198" fmla="*/ 585 w 10000"/>
                  <a:gd name="connsiteY198" fmla="*/ 6263 h 10000"/>
                  <a:gd name="connsiteX199" fmla="*/ 381 w 10000"/>
                  <a:gd name="connsiteY199" fmla="*/ 6233 h 10000"/>
                  <a:gd name="connsiteX200" fmla="*/ 633 w 10000"/>
                  <a:gd name="connsiteY200" fmla="*/ 5805 h 10000"/>
                  <a:gd name="connsiteX201" fmla="*/ 914 w 10000"/>
                  <a:gd name="connsiteY201" fmla="*/ 5391 h 10000"/>
                  <a:gd name="connsiteX202" fmla="*/ 1016 w 10000"/>
                  <a:gd name="connsiteY202" fmla="*/ 5170 h 10000"/>
                  <a:gd name="connsiteX203" fmla="*/ 1091 w 10000"/>
                  <a:gd name="connsiteY203" fmla="*/ 4963 h 10000"/>
                  <a:gd name="connsiteX204" fmla="*/ 1116 w 10000"/>
                  <a:gd name="connsiteY204" fmla="*/ 4860 h 10000"/>
                  <a:gd name="connsiteX205" fmla="*/ 1091 w 10000"/>
                  <a:gd name="connsiteY205" fmla="*/ 4756 h 10000"/>
                  <a:gd name="connsiteX206" fmla="*/ 1066 w 10000"/>
                  <a:gd name="connsiteY206" fmla="*/ 4653 h 10000"/>
                  <a:gd name="connsiteX207" fmla="*/ 990 w 10000"/>
                  <a:gd name="connsiteY207" fmla="*/ 4549 h 10000"/>
                  <a:gd name="connsiteX208" fmla="*/ 1270 w 10000"/>
                  <a:gd name="connsiteY208" fmla="*/ 4520 h 10000"/>
                  <a:gd name="connsiteX209" fmla="*/ 1472 w 10000"/>
                  <a:gd name="connsiteY209" fmla="*/ 4505 h 10000"/>
                  <a:gd name="connsiteX210" fmla="*/ 1650 w 10000"/>
                  <a:gd name="connsiteY210" fmla="*/ 4505 h 10000"/>
                  <a:gd name="connsiteX211" fmla="*/ 1802 w 10000"/>
                  <a:gd name="connsiteY211" fmla="*/ 4520 h 10000"/>
                  <a:gd name="connsiteX212" fmla="*/ 1929 w 10000"/>
                  <a:gd name="connsiteY212" fmla="*/ 4520 h 10000"/>
                  <a:gd name="connsiteX213" fmla="*/ 2081 w 10000"/>
                  <a:gd name="connsiteY213" fmla="*/ 4520 h 10000"/>
                  <a:gd name="connsiteX214" fmla="*/ 2234 w 10000"/>
                  <a:gd name="connsiteY214" fmla="*/ 4490 h 10000"/>
                  <a:gd name="connsiteX215" fmla="*/ 2436 w 10000"/>
                  <a:gd name="connsiteY215" fmla="*/ 4446 h 10000"/>
                  <a:gd name="connsiteX216" fmla="*/ 2436 w 10000"/>
                  <a:gd name="connsiteY216" fmla="*/ 4579 h 10000"/>
                  <a:gd name="connsiteX217" fmla="*/ 2436 w 10000"/>
                  <a:gd name="connsiteY217" fmla="*/ 4742 h 10000"/>
                  <a:gd name="connsiteX218" fmla="*/ 2436 w 10000"/>
                  <a:gd name="connsiteY218" fmla="*/ 4874 h 10000"/>
                  <a:gd name="connsiteX219" fmla="*/ 2436 w 10000"/>
                  <a:gd name="connsiteY219" fmla="*/ 5037 h 10000"/>
                  <a:gd name="connsiteX220" fmla="*/ 2665 w 10000"/>
                  <a:gd name="connsiteY220" fmla="*/ 5022 h 10000"/>
                  <a:gd name="connsiteX221" fmla="*/ 2817 w 10000"/>
                  <a:gd name="connsiteY221" fmla="*/ 5037 h 10000"/>
                  <a:gd name="connsiteX222" fmla="*/ 2944 w 10000"/>
                  <a:gd name="connsiteY222" fmla="*/ 5066 h 10000"/>
                  <a:gd name="connsiteX223" fmla="*/ 3071 w 10000"/>
                  <a:gd name="connsiteY223" fmla="*/ 5096 h 10000"/>
                  <a:gd name="connsiteX224" fmla="*/ 3173 w 10000"/>
                  <a:gd name="connsiteY224" fmla="*/ 5126 h 10000"/>
                  <a:gd name="connsiteX225" fmla="*/ 3299 w 10000"/>
                  <a:gd name="connsiteY225" fmla="*/ 5155 h 10000"/>
                  <a:gd name="connsiteX226" fmla="*/ 3452 w 10000"/>
                  <a:gd name="connsiteY226" fmla="*/ 5170 h 10000"/>
                  <a:gd name="connsiteX227" fmla="*/ 3680 w 10000"/>
                  <a:gd name="connsiteY227" fmla="*/ 5155 h 10000"/>
                  <a:gd name="connsiteX228" fmla="*/ 3757 w 10000"/>
                  <a:gd name="connsiteY228" fmla="*/ 5096 h 10000"/>
                  <a:gd name="connsiteX229" fmla="*/ 3832 w 10000"/>
                  <a:gd name="connsiteY229" fmla="*/ 5022 h 10000"/>
                  <a:gd name="connsiteX230" fmla="*/ 3857 w 10000"/>
                  <a:gd name="connsiteY230" fmla="*/ 4934 h 10000"/>
                  <a:gd name="connsiteX231" fmla="*/ 3884 w 10000"/>
                  <a:gd name="connsiteY231" fmla="*/ 4860 h 10000"/>
                  <a:gd name="connsiteX232" fmla="*/ 3908 w 10000"/>
                  <a:gd name="connsiteY232" fmla="*/ 4697 h 10000"/>
                  <a:gd name="connsiteX233" fmla="*/ 3884 w 10000"/>
                  <a:gd name="connsiteY233" fmla="*/ 4520 h 10000"/>
                  <a:gd name="connsiteX234" fmla="*/ 3807 w 10000"/>
                  <a:gd name="connsiteY234" fmla="*/ 4343 h 10000"/>
                  <a:gd name="connsiteX235" fmla="*/ 3731 w 10000"/>
                  <a:gd name="connsiteY235" fmla="*/ 4195 h 10000"/>
                  <a:gd name="connsiteX236" fmla="*/ 3604 w 10000"/>
                  <a:gd name="connsiteY236" fmla="*/ 4047 h 10000"/>
                  <a:gd name="connsiteX237" fmla="*/ 3477 w 10000"/>
                  <a:gd name="connsiteY237" fmla="*/ 3959 h 10000"/>
                  <a:gd name="connsiteX238" fmla="*/ 3629 w 10000"/>
                  <a:gd name="connsiteY238" fmla="*/ 3944 h 10000"/>
                  <a:gd name="connsiteX239" fmla="*/ 3757 w 10000"/>
                  <a:gd name="connsiteY239" fmla="*/ 3914 h 10000"/>
                  <a:gd name="connsiteX240" fmla="*/ 3857 w 10000"/>
                  <a:gd name="connsiteY240" fmla="*/ 3855 h 10000"/>
                  <a:gd name="connsiteX241" fmla="*/ 3983 w 10000"/>
                  <a:gd name="connsiteY241" fmla="*/ 3752 h 10000"/>
                  <a:gd name="connsiteX242" fmla="*/ 4111 w 10000"/>
                  <a:gd name="connsiteY242" fmla="*/ 3663 h 10000"/>
                  <a:gd name="connsiteX243" fmla="*/ 4213 w 10000"/>
                  <a:gd name="connsiteY243" fmla="*/ 3560 h 10000"/>
                  <a:gd name="connsiteX244" fmla="*/ 4289 w 10000"/>
                  <a:gd name="connsiteY244" fmla="*/ 3442 h 10000"/>
                  <a:gd name="connsiteX245" fmla="*/ 4366 w 10000"/>
                  <a:gd name="connsiteY245" fmla="*/ 3323 h 10000"/>
                  <a:gd name="connsiteX246" fmla="*/ 4416 w 10000"/>
                  <a:gd name="connsiteY246" fmla="*/ 3220 h 10000"/>
                  <a:gd name="connsiteX247" fmla="*/ 4441 w 10000"/>
                  <a:gd name="connsiteY247" fmla="*/ 3102 h 10000"/>
                  <a:gd name="connsiteX248" fmla="*/ 4468 w 10000"/>
                  <a:gd name="connsiteY248" fmla="*/ 3013 h 10000"/>
                  <a:gd name="connsiteX249" fmla="*/ 4441 w 10000"/>
                  <a:gd name="connsiteY249" fmla="*/ 2939 h 10000"/>
                  <a:gd name="connsiteX250" fmla="*/ 4416 w 10000"/>
                  <a:gd name="connsiteY250" fmla="*/ 2866 h 10000"/>
                  <a:gd name="connsiteX251" fmla="*/ 4340 w 10000"/>
                  <a:gd name="connsiteY251" fmla="*/ 2836 h 10000"/>
                  <a:gd name="connsiteX252" fmla="*/ 4239 w 10000"/>
                  <a:gd name="connsiteY252" fmla="*/ 2836 h 10000"/>
                  <a:gd name="connsiteX253" fmla="*/ 4111 w 10000"/>
                  <a:gd name="connsiteY253" fmla="*/ 2866 h 10000"/>
                  <a:gd name="connsiteX254" fmla="*/ 4213 w 10000"/>
                  <a:gd name="connsiteY254" fmla="*/ 2777 h 10000"/>
                  <a:gd name="connsiteX255" fmla="*/ 4265 w 10000"/>
                  <a:gd name="connsiteY255" fmla="*/ 2674 h 10000"/>
                  <a:gd name="connsiteX256" fmla="*/ 4289 w 10000"/>
                  <a:gd name="connsiteY256" fmla="*/ 2541 h 10000"/>
                  <a:gd name="connsiteX257" fmla="*/ 4289 w 10000"/>
                  <a:gd name="connsiteY257" fmla="*/ 2393 h 10000"/>
                  <a:gd name="connsiteX258" fmla="*/ 4314 w 10000"/>
                  <a:gd name="connsiteY258" fmla="*/ 2349 h 10000"/>
                  <a:gd name="connsiteX259" fmla="*/ 4366 w 10000"/>
                  <a:gd name="connsiteY259" fmla="*/ 2304 h 10000"/>
                  <a:gd name="connsiteX260" fmla="*/ 4416 w 10000"/>
                  <a:gd name="connsiteY260" fmla="*/ 2290 h 10000"/>
                  <a:gd name="connsiteX261" fmla="*/ 4493 w 10000"/>
                  <a:gd name="connsiteY261" fmla="*/ 2275 h 10000"/>
                  <a:gd name="connsiteX262" fmla="*/ 4720 w 10000"/>
                  <a:gd name="connsiteY262" fmla="*/ 2260 h 10000"/>
                  <a:gd name="connsiteX263" fmla="*/ 4923 w 10000"/>
                  <a:gd name="connsiteY263" fmla="*/ 2275 h 10000"/>
                  <a:gd name="connsiteX264" fmla="*/ 4898 w 10000"/>
                  <a:gd name="connsiteY264" fmla="*/ 2112 h 10000"/>
                  <a:gd name="connsiteX265" fmla="*/ 4848 w 10000"/>
                  <a:gd name="connsiteY265" fmla="*/ 1950 h 10000"/>
                  <a:gd name="connsiteX266" fmla="*/ 4771 w 10000"/>
                  <a:gd name="connsiteY266" fmla="*/ 1802 h 10000"/>
                  <a:gd name="connsiteX267" fmla="*/ 4671 w 10000"/>
                  <a:gd name="connsiteY267" fmla="*/ 1640 h 10000"/>
                  <a:gd name="connsiteX268" fmla="*/ 4416 w 10000"/>
                  <a:gd name="connsiteY268" fmla="*/ 1329 h 10000"/>
                  <a:gd name="connsiteX269" fmla="*/ 4162 w 10000"/>
                  <a:gd name="connsiteY269" fmla="*/ 1034 h 10000"/>
                  <a:gd name="connsiteX270" fmla="*/ 4035 w 10000"/>
                  <a:gd name="connsiteY270" fmla="*/ 901 h 10000"/>
                  <a:gd name="connsiteX271" fmla="*/ 3935 w 10000"/>
                  <a:gd name="connsiteY271" fmla="*/ 753 h 10000"/>
                  <a:gd name="connsiteX272" fmla="*/ 3857 w 10000"/>
                  <a:gd name="connsiteY272" fmla="*/ 620 h 10000"/>
                  <a:gd name="connsiteX273" fmla="*/ 3832 w 10000"/>
                  <a:gd name="connsiteY273" fmla="*/ 487 h 10000"/>
                  <a:gd name="connsiteX274" fmla="*/ 3807 w 10000"/>
                  <a:gd name="connsiteY274" fmla="*/ 355 h 10000"/>
                  <a:gd name="connsiteX275" fmla="*/ 3857 w 10000"/>
                  <a:gd name="connsiteY275" fmla="*/ 222 h 10000"/>
                  <a:gd name="connsiteX276" fmla="*/ 3884 w 10000"/>
                  <a:gd name="connsiteY276" fmla="*/ 162 h 10000"/>
                  <a:gd name="connsiteX277" fmla="*/ 3935 w 10000"/>
                  <a:gd name="connsiteY277" fmla="*/ 103 h 10000"/>
                  <a:gd name="connsiteX278" fmla="*/ 4011 w 10000"/>
                  <a:gd name="connsiteY278" fmla="*/ 59 h 10000"/>
                  <a:gd name="connsiteX279" fmla="*/ 4111 w 10000"/>
                  <a:gd name="connsiteY279" fmla="*/ 0 h 10000"/>
                  <a:gd name="connsiteX0" fmla="*/ 4111 w 9873"/>
                  <a:gd name="connsiteY0" fmla="*/ 0 h 10000"/>
                  <a:gd name="connsiteX1" fmla="*/ 4289 w 9873"/>
                  <a:gd name="connsiteY1" fmla="*/ 0 h 10000"/>
                  <a:gd name="connsiteX2" fmla="*/ 4468 w 9873"/>
                  <a:gd name="connsiteY2" fmla="*/ 15 h 10000"/>
                  <a:gd name="connsiteX3" fmla="*/ 4644 w 9873"/>
                  <a:gd name="connsiteY3" fmla="*/ 44 h 10000"/>
                  <a:gd name="connsiteX4" fmla="*/ 4771 w 9873"/>
                  <a:gd name="connsiteY4" fmla="*/ 89 h 10000"/>
                  <a:gd name="connsiteX5" fmla="*/ 4975 w 9873"/>
                  <a:gd name="connsiteY5" fmla="*/ 192 h 10000"/>
                  <a:gd name="connsiteX6" fmla="*/ 5177 w 9873"/>
                  <a:gd name="connsiteY6" fmla="*/ 340 h 10000"/>
                  <a:gd name="connsiteX7" fmla="*/ 5329 w 9873"/>
                  <a:gd name="connsiteY7" fmla="*/ 473 h 10000"/>
                  <a:gd name="connsiteX8" fmla="*/ 5532 w 9873"/>
                  <a:gd name="connsiteY8" fmla="*/ 591 h 10000"/>
                  <a:gd name="connsiteX9" fmla="*/ 5660 w 9873"/>
                  <a:gd name="connsiteY9" fmla="*/ 650 h 10000"/>
                  <a:gd name="connsiteX10" fmla="*/ 5812 w 9873"/>
                  <a:gd name="connsiteY10" fmla="*/ 679 h 10000"/>
                  <a:gd name="connsiteX11" fmla="*/ 5965 w 9873"/>
                  <a:gd name="connsiteY11" fmla="*/ 709 h 10000"/>
                  <a:gd name="connsiteX12" fmla="*/ 6168 w 9873"/>
                  <a:gd name="connsiteY12" fmla="*/ 709 h 10000"/>
                  <a:gd name="connsiteX13" fmla="*/ 6168 w 9873"/>
                  <a:gd name="connsiteY13" fmla="*/ 768 h 10000"/>
                  <a:gd name="connsiteX14" fmla="*/ 6193 w 9873"/>
                  <a:gd name="connsiteY14" fmla="*/ 842 h 10000"/>
                  <a:gd name="connsiteX15" fmla="*/ 6243 w 9873"/>
                  <a:gd name="connsiteY15" fmla="*/ 916 h 10000"/>
                  <a:gd name="connsiteX16" fmla="*/ 6294 w 9873"/>
                  <a:gd name="connsiteY16" fmla="*/ 990 h 10000"/>
                  <a:gd name="connsiteX17" fmla="*/ 6369 w 9873"/>
                  <a:gd name="connsiteY17" fmla="*/ 1049 h 10000"/>
                  <a:gd name="connsiteX18" fmla="*/ 6471 w 9873"/>
                  <a:gd name="connsiteY18" fmla="*/ 1108 h 10000"/>
                  <a:gd name="connsiteX19" fmla="*/ 6598 w 9873"/>
                  <a:gd name="connsiteY19" fmla="*/ 1182 h 10000"/>
                  <a:gd name="connsiteX20" fmla="*/ 6700 w 9873"/>
                  <a:gd name="connsiteY20" fmla="*/ 1226 h 10000"/>
                  <a:gd name="connsiteX21" fmla="*/ 6802 w 9873"/>
                  <a:gd name="connsiteY21" fmla="*/ 1270 h 10000"/>
                  <a:gd name="connsiteX22" fmla="*/ 6903 w 9873"/>
                  <a:gd name="connsiteY22" fmla="*/ 1300 h 10000"/>
                  <a:gd name="connsiteX23" fmla="*/ 7005 w 9873"/>
                  <a:gd name="connsiteY23" fmla="*/ 1315 h 10000"/>
                  <a:gd name="connsiteX24" fmla="*/ 7132 w 9873"/>
                  <a:gd name="connsiteY24" fmla="*/ 1300 h 10000"/>
                  <a:gd name="connsiteX25" fmla="*/ 7234 w 9873"/>
                  <a:gd name="connsiteY25" fmla="*/ 1285 h 10000"/>
                  <a:gd name="connsiteX26" fmla="*/ 7309 w 9873"/>
                  <a:gd name="connsiteY26" fmla="*/ 1241 h 10000"/>
                  <a:gd name="connsiteX27" fmla="*/ 7361 w 9873"/>
                  <a:gd name="connsiteY27" fmla="*/ 1167 h 10000"/>
                  <a:gd name="connsiteX28" fmla="*/ 7385 w 9873"/>
                  <a:gd name="connsiteY28" fmla="*/ 1064 h 10000"/>
                  <a:gd name="connsiteX29" fmla="*/ 7766 w 9873"/>
                  <a:gd name="connsiteY29" fmla="*/ 1034 h 10000"/>
                  <a:gd name="connsiteX30" fmla="*/ 8121 w 9873"/>
                  <a:gd name="connsiteY30" fmla="*/ 1004 h 10000"/>
                  <a:gd name="connsiteX31" fmla="*/ 8427 w 9873"/>
                  <a:gd name="connsiteY31" fmla="*/ 990 h 10000"/>
                  <a:gd name="connsiteX32" fmla="*/ 8706 w 9873"/>
                  <a:gd name="connsiteY32" fmla="*/ 1004 h 10000"/>
                  <a:gd name="connsiteX33" fmla="*/ 8833 w 9873"/>
                  <a:gd name="connsiteY33" fmla="*/ 1019 h 10000"/>
                  <a:gd name="connsiteX34" fmla="*/ 8958 w 9873"/>
                  <a:gd name="connsiteY34" fmla="*/ 1034 h 10000"/>
                  <a:gd name="connsiteX35" fmla="*/ 9061 w 9873"/>
                  <a:gd name="connsiteY35" fmla="*/ 1064 h 10000"/>
                  <a:gd name="connsiteX36" fmla="*/ 9188 w 9873"/>
                  <a:gd name="connsiteY36" fmla="*/ 1108 h 10000"/>
                  <a:gd name="connsiteX37" fmla="*/ 9264 w 9873"/>
                  <a:gd name="connsiteY37" fmla="*/ 1182 h 10000"/>
                  <a:gd name="connsiteX38" fmla="*/ 9339 w 9873"/>
                  <a:gd name="connsiteY38" fmla="*/ 1241 h 10000"/>
                  <a:gd name="connsiteX39" fmla="*/ 9391 w 9873"/>
                  <a:gd name="connsiteY39" fmla="*/ 1329 h 10000"/>
                  <a:gd name="connsiteX40" fmla="*/ 9442 w 9873"/>
                  <a:gd name="connsiteY40" fmla="*/ 1433 h 10000"/>
                  <a:gd name="connsiteX41" fmla="*/ 9492 w 9873"/>
                  <a:gd name="connsiteY41" fmla="*/ 1551 h 10000"/>
                  <a:gd name="connsiteX42" fmla="*/ 9466 w 9873"/>
                  <a:gd name="connsiteY42" fmla="*/ 1625 h 10000"/>
                  <a:gd name="connsiteX43" fmla="*/ 9442 w 9873"/>
                  <a:gd name="connsiteY43" fmla="*/ 1684 h 10000"/>
                  <a:gd name="connsiteX44" fmla="*/ 9391 w 9873"/>
                  <a:gd name="connsiteY44" fmla="*/ 1758 h 10000"/>
                  <a:gd name="connsiteX45" fmla="*/ 9315 w 9873"/>
                  <a:gd name="connsiteY45" fmla="*/ 1802 h 10000"/>
                  <a:gd name="connsiteX46" fmla="*/ 9264 w 9873"/>
                  <a:gd name="connsiteY46" fmla="*/ 1861 h 10000"/>
                  <a:gd name="connsiteX47" fmla="*/ 9240 w 9873"/>
                  <a:gd name="connsiteY47" fmla="*/ 1935 h 10000"/>
                  <a:gd name="connsiteX48" fmla="*/ 9264 w 9873"/>
                  <a:gd name="connsiteY48" fmla="*/ 2024 h 10000"/>
                  <a:gd name="connsiteX49" fmla="*/ 9543 w 9873"/>
                  <a:gd name="connsiteY49" fmla="*/ 2157 h 10000"/>
                  <a:gd name="connsiteX50" fmla="*/ 9873 w 9873"/>
                  <a:gd name="connsiteY50" fmla="*/ 2275 h 10000"/>
                  <a:gd name="connsiteX51" fmla="*/ 7182 w 9873"/>
                  <a:gd name="connsiteY51" fmla="*/ 4313 h 10000"/>
                  <a:gd name="connsiteX52" fmla="*/ 7182 w 9873"/>
                  <a:gd name="connsiteY52" fmla="*/ 4431 h 10000"/>
                  <a:gd name="connsiteX53" fmla="*/ 7182 w 9873"/>
                  <a:gd name="connsiteY53" fmla="*/ 4549 h 10000"/>
                  <a:gd name="connsiteX54" fmla="*/ 7132 w 9873"/>
                  <a:gd name="connsiteY54" fmla="*/ 4564 h 10000"/>
                  <a:gd name="connsiteX55" fmla="*/ 7056 w 9873"/>
                  <a:gd name="connsiteY55" fmla="*/ 4594 h 10000"/>
                  <a:gd name="connsiteX56" fmla="*/ 7005 w 9873"/>
                  <a:gd name="connsiteY56" fmla="*/ 4638 h 10000"/>
                  <a:gd name="connsiteX57" fmla="*/ 7005 w 9873"/>
                  <a:gd name="connsiteY57" fmla="*/ 4697 h 10000"/>
                  <a:gd name="connsiteX58" fmla="*/ 6979 w 9873"/>
                  <a:gd name="connsiteY58" fmla="*/ 4801 h 10000"/>
                  <a:gd name="connsiteX59" fmla="*/ 6979 w 9873"/>
                  <a:gd name="connsiteY59" fmla="*/ 4904 h 10000"/>
                  <a:gd name="connsiteX60" fmla="*/ 6853 w 9873"/>
                  <a:gd name="connsiteY60" fmla="*/ 4860 h 10000"/>
                  <a:gd name="connsiteX61" fmla="*/ 6776 w 9873"/>
                  <a:gd name="connsiteY61" fmla="*/ 4801 h 10000"/>
                  <a:gd name="connsiteX62" fmla="*/ 6700 w 9873"/>
                  <a:gd name="connsiteY62" fmla="*/ 4727 h 10000"/>
                  <a:gd name="connsiteX63" fmla="*/ 6625 w 9873"/>
                  <a:gd name="connsiteY63" fmla="*/ 4638 h 10000"/>
                  <a:gd name="connsiteX64" fmla="*/ 6498 w 9873"/>
                  <a:gd name="connsiteY64" fmla="*/ 4476 h 10000"/>
                  <a:gd name="connsiteX65" fmla="*/ 6369 w 9873"/>
                  <a:gd name="connsiteY65" fmla="*/ 4313 h 10000"/>
                  <a:gd name="connsiteX66" fmla="*/ 6523 w 9873"/>
                  <a:gd name="connsiteY66" fmla="*/ 4210 h 10000"/>
                  <a:gd name="connsiteX67" fmla="*/ 6725 w 9873"/>
                  <a:gd name="connsiteY67" fmla="*/ 4121 h 10000"/>
                  <a:gd name="connsiteX68" fmla="*/ 6954 w 9873"/>
                  <a:gd name="connsiteY68" fmla="*/ 4032 h 10000"/>
                  <a:gd name="connsiteX69" fmla="*/ 7208 w 9873"/>
                  <a:gd name="connsiteY69" fmla="*/ 3959 h 10000"/>
                  <a:gd name="connsiteX70" fmla="*/ 7741 w 9873"/>
                  <a:gd name="connsiteY70" fmla="*/ 3811 h 10000"/>
                  <a:gd name="connsiteX71" fmla="*/ 8273 w 9873"/>
                  <a:gd name="connsiteY71" fmla="*/ 3663 h 10000"/>
                  <a:gd name="connsiteX72" fmla="*/ 8782 w 9873"/>
                  <a:gd name="connsiteY72" fmla="*/ 3516 h 10000"/>
                  <a:gd name="connsiteX73" fmla="*/ 8984 w 9873"/>
                  <a:gd name="connsiteY73" fmla="*/ 3412 h 10000"/>
                  <a:gd name="connsiteX74" fmla="*/ 9188 w 9873"/>
                  <a:gd name="connsiteY74" fmla="*/ 3338 h 10000"/>
                  <a:gd name="connsiteX75" fmla="*/ 9315 w 9873"/>
                  <a:gd name="connsiteY75" fmla="*/ 3235 h 10000"/>
                  <a:gd name="connsiteX76" fmla="*/ 9415 w 9873"/>
                  <a:gd name="connsiteY76" fmla="*/ 3117 h 10000"/>
                  <a:gd name="connsiteX77" fmla="*/ 9442 w 9873"/>
                  <a:gd name="connsiteY77" fmla="*/ 3072 h 10000"/>
                  <a:gd name="connsiteX78" fmla="*/ 9466 w 9873"/>
                  <a:gd name="connsiteY78" fmla="*/ 3013 h 10000"/>
                  <a:gd name="connsiteX79" fmla="*/ 9466 w 9873"/>
                  <a:gd name="connsiteY79" fmla="*/ 2954 h 10000"/>
                  <a:gd name="connsiteX80" fmla="*/ 9442 w 9873"/>
                  <a:gd name="connsiteY80" fmla="*/ 2866 h 10000"/>
                  <a:gd name="connsiteX81" fmla="*/ 9264 w 9873"/>
                  <a:gd name="connsiteY81" fmla="*/ 2984 h 10000"/>
                  <a:gd name="connsiteX82" fmla="*/ 9061 w 9873"/>
                  <a:gd name="connsiteY82" fmla="*/ 3072 h 10000"/>
                  <a:gd name="connsiteX83" fmla="*/ 8857 w 9873"/>
                  <a:gd name="connsiteY83" fmla="*/ 3161 h 10000"/>
                  <a:gd name="connsiteX84" fmla="*/ 8655 w 9873"/>
                  <a:gd name="connsiteY84" fmla="*/ 3250 h 10000"/>
                  <a:gd name="connsiteX85" fmla="*/ 8197 w 9873"/>
                  <a:gd name="connsiteY85" fmla="*/ 3397 h 10000"/>
                  <a:gd name="connsiteX86" fmla="*/ 7716 w 9873"/>
                  <a:gd name="connsiteY86" fmla="*/ 3545 h 10000"/>
                  <a:gd name="connsiteX87" fmla="*/ 7234 w 9873"/>
                  <a:gd name="connsiteY87" fmla="*/ 3678 h 10000"/>
                  <a:gd name="connsiteX88" fmla="*/ 6776 w 9873"/>
                  <a:gd name="connsiteY88" fmla="*/ 3840 h 10000"/>
                  <a:gd name="connsiteX89" fmla="*/ 6548 w 9873"/>
                  <a:gd name="connsiteY89" fmla="*/ 3914 h 10000"/>
                  <a:gd name="connsiteX90" fmla="*/ 6345 w 9873"/>
                  <a:gd name="connsiteY90" fmla="*/ 4003 h 10000"/>
                  <a:gd name="connsiteX91" fmla="*/ 6143 w 9873"/>
                  <a:gd name="connsiteY91" fmla="*/ 4106 h 10000"/>
                  <a:gd name="connsiteX92" fmla="*/ 5938 w 9873"/>
                  <a:gd name="connsiteY92" fmla="*/ 4195 h 10000"/>
                  <a:gd name="connsiteX93" fmla="*/ 6091 w 9873"/>
                  <a:gd name="connsiteY93" fmla="*/ 4417 h 10000"/>
                  <a:gd name="connsiteX94" fmla="*/ 6193 w 9873"/>
                  <a:gd name="connsiteY94" fmla="*/ 4623 h 10000"/>
                  <a:gd name="connsiteX95" fmla="*/ 6294 w 9873"/>
                  <a:gd name="connsiteY95" fmla="*/ 4845 h 10000"/>
                  <a:gd name="connsiteX96" fmla="*/ 6369 w 9873"/>
                  <a:gd name="connsiteY96" fmla="*/ 5081 h 10000"/>
                  <a:gd name="connsiteX97" fmla="*/ 6421 w 9873"/>
                  <a:gd name="connsiteY97" fmla="*/ 5318 h 10000"/>
                  <a:gd name="connsiteX98" fmla="*/ 6447 w 9873"/>
                  <a:gd name="connsiteY98" fmla="*/ 5539 h 10000"/>
                  <a:gd name="connsiteX99" fmla="*/ 6471 w 9873"/>
                  <a:gd name="connsiteY99" fmla="*/ 5775 h 10000"/>
                  <a:gd name="connsiteX100" fmla="*/ 6471 w 9873"/>
                  <a:gd name="connsiteY100" fmla="*/ 5997 h 10000"/>
                  <a:gd name="connsiteX101" fmla="*/ 6447 w 9873"/>
                  <a:gd name="connsiteY101" fmla="*/ 6233 h 10000"/>
                  <a:gd name="connsiteX102" fmla="*/ 6396 w 9873"/>
                  <a:gd name="connsiteY102" fmla="*/ 6470 h 10000"/>
                  <a:gd name="connsiteX103" fmla="*/ 6345 w 9873"/>
                  <a:gd name="connsiteY103" fmla="*/ 6677 h 10000"/>
                  <a:gd name="connsiteX104" fmla="*/ 6269 w 9873"/>
                  <a:gd name="connsiteY104" fmla="*/ 6898 h 10000"/>
                  <a:gd name="connsiteX105" fmla="*/ 6168 w 9873"/>
                  <a:gd name="connsiteY105" fmla="*/ 7105 h 10000"/>
                  <a:gd name="connsiteX106" fmla="*/ 6041 w 9873"/>
                  <a:gd name="connsiteY106" fmla="*/ 7297 h 10000"/>
                  <a:gd name="connsiteX107" fmla="*/ 5888 w 9873"/>
                  <a:gd name="connsiteY107" fmla="*/ 7489 h 10000"/>
                  <a:gd name="connsiteX108" fmla="*/ 5735 w 9873"/>
                  <a:gd name="connsiteY108" fmla="*/ 7681 h 10000"/>
                  <a:gd name="connsiteX109" fmla="*/ 6471 w 9873"/>
                  <a:gd name="connsiteY109" fmla="*/ 7799 h 10000"/>
                  <a:gd name="connsiteX110" fmla="*/ 7234 w 9873"/>
                  <a:gd name="connsiteY110" fmla="*/ 7962 h 10000"/>
                  <a:gd name="connsiteX111" fmla="*/ 7385 w 9873"/>
                  <a:gd name="connsiteY111" fmla="*/ 8021 h 10000"/>
                  <a:gd name="connsiteX112" fmla="*/ 7512 w 9873"/>
                  <a:gd name="connsiteY112" fmla="*/ 8080 h 10000"/>
                  <a:gd name="connsiteX113" fmla="*/ 7639 w 9873"/>
                  <a:gd name="connsiteY113" fmla="*/ 8139 h 10000"/>
                  <a:gd name="connsiteX114" fmla="*/ 7716 w 9873"/>
                  <a:gd name="connsiteY114" fmla="*/ 8227 h 10000"/>
                  <a:gd name="connsiteX115" fmla="*/ 7741 w 9873"/>
                  <a:gd name="connsiteY115" fmla="*/ 8301 h 10000"/>
                  <a:gd name="connsiteX116" fmla="*/ 7741 w 9873"/>
                  <a:gd name="connsiteY116" fmla="*/ 8405 h 10000"/>
                  <a:gd name="connsiteX117" fmla="*/ 7691 w 9873"/>
                  <a:gd name="connsiteY117" fmla="*/ 8523 h 10000"/>
                  <a:gd name="connsiteX118" fmla="*/ 7614 w 9873"/>
                  <a:gd name="connsiteY118" fmla="*/ 8641 h 10000"/>
                  <a:gd name="connsiteX119" fmla="*/ 7284 w 9873"/>
                  <a:gd name="connsiteY119" fmla="*/ 8552 h 10000"/>
                  <a:gd name="connsiteX120" fmla="*/ 6979 w 9873"/>
                  <a:gd name="connsiteY120" fmla="*/ 8449 h 10000"/>
                  <a:gd name="connsiteX121" fmla="*/ 6674 w 9873"/>
                  <a:gd name="connsiteY121" fmla="*/ 8360 h 10000"/>
                  <a:gd name="connsiteX122" fmla="*/ 6369 w 9873"/>
                  <a:gd name="connsiteY122" fmla="*/ 8287 h 10000"/>
                  <a:gd name="connsiteX123" fmla="*/ 6243 w 9873"/>
                  <a:gd name="connsiteY123" fmla="*/ 8449 h 10000"/>
                  <a:gd name="connsiteX124" fmla="*/ 6143 w 9873"/>
                  <a:gd name="connsiteY124" fmla="*/ 8597 h 10000"/>
                  <a:gd name="connsiteX125" fmla="*/ 6091 w 9873"/>
                  <a:gd name="connsiteY125" fmla="*/ 8656 h 10000"/>
                  <a:gd name="connsiteX126" fmla="*/ 5989 w 9873"/>
                  <a:gd name="connsiteY126" fmla="*/ 8700 h 10000"/>
                  <a:gd name="connsiteX127" fmla="*/ 5914 w 9873"/>
                  <a:gd name="connsiteY127" fmla="*/ 8744 h 10000"/>
                  <a:gd name="connsiteX128" fmla="*/ 5838 w 9873"/>
                  <a:gd name="connsiteY128" fmla="*/ 8774 h 10000"/>
                  <a:gd name="connsiteX129" fmla="*/ 5761 w 9873"/>
                  <a:gd name="connsiteY129" fmla="*/ 8804 h 10000"/>
                  <a:gd name="connsiteX130" fmla="*/ 5660 w 9873"/>
                  <a:gd name="connsiteY130" fmla="*/ 8818 h 10000"/>
                  <a:gd name="connsiteX131" fmla="*/ 5532 w 9873"/>
                  <a:gd name="connsiteY131" fmla="*/ 8833 h 10000"/>
                  <a:gd name="connsiteX132" fmla="*/ 5406 w 9873"/>
                  <a:gd name="connsiteY132" fmla="*/ 8833 h 10000"/>
                  <a:gd name="connsiteX133" fmla="*/ 5102 w 9873"/>
                  <a:gd name="connsiteY133" fmla="*/ 8818 h 10000"/>
                  <a:gd name="connsiteX134" fmla="*/ 4720 w 9873"/>
                  <a:gd name="connsiteY134" fmla="*/ 8744 h 10000"/>
                  <a:gd name="connsiteX135" fmla="*/ 4720 w 9873"/>
                  <a:gd name="connsiteY135" fmla="*/ 8922 h 10000"/>
                  <a:gd name="connsiteX136" fmla="*/ 4695 w 9873"/>
                  <a:gd name="connsiteY136" fmla="*/ 9069 h 10000"/>
                  <a:gd name="connsiteX137" fmla="*/ 4671 w 9873"/>
                  <a:gd name="connsiteY137" fmla="*/ 9232 h 10000"/>
                  <a:gd name="connsiteX138" fmla="*/ 4644 w 9873"/>
                  <a:gd name="connsiteY138" fmla="*/ 9365 h 10000"/>
                  <a:gd name="connsiteX139" fmla="*/ 4593 w 9873"/>
                  <a:gd name="connsiteY139" fmla="*/ 9498 h 10000"/>
                  <a:gd name="connsiteX140" fmla="*/ 4493 w 9873"/>
                  <a:gd name="connsiteY140" fmla="*/ 9616 h 10000"/>
                  <a:gd name="connsiteX141" fmla="*/ 4416 w 9873"/>
                  <a:gd name="connsiteY141" fmla="*/ 9734 h 10000"/>
                  <a:gd name="connsiteX142" fmla="*/ 4289 w 9873"/>
                  <a:gd name="connsiteY142" fmla="*/ 9838 h 10000"/>
                  <a:gd name="connsiteX143" fmla="*/ 3983 w 9873"/>
                  <a:gd name="connsiteY143" fmla="*/ 9897 h 10000"/>
                  <a:gd name="connsiteX144" fmla="*/ 3731 w 9873"/>
                  <a:gd name="connsiteY144" fmla="*/ 9941 h 10000"/>
                  <a:gd name="connsiteX145" fmla="*/ 3426 w 9873"/>
                  <a:gd name="connsiteY145" fmla="*/ 9985 h 10000"/>
                  <a:gd name="connsiteX146" fmla="*/ 3198 w 9873"/>
                  <a:gd name="connsiteY146" fmla="*/ 10000 h 10000"/>
                  <a:gd name="connsiteX147" fmla="*/ 2690 w 9873"/>
                  <a:gd name="connsiteY147" fmla="*/ 10000 h 10000"/>
                  <a:gd name="connsiteX148" fmla="*/ 2208 w 9873"/>
                  <a:gd name="connsiteY148" fmla="*/ 9985 h 10000"/>
                  <a:gd name="connsiteX149" fmla="*/ 1752 w 9873"/>
                  <a:gd name="connsiteY149" fmla="*/ 9941 h 10000"/>
                  <a:gd name="connsiteX150" fmla="*/ 1270 w 9873"/>
                  <a:gd name="connsiteY150" fmla="*/ 9911 h 10000"/>
                  <a:gd name="connsiteX151" fmla="*/ 990 w 9873"/>
                  <a:gd name="connsiteY151" fmla="*/ 9911 h 10000"/>
                  <a:gd name="connsiteX152" fmla="*/ 736 w 9873"/>
                  <a:gd name="connsiteY152" fmla="*/ 9911 h 10000"/>
                  <a:gd name="connsiteX153" fmla="*/ 457 w 9873"/>
                  <a:gd name="connsiteY153" fmla="*/ 9926 h 10000"/>
                  <a:gd name="connsiteX154" fmla="*/ 178 w 9873"/>
                  <a:gd name="connsiteY154" fmla="*/ 9970 h 10000"/>
                  <a:gd name="connsiteX155" fmla="*/ 102 w 9873"/>
                  <a:gd name="connsiteY155" fmla="*/ 9867 h 10000"/>
                  <a:gd name="connsiteX156" fmla="*/ 51 w 9873"/>
                  <a:gd name="connsiteY156" fmla="*/ 9793 h 10000"/>
                  <a:gd name="connsiteX157" fmla="*/ 0 w 9873"/>
                  <a:gd name="connsiteY157" fmla="*/ 9705 h 10000"/>
                  <a:gd name="connsiteX158" fmla="*/ 0 w 9873"/>
                  <a:gd name="connsiteY158" fmla="*/ 9601 h 10000"/>
                  <a:gd name="connsiteX159" fmla="*/ 51 w 9873"/>
                  <a:gd name="connsiteY159" fmla="*/ 9424 h 10000"/>
                  <a:gd name="connsiteX160" fmla="*/ 102 w 9873"/>
                  <a:gd name="connsiteY160" fmla="*/ 9202 h 10000"/>
                  <a:gd name="connsiteX161" fmla="*/ 151 w 9873"/>
                  <a:gd name="connsiteY161" fmla="*/ 8996 h 10000"/>
                  <a:gd name="connsiteX162" fmla="*/ 203 w 9873"/>
                  <a:gd name="connsiteY162" fmla="*/ 8759 h 10000"/>
                  <a:gd name="connsiteX163" fmla="*/ 228 w 9873"/>
                  <a:gd name="connsiteY163" fmla="*/ 8641 h 10000"/>
                  <a:gd name="connsiteX164" fmla="*/ 228 w 9873"/>
                  <a:gd name="connsiteY164" fmla="*/ 8538 h 10000"/>
                  <a:gd name="connsiteX165" fmla="*/ 203 w 9873"/>
                  <a:gd name="connsiteY165" fmla="*/ 8405 h 10000"/>
                  <a:gd name="connsiteX166" fmla="*/ 178 w 9873"/>
                  <a:gd name="connsiteY166" fmla="*/ 8287 h 10000"/>
                  <a:gd name="connsiteX167" fmla="*/ 431 w 9873"/>
                  <a:gd name="connsiteY167" fmla="*/ 8213 h 10000"/>
                  <a:gd name="connsiteX168" fmla="*/ 685 w 9873"/>
                  <a:gd name="connsiteY168" fmla="*/ 8139 h 10000"/>
                  <a:gd name="connsiteX169" fmla="*/ 939 w 9873"/>
                  <a:gd name="connsiteY169" fmla="*/ 8095 h 10000"/>
                  <a:gd name="connsiteX170" fmla="*/ 1218 w 9873"/>
                  <a:gd name="connsiteY170" fmla="*/ 8065 h 10000"/>
                  <a:gd name="connsiteX171" fmla="*/ 1725 w 9873"/>
                  <a:gd name="connsiteY171" fmla="*/ 8021 h 10000"/>
                  <a:gd name="connsiteX172" fmla="*/ 2234 w 9873"/>
                  <a:gd name="connsiteY172" fmla="*/ 7976 h 10000"/>
                  <a:gd name="connsiteX173" fmla="*/ 2462 w 9873"/>
                  <a:gd name="connsiteY173" fmla="*/ 7947 h 10000"/>
                  <a:gd name="connsiteX174" fmla="*/ 2690 w 9873"/>
                  <a:gd name="connsiteY174" fmla="*/ 7917 h 10000"/>
                  <a:gd name="connsiteX175" fmla="*/ 2892 w 9873"/>
                  <a:gd name="connsiteY175" fmla="*/ 7843 h 10000"/>
                  <a:gd name="connsiteX176" fmla="*/ 3096 w 9873"/>
                  <a:gd name="connsiteY176" fmla="*/ 7784 h 10000"/>
                  <a:gd name="connsiteX177" fmla="*/ 3274 w 9873"/>
                  <a:gd name="connsiteY177" fmla="*/ 7710 h 10000"/>
                  <a:gd name="connsiteX178" fmla="*/ 3426 w 9873"/>
                  <a:gd name="connsiteY178" fmla="*/ 7592 h 10000"/>
                  <a:gd name="connsiteX179" fmla="*/ 3579 w 9873"/>
                  <a:gd name="connsiteY179" fmla="*/ 7474 h 10000"/>
                  <a:gd name="connsiteX180" fmla="*/ 3680 w 9873"/>
                  <a:gd name="connsiteY180" fmla="*/ 7312 h 10000"/>
                  <a:gd name="connsiteX181" fmla="*/ 3477 w 9873"/>
                  <a:gd name="connsiteY181" fmla="*/ 7238 h 10000"/>
                  <a:gd name="connsiteX182" fmla="*/ 3299 w 9873"/>
                  <a:gd name="connsiteY182" fmla="*/ 7179 h 10000"/>
                  <a:gd name="connsiteX183" fmla="*/ 3147 w 9873"/>
                  <a:gd name="connsiteY183" fmla="*/ 7090 h 10000"/>
                  <a:gd name="connsiteX184" fmla="*/ 2995 w 9873"/>
                  <a:gd name="connsiteY184" fmla="*/ 6987 h 10000"/>
                  <a:gd name="connsiteX185" fmla="*/ 2892 w 9873"/>
                  <a:gd name="connsiteY185" fmla="*/ 6869 h 10000"/>
                  <a:gd name="connsiteX186" fmla="*/ 2843 w 9873"/>
                  <a:gd name="connsiteY186" fmla="*/ 6721 h 10000"/>
                  <a:gd name="connsiteX187" fmla="*/ 2817 w 9873"/>
                  <a:gd name="connsiteY187" fmla="*/ 6558 h 10000"/>
                  <a:gd name="connsiteX188" fmla="*/ 2843 w 9873"/>
                  <a:gd name="connsiteY188" fmla="*/ 6352 h 10000"/>
                  <a:gd name="connsiteX189" fmla="*/ 2716 w 9873"/>
                  <a:gd name="connsiteY189" fmla="*/ 6322 h 10000"/>
                  <a:gd name="connsiteX190" fmla="*/ 2564 w 9873"/>
                  <a:gd name="connsiteY190" fmla="*/ 6292 h 10000"/>
                  <a:gd name="connsiteX191" fmla="*/ 2386 w 9873"/>
                  <a:gd name="connsiteY191" fmla="*/ 6278 h 10000"/>
                  <a:gd name="connsiteX192" fmla="*/ 2208 w 9873"/>
                  <a:gd name="connsiteY192" fmla="*/ 6263 h 10000"/>
                  <a:gd name="connsiteX193" fmla="*/ 1853 w 9873"/>
                  <a:gd name="connsiteY193" fmla="*/ 6248 h 10000"/>
                  <a:gd name="connsiteX194" fmla="*/ 1472 w 9873"/>
                  <a:gd name="connsiteY194" fmla="*/ 6263 h 10000"/>
                  <a:gd name="connsiteX195" fmla="*/ 1143 w 9873"/>
                  <a:gd name="connsiteY195" fmla="*/ 6278 h 10000"/>
                  <a:gd name="connsiteX196" fmla="*/ 837 w 9873"/>
                  <a:gd name="connsiteY196" fmla="*/ 6278 h 10000"/>
                  <a:gd name="connsiteX197" fmla="*/ 585 w 9873"/>
                  <a:gd name="connsiteY197" fmla="*/ 6263 h 10000"/>
                  <a:gd name="connsiteX198" fmla="*/ 381 w 9873"/>
                  <a:gd name="connsiteY198" fmla="*/ 6233 h 10000"/>
                  <a:gd name="connsiteX199" fmla="*/ 633 w 9873"/>
                  <a:gd name="connsiteY199" fmla="*/ 5805 h 10000"/>
                  <a:gd name="connsiteX200" fmla="*/ 914 w 9873"/>
                  <a:gd name="connsiteY200" fmla="*/ 5391 h 10000"/>
                  <a:gd name="connsiteX201" fmla="*/ 1016 w 9873"/>
                  <a:gd name="connsiteY201" fmla="*/ 5170 h 10000"/>
                  <a:gd name="connsiteX202" fmla="*/ 1091 w 9873"/>
                  <a:gd name="connsiteY202" fmla="*/ 4963 h 10000"/>
                  <a:gd name="connsiteX203" fmla="*/ 1116 w 9873"/>
                  <a:gd name="connsiteY203" fmla="*/ 4860 h 10000"/>
                  <a:gd name="connsiteX204" fmla="*/ 1091 w 9873"/>
                  <a:gd name="connsiteY204" fmla="*/ 4756 h 10000"/>
                  <a:gd name="connsiteX205" fmla="*/ 1066 w 9873"/>
                  <a:gd name="connsiteY205" fmla="*/ 4653 h 10000"/>
                  <a:gd name="connsiteX206" fmla="*/ 990 w 9873"/>
                  <a:gd name="connsiteY206" fmla="*/ 4549 h 10000"/>
                  <a:gd name="connsiteX207" fmla="*/ 1270 w 9873"/>
                  <a:gd name="connsiteY207" fmla="*/ 4520 h 10000"/>
                  <a:gd name="connsiteX208" fmla="*/ 1472 w 9873"/>
                  <a:gd name="connsiteY208" fmla="*/ 4505 h 10000"/>
                  <a:gd name="connsiteX209" fmla="*/ 1650 w 9873"/>
                  <a:gd name="connsiteY209" fmla="*/ 4505 h 10000"/>
                  <a:gd name="connsiteX210" fmla="*/ 1802 w 9873"/>
                  <a:gd name="connsiteY210" fmla="*/ 4520 h 10000"/>
                  <a:gd name="connsiteX211" fmla="*/ 1929 w 9873"/>
                  <a:gd name="connsiteY211" fmla="*/ 4520 h 10000"/>
                  <a:gd name="connsiteX212" fmla="*/ 2081 w 9873"/>
                  <a:gd name="connsiteY212" fmla="*/ 4520 h 10000"/>
                  <a:gd name="connsiteX213" fmla="*/ 2234 w 9873"/>
                  <a:gd name="connsiteY213" fmla="*/ 4490 h 10000"/>
                  <a:gd name="connsiteX214" fmla="*/ 2436 w 9873"/>
                  <a:gd name="connsiteY214" fmla="*/ 4446 h 10000"/>
                  <a:gd name="connsiteX215" fmla="*/ 2436 w 9873"/>
                  <a:gd name="connsiteY215" fmla="*/ 4579 h 10000"/>
                  <a:gd name="connsiteX216" fmla="*/ 2436 w 9873"/>
                  <a:gd name="connsiteY216" fmla="*/ 4742 h 10000"/>
                  <a:gd name="connsiteX217" fmla="*/ 2436 w 9873"/>
                  <a:gd name="connsiteY217" fmla="*/ 4874 h 10000"/>
                  <a:gd name="connsiteX218" fmla="*/ 2436 w 9873"/>
                  <a:gd name="connsiteY218" fmla="*/ 5037 h 10000"/>
                  <a:gd name="connsiteX219" fmla="*/ 2665 w 9873"/>
                  <a:gd name="connsiteY219" fmla="*/ 5022 h 10000"/>
                  <a:gd name="connsiteX220" fmla="*/ 2817 w 9873"/>
                  <a:gd name="connsiteY220" fmla="*/ 5037 h 10000"/>
                  <a:gd name="connsiteX221" fmla="*/ 2944 w 9873"/>
                  <a:gd name="connsiteY221" fmla="*/ 5066 h 10000"/>
                  <a:gd name="connsiteX222" fmla="*/ 3071 w 9873"/>
                  <a:gd name="connsiteY222" fmla="*/ 5096 h 10000"/>
                  <a:gd name="connsiteX223" fmla="*/ 3173 w 9873"/>
                  <a:gd name="connsiteY223" fmla="*/ 5126 h 10000"/>
                  <a:gd name="connsiteX224" fmla="*/ 3299 w 9873"/>
                  <a:gd name="connsiteY224" fmla="*/ 5155 h 10000"/>
                  <a:gd name="connsiteX225" fmla="*/ 3452 w 9873"/>
                  <a:gd name="connsiteY225" fmla="*/ 5170 h 10000"/>
                  <a:gd name="connsiteX226" fmla="*/ 3680 w 9873"/>
                  <a:gd name="connsiteY226" fmla="*/ 5155 h 10000"/>
                  <a:gd name="connsiteX227" fmla="*/ 3757 w 9873"/>
                  <a:gd name="connsiteY227" fmla="*/ 5096 h 10000"/>
                  <a:gd name="connsiteX228" fmla="*/ 3832 w 9873"/>
                  <a:gd name="connsiteY228" fmla="*/ 5022 h 10000"/>
                  <a:gd name="connsiteX229" fmla="*/ 3857 w 9873"/>
                  <a:gd name="connsiteY229" fmla="*/ 4934 h 10000"/>
                  <a:gd name="connsiteX230" fmla="*/ 3884 w 9873"/>
                  <a:gd name="connsiteY230" fmla="*/ 4860 h 10000"/>
                  <a:gd name="connsiteX231" fmla="*/ 3908 w 9873"/>
                  <a:gd name="connsiteY231" fmla="*/ 4697 h 10000"/>
                  <a:gd name="connsiteX232" fmla="*/ 3884 w 9873"/>
                  <a:gd name="connsiteY232" fmla="*/ 4520 h 10000"/>
                  <a:gd name="connsiteX233" fmla="*/ 3807 w 9873"/>
                  <a:gd name="connsiteY233" fmla="*/ 4343 h 10000"/>
                  <a:gd name="connsiteX234" fmla="*/ 3731 w 9873"/>
                  <a:gd name="connsiteY234" fmla="*/ 4195 h 10000"/>
                  <a:gd name="connsiteX235" fmla="*/ 3604 w 9873"/>
                  <a:gd name="connsiteY235" fmla="*/ 4047 h 10000"/>
                  <a:gd name="connsiteX236" fmla="*/ 3477 w 9873"/>
                  <a:gd name="connsiteY236" fmla="*/ 3959 h 10000"/>
                  <a:gd name="connsiteX237" fmla="*/ 3629 w 9873"/>
                  <a:gd name="connsiteY237" fmla="*/ 3944 h 10000"/>
                  <a:gd name="connsiteX238" fmla="*/ 3757 w 9873"/>
                  <a:gd name="connsiteY238" fmla="*/ 3914 h 10000"/>
                  <a:gd name="connsiteX239" fmla="*/ 3857 w 9873"/>
                  <a:gd name="connsiteY239" fmla="*/ 3855 h 10000"/>
                  <a:gd name="connsiteX240" fmla="*/ 3983 w 9873"/>
                  <a:gd name="connsiteY240" fmla="*/ 3752 h 10000"/>
                  <a:gd name="connsiteX241" fmla="*/ 4111 w 9873"/>
                  <a:gd name="connsiteY241" fmla="*/ 3663 h 10000"/>
                  <a:gd name="connsiteX242" fmla="*/ 4213 w 9873"/>
                  <a:gd name="connsiteY242" fmla="*/ 3560 h 10000"/>
                  <a:gd name="connsiteX243" fmla="*/ 4289 w 9873"/>
                  <a:gd name="connsiteY243" fmla="*/ 3442 h 10000"/>
                  <a:gd name="connsiteX244" fmla="*/ 4366 w 9873"/>
                  <a:gd name="connsiteY244" fmla="*/ 3323 h 10000"/>
                  <a:gd name="connsiteX245" fmla="*/ 4416 w 9873"/>
                  <a:gd name="connsiteY245" fmla="*/ 3220 h 10000"/>
                  <a:gd name="connsiteX246" fmla="*/ 4441 w 9873"/>
                  <a:gd name="connsiteY246" fmla="*/ 3102 h 10000"/>
                  <a:gd name="connsiteX247" fmla="*/ 4468 w 9873"/>
                  <a:gd name="connsiteY247" fmla="*/ 3013 h 10000"/>
                  <a:gd name="connsiteX248" fmla="*/ 4441 w 9873"/>
                  <a:gd name="connsiteY248" fmla="*/ 2939 h 10000"/>
                  <a:gd name="connsiteX249" fmla="*/ 4416 w 9873"/>
                  <a:gd name="connsiteY249" fmla="*/ 2866 h 10000"/>
                  <a:gd name="connsiteX250" fmla="*/ 4340 w 9873"/>
                  <a:gd name="connsiteY250" fmla="*/ 2836 h 10000"/>
                  <a:gd name="connsiteX251" fmla="*/ 4239 w 9873"/>
                  <a:gd name="connsiteY251" fmla="*/ 2836 h 10000"/>
                  <a:gd name="connsiteX252" fmla="*/ 4111 w 9873"/>
                  <a:gd name="connsiteY252" fmla="*/ 2866 h 10000"/>
                  <a:gd name="connsiteX253" fmla="*/ 4213 w 9873"/>
                  <a:gd name="connsiteY253" fmla="*/ 2777 h 10000"/>
                  <a:gd name="connsiteX254" fmla="*/ 4265 w 9873"/>
                  <a:gd name="connsiteY254" fmla="*/ 2674 h 10000"/>
                  <a:gd name="connsiteX255" fmla="*/ 4289 w 9873"/>
                  <a:gd name="connsiteY255" fmla="*/ 2541 h 10000"/>
                  <a:gd name="connsiteX256" fmla="*/ 4289 w 9873"/>
                  <a:gd name="connsiteY256" fmla="*/ 2393 h 10000"/>
                  <a:gd name="connsiteX257" fmla="*/ 4314 w 9873"/>
                  <a:gd name="connsiteY257" fmla="*/ 2349 h 10000"/>
                  <a:gd name="connsiteX258" fmla="*/ 4366 w 9873"/>
                  <a:gd name="connsiteY258" fmla="*/ 2304 h 10000"/>
                  <a:gd name="connsiteX259" fmla="*/ 4416 w 9873"/>
                  <a:gd name="connsiteY259" fmla="*/ 2290 h 10000"/>
                  <a:gd name="connsiteX260" fmla="*/ 4493 w 9873"/>
                  <a:gd name="connsiteY260" fmla="*/ 2275 h 10000"/>
                  <a:gd name="connsiteX261" fmla="*/ 4720 w 9873"/>
                  <a:gd name="connsiteY261" fmla="*/ 2260 h 10000"/>
                  <a:gd name="connsiteX262" fmla="*/ 4923 w 9873"/>
                  <a:gd name="connsiteY262" fmla="*/ 2275 h 10000"/>
                  <a:gd name="connsiteX263" fmla="*/ 4898 w 9873"/>
                  <a:gd name="connsiteY263" fmla="*/ 2112 h 10000"/>
                  <a:gd name="connsiteX264" fmla="*/ 4848 w 9873"/>
                  <a:gd name="connsiteY264" fmla="*/ 1950 h 10000"/>
                  <a:gd name="connsiteX265" fmla="*/ 4771 w 9873"/>
                  <a:gd name="connsiteY265" fmla="*/ 1802 h 10000"/>
                  <a:gd name="connsiteX266" fmla="*/ 4671 w 9873"/>
                  <a:gd name="connsiteY266" fmla="*/ 1640 h 10000"/>
                  <a:gd name="connsiteX267" fmla="*/ 4416 w 9873"/>
                  <a:gd name="connsiteY267" fmla="*/ 1329 h 10000"/>
                  <a:gd name="connsiteX268" fmla="*/ 4162 w 9873"/>
                  <a:gd name="connsiteY268" fmla="*/ 1034 h 10000"/>
                  <a:gd name="connsiteX269" fmla="*/ 4035 w 9873"/>
                  <a:gd name="connsiteY269" fmla="*/ 901 h 10000"/>
                  <a:gd name="connsiteX270" fmla="*/ 3935 w 9873"/>
                  <a:gd name="connsiteY270" fmla="*/ 753 h 10000"/>
                  <a:gd name="connsiteX271" fmla="*/ 3857 w 9873"/>
                  <a:gd name="connsiteY271" fmla="*/ 620 h 10000"/>
                  <a:gd name="connsiteX272" fmla="*/ 3832 w 9873"/>
                  <a:gd name="connsiteY272" fmla="*/ 487 h 10000"/>
                  <a:gd name="connsiteX273" fmla="*/ 3807 w 9873"/>
                  <a:gd name="connsiteY273" fmla="*/ 355 h 10000"/>
                  <a:gd name="connsiteX274" fmla="*/ 3857 w 9873"/>
                  <a:gd name="connsiteY274" fmla="*/ 222 h 10000"/>
                  <a:gd name="connsiteX275" fmla="*/ 3884 w 9873"/>
                  <a:gd name="connsiteY275" fmla="*/ 162 h 10000"/>
                  <a:gd name="connsiteX276" fmla="*/ 3935 w 9873"/>
                  <a:gd name="connsiteY276" fmla="*/ 103 h 10000"/>
                  <a:gd name="connsiteX277" fmla="*/ 4011 w 9873"/>
                  <a:gd name="connsiteY277" fmla="*/ 59 h 10000"/>
                  <a:gd name="connsiteX278" fmla="*/ 4111 w 9873"/>
                  <a:gd name="connsiteY278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7043 w 10000"/>
                  <a:gd name="connsiteY67" fmla="*/ 4032 h 10000"/>
                  <a:gd name="connsiteX68" fmla="*/ 7301 w 10000"/>
                  <a:gd name="connsiteY68" fmla="*/ 3959 h 10000"/>
                  <a:gd name="connsiteX69" fmla="*/ 7841 w 10000"/>
                  <a:gd name="connsiteY69" fmla="*/ 3811 h 10000"/>
                  <a:gd name="connsiteX70" fmla="*/ 8379 w 10000"/>
                  <a:gd name="connsiteY70" fmla="*/ 3663 h 10000"/>
                  <a:gd name="connsiteX71" fmla="*/ 8895 w 10000"/>
                  <a:gd name="connsiteY71" fmla="*/ 3516 h 10000"/>
                  <a:gd name="connsiteX72" fmla="*/ 9100 w 10000"/>
                  <a:gd name="connsiteY72" fmla="*/ 3412 h 10000"/>
                  <a:gd name="connsiteX73" fmla="*/ 9306 w 10000"/>
                  <a:gd name="connsiteY73" fmla="*/ 3338 h 10000"/>
                  <a:gd name="connsiteX74" fmla="*/ 9435 w 10000"/>
                  <a:gd name="connsiteY74" fmla="*/ 3235 h 10000"/>
                  <a:gd name="connsiteX75" fmla="*/ 9536 w 10000"/>
                  <a:gd name="connsiteY75" fmla="*/ 3117 h 10000"/>
                  <a:gd name="connsiteX76" fmla="*/ 9563 w 10000"/>
                  <a:gd name="connsiteY76" fmla="*/ 3072 h 10000"/>
                  <a:gd name="connsiteX77" fmla="*/ 9588 w 10000"/>
                  <a:gd name="connsiteY77" fmla="*/ 3013 h 10000"/>
                  <a:gd name="connsiteX78" fmla="*/ 9588 w 10000"/>
                  <a:gd name="connsiteY78" fmla="*/ 2954 h 10000"/>
                  <a:gd name="connsiteX79" fmla="*/ 9563 w 10000"/>
                  <a:gd name="connsiteY79" fmla="*/ 2866 h 10000"/>
                  <a:gd name="connsiteX80" fmla="*/ 9383 w 10000"/>
                  <a:gd name="connsiteY80" fmla="*/ 2984 h 10000"/>
                  <a:gd name="connsiteX81" fmla="*/ 9178 w 10000"/>
                  <a:gd name="connsiteY81" fmla="*/ 3072 h 10000"/>
                  <a:gd name="connsiteX82" fmla="*/ 8971 w 10000"/>
                  <a:gd name="connsiteY82" fmla="*/ 3161 h 10000"/>
                  <a:gd name="connsiteX83" fmla="*/ 8766 w 10000"/>
                  <a:gd name="connsiteY83" fmla="*/ 3250 h 10000"/>
                  <a:gd name="connsiteX84" fmla="*/ 8302 w 10000"/>
                  <a:gd name="connsiteY84" fmla="*/ 3397 h 10000"/>
                  <a:gd name="connsiteX85" fmla="*/ 7815 w 10000"/>
                  <a:gd name="connsiteY85" fmla="*/ 3545 h 10000"/>
                  <a:gd name="connsiteX86" fmla="*/ 7327 w 10000"/>
                  <a:gd name="connsiteY86" fmla="*/ 3678 h 10000"/>
                  <a:gd name="connsiteX87" fmla="*/ 6863 w 10000"/>
                  <a:gd name="connsiteY87" fmla="*/ 3840 h 10000"/>
                  <a:gd name="connsiteX88" fmla="*/ 6632 w 10000"/>
                  <a:gd name="connsiteY88" fmla="*/ 3914 h 10000"/>
                  <a:gd name="connsiteX89" fmla="*/ 6427 w 10000"/>
                  <a:gd name="connsiteY89" fmla="*/ 4003 h 10000"/>
                  <a:gd name="connsiteX90" fmla="*/ 6222 w 10000"/>
                  <a:gd name="connsiteY90" fmla="*/ 4106 h 10000"/>
                  <a:gd name="connsiteX91" fmla="*/ 6014 w 10000"/>
                  <a:gd name="connsiteY91" fmla="*/ 4195 h 10000"/>
                  <a:gd name="connsiteX92" fmla="*/ 6169 w 10000"/>
                  <a:gd name="connsiteY92" fmla="*/ 4417 h 10000"/>
                  <a:gd name="connsiteX93" fmla="*/ 6273 w 10000"/>
                  <a:gd name="connsiteY93" fmla="*/ 4623 h 10000"/>
                  <a:gd name="connsiteX94" fmla="*/ 6375 w 10000"/>
                  <a:gd name="connsiteY94" fmla="*/ 4845 h 10000"/>
                  <a:gd name="connsiteX95" fmla="*/ 6451 w 10000"/>
                  <a:gd name="connsiteY95" fmla="*/ 5081 h 10000"/>
                  <a:gd name="connsiteX96" fmla="*/ 6504 w 10000"/>
                  <a:gd name="connsiteY96" fmla="*/ 5318 h 10000"/>
                  <a:gd name="connsiteX97" fmla="*/ 6530 w 10000"/>
                  <a:gd name="connsiteY97" fmla="*/ 5539 h 10000"/>
                  <a:gd name="connsiteX98" fmla="*/ 6554 w 10000"/>
                  <a:gd name="connsiteY98" fmla="*/ 5775 h 10000"/>
                  <a:gd name="connsiteX99" fmla="*/ 6554 w 10000"/>
                  <a:gd name="connsiteY99" fmla="*/ 5997 h 10000"/>
                  <a:gd name="connsiteX100" fmla="*/ 6530 w 10000"/>
                  <a:gd name="connsiteY100" fmla="*/ 6233 h 10000"/>
                  <a:gd name="connsiteX101" fmla="*/ 6478 w 10000"/>
                  <a:gd name="connsiteY101" fmla="*/ 6470 h 10000"/>
                  <a:gd name="connsiteX102" fmla="*/ 6427 w 10000"/>
                  <a:gd name="connsiteY102" fmla="*/ 6677 h 10000"/>
                  <a:gd name="connsiteX103" fmla="*/ 6350 w 10000"/>
                  <a:gd name="connsiteY103" fmla="*/ 6898 h 10000"/>
                  <a:gd name="connsiteX104" fmla="*/ 6247 w 10000"/>
                  <a:gd name="connsiteY104" fmla="*/ 7105 h 10000"/>
                  <a:gd name="connsiteX105" fmla="*/ 6119 w 10000"/>
                  <a:gd name="connsiteY105" fmla="*/ 7297 h 10000"/>
                  <a:gd name="connsiteX106" fmla="*/ 5964 w 10000"/>
                  <a:gd name="connsiteY106" fmla="*/ 7489 h 10000"/>
                  <a:gd name="connsiteX107" fmla="*/ 5809 w 10000"/>
                  <a:gd name="connsiteY107" fmla="*/ 7681 h 10000"/>
                  <a:gd name="connsiteX108" fmla="*/ 6554 w 10000"/>
                  <a:gd name="connsiteY108" fmla="*/ 7799 h 10000"/>
                  <a:gd name="connsiteX109" fmla="*/ 7327 w 10000"/>
                  <a:gd name="connsiteY109" fmla="*/ 7962 h 10000"/>
                  <a:gd name="connsiteX110" fmla="*/ 7480 w 10000"/>
                  <a:gd name="connsiteY110" fmla="*/ 8021 h 10000"/>
                  <a:gd name="connsiteX111" fmla="*/ 7609 w 10000"/>
                  <a:gd name="connsiteY111" fmla="*/ 8080 h 10000"/>
                  <a:gd name="connsiteX112" fmla="*/ 7737 w 10000"/>
                  <a:gd name="connsiteY112" fmla="*/ 8139 h 10000"/>
                  <a:gd name="connsiteX113" fmla="*/ 7815 w 10000"/>
                  <a:gd name="connsiteY113" fmla="*/ 8227 h 10000"/>
                  <a:gd name="connsiteX114" fmla="*/ 7841 w 10000"/>
                  <a:gd name="connsiteY114" fmla="*/ 8301 h 10000"/>
                  <a:gd name="connsiteX115" fmla="*/ 7841 w 10000"/>
                  <a:gd name="connsiteY115" fmla="*/ 8405 h 10000"/>
                  <a:gd name="connsiteX116" fmla="*/ 7790 w 10000"/>
                  <a:gd name="connsiteY116" fmla="*/ 8523 h 10000"/>
                  <a:gd name="connsiteX117" fmla="*/ 7712 w 10000"/>
                  <a:gd name="connsiteY117" fmla="*/ 8641 h 10000"/>
                  <a:gd name="connsiteX118" fmla="*/ 7378 w 10000"/>
                  <a:gd name="connsiteY118" fmla="*/ 8552 h 10000"/>
                  <a:gd name="connsiteX119" fmla="*/ 7069 w 10000"/>
                  <a:gd name="connsiteY119" fmla="*/ 8449 h 10000"/>
                  <a:gd name="connsiteX120" fmla="*/ 6760 w 10000"/>
                  <a:gd name="connsiteY120" fmla="*/ 8360 h 10000"/>
                  <a:gd name="connsiteX121" fmla="*/ 6451 w 10000"/>
                  <a:gd name="connsiteY121" fmla="*/ 8287 h 10000"/>
                  <a:gd name="connsiteX122" fmla="*/ 6323 w 10000"/>
                  <a:gd name="connsiteY122" fmla="*/ 8449 h 10000"/>
                  <a:gd name="connsiteX123" fmla="*/ 6222 w 10000"/>
                  <a:gd name="connsiteY123" fmla="*/ 8597 h 10000"/>
                  <a:gd name="connsiteX124" fmla="*/ 6169 w 10000"/>
                  <a:gd name="connsiteY124" fmla="*/ 8656 h 10000"/>
                  <a:gd name="connsiteX125" fmla="*/ 6066 w 10000"/>
                  <a:gd name="connsiteY125" fmla="*/ 8700 h 10000"/>
                  <a:gd name="connsiteX126" fmla="*/ 5990 w 10000"/>
                  <a:gd name="connsiteY126" fmla="*/ 8744 h 10000"/>
                  <a:gd name="connsiteX127" fmla="*/ 5913 w 10000"/>
                  <a:gd name="connsiteY127" fmla="*/ 8774 h 10000"/>
                  <a:gd name="connsiteX128" fmla="*/ 5835 w 10000"/>
                  <a:gd name="connsiteY128" fmla="*/ 8804 h 10000"/>
                  <a:gd name="connsiteX129" fmla="*/ 5733 w 10000"/>
                  <a:gd name="connsiteY129" fmla="*/ 8818 h 10000"/>
                  <a:gd name="connsiteX130" fmla="*/ 5603 w 10000"/>
                  <a:gd name="connsiteY130" fmla="*/ 8833 h 10000"/>
                  <a:gd name="connsiteX131" fmla="*/ 5476 w 10000"/>
                  <a:gd name="connsiteY131" fmla="*/ 8833 h 10000"/>
                  <a:gd name="connsiteX132" fmla="*/ 5168 w 10000"/>
                  <a:gd name="connsiteY132" fmla="*/ 8818 h 10000"/>
                  <a:gd name="connsiteX133" fmla="*/ 4781 w 10000"/>
                  <a:gd name="connsiteY133" fmla="*/ 8744 h 10000"/>
                  <a:gd name="connsiteX134" fmla="*/ 4781 w 10000"/>
                  <a:gd name="connsiteY134" fmla="*/ 8922 h 10000"/>
                  <a:gd name="connsiteX135" fmla="*/ 4755 w 10000"/>
                  <a:gd name="connsiteY135" fmla="*/ 9069 h 10000"/>
                  <a:gd name="connsiteX136" fmla="*/ 4731 w 10000"/>
                  <a:gd name="connsiteY136" fmla="*/ 9232 h 10000"/>
                  <a:gd name="connsiteX137" fmla="*/ 4704 w 10000"/>
                  <a:gd name="connsiteY137" fmla="*/ 9365 h 10000"/>
                  <a:gd name="connsiteX138" fmla="*/ 4652 w 10000"/>
                  <a:gd name="connsiteY138" fmla="*/ 9498 h 10000"/>
                  <a:gd name="connsiteX139" fmla="*/ 4551 w 10000"/>
                  <a:gd name="connsiteY139" fmla="*/ 9616 h 10000"/>
                  <a:gd name="connsiteX140" fmla="*/ 4473 w 10000"/>
                  <a:gd name="connsiteY140" fmla="*/ 9734 h 10000"/>
                  <a:gd name="connsiteX141" fmla="*/ 4344 w 10000"/>
                  <a:gd name="connsiteY141" fmla="*/ 9838 h 10000"/>
                  <a:gd name="connsiteX142" fmla="*/ 4034 w 10000"/>
                  <a:gd name="connsiteY142" fmla="*/ 9897 h 10000"/>
                  <a:gd name="connsiteX143" fmla="*/ 3779 w 10000"/>
                  <a:gd name="connsiteY143" fmla="*/ 9941 h 10000"/>
                  <a:gd name="connsiteX144" fmla="*/ 3470 w 10000"/>
                  <a:gd name="connsiteY144" fmla="*/ 9985 h 10000"/>
                  <a:gd name="connsiteX145" fmla="*/ 3239 w 10000"/>
                  <a:gd name="connsiteY145" fmla="*/ 10000 h 10000"/>
                  <a:gd name="connsiteX146" fmla="*/ 2725 w 10000"/>
                  <a:gd name="connsiteY146" fmla="*/ 10000 h 10000"/>
                  <a:gd name="connsiteX147" fmla="*/ 2236 w 10000"/>
                  <a:gd name="connsiteY147" fmla="*/ 9985 h 10000"/>
                  <a:gd name="connsiteX148" fmla="*/ 1775 w 10000"/>
                  <a:gd name="connsiteY148" fmla="*/ 9941 h 10000"/>
                  <a:gd name="connsiteX149" fmla="*/ 1286 w 10000"/>
                  <a:gd name="connsiteY149" fmla="*/ 9911 h 10000"/>
                  <a:gd name="connsiteX150" fmla="*/ 1003 w 10000"/>
                  <a:gd name="connsiteY150" fmla="*/ 9911 h 10000"/>
                  <a:gd name="connsiteX151" fmla="*/ 745 w 10000"/>
                  <a:gd name="connsiteY151" fmla="*/ 9911 h 10000"/>
                  <a:gd name="connsiteX152" fmla="*/ 463 w 10000"/>
                  <a:gd name="connsiteY152" fmla="*/ 9926 h 10000"/>
                  <a:gd name="connsiteX153" fmla="*/ 180 w 10000"/>
                  <a:gd name="connsiteY153" fmla="*/ 9970 h 10000"/>
                  <a:gd name="connsiteX154" fmla="*/ 103 w 10000"/>
                  <a:gd name="connsiteY154" fmla="*/ 9867 h 10000"/>
                  <a:gd name="connsiteX155" fmla="*/ 52 w 10000"/>
                  <a:gd name="connsiteY155" fmla="*/ 9793 h 10000"/>
                  <a:gd name="connsiteX156" fmla="*/ 0 w 10000"/>
                  <a:gd name="connsiteY156" fmla="*/ 9705 h 10000"/>
                  <a:gd name="connsiteX157" fmla="*/ 0 w 10000"/>
                  <a:gd name="connsiteY157" fmla="*/ 9601 h 10000"/>
                  <a:gd name="connsiteX158" fmla="*/ 52 w 10000"/>
                  <a:gd name="connsiteY158" fmla="*/ 9424 h 10000"/>
                  <a:gd name="connsiteX159" fmla="*/ 103 w 10000"/>
                  <a:gd name="connsiteY159" fmla="*/ 9202 h 10000"/>
                  <a:gd name="connsiteX160" fmla="*/ 153 w 10000"/>
                  <a:gd name="connsiteY160" fmla="*/ 8996 h 10000"/>
                  <a:gd name="connsiteX161" fmla="*/ 206 w 10000"/>
                  <a:gd name="connsiteY161" fmla="*/ 8759 h 10000"/>
                  <a:gd name="connsiteX162" fmla="*/ 231 w 10000"/>
                  <a:gd name="connsiteY162" fmla="*/ 8641 h 10000"/>
                  <a:gd name="connsiteX163" fmla="*/ 231 w 10000"/>
                  <a:gd name="connsiteY163" fmla="*/ 8538 h 10000"/>
                  <a:gd name="connsiteX164" fmla="*/ 206 w 10000"/>
                  <a:gd name="connsiteY164" fmla="*/ 8405 h 10000"/>
                  <a:gd name="connsiteX165" fmla="*/ 180 w 10000"/>
                  <a:gd name="connsiteY165" fmla="*/ 8287 h 10000"/>
                  <a:gd name="connsiteX166" fmla="*/ 437 w 10000"/>
                  <a:gd name="connsiteY166" fmla="*/ 8213 h 10000"/>
                  <a:gd name="connsiteX167" fmla="*/ 694 w 10000"/>
                  <a:gd name="connsiteY167" fmla="*/ 8139 h 10000"/>
                  <a:gd name="connsiteX168" fmla="*/ 951 w 10000"/>
                  <a:gd name="connsiteY168" fmla="*/ 8095 h 10000"/>
                  <a:gd name="connsiteX169" fmla="*/ 1234 w 10000"/>
                  <a:gd name="connsiteY169" fmla="*/ 8065 h 10000"/>
                  <a:gd name="connsiteX170" fmla="*/ 1747 w 10000"/>
                  <a:gd name="connsiteY170" fmla="*/ 8021 h 10000"/>
                  <a:gd name="connsiteX171" fmla="*/ 2263 w 10000"/>
                  <a:gd name="connsiteY171" fmla="*/ 7976 h 10000"/>
                  <a:gd name="connsiteX172" fmla="*/ 2494 w 10000"/>
                  <a:gd name="connsiteY172" fmla="*/ 7947 h 10000"/>
                  <a:gd name="connsiteX173" fmla="*/ 2725 w 10000"/>
                  <a:gd name="connsiteY173" fmla="*/ 7917 h 10000"/>
                  <a:gd name="connsiteX174" fmla="*/ 2929 w 10000"/>
                  <a:gd name="connsiteY174" fmla="*/ 7843 h 10000"/>
                  <a:gd name="connsiteX175" fmla="*/ 3136 w 10000"/>
                  <a:gd name="connsiteY175" fmla="*/ 7784 h 10000"/>
                  <a:gd name="connsiteX176" fmla="*/ 3316 w 10000"/>
                  <a:gd name="connsiteY176" fmla="*/ 7710 h 10000"/>
                  <a:gd name="connsiteX177" fmla="*/ 3470 w 10000"/>
                  <a:gd name="connsiteY177" fmla="*/ 7592 h 10000"/>
                  <a:gd name="connsiteX178" fmla="*/ 3625 w 10000"/>
                  <a:gd name="connsiteY178" fmla="*/ 7474 h 10000"/>
                  <a:gd name="connsiteX179" fmla="*/ 3727 w 10000"/>
                  <a:gd name="connsiteY179" fmla="*/ 7312 h 10000"/>
                  <a:gd name="connsiteX180" fmla="*/ 3522 w 10000"/>
                  <a:gd name="connsiteY180" fmla="*/ 7238 h 10000"/>
                  <a:gd name="connsiteX181" fmla="*/ 3341 w 10000"/>
                  <a:gd name="connsiteY181" fmla="*/ 7179 h 10000"/>
                  <a:gd name="connsiteX182" fmla="*/ 3187 w 10000"/>
                  <a:gd name="connsiteY182" fmla="*/ 7090 h 10000"/>
                  <a:gd name="connsiteX183" fmla="*/ 3034 w 10000"/>
                  <a:gd name="connsiteY183" fmla="*/ 6987 h 10000"/>
                  <a:gd name="connsiteX184" fmla="*/ 2929 w 10000"/>
                  <a:gd name="connsiteY184" fmla="*/ 6869 h 10000"/>
                  <a:gd name="connsiteX185" fmla="*/ 2880 w 10000"/>
                  <a:gd name="connsiteY185" fmla="*/ 6721 h 10000"/>
                  <a:gd name="connsiteX186" fmla="*/ 2853 w 10000"/>
                  <a:gd name="connsiteY186" fmla="*/ 6558 h 10000"/>
                  <a:gd name="connsiteX187" fmla="*/ 2880 w 10000"/>
                  <a:gd name="connsiteY187" fmla="*/ 6352 h 10000"/>
                  <a:gd name="connsiteX188" fmla="*/ 2751 w 10000"/>
                  <a:gd name="connsiteY188" fmla="*/ 6322 h 10000"/>
                  <a:gd name="connsiteX189" fmla="*/ 2597 w 10000"/>
                  <a:gd name="connsiteY189" fmla="*/ 6292 h 10000"/>
                  <a:gd name="connsiteX190" fmla="*/ 2417 w 10000"/>
                  <a:gd name="connsiteY190" fmla="*/ 6278 h 10000"/>
                  <a:gd name="connsiteX191" fmla="*/ 2236 w 10000"/>
                  <a:gd name="connsiteY191" fmla="*/ 6263 h 10000"/>
                  <a:gd name="connsiteX192" fmla="*/ 1877 w 10000"/>
                  <a:gd name="connsiteY192" fmla="*/ 6248 h 10000"/>
                  <a:gd name="connsiteX193" fmla="*/ 1491 w 10000"/>
                  <a:gd name="connsiteY193" fmla="*/ 6263 h 10000"/>
                  <a:gd name="connsiteX194" fmla="*/ 1158 w 10000"/>
                  <a:gd name="connsiteY194" fmla="*/ 6278 h 10000"/>
                  <a:gd name="connsiteX195" fmla="*/ 848 w 10000"/>
                  <a:gd name="connsiteY195" fmla="*/ 6278 h 10000"/>
                  <a:gd name="connsiteX196" fmla="*/ 593 w 10000"/>
                  <a:gd name="connsiteY196" fmla="*/ 6263 h 10000"/>
                  <a:gd name="connsiteX197" fmla="*/ 386 w 10000"/>
                  <a:gd name="connsiteY197" fmla="*/ 6233 h 10000"/>
                  <a:gd name="connsiteX198" fmla="*/ 641 w 10000"/>
                  <a:gd name="connsiteY198" fmla="*/ 5805 h 10000"/>
                  <a:gd name="connsiteX199" fmla="*/ 926 w 10000"/>
                  <a:gd name="connsiteY199" fmla="*/ 5391 h 10000"/>
                  <a:gd name="connsiteX200" fmla="*/ 1029 w 10000"/>
                  <a:gd name="connsiteY200" fmla="*/ 5170 h 10000"/>
                  <a:gd name="connsiteX201" fmla="*/ 1105 w 10000"/>
                  <a:gd name="connsiteY201" fmla="*/ 4963 h 10000"/>
                  <a:gd name="connsiteX202" fmla="*/ 1130 w 10000"/>
                  <a:gd name="connsiteY202" fmla="*/ 4860 h 10000"/>
                  <a:gd name="connsiteX203" fmla="*/ 1105 w 10000"/>
                  <a:gd name="connsiteY203" fmla="*/ 4756 h 10000"/>
                  <a:gd name="connsiteX204" fmla="*/ 1080 w 10000"/>
                  <a:gd name="connsiteY204" fmla="*/ 4653 h 10000"/>
                  <a:gd name="connsiteX205" fmla="*/ 1003 w 10000"/>
                  <a:gd name="connsiteY205" fmla="*/ 4549 h 10000"/>
                  <a:gd name="connsiteX206" fmla="*/ 1286 w 10000"/>
                  <a:gd name="connsiteY206" fmla="*/ 4520 h 10000"/>
                  <a:gd name="connsiteX207" fmla="*/ 1491 w 10000"/>
                  <a:gd name="connsiteY207" fmla="*/ 4505 h 10000"/>
                  <a:gd name="connsiteX208" fmla="*/ 1671 w 10000"/>
                  <a:gd name="connsiteY208" fmla="*/ 4505 h 10000"/>
                  <a:gd name="connsiteX209" fmla="*/ 1825 w 10000"/>
                  <a:gd name="connsiteY209" fmla="*/ 4520 h 10000"/>
                  <a:gd name="connsiteX210" fmla="*/ 1954 w 10000"/>
                  <a:gd name="connsiteY210" fmla="*/ 4520 h 10000"/>
                  <a:gd name="connsiteX211" fmla="*/ 2108 w 10000"/>
                  <a:gd name="connsiteY211" fmla="*/ 4520 h 10000"/>
                  <a:gd name="connsiteX212" fmla="*/ 2263 w 10000"/>
                  <a:gd name="connsiteY212" fmla="*/ 4490 h 10000"/>
                  <a:gd name="connsiteX213" fmla="*/ 2467 w 10000"/>
                  <a:gd name="connsiteY213" fmla="*/ 4446 h 10000"/>
                  <a:gd name="connsiteX214" fmla="*/ 2467 w 10000"/>
                  <a:gd name="connsiteY214" fmla="*/ 4579 h 10000"/>
                  <a:gd name="connsiteX215" fmla="*/ 2467 w 10000"/>
                  <a:gd name="connsiteY215" fmla="*/ 4742 h 10000"/>
                  <a:gd name="connsiteX216" fmla="*/ 2467 w 10000"/>
                  <a:gd name="connsiteY216" fmla="*/ 4874 h 10000"/>
                  <a:gd name="connsiteX217" fmla="*/ 2467 w 10000"/>
                  <a:gd name="connsiteY217" fmla="*/ 5037 h 10000"/>
                  <a:gd name="connsiteX218" fmla="*/ 2699 w 10000"/>
                  <a:gd name="connsiteY218" fmla="*/ 5022 h 10000"/>
                  <a:gd name="connsiteX219" fmla="*/ 2853 w 10000"/>
                  <a:gd name="connsiteY219" fmla="*/ 5037 h 10000"/>
                  <a:gd name="connsiteX220" fmla="*/ 2982 w 10000"/>
                  <a:gd name="connsiteY220" fmla="*/ 5066 h 10000"/>
                  <a:gd name="connsiteX221" fmla="*/ 3111 w 10000"/>
                  <a:gd name="connsiteY221" fmla="*/ 5096 h 10000"/>
                  <a:gd name="connsiteX222" fmla="*/ 3214 w 10000"/>
                  <a:gd name="connsiteY222" fmla="*/ 5126 h 10000"/>
                  <a:gd name="connsiteX223" fmla="*/ 3341 w 10000"/>
                  <a:gd name="connsiteY223" fmla="*/ 5155 h 10000"/>
                  <a:gd name="connsiteX224" fmla="*/ 3496 w 10000"/>
                  <a:gd name="connsiteY224" fmla="*/ 5170 h 10000"/>
                  <a:gd name="connsiteX225" fmla="*/ 3727 w 10000"/>
                  <a:gd name="connsiteY225" fmla="*/ 5155 h 10000"/>
                  <a:gd name="connsiteX226" fmla="*/ 3805 w 10000"/>
                  <a:gd name="connsiteY226" fmla="*/ 5096 h 10000"/>
                  <a:gd name="connsiteX227" fmla="*/ 3881 w 10000"/>
                  <a:gd name="connsiteY227" fmla="*/ 5022 h 10000"/>
                  <a:gd name="connsiteX228" fmla="*/ 3907 w 10000"/>
                  <a:gd name="connsiteY228" fmla="*/ 4934 h 10000"/>
                  <a:gd name="connsiteX229" fmla="*/ 3934 w 10000"/>
                  <a:gd name="connsiteY229" fmla="*/ 4860 h 10000"/>
                  <a:gd name="connsiteX230" fmla="*/ 3958 w 10000"/>
                  <a:gd name="connsiteY230" fmla="*/ 4697 h 10000"/>
                  <a:gd name="connsiteX231" fmla="*/ 3934 w 10000"/>
                  <a:gd name="connsiteY231" fmla="*/ 4520 h 10000"/>
                  <a:gd name="connsiteX232" fmla="*/ 3856 w 10000"/>
                  <a:gd name="connsiteY232" fmla="*/ 4343 h 10000"/>
                  <a:gd name="connsiteX233" fmla="*/ 3779 w 10000"/>
                  <a:gd name="connsiteY233" fmla="*/ 4195 h 10000"/>
                  <a:gd name="connsiteX234" fmla="*/ 3650 w 10000"/>
                  <a:gd name="connsiteY234" fmla="*/ 4047 h 10000"/>
                  <a:gd name="connsiteX235" fmla="*/ 3522 w 10000"/>
                  <a:gd name="connsiteY235" fmla="*/ 3959 h 10000"/>
                  <a:gd name="connsiteX236" fmla="*/ 3676 w 10000"/>
                  <a:gd name="connsiteY236" fmla="*/ 3944 h 10000"/>
                  <a:gd name="connsiteX237" fmla="*/ 3805 w 10000"/>
                  <a:gd name="connsiteY237" fmla="*/ 3914 h 10000"/>
                  <a:gd name="connsiteX238" fmla="*/ 3907 w 10000"/>
                  <a:gd name="connsiteY238" fmla="*/ 3855 h 10000"/>
                  <a:gd name="connsiteX239" fmla="*/ 4034 w 10000"/>
                  <a:gd name="connsiteY239" fmla="*/ 3752 h 10000"/>
                  <a:gd name="connsiteX240" fmla="*/ 4164 w 10000"/>
                  <a:gd name="connsiteY240" fmla="*/ 3663 h 10000"/>
                  <a:gd name="connsiteX241" fmla="*/ 4267 w 10000"/>
                  <a:gd name="connsiteY241" fmla="*/ 3560 h 10000"/>
                  <a:gd name="connsiteX242" fmla="*/ 4344 w 10000"/>
                  <a:gd name="connsiteY242" fmla="*/ 3442 h 10000"/>
                  <a:gd name="connsiteX243" fmla="*/ 4422 w 10000"/>
                  <a:gd name="connsiteY243" fmla="*/ 3323 h 10000"/>
                  <a:gd name="connsiteX244" fmla="*/ 4473 w 10000"/>
                  <a:gd name="connsiteY244" fmla="*/ 3220 h 10000"/>
                  <a:gd name="connsiteX245" fmla="*/ 4498 w 10000"/>
                  <a:gd name="connsiteY245" fmla="*/ 3102 h 10000"/>
                  <a:gd name="connsiteX246" fmla="*/ 4525 w 10000"/>
                  <a:gd name="connsiteY246" fmla="*/ 3013 h 10000"/>
                  <a:gd name="connsiteX247" fmla="*/ 4498 w 10000"/>
                  <a:gd name="connsiteY247" fmla="*/ 2939 h 10000"/>
                  <a:gd name="connsiteX248" fmla="*/ 4473 w 10000"/>
                  <a:gd name="connsiteY248" fmla="*/ 2866 h 10000"/>
                  <a:gd name="connsiteX249" fmla="*/ 4396 w 10000"/>
                  <a:gd name="connsiteY249" fmla="*/ 2836 h 10000"/>
                  <a:gd name="connsiteX250" fmla="*/ 4294 w 10000"/>
                  <a:gd name="connsiteY250" fmla="*/ 2836 h 10000"/>
                  <a:gd name="connsiteX251" fmla="*/ 4164 w 10000"/>
                  <a:gd name="connsiteY251" fmla="*/ 2866 h 10000"/>
                  <a:gd name="connsiteX252" fmla="*/ 4267 w 10000"/>
                  <a:gd name="connsiteY252" fmla="*/ 2777 h 10000"/>
                  <a:gd name="connsiteX253" fmla="*/ 4320 w 10000"/>
                  <a:gd name="connsiteY253" fmla="*/ 2674 h 10000"/>
                  <a:gd name="connsiteX254" fmla="*/ 4344 w 10000"/>
                  <a:gd name="connsiteY254" fmla="*/ 2541 h 10000"/>
                  <a:gd name="connsiteX255" fmla="*/ 4344 w 10000"/>
                  <a:gd name="connsiteY255" fmla="*/ 2393 h 10000"/>
                  <a:gd name="connsiteX256" fmla="*/ 4369 w 10000"/>
                  <a:gd name="connsiteY256" fmla="*/ 2349 h 10000"/>
                  <a:gd name="connsiteX257" fmla="*/ 4422 w 10000"/>
                  <a:gd name="connsiteY257" fmla="*/ 2304 h 10000"/>
                  <a:gd name="connsiteX258" fmla="*/ 4473 w 10000"/>
                  <a:gd name="connsiteY258" fmla="*/ 2290 h 10000"/>
                  <a:gd name="connsiteX259" fmla="*/ 4551 w 10000"/>
                  <a:gd name="connsiteY259" fmla="*/ 2275 h 10000"/>
                  <a:gd name="connsiteX260" fmla="*/ 4781 w 10000"/>
                  <a:gd name="connsiteY260" fmla="*/ 2260 h 10000"/>
                  <a:gd name="connsiteX261" fmla="*/ 4986 w 10000"/>
                  <a:gd name="connsiteY261" fmla="*/ 2275 h 10000"/>
                  <a:gd name="connsiteX262" fmla="*/ 4961 w 10000"/>
                  <a:gd name="connsiteY262" fmla="*/ 2112 h 10000"/>
                  <a:gd name="connsiteX263" fmla="*/ 4910 w 10000"/>
                  <a:gd name="connsiteY263" fmla="*/ 1950 h 10000"/>
                  <a:gd name="connsiteX264" fmla="*/ 4832 w 10000"/>
                  <a:gd name="connsiteY264" fmla="*/ 1802 h 10000"/>
                  <a:gd name="connsiteX265" fmla="*/ 4731 w 10000"/>
                  <a:gd name="connsiteY265" fmla="*/ 1640 h 10000"/>
                  <a:gd name="connsiteX266" fmla="*/ 4473 w 10000"/>
                  <a:gd name="connsiteY266" fmla="*/ 1329 h 10000"/>
                  <a:gd name="connsiteX267" fmla="*/ 4216 w 10000"/>
                  <a:gd name="connsiteY267" fmla="*/ 1034 h 10000"/>
                  <a:gd name="connsiteX268" fmla="*/ 4087 w 10000"/>
                  <a:gd name="connsiteY268" fmla="*/ 901 h 10000"/>
                  <a:gd name="connsiteX269" fmla="*/ 3986 w 10000"/>
                  <a:gd name="connsiteY269" fmla="*/ 753 h 10000"/>
                  <a:gd name="connsiteX270" fmla="*/ 3907 w 10000"/>
                  <a:gd name="connsiteY270" fmla="*/ 620 h 10000"/>
                  <a:gd name="connsiteX271" fmla="*/ 3881 w 10000"/>
                  <a:gd name="connsiteY271" fmla="*/ 487 h 10000"/>
                  <a:gd name="connsiteX272" fmla="*/ 3856 w 10000"/>
                  <a:gd name="connsiteY272" fmla="*/ 355 h 10000"/>
                  <a:gd name="connsiteX273" fmla="*/ 3907 w 10000"/>
                  <a:gd name="connsiteY273" fmla="*/ 222 h 10000"/>
                  <a:gd name="connsiteX274" fmla="*/ 3934 w 10000"/>
                  <a:gd name="connsiteY274" fmla="*/ 162 h 10000"/>
                  <a:gd name="connsiteX275" fmla="*/ 3986 w 10000"/>
                  <a:gd name="connsiteY275" fmla="*/ 103 h 10000"/>
                  <a:gd name="connsiteX276" fmla="*/ 4063 w 10000"/>
                  <a:gd name="connsiteY276" fmla="*/ 59 h 10000"/>
                  <a:gd name="connsiteX277" fmla="*/ 4164 w 10000"/>
                  <a:gd name="connsiteY277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7301 w 10000"/>
                  <a:gd name="connsiteY67" fmla="*/ 3959 h 10000"/>
                  <a:gd name="connsiteX68" fmla="*/ 7841 w 10000"/>
                  <a:gd name="connsiteY68" fmla="*/ 3811 h 10000"/>
                  <a:gd name="connsiteX69" fmla="*/ 8379 w 10000"/>
                  <a:gd name="connsiteY69" fmla="*/ 3663 h 10000"/>
                  <a:gd name="connsiteX70" fmla="*/ 8895 w 10000"/>
                  <a:gd name="connsiteY70" fmla="*/ 3516 h 10000"/>
                  <a:gd name="connsiteX71" fmla="*/ 9100 w 10000"/>
                  <a:gd name="connsiteY71" fmla="*/ 3412 h 10000"/>
                  <a:gd name="connsiteX72" fmla="*/ 9306 w 10000"/>
                  <a:gd name="connsiteY72" fmla="*/ 3338 h 10000"/>
                  <a:gd name="connsiteX73" fmla="*/ 9435 w 10000"/>
                  <a:gd name="connsiteY73" fmla="*/ 3235 h 10000"/>
                  <a:gd name="connsiteX74" fmla="*/ 9536 w 10000"/>
                  <a:gd name="connsiteY74" fmla="*/ 3117 h 10000"/>
                  <a:gd name="connsiteX75" fmla="*/ 9563 w 10000"/>
                  <a:gd name="connsiteY75" fmla="*/ 3072 h 10000"/>
                  <a:gd name="connsiteX76" fmla="*/ 9588 w 10000"/>
                  <a:gd name="connsiteY76" fmla="*/ 3013 h 10000"/>
                  <a:gd name="connsiteX77" fmla="*/ 9588 w 10000"/>
                  <a:gd name="connsiteY77" fmla="*/ 2954 h 10000"/>
                  <a:gd name="connsiteX78" fmla="*/ 9563 w 10000"/>
                  <a:gd name="connsiteY78" fmla="*/ 2866 h 10000"/>
                  <a:gd name="connsiteX79" fmla="*/ 9383 w 10000"/>
                  <a:gd name="connsiteY79" fmla="*/ 2984 h 10000"/>
                  <a:gd name="connsiteX80" fmla="*/ 9178 w 10000"/>
                  <a:gd name="connsiteY80" fmla="*/ 3072 h 10000"/>
                  <a:gd name="connsiteX81" fmla="*/ 8971 w 10000"/>
                  <a:gd name="connsiteY81" fmla="*/ 3161 h 10000"/>
                  <a:gd name="connsiteX82" fmla="*/ 8766 w 10000"/>
                  <a:gd name="connsiteY82" fmla="*/ 3250 h 10000"/>
                  <a:gd name="connsiteX83" fmla="*/ 8302 w 10000"/>
                  <a:gd name="connsiteY83" fmla="*/ 3397 h 10000"/>
                  <a:gd name="connsiteX84" fmla="*/ 7815 w 10000"/>
                  <a:gd name="connsiteY84" fmla="*/ 3545 h 10000"/>
                  <a:gd name="connsiteX85" fmla="*/ 7327 w 10000"/>
                  <a:gd name="connsiteY85" fmla="*/ 3678 h 10000"/>
                  <a:gd name="connsiteX86" fmla="*/ 6863 w 10000"/>
                  <a:gd name="connsiteY86" fmla="*/ 3840 h 10000"/>
                  <a:gd name="connsiteX87" fmla="*/ 6632 w 10000"/>
                  <a:gd name="connsiteY87" fmla="*/ 3914 h 10000"/>
                  <a:gd name="connsiteX88" fmla="*/ 6427 w 10000"/>
                  <a:gd name="connsiteY88" fmla="*/ 4003 h 10000"/>
                  <a:gd name="connsiteX89" fmla="*/ 6222 w 10000"/>
                  <a:gd name="connsiteY89" fmla="*/ 4106 h 10000"/>
                  <a:gd name="connsiteX90" fmla="*/ 6014 w 10000"/>
                  <a:gd name="connsiteY90" fmla="*/ 4195 h 10000"/>
                  <a:gd name="connsiteX91" fmla="*/ 6169 w 10000"/>
                  <a:gd name="connsiteY91" fmla="*/ 4417 h 10000"/>
                  <a:gd name="connsiteX92" fmla="*/ 6273 w 10000"/>
                  <a:gd name="connsiteY92" fmla="*/ 4623 h 10000"/>
                  <a:gd name="connsiteX93" fmla="*/ 6375 w 10000"/>
                  <a:gd name="connsiteY93" fmla="*/ 4845 h 10000"/>
                  <a:gd name="connsiteX94" fmla="*/ 6451 w 10000"/>
                  <a:gd name="connsiteY94" fmla="*/ 5081 h 10000"/>
                  <a:gd name="connsiteX95" fmla="*/ 6504 w 10000"/>
                  <a:gd name="connsiteY95" fmla="*/ 5318 h 10000"/>
                  <a:gd name="connsiteX96" fmla="*/ 6530 w 10000"/>
                  <a:gd name="connsiteY96" fmla="*/ 5539 h 10000"/>
                  <a:gd name="connsiteX97" fmla="*/ 6554 w 10000"/>
                  <a:gd name="connsiteY97" fmla="*/ 5775 h 10000"/>
                  <a:gd name="connsiteX98" fmla="*/ 6554 w 10000"/>
                  <a:gd name="connsiteY98" fmla="*/ 5997 h 10000"/>
                  <a:gd name="connsiteX99" fmla="*/ 6530 w 10000"/>
                  <a:gd name="connsiteY99" fmla="*/ 6233 h 10000"/>
                  <a:gd name="connsiteX100" fmla="*/ 6478 w 10000"/>
                  <a:gd name="connsiteY100" fmla="*/ 6470 h 10000"/>
                  <a:gd name="connsiteX101" fmla="*/ 6427 w 10000"/>
                  <a:gd name="connsiteY101" fmla="*/ 6677 h 10000"/>
                  <a:gd name="connsiteX102" fmla="*/ 6350 w 10000"/>
                  <a:gd name="connsiteY102" fmla="*/ 6898 h 10000"/>
                  <a:gd name="connsiteX103" fmla="*/ 6247 w 10000"/>
                  <a:gd name="connsiteY103" fmla="*/ 7105 h 10000"/>
                  <a:gd name="connsiteX104" fmla="*/ 6119 w 10000"/>
                  <a:gd name="connsiteY104" fmla="*/ 7297 h 10000"/>
                  <a:gd name="connsiteX105" fmla="*/ 5964 w 10000"/>
                  <a:gd name="connsiteY105" fmla="*/ 7489 h 10000"/>
                  <a:gd name="connsiteX106" fmla="*/ 5809 w 10000"/>
                  <a:gd name="connsiteY106" fmla="*/ 7681 h 10000"/>
                  <a:gd name="connsiteX107" fmla="*/ 6554 w 10000"/>
                  <a:gd name="connsiteY107" fmla="*/ 7799 h 10000"/>
                  <a:gd name="connsiteX108" fmla="*/ 7327 w 10000"/>
                  <a:gd name="connsiteY108" fmla="*/ 7962 h 10000"/>
                  <a:gd name="connsiteX109" fmla="*/ 7480 w 10000"/>
                  <a:gd name="connsiteY109" fmla="*/ 8021 h 10000"/>
                  <a:gd name="connsiteX110" fmla="*/ 7609 w 10000"/>
                  <a:gd name="connsiteY110" fmla="*/ 8080 h 10000"/>
                  <a:gd name="connsiteX111" fmla="*/ 7737 w 10000"/>
                  <a:gd name="connsiteY111" fmla="*/ 8139 h 10000"/>
                  <a:gd name="connsiteX112" fmla="*/ 7815 w 10000"/>
                  <a:gd name="connsiteY112" fmla="*/ 8227 h 10000"/>
                  <a:gd name="connsiteX113" fmla="*/ 7841 w 10000"/>
                  <a:gd name="connsiteY113" fmla="*/ 8301 h 10000"/>
                  <a:gd name="connsiteX114" fmla="*/ 7841 w 10000"/>
                  <a:gd name="connsiteY114" fmla="*/ 8405 h 10000"/>
                  <a:gd name="connsiteX115" fmla="*/ 7790 w 10000"/>
                  <a:gd name="connsiteY115" fmla="*/ 8523 h 10000"/>
                  <a:gd name="connsiteX116" fmla="*/ 7712 w 10000"/>
                  <a:gd name="connsiteY116" fmla="*/ 8641 h 10000"/>
                  <a:gd name="connsiteX117" fmla="*/ 7378 w 10000"/>
                  <a:gd name="connsiteY117" fmla="*/ 8552 h 10000"/>
                  <a:gd name="connsiteX118" fmla="*/ 7069 w 10000"/>
                  <a:gd name="connsiteY118" fmla="*/ 8449 h 10000"/>
                  <a:gd name="connsiteX119" fmla="*/ 6760 w 10000"/>
                  <a:gd name="connsiteY119" fmla="*/ 8360 h 10000"/>
                  <a:gd name="connsiteX120" fmla="*/ 6451 w 10000"/>
                  <a:gd name="connsiteY120" fmla="*/ 8287 h 10000"/>
                  <a:gd name="connsiteX121" fmla="*/ 6323 w 10000"/>
                  <a:gd name="connsiteY121" fmla="*/ 8449 h 10000"/>
                  <a:gd name="connsiteX122" fmla="*/ 6222 w 10000"/>
                  <a:gd name="connsiteY122" fmla="*/ 8597 h 10000"/>
                  <a:gd name="connsiteX123" fmla="*/ 6169 w 10000"/>
                  <a:gd name="connsiteY123" fmla="*/ 8656 h 10000"/>
                  <a:gd name="connsiteX124" fmla="*/ 6066 w 10000"/>
                  <a:gd name="connsiteY124" fmla="*/ 8700 h 10000"/>
                  <a:gd name="connsiteX125" fmla="*/ 5990 w 10000"/>
                  <a:gd name="connsiteY125" fmla="*/ 8744 h 10000"/>
                  <a:gd name="connsiteX126" fmla="*/ 5913 w 10000"/>
                  <a:gd name="connsiteY126" fmla="*/ 8774 h 10000"/>
                  <a:gd name="connsiteX127" fmla="*/ 5835 w 10000"/>
                  <a:gd name="connsiteY127" fmla="*/ 8804 h 10000"/>
                  <a:gd name="connsiteX128" fmla="*/ 5733 w 10000"/>
                  <a:gd name="connsiteY128" fmla="*/ 8818 h 10000"/>
                  <a:gd name="connsiteX129" fmla="*/ 5603 w 10000"/>
                  <a:gd name="connsiteY129" fmla="*/ 8833 h 10000"/>
                  <a:gd name="connsiteX130" fmla="*/ 5476 w 10000"/>
                  <a:gd name="connsiteY130" fmla="*/ 8833 h 10000"/>
                  <a:gd name="connsiteX131" fmla="*/ 5168 w 10000"/>
                  <a:gd name="connsiteY131" fmla="*/ 8818 h 10000"/>
                  <a:gd name="connsiteX132" fmla="*/ 4781 w 10000"/>
                  <a:gd name="connsiteY132" fmla="*/ 8744 h 10000"/>
                  <a:gd name="connsiteX133" fmla="*/ 4781 w 10000"/>
                  <a:gd name="connsiteY133" fmla="*/ 8922 h 10000"/>
                  <a:gd name="connsiteX134" fmla="*/ 4755 w 10000"/>
                  <a:gd name="connsiteY134" fmla="*/ 9069 h 10000"/>
                  <a:gd name="connsiteX135" fmla="*/ 4731 w 10000"/>
                  <a:gd name="connsiteY135" fmla="*/ 9232 h 10000"/>
                  <a:gd name="connsiteX136" fmla="*/ 4704 w 10000"/>
                  <a:gd name="connsiteY136" fmla="*/ 9365 h 10000"/>
                  <a:gd name="connsiteX137" fmla="*/ 4652 w 10000"/>
                  <a:gd name="connsiteY137" fmla="*/ 9498 h 10000"/>
                  <a:gd name="connsiteX138" fmla="*/ 4551 w 10000"/>
                  <a:gd name="connsiteY138" fmla="*/ 9616 h 10000"/>
                  <a:gd name="connsiteX139" fmla="*/ 4473 w 10000"/>
                  <a:gd name="connsiteY139" fmla="*/ 9734 h 10000"/>
                  <a:gd name="connsiteX140" fmla="*/ 4344 w 10000"/>
                  <a:gd name="connsiteY140" fmla="*/ 9838 h 10000"/>
                  <a:gd name="connsiteX141" fmla="*/ 4034 w 10000"/>
                  <a:gd name="connsiteY141" fmla="*/ 9897 h 10000"/>
                  <a:gd name="connsiteX142" fmla="*/ 3779 w 10000"/>
                  <a:gd name="connsiteY142" fmla="*/ 9941 h 10000"/>
                  <a:gd name="connsiteX143" fmla="*/ 3470 w 10000"/>
                  <a:gd name="connsiteY143" fmla="*/ 9985 h 10000"/>
                  <a:gd name="connsiteX144" fmla="*/ 3239 w 10000"/>
                  <a:gd name="connsiteY144" fmla="*/ 10000 h 10000"/>
                  <a:gd name="connsiteX145" fmla="*/ 2725 w 10000"/>
                  <a:gd name="connsiteY145" fmla="*/ 10000 h 10000"/>
                  <a:gd name="connsiteX146" fmla="*/ 2236 w 10000"/>
                  <a:gd name="connsiteY146" fmla="*/ 9985 h 10000"/>
                  <a:gd name="connsiteX147" fmla="*/ 1775 w 10000"/>
                  <a:gd name="connsiteY147" fmla="*/ 9941 h 10000"/>
                  <a:gd name="connsiteX148" fmla="*/ 1286 w 10000"/>
                  <a:gd name="connsiteY148" fmla="*/ 9911 h 10000"/>
                  <a:gd name="connsiteX149" fmla="*/ 1003 w 10000"/>
                  <a:gd name="connsiteY149" fmla="*/ 9911 h 10000"/>
                  <a:gd name="connsiteX150" fmla="*/ 745 w 10000"/>
                  <a:gd name="connsiteY150" fmla="*/ 9911 h 10000"/>
                  <a:gd name="connsiteX151" fmla="*/ 463 w 10000"/>
                  <a:gd name="connsiteY151" fmla="*/ 9926 h 10000"/>
                  <a:gd name="connsiteX152" fmla="*/ 180 w 10000"/>
                  <a:gd name="connsiteY152" fmla="*/ 9970 h 10000"/>
                  <a:gd name="connsiteX153" fmla="*/ 103 w 10000"/>
                  <a:gd name="connsiteY153" fmla="*/ 9867 h 10000"/>
                  <a:gd name="connsiteX154" fmla="*/ 52 w 10000"/>
                  <a:gd name="connsiteY154" fmla="*/ 9793 h 10000"/>
                  <a:gd name="connsiteX155" fmla="*/ 0 w 10000"/>
                  <a:gd name="connsiteY155" fmla="*/ 9705 h 10000"/>
                  <a:gd name="connsiteX156" fmla="*/ 0 w 10000"/>
                  <a:gd name="connsiteY156" fmla="*/ 9601 h 10000"/>
                  <a:gd name="connsiteX157" fmla="*/ 52 w 10000"/>
                  <a:gd name="connsiteY157" fmla="*/ 9424 h 10000"/>
                  <a:gd name="connsiteX158" fmla="*/ 103 w 10000"/>
                  <a:gd name="connsiteY158" fmla="*/ 9202 h 10000"/>
                  <a:gd name="connsiteX159" fmla="*/ 153 w 10000"/>
                  <a:gd name="connsiteY159" fmla="*/ 8996 h 10000"/>
                  <a:gd name="connsiteX160" fmla="*/ 206 w 10000"/>
                  <a:gd name="connsiteY160" fmla="*/ 8759 h 10000"/>
                  <a:gd name="connsiteX161" fmla="*/ 231 w 10000"/>
                  <a:gd name="connsiteY161" fmla="*/ 8641 h 10000"/>
                  <a:gd name="connsiteX162" fmla="*/ 231 w 10000"/>
                  <a:gd name="connsiteY162" fmla="*/ 8538 h 10000"/>
                  <a:gd name="connsiteX163" fmla="*/ 206 w 10000"/>
                  <a:gd name="connsiteY163" fmla="*/ 8405 h 10000"/>
                  <a:gd name="connsiteX164" fmla="*/ 180 w 10000"/>
                  <a:gd name="connsiteY164" fmla="*/ 8287 h 10000"/>
                  <a:gd name="connsiteX165" fmla="*/ 437 w 10000"/>
                  <a:gd name="connsiteY165" fmla="*/ 8213 h 10000"/>
                  <a:gd name="connsiteX166" fmla="*/ 694 w 10000"/>
                  <a:gd name="connsiteY166" fmla="*/ 8139 h 10000"/>
                  <a:gd name="connsiteX167" fmla="*/ 951 w 10000"/>
                  <a:gd name="connsiteY167" fmla="*/ 8095 h 10000"/>
                  <a:gd name="connsiteX168" fmla="*/ 1234 w 10000"/>
                  <a:gd name="connsiteY168" fmla="*/ 8065 h 10000"/>
                  <a:gd name="connsiteX169" fmla="*/ 1747 w 10000"/>
                  <a:gd name="connsiteY169" fmla="*/ 8021 h 10000"/>
                  <a:gd name="connsiteX170" fmla="*/ 2263 w 10000"/>
                  <a:gd name="connsiteY170" fmla="*/ 7976 h 10000"/>
                  <a:gd name="connsiteX171" fmla="*/ 2494 w 10000"/>
                  <a:gd name="connsiteY171" fmla="*/ 7947 h 10000"/>
                  <a:gd name="connsiteX172" fmla="*/ 2725 w 10000"/>
                  <a:gd name="connsiteY172" fmla="*/ 7917 h 10000"/>
                  <a:gd name="connsiteX173" fmla="*/ 2929 w 10000"/>
                  <a:gd name="connsiteY173" fmla="*/ 7843 h 10000"/>
                  <a:gd name="connsiteX174" fmla="*/ 3136 w 10000"/>
                  <a:gd name="connsiteY174" fmla="*/ 7784 h 10000"/>
                  <a:gd name="connsiteX175" fmla="*/ 3316 w 10000"/>
                  <a:gd name="connsiteY175" fmla="*/ 7710 h 10000"/>
                  <a:gd name="connsiteX176" fmla="*/ 3470 w 10000"/>
                  <a:gd name="connsiteY176" fmla="*/ 7592 h 10000"/>
                  <a:gd name="connsiteX177" fmla="*/ 3625 w 10000"/>
                  <a:gd name="connsiteY177" fmla="*/ 7474 h 10000"/>
                  <a:gd name="connsiteX178" fmla="*/ 3727 w 10000"/>
                  <a:gd name="connsiteY178" fmla="*/ 7312 h 10000"/>
                  <a:gd name="connsiteX179" fmla="*/ 3522 w 10000"/>
                  <a:gd name="connsiteY179" fmla="*/ 7238 h 10000"/>
                  <a:gd name="connsiteX180" fmla="*/ 3341 w 10000"/>
                  <a:gd name="connsiteY180" fmla="*/ 7179 h 10000"/>
                  <a:gd name="connsiteX181" fmla="*/ 3187 w 10000"/>
                  <a:gd name="connsiteY181" fmla="*/ 7090 h 10000"/>
                  <a:gd name="connsiteX182" fmla="*/ 3034 w 10000"/>
                  <a:gd name="connsiteY182" fmla="*/ 6987 h 10000"/>
                  <a:gd name="connsiteX183" fmla="*/ 2929 w 10000"/>
                  <a:gd name="connsiteY183" fmla="*/ 6869 h 10000"/>
                  <a:gd name="connsiteX184" fmla="*/ 2880 w 10000"/>
                  <a:gd name="connsiteY184" fmla="*/ 6721 h 10000"/>
                  <a:gd name="connsiteX185" fmla="*/ 2853 w 10000"/>
                  <a:gd name="connsiteY185" fmla="*/ 6558 h 10000"/>
                  <a:gd name="connsiteX186" fmla="*/ 2880 w 10000"/>
                  <a:gd name="connsiteY186" fmla="*/ 6352 h 10000"/>
                  <a:gd name="connsiteX187" fmla="*/ 2751 w 10000"/>
                  <a:gd name="connsiteY187" fmla="*/ 6322 h 10000"/>
                  <a:gd name="connsiteX188" fmla="*/ 2597 w 10000"/>
                  <a:gd name="connsiteY188" fmla="*/ 6292 h 10000"/>
                  <a:gd name="connsiteX189" fmla="*/ 2417 w 10000"/>
                  <a:gd name="connsiteY189" fmla="*/ 6278 h 10000"/>
                  <a:gd name="connsiteX190" fmla="*/ 2236 w 10000"/>
                  <a:gd name="connsiteY190" fmla="*/ 6263 h 10000"/>
                  <a:gd name="connsiteX191" fmla="*/ 1877 w 10000"/>
                  <a:gd name="connsiteY191" fmla="*/ 6248 h 10000"/>
                  <a:gd name="connsiteX192" fmla="*/ 1491 w 10000"/>
                  <a:gd name="connsiteY192" fmla="*/ 6263 h 10000"/>
                  <a:gd name="connsiteX193" fmla="*/ 1158 w 10000"/>
                  <a:gd name="connsiteY193" fmla="*/ 6278 h 10000"/>
                  <a:gd name="connsiteX194" fmla="*/ 848 w 10000"/>
                  <a:gd name="connsiteY194" fmla="*/ 6278 h 10000"/>
                  <a:gd name="connsiteX195" fmla="*/ 593 w 10000"/>
                  <a:gd name="connsiteY195" fmla="*/ 6263 h 10000"/>
                  <a:gd name="connsiteX196" fmla="*/ 386 w 10000"/>
                  <a:gd name="connsiteY196" fmla="*/ 6233 h 10000"/>
                  <a:gd name="connsiteX197" fmla="*/ 641 w 10000"/>
                  <a:gd name="connsiteY197" fmla="*/ 5805 h 10000"/>
                  <a:gd name="connsiteX198" fmla="*/ 926 w 10000"/>
                  <a:gd name="connsiteY198" fmla="*/ 5391 h 10000"/>
                  <a:gd name="connsiteX199" fmla="*/ 1029 w 10000"/>
                  <a:gd name="connsiteY199" fmla="*/ 5170 h 10000"/>
                  <a:gd name="connsiteX200" fmla="*/ 1105 w 10000"/>
                  <a:gd name="connsiteY200" fmla="*/ 4963 h 10000"/>
                  <a:gd name="connsiteX201" fmla="*/ 1130 w 10000"/>
                  <a:gd name="connsiteY201" fmla="*/ 4860 h 10000"/>
                  <a:gd name="connsiteX202" fmla="*/ 1105 w 10000"/>
                  <a:gd name="connsiteY202" fmla="*/ 4756 h 10000"/>
                  <a:gd name="connsiteX203" fmla="*/ 1080 w 10000"/>
                  <a:gd name="connsiteY203" fmla="*/ 4653 h 10000"/>
                  <a:gd name="connsiteX204" fmla="*/ 1003 w 10000"/>
                  <a:gd name="connsiteY204" fmla="*/ 4549 h 10000"/>
                  <a:gd name="connsiteX205" fmla="*/ 1286 w 10000"/>
                  <a:gd name="connsiteY205" fmla="*/ 4520 h 10000"/>
                  <a:gd name="connsiteX206" fmla="*/ 1491 w 10000"/>
                  <a:gd name="connsiteY206" fmla="*/ 4505 h 10000"/>
                  <a:gd name="connsiteX207" fmla="*/ 1671 w 10000"/>
                  <a:gd name="connsiteY207" fmla="*/ 4505 h 10000"/>
                  <a:gd name="connsiteX208" fmla="*/ 1825 w 10000"/>
                  <a:gd name="connsiteY208" fmla="*/ 4520 h 10000"/>
                  <a:gd name="connsiteX209" fmla="*/ 1954 w 10000"/>
                  <a:gd name="connsiteY209" fmla="*/ 4520 h 10000"/>
                  <a:gd name="connsiteX210" fmla="*/ 2108 w 10000"/>
                  <a:gd name="connsiteY210" fmla="*/ 4520 h 10000"/>
                  <a:gd name="connsiteX211" fmla="*/ 2263 w 10000"/>
                  <a:gd name="connsiteY211" fmla="*/ 4490 h 10000"/>
                  <a:gd name="connsiteX212" fmla="*/ 2467 w 10000"/>
                  <a:gd name="connsiteY212" fmla="*/ 4446 h 10000"/>
                  <a:gd name="connsiteX213" fmla="*/ 2467 w 10000"/>
                  <a:gd name="connsiteY213" fmla="*/ 4579 h 10000"/>
                  <a:gd name="connsiteX214" fmla="*/ 2467 w 10000"/>
                  <a:gd name="connsiteY214" fmla="*/ 4742 h 10000"/>
                  <a:gd name="connsiteX215" fmla="*/ 2467 w 10000"/>
                  <a:gd name="connsiteY215" fmla="*/ 4874 h 10000"/>
                  <a:gd name="connsiteX216" fmla="*/ 2467 w 10000"/>
                  <a:gd name="connsiteY216" fmla="*/ 5037 h 10000"/>
                  <a:gd name="connsiteX217" fmla="*/ 2699 w 10000"/>
                  <a:gd name="connsiteY217" fmla="*/ 5022 h 10000"/>
                  <a:gd name="connsiteX218" fmla="*/ 2853 w 10000"/>
                  <a:gd name="connsiteY218" fmla="*/ 5037 h 10000"/>
                  <a:gd name="connsiteX219" fmla="*/ 2982 w 10000"/>
                  <a:gd name="connsiteY219" fmla="*/ 5066 h 10000"/>
                  <a:gd name="connsiteX220" fmla="*/ 3111 w 10000"/>
                  <a:gd name="connsiteY220" fmla="*/ 5096 h 10000"/>
                  <a:gd name="connsiteX221" fmla="*/ 3214 w 10000"/>
                  <a:gd name="connsiteY221" fmla="*/ 5126 h 10000"/>
                  <a:gd name="connsiteX222" fmla="*/ 3341 w 10000"/>
                  <a:gd name="connsiteY222" fmla="*/ 5155 h 10000"/>
                  <a:gd name="connsiteX223" fmla="*/ 3496 w 10000"/>
                  <a:gd name="connsiteY223" fmla="*/ 5170 h 10000"/>
                  <a:gd name="connsiteX224" fmla="*/ 3727 w 10000"/>
                  <a:gd name="connsiteY224" fmla="*/ 5155 h 10000"/>
                  <a:gd name="connsiteX225" fmla="*/ 3805 w 10000"/>
                  <a:gd name="connsiteY225" fmla="*/ 5096 h 10000"/>
                  <a:gd name="connsiteX226" fmla="*/ 3881 w 10000"/>
                  <a:gd name="connsiteY226" fmla="*/ 5022 h 10000"/>
                  <a:gd name="connsiteX227" fmla="*/ 3907 w 10000"/>
                  <a:gd name="connsiteY227" fmla="*/ 4934 h 10000"/>
                  <a:gd name="connsiteX228" fmla="*/ 3934 w 10000"/>
                  <a:gd name="connsiteY228" fmla="*/ 4860 h 10000"/>
                  <a:gd name="connsiteX229" fmla="*/ 3958 w 10000"/>
                  <a:gd name="connsiteY229" fmla="*/ 4697 h 10000"/>
                  <a:gd name="connsiteX230" fmla="*/ 3934 w 10000"/>
                  <a:gd name="connsiteY230" fmla="*/ 4520 h 10000"/>
                  <a:gd name="connsiteX231" fmla="*/ 3856 w 10000"/>
                  <a:gd name="connsiteY231" fmla="*/ 4343 h 10000"/>
                  <a:gd name="connsiteX232" fmla="*/ 3779 w 10000"/>
                  <a:gd name="connsiteY232" fmla="*/ 4195 h 10000"/>
                  <a:gd name="connsiteX233" fmla="*/ 3650 w 10000"/>
                  <a:gd name="connsiteY233" fmla="*/ 4047 h 10000"/>
                  <a:gd name="connsiteX234" fmla="*/ 3522 w 10000"/>
                  <a:gd name="connsiteY234" fmla="*/ 3959 h 10000"/>
                  <a:gd name="connsiteX235" fmla="*/ 3676 w 10000"/>
                  <a:gd name="connsiteY235" fmla="*/ 3944 h 10000"/>
                  <a:gd name="connsiteX236" fmla="*/ 3805 w 10000"/>
                  <a:gd name="connsiteY236" fmla="*/ 3914 h 10000"/>
                  <a:gd name="connsiteX237" fmla="*/ 3907 w 10000"/>
                  <a:gd name="connsiteY237" fmla="*/ 3855 h 10000"/>
                  <a:gd name="connsiteX238" fmla="*/ 4034 w 10000"/>
                  <a:gd name="connsiteY238" fmla="*/ 3752 h 10000"/>
                  <a:gd name="connsiteX239" fmla="*/ 4164 w 10000"/>
                  <a:gd name="connsiteY239" fmla="*/ 3663 h 10000"/>
                  <a:gd name="connsiteX240" fmla="*/ 4267 w 10000"/>
                  <a:gd name="connsiteY240" fmla="*/ 3560 h 10000"/>
                  <a:gd name="connsiteX241" fmla="*/ 4344 w 10000"/>
                  <a:gd name="connsiteY241" fmla="*/ 3442 h 10000"/>
                  <a:gd name="connsiteX242" fmla="*/ 4422 w 10000"/>
                  <a:gd name="connsiteY242" fmla="*/ 3323 h 10000"/>
                  <a:gd name="connsiteX243" fmla="*/ 4473 w 10000"/>
                  <a:gd name="connsiteY243" fmla="*/ 3220 h 10000"/>
                  <a:gd name="connsiteX244" fmla="*/ 4498 w 10000"/>
                  <a:gd name="connsiteY244" fmla="*/ 3102 h 10000"/>
                  <a:gd name="connsiteX245" fmla="*/ 4525 w 10000"/>
                  <a:gd name="connsiteY245" fmla="*/ 3013 h 10000"/>
                  <a:gd name="connsiteX246" fmla="*/ 4498 w 10000"/>
                  <a:gd name="connsiteY246" fmla="*/ 2939 h 10000"/>
                  <a:gd name="connsiteX247" fmla="*/ 4473 w 10000"/>
                  <a:gd name="connsiteY247" fmla="*/ 2866 h 10000"/>
                  <a:gd name="connsiteX248" fmla="*/ 4396 w 10000"/>
                  <a:gd name="connsiteY248" fmla="*/ 2836 h 10000"/>
                  <a:gd name="connsiteX249" fmla="*/ 4294 w 10000"/>
                  <a:gd name="connsiteY249" fmla="*/ 2836 h 10000"/>
                  <a:gd name="connsiteX250" fmla="*/ 4164 w 10000"/>
                  <a:gd name="connsiteY250" fmla="*/ 2866 h 10000"/>
                  <a:gd name="connsiteX251" fmla="*/ 4267 w 10000"/>
                  <a:gd name="connsiteY251" fmla="*/ 2777 h 10000"/>
                  <a:gd name="connsiteX252" fmla="*/ 4320 w 10000"/>
                  <a:gd name="connsiteY252" fmla="*/ 2674 h 10000"/>
                  <a:gd name="connsiteX253" fmla="*/ 4344 w 10000"/>
                  <a:gd name="connsiteY253" fmla="*/ 2541 h 10000"/>
                  <a:gd name="connsiteX254" fmla="*/ 4344 w 10000"/>
                  <a:gd name="connsiteY254" fmla="*/ 2393 h 10000"/>
                  <a:gd name="connsiteX255" fmla="*/ 4369 w 10000"/>
                  <a:gd name="connsiteY255" fmla="*/ 2349 h 10000"/>
                  <a:gd name="connsiteX256" fmla="*/ 4422 w 10000"/>
                  <a:gd name="connsiteY256" fmla="*/ 2304 h 10000"/>
                  <a:gd name="connsiteX257" fmla="*/ 4473 w 10000"/>
                  <a:gd name="connsiteY257" fmla="*/ 2290 h 10000"/>
                  <a:gd name="connsiteX258" fmla="*/ 4551 w 10000"/>
                  <a:gd name="connsiteY258" fmla="*/ 2275 h 10000"/>
                  <a:gd name="connsiteX259" fmla="*/ 4781 w 10000"/>
                  <a:gd name="connsiteY259" fmla="*/ 2260 h 10000"/>
                  <a:gd name="connsiteX260" fmla="*/ 4986 w 10000"/>
                  <a:gd name="connsiteY260" fmla="*/ 2275 h 10000"/>
                  <a:gd name="connsiteX261" fmla="*/ 4961 w 10000"/>
                  <a:gd name="connsiteY261" fmla="*/ 2112 h 10000"/>
                  <a:gd name="connsiteX262" fmla="*/ 4910 w 10000"/>
                  <a:gd name="connsiteY262" fmla="*/ 1950 h 10000"/>
                  <a:gd name="connsiteX263" fmla="*/ 4832 w 10000"/>
                  <a:gd name="connsiteY263" fmla="*/ 1802 h 10000"/>
                  <a:gd name="connsiteX264" fmla="*/ 4731 w 10000"/>
                  <a:gd name="connsiteY264" fmla="*/ 1640 h 10000"/>
                  <a:gd name="connsiteX265" fmla="*/ 4473 w 10000"/>
                  <a:gd name="connsiteY265" fmla="*/ 1329 h 10000"/>
                  <a:gd name="connsiteX266" fmla="*/ 4216 w 10000"/>
                  <a:gd name="connsiteY266" fmla="*/ 1034 h 10000"/>
                  <a:gd name="connsiteX267" fmla="*/ 4087 w 10000"/>
                  <a:gd name="connsiteY267" fmla="*/ 901 h 10000"/>
                  <a:gd name="connsiteX268" fmla="*/ 3986 w 10000"/>
                  <a:gd name="connsiteY268" fmla="*/ 753 h 10000"/>
                  <a:gd name="connsiteX269" fmla="*/ 3907 w 10000"/>
                  <a:gd name="connsiteY269" fmla="*/ 620 h 10000"/>
                  <a:gd name="connsiteX270" fmla="*/ 3881 w 10000"/>
                  <a:gd name="connsiteY270" fmla="*/ 487 h 10000"/>
                  <a:gd name="connsiteX271" fmla="*/ 3856 w 10000"/>
                  <a:gd name="connsiteY271" fmla="*/ 355 h 10000"/>
                  <a:gd name="connsiteX272" fmla="*/ 3907 w 10000"/>
                  <a:gd name="connsiteY272" fmla="*/ 222 h 10000"/>
                  <a:gd name="connsiteX273" fmla="*/ 3934 w 10000"/>
                  <a:gd name="connsiteY273" fmla="*/ 162 h 10000"/>
                  <a:gd name="connsiteX274" fmla="*/ 3986 w 10000"/>
                  <a:gd name="connsiteY274" fmla="*/ 103 h 10000"/>
                  <a:gd name="connsiteX275" fmla="*/ 4063 w 10000"/>
                  <a:gd name="connsiteY275" fmla="*/ 59 h 10000"/>
                  <a:gd name="connsiteX276" fmla="*/ 4164 w 10000"/>
                  <a:gd name="connsiteY276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7301 w 10000"/>
                  <a:gd name="connsiteY67" fmla="*/ 3959 h 10000"/>
                  <a:gd name="connsiteX68" fmla="*/ 7841 w 10000"/>
                  <a:gd name="connsiteY68" fmla="*/ 3811 h 10000"/>
                  <a:gd name="connsiteX69" fmla="*/ 8895 w 10000"/>
                  <a:gd name="connsiteY69" fmla="*/ 3516 h 10000"/>
                  <a:gd name="connsiteX70" fmla="*/ 9100 w 10000"/>
                  <a:gd name="connsiteY70" fmla="*/ 3412 h 10000"/>
                  <a:gd name="connsiteX71" fmla="*/ 9306 w 10000"/>
                  <a:gd name="connsiteY71" fmla="*/ 3338 h 10000"/>
                  <a:gd name="connsiteX72" fmla="*/ 9435 w 10000"/>
                  <a:gd name="connsiteY72" fmla="*/ 3235 h 10000"/>
                  <a:gd name="connsiteX73" fmla="*/ 9536 w 10000"/>
                  <a:gd name="connsiteY73" fmla="*/ 3117 h 10000"/>
                  <a:gd name="connsiteX74" fmla="*/ 9563 w 10000"/>
                  <a:gd name="connsiteY74" fmla="*/ 3072 h 10000"/>
                  <a:gd name="connsiteX75" fmla="*/ 9588 w 10000"/>
                  <a:gd name="connsiteY75" fmla="*/ 3013 h 10000"/>
                  <a:gd name="connsiteX76" fmla="*/ 9588 w 10000"/>
                  <a:gd name="connsiteY76" fmla="*/ 2954 h 10000"/>
                  <a:gd name="connsiteX77" fmla="*/ 9563 w 10000"/>
                  <a:gd name="connsiteY77" fmla="*/ 2866 h 10000"/>
                  <a:gd name="connsiteX78" fmla="*/ 9383 w 10000"/>
                  <a:gd name="connsiteY78" fmla="*/ 2984 h 10000"/>
                  <a:gd name="connsiteX79" fmla="*/ 9178 w 10000"/>
                  <a:gd name="connsiteY79" fmla="*/ 3072 h 10000"/>
                  <a:gd name="connsiteX80" fmla="*/ 8971 w 10000"/>
                  <a:gd name="connsiteY80" fmla="*/ 3161 h 10000"/>
                  <a:gd name="connsiteX81" fmla="*/ 8766 w 10000"/>
                  <a:gd name="connsiteY81" fmla="*/ 3250 h 10000"/>
                  <a:gd name="connsiteX82" fmla="*/ 8302 w 10000"/>
                  <a:gd name="connsiteY82" fmla="*/ 3397 h 10000"/>
                  <a:gd name="connsiteX83" fmla="*/ 7815 w 10000"/>
                  <a:gd name="connsiteY83" fmla="*/ 3545 h 10000"/>
                  <a:gd name="connsiteX84" fmla="*/ 7327 w 10000"/>
                  <a:gd name="connsiteY84" fmla="*/ 3678 h 10000"/>
                  <a:gd name="connsiteX85" fmla="*/ 6863 w 10000"/>
                  <a:gd name="connsiteY85" fmla="*/ 3840 h 10000"/>
                  <a:gd name="connsiteX86" fmla="*/ 6632 w 10000"/>
                  <a:gd name="connsiteY86" fmla="*/ 3914 h 10000"/>
                  <a:gd name="connsiteX87" fmla="*/ 6427 w 10000"/>
                  <a:gd name="connsiteY87" fmla="*/ 4003 h 10000"/>
                  <a:gd name="connsiteX88" fmla="*/ 6222 w 10000"/>
                  <a:gd name="connsiteY88" fmla="*/ 4106 h 10000"/>
                  <a:gd name="connsiteX89" fmla="*/ 6014 w 10000"/>
                  <a:gd name="connsiteY89" fmla="*/ 4195 h 10000"/>
                  <a:gd name="connsiteX90" fmla="*/ 6169 w 10000"/>
                  <a:gd name="connsiteY90" fmla="*/ 4417 h 10000"/>
                  <a:gd name="connsiteX91" fmla="*/ 6273 w 10000"/>
                  <a:gd name="connsiteY91" fmla="*/ 4623 h 10000"/>
                  <a:gd name="connsiteX92" fmla="*/ 6375 w 10000"/>
                  <a:gd name="connsiteY92" fmla="*/ 4845 h 10000"/>
                  <a:gd name="connsiteX93" fmla="*/ 6451 w 10000"/>
                  <a:gd name="connsiteY93" fmla="*/ 5081 h 10000"/>
                  <a:gd name="connsiteX94" fmla="*/ 6504 w 10000"/>
                  <a:gd name="connsiteY94" fmla="*/ 5318 h 10000"/>
                  <a:gd name="connsiteX95" fmla="*/ 6530 w 10000"/>
                  <a:gd name="connsiteY95" fmla="*/ 5539 h 10000"/>
                  <a:gd name="connsiteX96" fmla="*/ 6554 w 10000"/>
                  <a:gd name="connsiteY96" fmla="*/ 5775 h 10000"/>
                  <a:gd name="connsiteX97" fmla="*/ 6554 w 10000"/>
                  <a:gd name="connsiteY97" fmla="*/ 5997 h 10000"/>
                  <a:gd name="connsiteX98" fmla="*/ 6530 w 10000"/>
                  <a:gd name="connsiteY98" fmla="*/ 6233 h 10000"/>
                  <a:gd name="connsiteX99" fmla="*/ 6478 w 10000"/>
                  <a:gd name="connsiteY99" fmla="*/ 6470 h 10000"/>
                  <a:gd name="connsiteX100" fmla="*/ 6427 w 10000"/>
                  <a:gd name="connsiteY100" fmla="*/ 6677 h 10000"/>
                  <a:gd name="connsiteX101" fmla="*/ 6350 w 10000"/>
                  <a:gd name="connsiteY101" fmla="*/ 6898 h 10000"/>
                  <a:gd name="connsiteX102" fmla="*/ 6247 w 10000"/>
                  <a:gd name="connsiteY102" fmla="*/ 7105 h 10000"/>
                  <a:gd name="connsiteX103" fmla="*/ 6119 w 10000"/>
                  <a:gd name="connsiteY103" fmla="*/ 7297 h 10000"/>
                  <a:gd name="connsiteX104" fmla="*/ 5964 w 10000"/>
                  <a:gd name="connsiteY104" fmla="*/ 7489 h 10000"/>
                  <a:gd name="connsiteX105" fmla="*/ 5809 w 10000"/>
                  <a:gd name="connsiteY105" fmla="*/ 7681 h 10000"/>
                  <a:gd name="connsiteX106" fmla="*/ 6554 w 10000"/>
                  <a:gd name="connsiteY106" fmla="*/ 7799 h 10000"/>
                  <a:gd name="connsiteX107" fmla="*/ 7327 w 10000"/>
                  <a:gd name="connsiteY107" fmla="*/ 7962 h 10000"/>
                  <a:gd name="connsiteX108" fmla="*/ 7480 w 10000"/>
                  <a:gd name="connsiteY108" fmla="*/ 8021 h 10000"/>
                  <a:gd name="connsiteX109" fmla="*/ 7609 w 10000"/>
                  <a:gd name="connsiteY109" fmla="*/ 8080 h 10000"/>
                  <a:gd name="connsiteX110" fmla="*/ 7737 w 10000"/>
                  <a:gd name="connsiteY110" fmla="*/ 8139 h 10000"/>
                  <a:gd name="connsiteX111" fmla="*/ 7815 w 10000"/>
                  <a:gd name="connsiteY111" fmla="*/ 8227 h 10000"/>
                  <a:gd name="connsiteX112" fmla="*/ 7841 w 10000"/>
                  <a:gd name="connsiteY112" fmla="*/ 8301 h 10000"/>
                  <a:gd name="connsiteX113" fmla="*/ 7841 w 10000"/>
                  <a:gd name="connsiteY113" fmla="*/ 8405 h 10000"/>
                  <a:gd name="connsiteX114" fmla="*/ 7790 w 10000"/>
                  <a:gd name="connsiteY114" fmla="*/ 8523 h 10000"/>
                  <a:gd name="connsiteX115" fmla="*/ 7712 w 10000"/>
                  <a:gd name="connsiteY115" fmla="*/ 8641 h 10000"/>
                  <a:gd name="connsiteX116" fmla="*/ 7378 w 10000"/>
                  <a:gd name="connsiteY116" fmla="*/ 8552 h 10000"/>
                  <a:gd name="connsiteX117" fmla="*/ 7069 w 10000"/>
                  <a:gd name="connsiteY117" fmla="*/ 8449 h 10000"/>
                  <a:gd name="connsiteX118" fmla="*/ 6760 w 10000"/>
                  <a:gd name="connsiteY118" fmla="*/ 8360 h 10000"/>
                  <a:gd name="connsiteX119" fmla="*/ 6451 w 10000"/>
                  <a:gd name="connsiteY119" fmla="*/ 8287 h 10000"/>
                  <a:gd name="connsiteX120" fmla="*/ 6323 w 10000"/>
                  <a:gd name="connsiteY120" fmla="*/ 8449 h 10000"/>
                  <a:gd name="connsiteX121" fmla="*/ 6222 w 10000"/>
                  <a:gd name="connsiteY121" fmla="*/ 8597 h 10000"/>
                  <a:gd name="connsiteX122" fmla="*/ 6169 w 10000"/>
                  <a:gd name="connsiteY122" fmla="*/ 8656 h 10000"/>
                  <a:gd name="connsiteX123" fmla="*/ 6066 w 10000"/>
                  <a:gd name="connsiteY123" fmla="*/ 8700 h 10000"/>
                  <a:gd name="connsiteX124" fmla="*/ 5990 w 10000"/>
                  <a:gd name="connsiteY124" fmla="*/ 8744 h 10000"/>
                  <a:gd name="connsiteX125" fmla="*/ 5913 w 10000"/>
                  <a:gd name="connsiteY125" fmla="*/ 8774 h 10000"/>
                  <a:gd name="connsiteX126" fmla="*/ 5835 w 10000"/>
                  <a:gd name="connsiteY126" fmla="*/ 8804 h 10000"/>
                  <a:gd name="connsiteX127" fmla="*/ 5733 w 10000"/>
                  <a:gd name="connsiteY127" fmla="*/ 8818 h 10000"/>
                  <a:gd name="connsiteX128" fmla="*/ 5603 w 10000"/>
                  <a:gd name="connsiteY128" fmla="*/ 8833 h 10000"/>
                  <a:gd name="connsiteX129" fmla="*/ 5476 w 10000"/>
                  <a:gd name="connsiteY129" fmla="*/ 8833 h 10000"/>
                  <a:gd name="connsiteX130" fmla="*/ 5168 w 10000"/>
                  <a:gd name="connsiteY130" fmla="*/ 8818 h 10000"/>
                  <a:gd name="connsiteX131" fmla="*/ 4781 w 10000"/>
                  <a:gd name="connsiteY131" fmla="*/ 8744 h 10000"/>
                  <a:gd name="connsiteX132" fmla="*/ 4781 w 10000"/>
                  <a:gd name="connsiteY132" fmla="*/ 8922 h 10000"/>
                  <a:gd name="connsiteX133" fmla="*/ 4755 w 10000"/>
                  <a:gd name="connsiteY133" fmla="*/ 9069 h 10000"/>
                  <a:gd name="connsiteX134" fmla="*/ 4731 w 10000"/>
                  <a:gd name="connsiteY134" fmla="*/ 9232 h 10000"/>
                  <a:gd name="connsiteX135" fmla="*/ 4704 w 10000"/>
                  <a:gd name="connsiteY135" fmla="*/ 9365 h 10000"/>
                  <a:gd name="connsiteX136" fmla="*/ 4652 w 10000"/>
                  <a:gd name="connsiteY136" fmla="*/ 9498 h 10000"/>
                  <a:gd name="connsiteX137" fmla="*/ 4551 w 10000"/>
                  <a:gd name="connsiteY137" fmla="*/ 9616 h 10000"/>
                  <a:gd name="connsiteX138" fmla="*/ 4473 w 10000"/>
                  <a:gd name="connsiteY138" fmla="*/ 9734 h 10000"/>
                  <a:gd name="connsiteX139" fmla="*/ 4344 w 10000"/>
                  <a:gd name="connsiteY139" fmla="*/ 9838 h 10000"/>
                  <a:gd name="connsiteX140" fmla="*/ 4034 w 10000"/>
                  <a:gd name="connsiteY140" fmla="*/ 9897 h 10000"/>
                  <a:gd name="connsiteX141" fmla="*/ 3779 w 10000"/>
                  <a:gd name="connsiteY141" fmla="*/ 9941 h 10000"/>
                  <a:gd name="connsiteX142" fmla="*/ 3470 w 10000"/>
                  <a:gd name="connsiteY142" fmla="*/ 9985 h 10000"/>
                  <a:gd name="connsiteX143" fmla="*/ 3239 w 10000"/>
                  <a:gd name="connsiteY143" fmla="*/ 10000 h 10000"/>
                  <a:gd name="connsiteX144" fmla="*/ 2725 w 10000"/>
                  <a:gd name="connsiteY144" fmla="*/ 10000 h 10000"/>
                  <a:gd name="connsiteX145" fmla="*/ 2236 w 10000"/>
                  <a:gd name="connsiteY145" fmla="*/ 9985 h 10000"/>
                  <a:gd name="connsiteX146" fmla="*/ 1775 w 10000"/>
                  <a:gd name="connsiteY146" fmla="*/ 9941 h 10000"/>
                  <a:gd name="connsiteX147" fmla="*/ 1286 w 10000"/>
                  <a:gd name="connsiteY147" fmla="*/ 9911 h 10000"/>
                  <a:gd name="connsiteX148" fmla="*/ 1003 w 10000"/>
                  <a:gd name="connsiteY148" fmla="*/ 9911 h 10000"/>
                  <a:gd name="connsiteX149" fmla="*/ 745 w 10000"/>
                  <a:gd name="connsiteY149" fmla="*/ 9911 h 10000"/>
                  <a:gd name="connsiteX150" fmla="*/ 463 w 10000"/>
                  <a:gd name="connsiteY150" fmla="*/ 9926 h 10000"/>
                  <a:gd name="connsiteX151" fmla="*/ 180 w 10000"/>
                  <a:gd name="connsiteY151" fmla="*/ 9970 h 10000"/>
                  <a:gd name="connsiteX152" fmla="*/ 103 w 10000"/>
                  <a:gd name="connsiteY152" fmla="*/ 9867 h 10000"/>
                  <a:gd name="connsiteX153" fmla="*/ 52 w 10000"/>
                  <a:gd name="connsiteY153" fmla="*/ 9793 h 10000"/>
                  <a:gd name="connsiteX154" fmla="*/ 0 w 10000"/>
                  <a:gd name="connsiteY154" fmla="*/ 9705 h 10000"/>
                  <a:gd name="connsiteX155" fmla="*/ 0 w 10000"/>
                  <a:gd name="connsiteY155" fmla="*/ 9601 h 10000"/>
                  <a:gd name="connsiteX156" fmla="*/ 52 w 10000"/>
                  <a:gd name="connsiteY156" fmla="*/ 9424 h 10000"/>
                  <a:gd name="connsiteX157" fmla="*/ 103 w 10000"/>
                  <a:gd name="connsiteY157" fmla="*/ 9202 h 10000"/>
                  <a:gd name="connsiteX158" fmla="*/ 153 w 10000"/>
                  <a:gd name="connsiteY158" fmla="*/ 8996 h 10000"/>
                  <a:gd name="connsiteX159" fmla="*/ 206 w 10000"/>
                  <a:gd name="connsiteY159" fmla="*/ 8759 h 10000"/>
                  <a:gd name="connsiteX160" fmla="*/ 231 w 10000"/>
                  <a:gd name="connsiteY160" fmla="*/ 8641 h 10000"/>
                  <a:gd name="connsiteX161" fmla="*/ 231 w 10000"/>
                  <a:gd name="connsiteY161" fmla="*/ 8538 h 10000"/>
                  <a:gd name="connsiteX162" fmla="*/ 206 w 10000"/>
                  <a:gd name="connsiteY162" fmla="*/ 8405 h 10000"/>
                  <a:gd name="connsiteX163" fmla="*/ 180 w 10000"/>
                  <a:gd name="connsiteY163" fmla="*/ 8287 h 10000"/>
                  <a:gd name="connsiteX164" fmla="*/ 437 w 10000"/>
                  <a:gd name="connsiteY164" fmla="*/ 8213 h 10000"/>
                  <a:gd name="connsiteX165" fmla="*/ 694 w 10000"/>
                  <a:gd name="connsiteY165" fmla="*/ 8139 h 10000"/>
                  <a:gd name="connsiteX166" fmla="*/ 951 w 10000"/>
                  <a:gd name="connsiteY166" fmla="*/ 8095 h 10000"/>
                  <a:gd name="connsiteX167" fmla="*/ 1234 w 10000"/>
                  <a:gd name="connsiteY167" fmla="*/ 8065 h 10000"/>
                  <a:gd name="connsiteX168" fmla="*/ 1747 w 10000"/>
                  <a:gd name="connsiteY168" fmla="*/ 8021 h 10000"/>
                  <a:gd name="connsiteX169" fmla="*/ 2263 w 10000"/>
                  <a:gd name="connsiteY169" fmla="*/ 7976 h 10000"/>
                  <a:gd name="connsiteX170" fmla="*/ 2494 w 10000"/>
                  <a:gd name="connsiteY170" fmla="*/ 7947 h 10000"/>
                  <a:gd name="connsiteX171" fmla="*/ 2725 w 10000"/>
                  <a:gd name="connsiteY171" fmla="*/ 7917 h 10000"/>
                  <a:gd name="connsiteX172" fmla="*/ 2929 w 10000"/>
                  <a:gd name="connsiteY172" fmla="*/ 7843 h 10000"/>
                  <a:gd name="connsiteX173" fmla="*/ 3136 w 10000"/>
                  <a:gd name="connsiteY173" fmla="*/ 7784 h 10000"/>
                  <a:gd name="connsiteX174" fmla="*/ 3316 w 10000"/>
                  <a:gd name="connsiteY174" fmla="*/ 7710 h 10000"/>
                  <a:gd name="connsiteX175" fmla="*/ 3470 w 10000"/>
                  <a:gd name="connsiteY175" fmla="*/ 7592 h 10000"/>
                  <a:gd name="connsiteX176" fmla="*/ 3625 w 10000"/>
                  <a:gd name="connsiteY176" fmla="*/ 7474 h 10000"/>
                  <a:gd name="connsiteX177" fmla="*/ 3727 w 10000"/>
                  <a:gd name="connsiteY177" fmla="*/ 7312 h 10000"/>
                  <a:gd name="connsiteX178" fmla="*/ 3522 w 10000"/>
                  <a:gd name="connsiteY178" fmla="*/ 7238 h 10000"/>
                  <a:gd name="connsiteX179" fmla="*/ 3341 w 10000"/>
                  <a:gd name="connsiteY179" fmla="*/ 7179 h 10000"/>
                  <a:gd name="connsiteX180" fmla="*/ 3187 w 10000"/>
                  <a:gd name="connsiteY180" fmla="*/ 7090 h 10000"/>
                  <a:gd name="connsiteX181" fmla="*/ 3034 w 10000"/>
                  <a:gd name="connsiteY181" fmla="*/ 6987 h 10000"/>
                  <a:gd name="connsiteX182" fmla="*/ 2929 w 10000"/>
                  <a:gd name="connsiteY182" fmla="*/ 6869 h 10000"/>
                  <a:gd name="connsiteX183" fmla="*/ 2880 w 10000"/>
                  <a:gd name="connsiteY183" fmla="*/ 6721 h 10000"/>
                  <a:gd name="connsiteX184" fmla="*/ 2853 w 10000"/>
                  <a:gd name="connsiteY184" fmla="*/ 6558 h 10000"/>
                  <a:gd name="connsiteX185" fmla="*/ 2880 w 10000"/>
                  <a:gd name="connsiteY185" fmla="*/ 6352 h 10000"/>
                  <a:gd name="connsiteX186" fmla="*/ 2751 w 10000"/>
                  <a:gd name="connsiteY186" fmla="*/ 6322 h 10000"/>
                  <a:gd name="connsiteX187" fmla="*/ 2597 w 10000"/>
                  <a:gd name="connsiteY187" fmla="*/ 6292 h 10000"/>
                  <a:gd name="connsiteX188" fmla="*/ 2417 w 10000"/>
                  <a:gd name="connsiteY188" fmla="*/ 6278 h 10000"/>
                  <a:gd name="connsiteX189" fmla="*/ 2236 w 10000"/>
                  <a:gd name="connsiteY189" fmla="*/ 6263 h 10000"/>
                  <a:gd name="connsiteX190" fmla="*/ 1877 w 10000"/>
                  <a:gd name="connsiteY190" fmla="*/ 6248 h 10000"/>
                  <a:gd name="connsiteX191" fmla="*/ 1491 w 10000"/>
                  <a:gd name="connsiteY191" fmla="*/ 6263 h 10000"/>
                  <a:gd name="connsiteX192" fmla="*/ 1158 w 10000"/>
                  <a:gd name="connsiteY192" fmla="*/ 6278 h 10000"/>
                  <a:gd name="connsiteX193" fmla="*/ 848 w 10000"/>
                  <a:gd name="connsiteY193" fmla="*/ 6278 h 10000"/>
                  <a:gd name="connsiteX194" fmla="*/ 593 w 10000"/>
                  <a:gd name="connsiteY194" fmla="*/ 6263 h 10000"/>
                  <a:gd name="connsiteX195" fmla="*/ 386 w 10000"/>
                  <a:gd name="connsiteY195" fmla="*/ 6233 h 10000"/>
                  <a:gd name="connsiteX196" fmla="*/ 641 w 10000"/>
                  <a:gd name="connsiteY196" fmla="*/ 5805 h 10000"/>
                  <a:gd name="connsiteX197" fmla="*/ 926 w 10000"/>
                  <a:gd name="connsiteY197" fmla="*/ 5391 h 10000"/>
                  <a:gd name="connsiteX198" fmla="*/ 1029 w 10000"/>
                  <a:gd name="connsiteY198" fmla="*/ 5170 h 10000"/>
                  <a:gd name="connsiteX199" fmla="*/ 1105 w 10000"/>
                  <a:gd name="connsiteY199" fmla="*/ 4963 h 10000"/>
                  <a:gd name="connsiteX200" fmla="*/ 1130 w 10000"/>
                  <a:gd name="connsiteY200" fmla="*/ 4860 h 10000"/>
                  <a:gd name="connsiteX201" fmla="*/ 1105 w 10000"/>
                  <a:gd name="connsiteY201" fmla="*/ 4756 h 10000"/>
                  <a:gd name="connsiteX202" fmla="*/ 1080 w 10000"/>
                  <a:gd name="connsiteY202" fmla="*/ 4653 h 10000"/>
                  <a:gd name="connsiteX203" fmla="*/ 1003 w 10000"/>
                  <a:gd name="connsiteY203" fmla="*/ 4549 h 10000"/>
                  <a:gd name="connsiteX204" fmla="*/ 1286 w 10000"/>
                  <a:gd name="connsiteY204" fmla="*/ 4520 h 10000"/>
                  <a:gd name="connsiteX205" fmla="*/ 1491 w 10000"/>
                  <a:gd name="connsiteY205" fmla="*/ 4505 h 10000"/>
                  <a:gd name="connsiteX206" fmla="*/ 1671 w 10000"/>
                  <a:gd name="connsiteY206" fmla="*/ 4505 h 10000"/>
                  <a:gd name="connsiteX207" fmla="*/ 1825 w 10000"/>
                  <a:gd name="connsiteY207" fmla="*/ 4520 h 10000"/>
                  <a:gd name="connsiteX208" fmla="*/ 1954 w 10000"/>
                  <a:gd name="connsiteY208" fmla="*/ 4520 h 10000"/>
                  <a:gd name="connsiteX209" fmla="*/ 2108 w 10000"/>
                  <a:gd name="connsiteY209" fmla="*/ 4520 h 10000"/>
                  <a:gd name="connsiteX210" fmla="*/ 2263 w 10000"/>
                  <a:gd name="connsiteY210" fmla="*/ 4490 h 10000"/>
                  <a:gd name="connsiteX211" fmla="*/ 2467 w 10000"/>
                  <a:gd name="connsiteY211" fmla="*/ 4446 h 10000"/>
                  <a:gd name="connsiteX212" fmla="*/ 2467 w 10000"/>
                  <a:gd name="connsiteY212" fmla="*/ 4579 h 10000"/>
                  <a:gd name="connsiteX213" fmla="*/ 2467 w 10000"/>
                  <a:gd name="connsiteY213" fmla="*/ 4742 h 10000"/>
                  <a:gd name="connsiteX214" fmla="*/ 2467 w 10000"/>
                  <a:gd name="connsiteY214" fmla="*/ 4874 h 10000"/>
                  <a:gd name="connsiteX215" fmla="*/ 2467 w 10000"/>
                  <a:gd name="connsiteY215" fmla="*/ 5037 h 10000"/>
                  <a:gd name="connsiteX216" fmla="*/ 2699 w 10000"/>
                  <a:gd name="connsiteY216" fmla="*/ 5022 h 10000"/>
                  <a:gd name="connsiteX217" fmla="*/ 2853 w 10000"/>
                  <a:gd name="connsiteY217" fmla="*/ 5037 h 10000"/>
                  <a:gd name="connsiteX218" fmla="*/ 2982 w 10000"/>
                  <a:gd name="connsiteY218" fmla="*/ 5066 h 10000"/>
                  <a:gd name="connsiteX219" fmla="*/ 3111 w 10000"/>
                  <a:gd name="connsiteY219" fmla="*/ 5096 h 10000"/>
                  <a:gd name="connsiteX220" fmla="*/ 3214 w 10000"/>
                  <a:gd name="connsiteY220" fmla="*/ 5126 h 10000"/>
                  <a:gd name="connsiteX221" fmla="*/ 3341 w 10000"/>
                  <a:gd name="connsiteY221" fmla="*/ 5155 h 10000"/>
                  <a:gd name="connsiteX222" fmla="*/ 3496 w 10000"/>
                  <a:gd name="connsiteY222" fmla="*/ 5170 h 10000"/>
                  <a:gd name="connsiteX223" fmla="*/ 3727 w 10000"/>
                  <a:gd name="connsiteY223" fmla="*/ 5155 h 10000"/>
                  <a:gd name="connsiteX224" fmla="*/ 3805 w 10000"/>
                  <a:gd name="connsiteY224" fmla="*/ 5096 h 10000"/>
                  <a:gd name="connsiteX225" fmla="*/ 3881 w 10000"/>
                  <a:gd name="connsiteY225" fmla="*/ 5022 h 10000"/>
                  <a:gd name="connsiteX226" fmla="*/ 3907 w 10000"/>
                  <a:gd name="connsiteY226" fmla="*/ 4934 h 10000"/>
                  <a:gd name="connsiteX227" fmla="*/ 3934 w 10000"/>
                  <a:gd name="connsiteY227" fmla="*/ 4860 h 10000"/>
                  <a:gd name="connsiteX228" fmla="*/ 3958 w 10000"/>
                  <a:gd name="connsiteY228" fmla="*/ 4697 h 10000"/>
                  <a:gd name="connsiteX229" fmla="*/ 3934 w 10000"/>
                  <a:gd name="connsiteY229" fmla="*/ 4520 h 10000"/>
                  <a:gd name="connsiteX230" fmla="*/ 3856 w 10000"/>
                  <a:gd name="connsiteY230" fmla="*/ 4343 h 10000"/>
                  <a:gd name="connsiteX231" fmla="*/ 3779 w 10000"/>
                  <a:gd name="connsiteY231" fmla="*/ 4195 h 10000"/>
                  <a:gd name="connsiteX232" fmla="*/ 3650 w 10000"/>
                  <a:gd name="connsiteY232" fmla="*/ 4047 h 10000"/>
                  <a:gd name="connsiteX233" fmla="*/ 3522 w 10000"/>
                  <a:gd name="connsiteY233" fmla="*/ 3959 h 10000"/>
                  <a:gd name="connsiteX234" fmla="*/ 3676 w 10000"/>
                  <a:gd name="connsiteY234" fmla="*/ 3944 h 10000"/>
                  <a:gd name="connsiteX235" fmla="*/ 3805 w 10000"/>
                  <a:gd name="connsiteY235" fmla="*/ 3914 h 10000"/>
                  <a:gd name="connsiteX236" fmla="*/ 3907 w 10000"/>
                  <a:gd name="connsiteY236" fmla="*/ 3855 h 10000"/>
                  <a:gd name="connsiteX237" fmla="*/ 4034 w 10000"/>
                  <a:gd name="connsiteY237" fmla="*/ 3752 h 10000"/>
                  <a:gd name="connsiteX238" fmla="*/ 4164 w 10000"/>
                  <a:gd name="connsiteY238" fmla="*/ 3663 h 10000"/>
                  <a:gd name="connsiteX239" fmla="*/ 4267 w 10000"/>
                  <a:gd name="connsiteY239" fmla="*/ 3560 h 10000"/>
                  <a:gd name="connsiteX240" fmla="*/ 4344 w 10000"/>
                  <a:gd name="connsiteY240" fmla="*/ 3442 h 10000"/>
                  <a:gd name="connsiteX241" fmla="*/ 4422 w 10000"/>
                  <a:gd name="connsiteY241" fmla="*/ 3323 h 10000"/>
                  <a:gd name="connsiteX242" fmla="*/ 4473 w 10000"/>
                  <a:gd name="connsiteY242" fmla="*/ 3220 h 10000"/>
                  <a:gd name="connsiteX243" fmla="*/ 4498 w 10000"/>
                  <a:gd name="connsiteY243" fmla="*/ 3102 h 10000"/>
                  <a:gd name="connsiteX244" fmla="*/ 4525 w 10000"/>
                  <a:gd name="connsiteY244" fmla="*/ 3013 h 10000"/>
                  <a:gd name="connsiteX245" fmla="*/ 4498 w 10000"/>
                  <a:gd name="connsiteY245" fmla="*/ 2939 h 10000"/>
                  <a:gd name="connsiteX246" fmla="*/ 4473 w 10000"/>
                  <a:gd name="connsiteY246" fmla="*/ 2866 h 10000"/>
                  <a:gd name="connsiteX247" fmla="*/ 4396 w 10000"/>
                  <a:gd name="connsiteY247" fmla="*/ 2836 h 10000"/>
                  <a:gd name="connsiteX248" fmla="*/ 4294 w 10000"/>
                  <a:gd name="connsiteY248" fmla="*/ 2836 h 10000"/>
                  <a:gd name="connsiteX249" fmla="*/ 4164 w 10000"/>
                  <a:gd name="connsiteY249" fmla="*/ 2866 h 10000"/>
                  <a:gd name="connsiteX250" fmla="*/ 4267 w 10000"/>
                  <a:gd name="connsiteY250" fmla="*/ 2777 h 10000"/>
                  <a:gd name="connsiteX251" fmla="*/ 4320 w 10000"/>
                  <a:gd name="connsiteY251" fmla="*/ 2674 h 10000"/>
                  <a:gd name="connsiteX252" fmla="*/ 4344 w 10000"/>
                  <a:gd name="connsiteY252" fmla="*/ 2541 h 10000"/>
                  <a:gd name="connsiteX253" fmla="*/ 4344 w 10000"/>
                  <a:gd name="connsiteY253" fmla="*/ 2393 h 10000"/>
                  <a:gd name="connsiteX254" fmla="*/ 4369 w 10000"/>
                  <a:gd name="connsiteY254" fmla="*/ 2349 h 10000"/>
                  <a:gd name="connsiteX255" fmla="*/ 4422 w 10000"/>
                  <a:gd name="connsiteY255" fmla="*/ 2304 h 10000"/>
                  <a:gd name="connsiteX256" fmla="*/ 4473 w 10000"/>
                  <a:gd name="connsiteY256" fmla="*/ 2290 h 10000"/>
                  <a:gd name="connsiteX257" fmla="*/ 4551 w 10000"/>
                  <a:gd name="connsiteY257" fmla="*/ 2275 h 10000"/>
                  <a:gd name="connsiteX258" fmla="*/ 4781 w 10000"/>
                  <a:gd name="connsiteY258" fmla="*/ 2260 h 10000"/>
                  <a:gd name="connsiteX259" fmla="*/ 4986 w 10000"/>
                  <a:gd name="connsiteY259" fmla="*/ 2275 h 10000"/>
                  <a:gd name="connsiteX260" fmla="*/ 4961 w 10000"/>
                  <a:gd name="connsiteY260" fmla="*/ 2112 h 10000"/>
                  <a:gd name="connsiteX261" fmla="*/ 4910 w 10000"/>
                  <a:gd name="connsiteY261" fmla="*/ 1950 h 10000"/>
                  <a:gd name="connsiteX262" fmla="*/ 4832 w 10000"/>
                  <a:gd name="connsiteY262" fmla="*/ 1802 h 10000"/>
                  <a:gd name="connsiteX263" fmla="*/ 4731 w 10000"/>
                  <a:gd name="connsiteY263" fmla="*/ 1640 h 10000"/>
                  <a:gd name="connsiteX264" fmla="*/ 4473 w 10000"/>
                  <a:gd name="connsiteY264" fmla="*/ 1329 h 10000"/>
                  <a:gd name="connsiteX265" fmla="*/ 4216 w 10000"/>
                  <a:gd name="connsiteY265" fmla="*/ 1034 h 10000"/>
                  <a:gd name="connsiteX266" fmla="*/ 4087 w 10000"/>
                  <a:gd name="connsiteY266" fmla="*/ 901 h 10000"/>
                  <a:gd name="connsiteX267" fmla="*/ 3986 w 10000"/>
                  <a:gd name="connsiteY267" fmla="*/ 753 h 10000"/>
                  <a:gd name="connsiteX268" fmla="*/ 3907 w 10000"/>
                  <a:gd name="connsiteY268" fmla="*/ 620 h 10000"/>
                  <a:gd name="connsiteX269" fmla="*/ 3881 w 10000"/>
                  <a:gd name="connsiteY269" fmla="*/ 487 h 10000"/>
                  <a:gd name="connsiteX270" fmla="*/ 3856 w 10000"/>
                  <a:gd name="connsiteY270" fmla="*/ 355 h 10000"/>
                  <a:gd name="connsiteX271" fmla="*/ 3907 w 10000"/>
                  <a:gd name="connsiteY271" fmla="*/ 222 h 10000"/>
                  <a:gd name="connsiteX272" fmla="*/ 3934 w 10000"/>
                  <a:gd name="connsiteY272" fmla="*/ 162 h 10000"/>
                  <a:gd name="connsiteX273" fmla="*/ 3986 w 10000"/>
                  <a:gd name="connsiteY273" fmla="*/ 103 h 10000"/>
                  <a:gd name="connsiteX274" fmla="*/ 4063 w 10000"/>
                  <a:gd name="connsiteY274" fmla="*/ 59 h 10000"/>
                  <a:gd name="connsiteX275" fmla="*/ 4164 w 10000"/>
                  <a:gd name="connsiteY275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943 w 10000"/>
                  <a:gd name="connsiteY51" fmla="*/ 4027 h 10000"/>
                  <a:gd name="connsiteX52" fmla="*/ 7274 w 10000"/>
                  <a:gd name="connsiteY52" fmla="*/ 4313 h 10000"/>
                  <a:gd name="connsiteX53" fmla="*/ 7274 w 10000"/>
                  <a:gd name="connsiteY53" fmla="*/ 4431 h 10000"/>
                  <a:gd name="connsiteX54" fmla="*/ 7274 w 10000"/>
                  <a:gd name="connsiteY54" fmla="*/ 4549 h 10000"/>
                  <a:gd name="connsiteX55" fmla="*/ 7224 w 10000"/>
                  <a:gd name="connsiteY55" fmla="*/ 4564 h 10000"/>
                  <a:gd name="connsiteX56" fmla="*/ 7095 w 10000"/>
                  <a:gd name="connsiteY56" fmla="*/ 4638 h 10000"/>
                  <a:gd name="connsiteX57" fmla="*/ 7095 w 10000"/>
                  <a:gd name="connsiteY57" fmla="*/ 4697 h 10000"/>
                  <a:gd name="connsiteX58" fmla="*/ 7069 w 10000"/>
                  <a:gd name="connsiteY58" fmla="*/ 4801 h 10000"/>
                  <a:gd name="connsiteX59" fmla="*/ 7069 w 10000"/>
                  <a:gd name="connsiteY59" fmla="*/ 4904 h 10000"/>
                  <a:gd name="connsiteX60" fmla="*/ 6941 w 10000"/>
                  <a:gd name="connsiteY60" fmla="*/ 4860 h 10000"/>
                  <a:gd name="connsiteX61" fmla="*/ 6863 w 10000"/>
                  <a:gd name="connsiteY61" fmla="*/ 4801 h 10000"/>
                  <a:gd name="connsiteX62" fmla="*/ 6786 w 10000"/>
                  <a:gd name="connsiteY62" fmla="*/ 4727 h 10000"/>
                  <a:gd name="connsiteX63" fmla="*/ 6710 w 10000"/>
                  <a:gd name="connsiteY63" fmla="*/ 4638 h 10000"/>
                  <a:gd name="connsiteX64" fmla="*/ 6582 w 10000"/>
                  <a:gd name="connsiteY64" fmla="*/ 4476 h 10000"/>
                  <a:gd name="connsiteX65" fmla="*/ 6451 w 10000"/>
                  <a:gd name="connsiteY65" fmla="*/ 4313 h 10000"/>
                  <a:gd name="connsiteX66" fmla="*/ 6607 w 10000"/>
                  <a:gd name="connsiteY66" fmla="*/ 4210 h 10000"/>
                  <a:gd name="connsiteX67" fmla="*/ 6812 w 10000"/>
                  <a:gd name="connsiteY67" fmla="*/ 4121 h 10000"/>
                  <a:gd name="connsiteX68" fmla="*/ 7301 w 10000"/>
                  <a:gd name="connsiteY68" fmla="*/ 3959 h 10000"/>
                  <a:gd name="connsiteX69" fmla="*/ 7841 w 10000"/>
                  <a:gd name="connsiteY69" fmla="*/ 3811 h 10000"/>
                  <a:gd name="connsiteX70" fmla="*/ 8895 w 10000"/>
                  <a:gd name="connsiteY70" fmla="*/ 3516 h 10000"/>
                  <a:gd name="connsiteX71" fmla="*/ 9100 w 10000"/>
                  <a:gd name="connsiteY71" fmla="*/ 3412 h 10000"/>
                  <a:gd name="connsiteX72" fmla="*/ 9306 w 10000"/>
                  <a:gd name="connsiteY72" fmla="*/ 3338 h 10000"/>
                  <a:gd name="connsiteX73" fmla="*/ 9435 w 10000"/>
                  <a:gd name="connsiteY73" fmla="*/ 3235 h 10000"/>
                  <a:gd name="connsiteX74" fmla="*/ 9536 w 10000"/>
                  <a:gd name="connsiteY74" fmla="*/ 3117 h 10000"/>
                  <a:gd name="connsiteX75" fmla="*/ 9563 w 10000"/>
                  <a:gd name="connsiteY75" fmla="*/ 3072 h 10000"/>
                  <a:gd name="connsiteX76" fmla="*/ 9588 w 10000"/>
                  <a:gd name="connsiteY76" fmla="*/ 3013 h 10000"/>
                  <a:gd name="connsiteX77" fmla="*/ 9588 w 10000"/>
                  <a:gd name="connsiteY77" fmla="*/ 2954 h 10000"/>
                  <a:gd name="connsiteX78" fmla="*/ 9563 w 10000"/>
                  <a:gd name="connsiteY78" fmla="*/ 2866 h 10000"/>
                  <a:gd name="connsiteX79" fmla="*/ 9383 w 10000"/>
                  <a:gd name="connsiteY79" fmla="*/ 2984 h 10000"/>
                  <a:gd name="connsiteX80" fmla="*/ 9178 w 10000"/>
                  <a:gd name="connsiteY80" fmla="*/ 3072 h 10000"/>
                  <a:gd name="connsiteX81" fmla="*/ 8971 w 10000"/>
                  <a:gd name="connsiteY81" fmla="*/ 3161 h 10000"/>
                  <a:gd name="connsiteX82" fmla="*/ 8766 w 10000"/>
                  <a:gd name="connsiteY82" fmla="*/ 3250 h 10000"/>
                  <a:gd name="connsiteX83" fmla="*/ 8302 w 10000"/>
                  <a:gd name="connsiteY83" fmla="*/ 3397 h 10000"/>
                  <a:gd name="connsiteX84" fmla="*/ 7815 w 10000"/>
                  <a:gd name="connsiteY84" fmla="*/ 3545 h 10000"/>
                  <a:gd name="connsiteX85" fmla="*/ 7327 w 10000"/>
                  <a:gd name="connsiteY85" fmla="*/ 3678 h 10000"/>
                  <a:gd name="connsiteX86" fmla="*/ 6863 w 10000"/>
                  <a:gd name="connsiteY86" fmla="*/ 3840 h 10000"/>
                  <a:gd name="connsiteX87" fmla="*/ 6632 w 10000"/>
                  <a:gd name="connsiteY87" fmla="*/ 3914 h 10000"/>
                  <a:gd name="connsiteX88" fmla="*/ 6427 w 10000"/>
                  <a:gd name="connsiteY88" fmla="*/ 4003 h 10000"/>
                  <a:gd name="connsiteX89" fmla="*/ 6222 w 10000"/>
                  <a:gd name="connsiteY89" fmla="*/ 4106 h 10000"/>
                  <a:gd name="connsiteX90" fmla="*/ 6014 w 10000"/>
                  <a:gd name="connsiteY90" fmla="*/ 4195 h 10000"/>
                  <a:gd name="connsiteX91" fmla="*/ 6169 w 10000"/>
                  <a:gd name="connsiteY91" fmla="*/ 4417 h 10000"/>
                  <a:gd name="connsiteX92" fmla="*/ 6273 w 10000"/>
                  <a:gd name="connsiteY92" fmla="*/ 4623 h 10000"/>
                  <a:gd name="connsiteX93" fmla="*/ 6375 w 10000"/>
                  <a:gd name="connsiteY93" fmla="*/ 4845 h 10000"/>
                  <a:gd name="connsiteX94" fmla="*/ 6451 w 10000"/>
                  <a:gd name="connsiteY94" fmla="*/ 5081 h 10000"/>
                  <a:gd name="connsiteX95" fmla="*/ 6504 w 10000"/>
                  <a:gd name="connsiteY95" fmla="*/ 5318 h 10000"/>
                  <a:gd name="connsiteX96" fmla="*/ 6530 w 10000"/>
                  <a:gd name="connsiteY96" fmla="*/ 5539 h 10000"/>
                  <a:gd name="connsiteX97" fmla="*/ 6554 w 10000"/>
                  <a:gd name="connsiteY97" fmla="*/ 5775 h 10000"/>
                  <a:gd name="connsiteX98" fmla="*/ 6554 w 10000"/>
                  <a:gd name="connsiteY98" fmla="*/ 5997 h 10000"/>
                  <a:gd name="connsiteX99" fmla="*/ 6530 w 10000"/>
                  <a:gd name="connsiteY99" fmla="*/ 6233 h 10000"/>
                  <a:gd name="connsiteX100" fmla="*/ 6478 w 10000"/>
                  <a:gd name="connsiteY100" fmla="*/ 6470 h 10000"/>
                  <a:gd name="connsiteX101" fmla="*/ 6427 w 10000"/>
                  <a:gd name="connsiteY101" fmla="*/ 6677 h 10000"/>
                  <a:gd name="connsiteX102" fmla="*/ 6350 w 10000"/>
                  <a:gd name="connsiteY102" fmla="*/ 6898 h 10000"/>
                  <a:gd name="connsiteX103" fmla="*/ 6247 w 10000"/>
                  <a:gd name="connsiteY103" fmla="*/ 7105 h 10000"/>
                  <a:gd name="connsiteX104" fmla="*/ 6119 w 10000"/>
                  <a:gd name="connsiteY104" fmla="*/ 7297 h 10000"/>
                  <a:gd name="connsiteX105" fmla="*/ 5964 w 10000"/>
                  <a:gd name="connsiteY105" fmla="*/ 7489 h 10000"/>
                  <a:gd name="connsiteX106" fmla="*/ 5809 w 10000"/>
                  <a:gd name="connsiteY106" fmla="*/ 7681 h 10000"/>
                  <a:gd name="connsiteX107" fmla="*/ 6554 w 10000"/>
                  <a:gd name="connsiteY107" fmla="*/ 7799 h 10000"/>
                  <a:gd name="connsiteX108" fmla="*/ 7327 w 10000"/>
                  <a:gd name="connsiteY108" fmla="*/ 7962 h 10000"/>
                  <a:gd name="connsiteX109" fmla="*/ 7480 w 10000"/>
                  <a:gd name="connsiteY109" fmla="*/ 8021 h 10000"/>
                  <a:gd name="connsiteX110" fmla="*/ 7609 w 10000"/>
                  <a:gd name="connsiteY110" fmla="*/ 8080 h 10000"/>
                  <a:gd name="connsiteX111" fmla="*/ 7737 w 10000"/>
                  <a:gd name="connsiteY111" fmla="*/ 8139 h 10000"/>
                  <a:gd name="connsiteX112" fmla="*/ 7815 w 10000"/>
                  <a:gd name="connsiteY112" fmla="*/ 8227 h 10000"/>
                  <a:gd name="connsiteX113" fmla="*/ 7841 w 10000"/>
                  <a:gd name="connsiteY113" fmla="*/ 8301 h 10000"/>
                  <a:gd name="connsiteX114" fmla="*/ 7841 w 10000"/>
                  <a:gd name="connsiteY114" fmla="*/ 8405 h 10000"/>
                  <a:gd name="connsiteX115" fmla="*/ 7790 w 10000"/>
                  <a:gd name="connsiteY115" fmla="*/ 8523 h 10000"/>
                  <a:gd name="connsiteX116" fmla="*/ 7712 w 10000"/>
                  <a:gd name="connsiteY116" fmla="*/ 8641 h 10000"/>
                  <a:gd name="connsiteX117" fmla="*/ 7378 w 10000"/>
                  <a:gd name="connsiteY117" fmla="*/ 8552 h 10000"/>
                  <a:gd name="connsiteX118" fmla="*/ 7069 w 10000"/>
                  <a:gd name="connsiteY118" fmla="*/ 8449 h 10000"/>
                  <a:gd name="connsiteX119" fmla="*/ 6760 w 10000"/>
                  <a:gd name="connsiteY119" fmla="*/ 8360 h 10000"/>
                  <a:gd name="connsiteX120" fmla="*/ 6451 w 10000"/>
                  <a:gd name="connsiteY120" fmla="*/ 8287 h 10000"/>
                  <a:gd name="connsiteX121" fmla="*/ 6323 w 10000"/>
                  <a:gd name="connsiteY121" fmla="*/ 8449 h 10000"/>
                  <a:gd name="connsiteX122" fmla="*/ 6222 w 10000"/>
                  <a:gd name="connsiteY122" fmla="*/ 8597 h 10000"/>
                  <a:gd name="connsiteX123" fmla="*/ 6169 w 10000"/>
                  <a:gd name="connsiteY123" fmla="*/ 8656 h 10000"/>
                  <a:gd name="connsiteX124" fmla="*/ 6066 w 10000"/>
                  <a:gd name="connsiteY124" fmla="*/ 8700 h 10000"/>
                  <a:gd name="connsiteX125" fmla="*/ 5990 w 10000"/>
                  <a:gd name="connsiteY125" fmla="*/ 8744 h 10000"/>
                  <a:gd name="connsiteX126" fmla="*/ 5913 w 10000"/>
                  <a:gd name="connsiteY126" fmla="*/ 8774 h 10000"/>
                  <a:gd name="connsiteX127" fmla="*/ 5835 w 10000"/>
                  <a:gd name="connsiteY127" fmla="*/ 8804 h 10000"/>
                  <a:gd name="connsiteX128" fmla="*/ 5733 w 10000"/>
                  <a:gd name="connsiteY128" fmla="*/ 8818 h 10000"/>
                  <a:gd name="connsiteX129" fmla="*/ 5603 w 10000"/>
                  <a:gd name="connsiteY129" fmla="*/ 8833 h 10000"/>
                  <a:gd name="connsiteX130" fmla="*/ 5476 w 10000"/>
                  <a:gd name="connsiteY130" fmla="*/ 8833 h 10000"/>
                  <a:gd name="connsiteX131" fmla="*/ 5168 w 10000"/>
                  <a:gd name="connsiteY131" fmla="*/ 8818 h 10000"/>
                  <a:gd name="connsiteX132" fmla="*/ 4781 w 10000"/>
                  <a:gd name="connsiteY132" fmla="*/ 8744 h 10000"/>
                  <a:gd name="connsiteX133" fmla="*/ 4781 w 10000"/>
                  <a:gd name="connsiteY133" fmla="*/ 8922 h 10000"/>
                  <a:gd name="connsiteX134" fmla="*/ 4755 w 10000"/>
                  <a:gd name="connsiteY134" fmla="*/ 9069 h 10000"/>
                  <a:gd name="connsiteX135" fmla="*/ 4731 w 10000"/>
                  <a:gd name="connsiteY135" fmla="*/ 9232 h 10000"/>
                  <a:gd name="connsiteX136" fmla="*/ 4704 w 10000"/>
                  <a:gd name="connsiteY136" fmla="*/ 9365 h 10000"/>
                  <a:gd name="connsiteX137" fmla="*/ 4652 w 10000"/>
                  <a:gd name="connsiteY137" fmla="*/ 9498 h 10000"/>
                  <a:gd name="connsiteX138" fmla="*/ 4551 w 10000"/>
                  <a:gd name="connsiteY138" fmla="*/ 9616 h 10000"/>
                  <a:gd name="connsiteX139" fmla="*/ 4473 w 10000"/>
                  <a:gd name="connsiteY139" fmla="*/ 9734 h 10000"/>
                  <a:gd name="connsiteX140" fmla="*/ 4344 w 10000"/>
                  <a:gd name="connsiteY140" fmla="*/ 9838 h 10000"/>
                  <a:gd name="connsiteX141" fmla="*/ 4034 w 10000"/>
                  <a:gd name="connsiteY141" fmla="*/ 9897 h 10000"/>
                  <a:gd name="connsiteX142" fmla="*/ 3779 w 10000"/>
                  <a:gd name="connsiteY142" fmla="*/ 9941 h 10000"/>
                  <a:gd name="connsiteX143" fmla="*/ 3470 w 10000"/>
                  <a:gd name="connsiteY143" fmla="*/ 9985 h 10000"/>
                  <a:gd name="connsiteX144" fmla="*/ 3239 w 10000"/>
                  <a:gd name="connsiteY144" fmla="*/ 10000 h 10000"/>
                  <a:gd name="connsiteX145" fmla="*/ 2725 w 10000"/>
                  <a:gd name="connsiteY145" fmla="*/ 10000 h 10000"/>
                  <a:gd name="connsiteX146" fmla="*/ 2236 w 10000"/>
                  <a:gd name="connsiteY146" fmla="*/ 9985 h 10000"/>
                  <a:gd name="connsiteX147" fmla="*/ 1775 w 10000"/>
                  <a:gd name="connsiteY147" fmla="*/ 9941 h 10000"/>
                  <a:gd name="connsiteX148" fmla="*/ 1286 w 10000"/>
                  <a:gd name="connsiteY148" fmla="*/ 9911 h 10000"/>
                  <a:gd name="connsiteX149" fmla="*/ 1003 w 10000"/>
                  <a:gd name="connsiteY149" fmla="*/ 9911 h 10000"/>
                  <a:gd name="connsiteX150" fmla="*/ 745 w 10000"/>
                  <a:gd name="connsiteY150" fmla="*/ 9911 h 10000"/>
                  <a:gd name="connsiteX151" fmla="*/ 463 w 10000"/>
                  <a:gd name="connsiteY151" fmla="*/ 9926 h 10000"/>
                  <a:gd name="connsiteX152" fmla="*/ 180 w 10000"/>
                  <a:gd name="connsiteY152" fmla="*/ 9970 h 10000"/>
                  <a:gd name="connsiteX153" fmla="*/ 103 w 10000"/>
                  <a:gd name="connsiteY153" fmla="*/ 9867 h 10000"/>
                  <a:gd name="connsiteX154" fmla="*/ 52 w 10000"/>
                  <a:gd name="connsiteY154" fmla="*/ 9793 h 10000"/>
                  <a:gd name="connsiteX155" fmla="*/ 0 w 10000"/>
                  <a:gd name="connsiteY155" fmla="*/ 9705 h 10000"/>
                  <a:gd name="connsiteX156" fmla="*/ 0 w 10000"/>
                  <a:gd name="connsiteY156" fmla="*/ 9601 h 10000"/>
                  <a:gd name="connsiteX157" fmla="*/ 52 w 10000"/>
                  <a:gd name="connsiteY157" fmla="*/ 9424 h 10000"/>
                  <a:gd name="connsiteX158" fmla="*/ 103 w 10000"/>
                  <a:gd name="connsiteY158" fmla="*/ 9202 h 10000"/>
                  <a:gd name="connsiteX159" fmla="*/ 153 w 10000"/>
                  <a:gd name="connsiteY159" fmla="*/ 8996 h 10000"/>
                  <a:gd name="connsiteX160" fmla="*/ 206 w 10000"/>
                  <a:gd name="connsiteY160" fmla="*/ 8759 h 10000"/>
                  <a:gd name="connsiteX161" fmla="*/ 231 w 10000"/>
                  <a:gd name="connsiteY161" fmla="*/ 8641 h 10000"/>
                  <a:gd name="connsiteX162" fmla="*/ 231 w 10000"/>
                  <a:gd name="connsiteY162" fmla="*/ 8538 h 10000"/>
                  <a:gd name="connsiteX163" fmla="*/ 206 w 10000"/>
                  <a:gd name="connsiteY163" fmla="*/ 8405 h 10000"/>
                  <a:gd name="connsiteX164" fmla="*/ 180 w 10000"/>
                  <a:gd name="connsiteY164" fmla="*/ 8287 h 10000"/>
                  <a:gd name="connsiteX165" fmla="*/ 437 w 10000"/>
                  <a:gd name="connsiteY165" fmla="*/ 8213 h 10000"/>
                  <a:gd name="connsiteX166" fmla="*/ 694 w 10000"/>
                  <a:gd name="connsiteY166" fmla="*/ 8139 h 10000"/>
                  <a:gd name="connsiteX167" fmla="*/ 951 w 10000"/>
                  <a:gd name="connsiteY167" fmla="*/ 8095 h 10000"/>
                  <a:gd name="connsiteX168" fmla="*/ 1234 w 10000"/>
                  <a:gd name="connsiteY168" fmla="*/ 8065 h 10000"/>
                  <a:gd name="connsiteX169" fmla="*/ 1747 w 10000"/>
                  <a:gd name="connsiteY169" fmla="*/ 8021 h 10000"/>
                  <a:gd name="connsiteX170" fmla="*/ 2263 w 10000"/>
                  <a:gd name="connsiteY170" fmla="*/ 7976 h 10000"/>
                  <a:gd name="connsiteX171" fmla="*/ 2494 w 10000"/>
                  <a:gd name="connsiteY171" fmla="*/ 7947 h 10000"/>
                  <a:gd name="connsiteX172" fmla="*/ 2725 w 10000"/>
                  <a:gd name="connsiteY172" fmla="*/ 7917 h 10000"/>
                  <a:gd name="connsiteX173" fmla="*/ 2929 w 10000"/>
                  <a:gd name="connsiteY173" fmla="*/ 7843 h 10000"/>
                  <a:gd name="connsiteX174" fmla="*/ 3136 w 10000"/>
                  <a:gd name="connsiteY174" fmla="*/ 7784 h 10000"/>
                  <a:gd name="connsiteX175" fmla="*/ 3316 w 10000"/>
                  <a:gd name="connsiteY175" fmla="*/ 7710 h 10000"/>
                  <a:gd name="connsiteX176" fmla="*/ 3470 w 10000"/>
                  <a:gd name="connsiteY176" fmla="*/ 7592 h 10000"/>
                  <a:gd name="connsiteX177" fmla="*/ 3625 w 10000"/>
                  <a:gd name="connsiteY177" fmla="*/ 7474 h 10000"/>
                  <a:gd name="connsiteX178" fmla="*/ 3727 w 10000"/>
                  <a:gd name="connsiteY178" fmla="*/ 7312 h 10000"/>
                  <a:gd name="connsiteX179" fmla="*/ 3522 w 10000"/>
                  <a:gd name="connsiteY179" fmla="*/ 7238 h 10000"/>
                  <a:gd name="connsiteX180" fmla="*/ 3341 w 10000"/>
                  <a:gd name="connsiteY180" fmla="*/ 7179 h 10000"/>
                  <a:gd name="connsiteX181" fmla="*/ 3187 w 10000"/>
                  <a:gd name="connsiteY181" fmla="*/ 7090 h 10000"/>
                  <a:gd name="connsiteX182" fmla="*/ 3034 w 10000"/>
                  <a:gd name="connsiteY182" fmla="*/ 6987 h 10000"/>
                  <a:gd name="connsiteX183" fmla="*/ 2929 w 10000"/>
                  <a:gd name="connsiteY183" fmla="*/ 6869 h 10000"/>
                  <a:gd name="connsiteX184" fmla="*/ 2880 w 10000"/>
                  <a:gd name="connsiteY184" fmla="*/ 6721 h 10000"/>
                  <a:gd name="connsiteX185" fmla="*/ 2853 w 10000"/>
                  <a:gd name="connsiteY185" fmla="*/ 6558 h 10000"/>
                  <a:gd name="connsiteX186" fmla="*/ 2880 w 10000"/>
                  <a:gd name="connsiteY186" fmla="*/ 6352 h 10000"/>
                  <a:gd name="connsiteX187" fmla="*/ 2751 w 10000"/>
                  <a:gd name="connsiteY187" fmla="*/ 6322 h 10000"/>
                  <a:gd name="connsiteX188" fmla="*/ 2597 w 10000"/>
                  <a:gd name="connsiteY188" fmla="*/ 6292 h 10000"/>
                  <a:gd name="connsiteX189" fmla="*/ 2417 w 10000"/>
                  <a:gd name="connsiteY189" fmla="*/ 6278 h 10000"/>
                  <a:gd name="connsiteX190" fmla="*/ 2236 w 10000"/>
                  <a:gd name="connsiteY190" fmla="*/ 6263 h 10000"/>
                  <a:gd name="connsiteX191" fmla="*/ 1877 w 10000"/>
                  <a:gd name="connsiteY191" fmla="*/ 6248 h 10000"/>
                  <a:gd name="connsiteX192" fmla="*/ 1491 w 10000"/>
                  <a:gd name="connsiteY192" fmla="*/ 6263 h 10000"/>
                  <a:gd name="connsiteX193" fmla="*/ 1158 w 10000"/>
                  <a:gd name="connsiteY193" fmla="*/ 6278 h 10000"/>
                  <a:gd name="connsiteX194" fmla="*/ 848 w 10000"/>
                  <a:gd name="connsiteY194" fmla="*/ 6278 h 10000"/>
                  <a:gd name="connsiteX195" fmla="*/ 593 w 10000"/>
                  <a:gd name="connsiteY195" fmla="*/ 6263 h 10000"/>
                  <a:gd name="connsiteX196" fmla="*/ 386 w 10000"/>
                  <a:gd name="connsiteY196" fmla="*/ 6233 h 10000"/>
                  <a:gd name="connsiteX197" fmla="*/ 641 w 10000"/>
                  <a:gd name="connsiteY197" fmla="*/ 5805 h 10000"/>
                  <a:gd name="connsiteX198" fmla="*/ 926 w 10000"/>
                  <a:gd name="connsiteY198" fmla="*/ 5391 h 10000"/>
                  <a:gd name="connsiteX199" fmla="*/ 1029 w 10000"/>
                  <a:gd name="connsiteY199" fmla="*/ 5170 h 10000"/>
                  <a:gd name="connsiteX200" fmla="*/ 1105 w 10000"/>
                  <a:gd name="connsiteY200" fmla="*/ 4963 h 10000"/>
                  <a:gd name="connsiteX201" fmla="*/ 1130 w 10000"/>
                  <a:gd name="connsiteY201" fmla="*/ 4860 h 10000"/>
                  <a:gd name="connsiteX202" fmla="*/ 1105 w 10000"/>
                  <a:gd name="connsiteY202" fmla="*/ 4756 h 10000"/>
                  <a:gd name="connsiteX203" fmla="*/ 1080 w 10000"/>
                  <a:gd name="connsiteY203" fmla="*/ 4653 h 10000"/>
                  <a:gd name="connsiteX204" fmla="*/ 1003 w 10000"/>
                  <a:gd name="connsiteY204" fmla="*/ 4549 h 10000"/>
                  <a:gd name="connsiteX205" fmla="*/ 1286 w 10000"/>
                  <a:gd name="connsiteY205" fmla="*/ 4520 h 10000"/>
                  <a:gd name="connsiteX206" fmla="*/ 1491 w 10000"/>
                  <a:gd name="connsiteY206" fmla="*/ 4505 h 10000"/>
                  <a:gd name="connsiteX207" fmla="*/ 1671 w 10000"/>
                  <a:gd name="connsiteY207" fmla="*/ 4505 h 10000"/>
                  <a:gd name="connsiteX208" fmla="*/ 1825 w 10000"/>
                  <a:gd name="connsiteY208" fmla="*/ 4520 h 10000"/>
                  <a:gd name="connsiteX209" fmla="*/ 1954 w 10000"/>
                  <a:gd name="connsiteY209" fmla="*/ 4520 h 10000"/>
                  <a:gd name="connsiteX210" fmla="*/ 2108 w 10000"/>
                  <a:gd name="connsiteY210" fmla="*/ 4520 h 10000"/>
                  <a:gd name="connsiteX211" fmla="*/ 2263 w 10000"/>
                  <a:gd name="connsiteY211" fmla="*/ 4490 h 10000"/>
                  <a:gd name="connsiteX212" fmla="*/ 2467 w 10000"/>
                  <a:gd name="connsiteY212" fmla="*/ 4446 h 10000"/>
                  <a:gd name="connsiteX213" fmla="*/ 2467 w 10000"/>
                  <a:gd name="connsiteY213" fmla="*/ 4579 h 10000"/>
                  <a:gd name="connsiteX214" fmla="*/ 2467 w 10000"/>
                  <a:gd name="connsiteY214" fmla="*/ 4742 h 10000"/>
                  <a:gd name="connsiteX215" fmla="*/ 2467 w 10000"/>
                  <a:gd name="connsiteY215" fmla="*/ 4874 h 10000"/>
                  <a:gd name="connsiteX216" fmla="*/ 2467 w 10000"/>
                  <a:gd name="connsiteY216" fmla="*/ 5037 h 10000"/>
                  <a:gd name="connsiteX217" fmla="*/ 2699 w 10000"/>
                  <a:gd name="connsiteY217" fmla="*/ 5022 h 10000"/>
                  <a:gd name="connsiteX218" fmla="*/ 2853 w 10000"/>
                  <a:gd name="connsiteY218" fmla="*/ 5037 h 10000"/>
                  <a:gd name="connsiteX219" fmla="*/ 2982 w 10000"/>
                  <a:gd name="connsiteY219" fmla="*/ 5066 h 10000"/>
                  <a:gd name="connsiteX220" fmla="*/ 3111 w 10000"/>
                  <a:gd name="connsiteY220" fmla="*/ 5096 h 10000"/>
                  <a:gd name="connsiteX221" fmla="*/ 3214 w 10000"/>
                  <a:gd name="connsiteY221" fmla="*/ 5126 h 10000"/>
                  <a:gd name="connsiteX222" fmla="*/ 3341 w 10000"/>
                  <a:gd name="connsiteY222" fmla="*/ 5155 h 10000"/>
                  <a:gd name="connsiteX223" fmla="*/ 3496 w 10000"/>
                  <a:gd name="connsiteY223" fmla="*/ 5170 h 10000"/>
                  <a:gd name="connsiteX224" fmla="*/ 3727 w 10000"/>
                  <a:gd name="connsiteY224" fmla="*/ 5155 h 10000"/>
                  <a:gd name="connsiteX225" fmla="*/ 3805 w 10000"/>
                  <a:gd name="connsiteY225" fmla="*/ 5096 h 10000"/>
                  <a:gd name="connsiteX226" fmla="*/ 3881 w 10000"/>
                  <a:gd name="connsiteY226" fmla="*/ 5022 h 10000"/>
                  <a:gd name="connsiteX227" fmla="*/ 3907 w 10000"/>
                  <a:gd name="connsiteY227" fmla="*/ 4934 h 10000"/>
                  <a:gd name="connsiteX228" fmla="*/ 3934 w 10000"/>
                  <a:gd name="connsiteY228" fmla="*/ 4860 h 10000"/>
                  <a:gd name="connsiteX229" fmla="*/ 3958 w 10000"/>
                  <a:gd name="connsiteY229" fmla="*/ 4697 h 10000"/>
                  <a:gd name="connsiteX230" fmla="*/ 3934 w 10000"/>
                  <a:gd name="connsiteY230" fmla="*/ 4520 h 10000"/>
                  <a:gd name="connsiteX231" fmla="*/ 3856 w 10000"/>
                  <a:gd name="connsiteY231" fmla="*/ 4343 h 10000"/>
                  <a:gd name="connsiteX232" fmla="*/ 3779 w 10000"/>
                  <a:gd name="connsiteY232" fmla="*/ 4195 h 10000"/>
                  <a:gd name="connsiteX233" fmla="*/ 3650 w 10000"/>
                  <a:gd name="connsiteY233" fmla="*/ 4047 h 10000"/>
                  <a:gd name="connsiteX234" fmla="*/ 3522 w 10000"/>
                  <a:gd name="connsiteY234" fmla="*/ 3959 h 10000"/>
                  <a:gd name="connsiteX235" fmla="*/ 3676 w 10000"/>
                  <a:gd name="connsiteY235" fmla="*/ 3944 h 10000"/>
                  <a:gd name="connsiteX236" fmla="*/ 3805 w 10000"/>
                  <a:gd name="connsiteY236" fmla="*/ 3914 h 10000"/>
                  <a:gd name="connsiteX237" fmla="*/ 3907 w 10000"/>
                  <a:gd name="connsiteY237" fmla="*/ 3855 h 10000"/>
                  <a:gd name="connsiteX238" fmla="*/ 4034 w 10000"/>
                  <a:gd name="connsiteY238" fmla="*/ 3752 h 10000"/>
                  <a:gd name="connsiteX239" fmla="*/ 4164 w 10000"/>
                  <a:gd name="connsiteY239" fmla="*/ 3663 h 10000"/>
                  <a:gd name="connsiteX240" fmla="*/ 4267 w 10000"/>
                  <a:gd name="connsiteY240" fmla="*/ 3560 h 10000"/>
                  <a:gd name="connsiteX241" fmla="*/ 4344 w 10000"/>
                  <a:gd name="connsiteY241" fmla="*/ 3442 h 10000"/>
                  <a:gd name="connsiteX242" fmla="*/ 4422 w 10000"/>
                  <a:gd name="connsiteY242" fmla="*/ 3323 h 10000"/>
                  <a:gd name="connsiteX243" fmla="*/ 4473 w 10000"/>
                  <a:gd name="connsiteY243" fmla="*/ 3220 h 10000"/>
                  <a:gd name="connsiteX244" fmla="*/ 4498 w 10000"/>
                  <a:gd name="connsiteY244" fmla="*/ 3102 h 10000"/>
                  <a:gd name="connsiteX245" fmla="*/ 4525 w 10000"/>
                  <a:gd name="connsiteY245" fmla="*/ 3013 h 10000"/>
                  <a:gd name="connsiteX246" fmla="*/ 4498 w 10000"/>
                  <a:gd name="connsiteY246" fmla="*/ 2939 h 10000"/>
                  <a:gd name="connsiteX247" fmla="*/ 4473 w 10000"/>
                  <a:gd name="connsiteY247" fmla="*/ 2866 h 10000"/>
                  <a:gd name="connsiteX248" fmla="*/ 4396 w 10000"/>
                  <a:gd name="connsiteY248" fmla="*/ 2836 h 10000"/>
                  <a:gd name="connsiteX249" fmla="*/ 4294 w 10000"/>
                  <a:gd name="connsiteY249" fmla="*/ 2836 h 10000"/>
                  <a:gd name="connsiteX250" fmla="*/ 4164 w 10000"/>
                  <a:gd name="connsiteY250" fmla="*/ 2866 h 10000"/>
                  <a:gd name="connsiteX251" fmla="*/ 4267 w 10000"/>
                  <a:gd name="connsiteY251" fmla="*/ 2777 h 10000"/>
                  <a:gd name="connsiteX252" fmla="*/ 4320 w 10000"/>
                  <a:gd name="connsiteY252" fmla="*/ 2674 h 10000"/>
                  <a:gd name="connsiteX253" fmla="*/ 4344 w 10000"/>
                  <a:gd name="connsiteY253" fmla="*/ 2541 h 10000"/>
                  <a:gd name="connsiteX254" fmla="*/ 4344 w 10000"/>
                  <a:gd name="connsiteY254" fmla="*/ 2393 h 10000"/>
                  <a:gd name="connsiteX255" fmla="*/ 4369 w 10000"/>
                  <a:gd name="connsiteY255" fmla="*/ 2349 h 10000"/>
                  <a:gd name="connsiteX256" fmla="*/ 4422 w 10000"/>
                  <a:gd name="connsiteY256" fmla="*/ 2304 h 10000"/>
                  <a:gd name="connsiteX257" fmla="*/ 4473 w 10000"/>
                  <a:gd name="connsiteY257" fmla="*/ 2290 h 10000"/>
                  <a:gd name="connsiteX258" fmla="*/ 4551 w 10000"/>
                  <a:gd name="connsiteY258" fmla="*/ 2275 h 10000"/>
                  <a:gd name="connsiteX259" fmla="*/ 4781 w 10000"/>
                  <a:gd name="connsiteY259" fmla="*/ 2260 h 10000"/>
                  <a:gd name="connsiteX260" fmla="*/ 4986 w 10000"/>
                  <a:gd name="connsiteY260" fmla="*/ 2275 h 10000"/>
                  <a:gd name="connsiteX261" fmla="*/ 4961 w 10000"/>
                  <a:gd name="connsiteY261" fmla="*/ 2112 h 10000"/>
                  <a:gd name="connsiteX262" fmla="*/ 4910 w 10000"/>
                  <a:gd name="connsiteY262" fmla="*/ 1950 h 10000"/>
                  <a:gd name="connsiteX263" fmla="*/ 4832 w 10000"/>
                  <a:gd name="connsiteY263" fmla="*/ 1802 h 10000"/>
                  <a:gd name="connsiteX264" fmla="*/ 4731 w 10000"/>
                  <a:gd name="connsiteY264" fmla="*/ 1640 h 10000"/>
                  <a:gd name="connsiteX265" fmla="*/ 4473 w 10000"/>
                  <a:gd name="connsiteY265" fmla="*/ 1329 h 10000"/>
                  <a:gd name="connsiteX266" fmla="*/ 4216 w 10000"/>
                  <a:gd name="connsiteY266" fmla="*/ 1034 h 10000"/>
                  <a:gd name="connsiteX267" fmla="*/ 4087 w 10000"/>
                  <a:gd name="connsiteY267" fmla="*/ 901 h 10000"/>
                  <a:gd name="connsiteX268" fmla="*/ 3986 w 10000"/>
                  <a:gd name="connsiteY268" fmla="*/ 753 h 10000"/>
                  <a:gd name="connsiteX269" fmla="*/ 3907 w 10000"/>
                  <a:gd name="connsiteY269" fmla="*/ 620 h 10000"/>
                  <a:gd name="connsiteX270" fmla="*/ 3881 w 10000"/>
                  <a:gd name="connsiteY270" fmla="*/ 487 h 10000"/>
                  <a:gd name="connsiteX271" fmla="*/ 3856 w 10000"/>
                  <a:gd name="connsiteY271" fmla="*/ 355 h 10000"/>
                  <a:gd name="connsiteX272" fmla="*/ 3907 w 10000"/>
                  <a:gd name="connsiteY272" fmla="*/ 222 h 10000"/>
                  <a:gd name="connsiteX273" fmla="*/ 3934 w 10000"/>
                  <a:gd name="connsiteY273" fmla="*/ 162 h 10000"/>
                  <a:gd name="connsiteX274" fmla="*/ 3986 w 10000"/>
                  <a:gd name="connsiteY274" fmla="*/ 103 h 10000"/>
                  <a:gd name="connsiteX275" fmla="*/ 4063 w 10000"/>
                  <a:gd name="connsiteY275" fmla="*/ 59 h 10000"/>
                  <a:gd name="connsiteX276" fmla="*/ 4164 w 10000"/>
                  <a:gd name="connsiteY276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943 w 10000"/>
                  <a:gd name="connsiteY51" fmla="*/ 4027 h 10000"/>
                  <a:gd name="connsiteX52" fmla="*/ 7274 w 10000"/>
                  <a:gd name="connsiteY52" fmla="*/ 4313 h 10000"/>
                  <a:gd name="connsiteX53" fmla="*/ 7274 w 10000"/>
                  <a:gd name="connsiteY53" fmla="*/ 4431 h 10000"/>
                  <a:gd name="connsiteX54" fmla="*/ 7274 w 10000"/>
                  <a:gd name="connsiteY54" fmla="*/ 4549 h 10000"/>
                  <a:gd name="connsiteX55" fmla="*/ 7224 w 10000"/>
                  <a:gd name="connsiteY55" fmla="*/ 4564 h 10000"/>
                  <a:gd name="connsiteX56" fmla="*/ 7095 w 10000"/>
                  <a:gd name="connsiteY56" fmla="*/ 4638 h 10000"/>
                  <a:gd name="connsiteX57" fmla="*/ 7095 w 10000"/>
                  <a:gd name="connsiteY57" fmla="*/ 4697 h 10000"/>
                  <a:gd name="connsiteX58" fmla="*/ 7069 w 10000"/>
                  <a:gd name="connsiteY58" fmla="*/ 4801 h 10000"/>
                  <a:gd name="connsiteX59" fmla="*/ 7069 w 10000"/>
                  <a:gd name="connsiteY59" fmla="*/ 4904 h 10000"/>
                  <a:gd name="connsiteX60" fmla="*/ 6941 w 10000"/>
                  <a:gd name="connsiteY60" fmla="*/ 4860 h 10000"/>
                  <a:gd name="connsiteX61" fmla="*/ 6863 w 10000"/>
                  <a:gd name="connsiteY61" fmla="*/ 4801 h 10000"/>
                  <a:gd name="connsiteX62" fmla="*/ 6786 w 10000"/>
                  <a:gd name="connsiteY62" fmla="*/ 4727 h 10000"/>
                  <a:gd name="connsiteX63" fmla="*/ 6710 w 10000"/>
                  <a:gd name="connsiteY63" fmla="*/ 4638 h 10000"/>
                  <a:gd name="connsiteX64" fmla="*/ 6582 w 10000"/>
                  <a:gd name="connsiteY64" fmla="*/ 4476 h 10000"/>
                  <a:gd name="connsiteX65" fmla="*/ 6451 w 10000"/>
                  <a:gd name="connsiteY65" fmla="*/ 4313 h 10000"/>
                  <a:gd name="connsiteX66" fmla="*/ 6607 w 10000"/>
                  <a:gd name="connsiteY66" fmla="*/ 4210 h 10000"/>
                  <a:gd name="connsiteX67" fmla="*/ 6812 w 10000"/>
                  <a:gd name="connsiteY67" fmla="*/ 4121 h 10000"/>
                  <a:gd name="connsiteX68" fmla="*/ 7301 w 10000"/>
                  <a:gd name="connsiteY68" fmla="*/ 3959 h 10000"/>
                  <a:gd name="connsiteX69" fmla="*/ 8895 w 10000"/>
                  <a:gd name="connsiteY69" fmla="*/ 3516 h 10000"/>
                  <a:gd name="connsiteX70" fmla="*/ 9100 w 10000"/>
                  <a:gd name="connsiteY70" fmla="*/ 3412 h 10000"/>
                  <a:gd name="connsiteX71" fmla="*/ 9306 w 10000"/>
                  <a:gd name="connsiteY71" fmla="*/ 3338 h 10000"/>
                  <a:gd name="connsiteX72" fmla="*/ 9435 w 10000"/>
                  <a:gd name="connsiteY72" fmla="*/ 3235 h 10000"/>
                  <a:gd name="connsiteX73" fmla="*/ 9536 w 10000"/>
                  <a:gd name="connsiteY73" fmla="*/ 3117 h 10000"/>
                  <a:gd name="connsiteX74" fmla="*/ 9563 w 10000"/>
                  <a:gd name="connsiteY74" fmla="*/ 3072 h 10000"/>
                  <a:gd name="connsiteX75" fmla="*/ 9588 w 10000"/>
                  <a:gd name="connsiteY75" fmla="*/ 3013 h 10000"/>
                  <a:gd name="connsiteX76" fmla="*/ 9588 w 10000"/>
                  <a:gd name="connsiteY76" fmla="*/ 2954 h 10000"/>
                  <a:gd name="connsiteX77" fmla="*/ 9563 w 10000"/>
                  <a:gd name="connsiteY77" fmla="*/ 2866 h 10000"/>
                  <a:gd name="connsiteX78" fmla="*/ 9383 w 10000"/>
                  <a:gd name="connsiteY78" fmla="*/ 2984 h 10000"/>
                  <a:gd name="connsiteX79" fmla="*/ 9178 w 10000"/>
                  <a:gd name="connsiteY79" fmla="*/ 3072 h 10000"/>
                  <a:gd name="connsiteX80" fmla="*/ 8971 w 10000"/>
                  <a:gd name="connsiteY80" fmla="*/ 3161 h 10000"/>
                  <a:gd name="connsiteX81" fmla="*/ 8766 w 10000"/>
                  <a:gd name="connsiteY81" fmla="*/ 3250 h 10000"/>
                  <a:gd name="connsiteX82" fmla="*/ 8302 w 10000"/>
                  <a:gd name="connsiteY82" fmla="*/ 3397 h 10000"/>
                  <a:gd name="connsiteX83" fmla="*/ 7815 w 10000"/>
                  <a:gd name="connsiteY83" fmla="*/ 3545 h 10000"/>
                  <a:gd name="connsiteX84" fmla="*/ 7327 w 10000"/>
                  <a:gd name="connsiteY84" fmla="*/ 3678 h 10000"/>
                  <a:gd name="connsiteX85" fmla="*/ 6863 w 10000"/>
                  <a:gd name="connsiteY85" fmla="*/ 3840 h 10000"/>
                  <a:gd name="connsiteX86" fmla="*/ 6632 w 10000"/>
                  <a:gd name="connsiteY86" fmla="*/ 3914 h 10000"/>
                  <a:gd name="connsiteX87" fmla="*/ 6427 w 10000"/>
                  <a:gd name="connsiteY87" fmla="*/ 4003 h 10000"/>
                  <a:gd name="connsiteX88" fmla="*/ 6222 w 10000"/>
                  <a:gd name="connsiteY88" fmla="*/ 4106 h 10000"/>
                  <a:gd name="connsiteX89" fmla="*/ 6014 w 10000"/>
                  <a:gd name="connsiteY89" fmla="*/ 4195 h 10000"/>
                  <a:gd name="connsiteX90" fmla="*/ 6169 w 10000"/>
                  <a:gd name="connsiteY90" fmla="*/ 4417 h 10000"/>
                  <a:gd name="connsiteX91" fmla="*/ 6273 w 10000"/>
                  <a:gd name="connsiteY91" fmla="*/ 4623 h 10000"/>
                  <a:gd name="connsiteX92" fmla="*/ 6375 w 10000"/>
                  <a:gd name="connsiteY92" fmla="*/ 4845 h 10000"/>
                  <a:gd name="connsiteX93" fmla="*/ 6451 w 10000"/>
                  <a:gd name="connsiteY93" fmla="*/ 5081 h 10000"/>
                  <a:gd name="connsiteX94" fmla="*/ 6504 w 10000"/>
                  <a:gd name="connsiteY94" fmla="*/ 5318 h 10000"/>
                  <a:gd name="connsiteX95" fmla="*/ 6530 w 10000"/>
                  <a:gd name="connsiteY95" fmla="*/ 5539 h 10000"/>
                  <a:gd name="connsiteX96" fmla="*/ 6554 w 10000"/>
                  <a:gd name="connsiteY96" fmla="*/ 5775 h 10000"/>
                  <a:gd name="connsiteX97" fmla="*/ 6554 w 10000"/>
                  <a:gd name="connsiteY97" fmla="*/ 5997 h 10000"/>
                  <a:gd name="connsiteX98" fmla="*/ 6530 w 10000"/>
                  <a:gd name="connsiteY98" fmla="*/ 6233 h 10000"/>
                  <a:gd name="connsiteX99" fmla="*/ 6478 w 10000"/>
                  <a:gd name="connsiteY99" fmla="*/ 6470 h 10000"/>
                  <a:gd name="connsiteX100" fmla="*/ 6427 w 10000"/>
                  <a:gd name="connsiteY100" fmla="*/ 6677 h 10000"/>
                  <a:gd name="connsiteX101" fmla="*/ 6350 w 10000"/>
                  <a:gd name="connsiteY101" fmla="*/ 6898 h 10000"/>
                  <a:gd name="connsiteX102" fmla="*/ 6247 w 10000"/>
                  <a:gd name="connsiteY102" fmla="*/ 7105 h 10000"/>
                  <a:gd name="connsiteX103" fmla="*/ 6119 w 10000"/>
                  <a:gd name="connsiteY103" fmla="*/ 7297 h 10000"/>
                  <a:gd name="connsiteX104" fmla="*/ 5964 w 10000"/>
                  <a:gd name="connsiteY104" fmla="*/ 7489 h 10000"/>
                  <a:gd name="connsiteX105" fmla="*/ 5809 w 10000"/>
                  <a:gd name="connsiteY105" fmla="*/ 7681 h 10000"/>
                  <a:gd name="connsiteX106" fmla="*/ 6554 w 10000"/>
                  <a:gd name="connsiteY106" fmla="*/ 7799 h 10000"/>
                  <a:gd name="connsiteX107" fmla="*/ 7327 w 10000"/>
                  <a:gd name="connsiteY107" fmla="*/ 7962 h 10000"/>
                  <a:gd name="connsiteX108" fmla="*/ 7480 w 10000"/>
                  <a:gd name="connsiteY108" fmla="*/ 8021 h 10000"/>
                  <a:gd name="connsiteX109" fmla="*/ 7609 w 10000"/>
                  <a:gd name="connsiteY109" fmla="*/ 8080 h 10000"/>
                  <a:gd name="connsiteX110" fmla="*/ 7737 w 10000"/>
                  <a:gd name="connsiteY110" fmla="*/ 8139 h 10000"/>
                  <a:gd name="connsiteX111" fmla="*/ 7815 w 10000"/>
                  <a:gd name="connsiteY111" fmla="*/ 8227 h 10000"/>
                  <a:gd name="connsiteX112" fmla="*/ 7841 w 10000"/>
                  <a:gd name="connsiteY112" fmla="*/ 8301 h 10000"/>
                  <a:gd name="connsiteX113" fmla="*/ 7841 w 10000"/>
                  <a:gd name="connsiteY113" fmla="*/ 8405 h 10000"/>
                  <a:gd name="connsiteX114" fmla="*/ 7790 w 10000"/>
                  <a:gd name="connsiteY114" fmla="*/ 8523 h 10000"/>
                  <a:gd name="connsiteX115" fmla="*/ 7712 w 10000"/>
                  <a:gd name="connsiteY115" fmla="*/ 8641 h 10000"/>
                  <a:gd name="connsiteX116" fmla="*/ 7378 w 10000"/>
                  <a:gd name="connsiteY116" fmla="*/ 8552 h 10000"/>
                  <a:gd name="connsiteX117" fmla="*/ 7069 w 10000"/>
                  <a:gd name="connsiteY117" fmla="*/ 8449 h 10000"/>
                  <a:gd name="connsiteX118" fmla="*/ 6760 w 10000"/>
                  <a:gd name="connsiteY118" fmla="*/ 8360 h 10000"/>
                  <a:gd name="connsiteX119" fmla="*/ 6451 w 10000"/>
                  <a:gd name="connsiteY119" fmla="*/ 8287 h 10000"/>
                  <a:gd name="connsiteX120" fmla="*/ 6323 w 10000"/>
                  <a:gd name="connsiteY120" fmla="*/ 8449 h 10000"/>
                  <a:gd name="connsiteX121" fmla="*/ 6222 w 10000"/>
                  <a:gd name="connsiteY121" fmla="*/ 8597 h 10000"/>
                  <a:gd name="connsiteX122" fmla="*/ 6169 w 10000"/>
                  <a:gd name="connsiteY122" fmla="*/ 8656 h 10000"/>
                  <a:gd name="connsiteX123" fmla="*/ 6066 w 10000"/>
                  <a:gd name="connsiteY123" fmla="*/ 8700 h 10000"/>
                  <a:gd name="connsiteX124" fmla="*/ 5990 w 10000"/>
                  <a:gd name="connsiteY124" fmla="*/ 8744 h 10000"/>
                  <a:gd name="connsiteX125" fmla="*/ 5913 w 10000"/>
                  <a:gd name="connsiteY125" fmla="*/ 8774 h 10000"/>
                  <a:gd name="connsiteX126" fmla="*/ 5835 w 10000"/>
                  <a:gd name="connsiteY126" fmla="*/ 8804 h 10000"/>
                  <a:gd name="connsiteX127" fmla="*/ 5733 w 10000"/>
                  <a:gd name="connsiteY127" fmla="*/ 8818 h 10000"/>
                  <a:gd name="connsiteX128" fmla="*/ 5603 w 10000"/>
                  <a:gd name="connsiteY128" fmla="*/ 8833 h 10000"/>
                  <a:gd name="connsiteX129" fmla="*/ 5476 w 10000"/>
                  <a:gd name="connsiteY129" fmla="*/ 8833 h 10000"/>
                  <a:gd name="connsiteX130" fmla="*/ 5168 w 10000"/>
                  <a:gd name="connsiteY130" fmla="*/ 8818 h 10000"/>
                  <a:gd name="connsiteX131" fmla="*/ 4781 w 10000"/>
                  <a:gd name="connsiteY131" fmla="*/ 8744 h 10000"/>
                  <a:gd name="connsiteX132" fmla="*/ 4781 w 10000"/>
                  <a:gd name="connsiteY132" fmla="*/ 8922 h 10000"/>
                  <a:gd name="connsiteX133" fmla="*/ 4755 w 10000"/>
                  <a:gd name="connsiteY133" fmla="*/ 9069 h 10000"/>
                  <a:gd name="connsiteX134" fmla="*/ 4731 w 10000"/>
                  <a:gd name="connsiteY134" fmla="*/ 9232 h 10000"/>
                  <a:gd name="connsiteX135" fmla="*/ 4704 w 10000"/>
                  <a:gd name="connsiteY135" fmla="*/ 9365 h 10000"/>
                  <a:gd name="connsiteX136" fmla="*/ 4652 w 10000"/>
                  <a:gd name="connsiteY136" fmla="*/ 9498 h 10000"/>
                  <a:gd name="connsiteX137" fmla="*/ 4551 w 10000"/>
                  <a:gd name="connsiteY137" fmla="*/ 9616 h 10000"/>
                  <a:gd name="connsiteX138" fmla="*/ 4473 w 10000"/>
                  <a:gd name="connsiteY138" fmla="*/ 9734 h 10000"/>
                  <a:gd name="connsiteX139" fmla="*/ 4344 w 10000"/>
                  <a:gd name="connsiteY139" fmla="*/ 9838 h 10000"/>
                  <a:gd name="connsiteX140" fmla="*/ 4034 w 10000"/>
                  <a:gd name="connsiteY140" fmla="*/ 9897 h 10000"/>
                  <a:gd name="connsiteX141" fmla="*/ 3779 w 10000"/>
                  <a:gd name="connsiteY141" fmla="*/ 9941 h 10000"/>
                  <a:gd name="connsiteX142" fmla="*/ 3470 w 10000"/>
                  <a:gd name="connsiteY142" fmla="*/ 9985 h 10000"/>
                  <a:gd name="connsiteX143" fmla="*/ 3239 w 10000"/>
                  <a:gd name="connsiteY143" fmla="*/ 10000 h 10000"/>
                  <a:gd name="connsiteX144" fmla="*/ 2725 w 10000"/>
                  <a:gd name="connsiteY144" fmla="*/ 10000 h 10000"/>
                  <a:gd name="connsiteX145" fmla="*/ 2236 w 10000"/>
                  <a:gd name="connsiteY145" fmla="*/ 9985 h 10000"/>
                  <a:gd name="connsiteX146" fmla="*/ 1775 w 10000"/>
                  <a:gd name="connsiteY146" fmla="*/ 9941 h 10000"/>
                  <a:gd name="connsiteX147" fmla="*/ 1286 w 10000"/>
                  <a:gd name="connsiteY147" fmla="*/ 9911 h 10000"/>
                  <a:gd name="connsiteX148" fmla="*/ 1003 w 10000"/>
                  <a:gd name="connsiteY148" fmla="*/ 9911 h 10000"/>
                  <a:gd name="connsiteX149" fmla="*/ 745 w 10000"/>
                  <a:gd name="connsiteY149" fmla="*/ 9911 h 10000"/>
                  <a:gd name="connsiteX150" fmla="*/ 463 w 10000"/>
                  <a:gd name="connsiteY150" fmla="*/ 9926 h 10000"/>
                  <a:gd name="connsiteX151" fmla="*/ 180 w 10000"/>
                  <a:gd name="connsiteY151" fmla="*/ 9970 h 10000"/>
                  <a:gd name="connsiteX152" fmla="*/ 103 w 10000"/>
                  <a:gd name="connsiteY152" fmla="*/ 9867 h 10000"/>
                  <a:gd name="connsiteX153" fmla="*/ 52 w 10000"/>
                  <a:gd name="connsiteY153" fmla="*/ 9793 h 10000"/>
                  <a:gd name="connsiteX154" fmla="*/ 0 w 10000"/>
                  <a:gd name="connsiteY154" fmla="*/ 9705 h 10000"/>
                  <a:gd name="connsiteX155" fmla="*/ 0 w 10000"/>
                  <a:gd name="connsiteY155" fmla="*/ 9601 h 10000"/>
                  <a:gd name="connsiteX156" fmla="*/ 52 w 10000"/>
                  <a:gd name="connsiteY156" fmla="*/ 9424 h 10000"/>
                  <a:gd name="connsiteX157" fmla="*/ 103 w 10000"/>
                  <a:gd name="connsiteY157" fmla="*/ 9202 h 10000"/>
                  <a:gd name="connsiteX158" fmla="*/ 153 w 10000"/>
                  <a:gd name="connsiteY158" fmla="*/ 8996 h 10000"/>
                  <a:gd name="connsiteX159" fmla="*/ 206 w 10000"/>
                  <a:gd name="connsiteY159" fmla="*/ 8759 h 10000"/>
                  <a:gd name="connsiteX160" fmla="*/ 231 w 10000"/>
                  <a:gd name="connsiteY160" fmla="*/ 8641 h 10000"/>
                  <a:gd name="connsiteX161" fmla="*/ 231 w 10000"/>
                  <a:gd name="connsiteY161" fmla="*/ 8538 h 10000"/>
                  <a:gd name="connsiteX162" fmla="*/ 206 w 10000"/>
                  <a:gd name="connsiteY162" fmla="*/ 8405 h 10000"/>
                  <a:gd name="connsiteX163" fmla="*/ 180 w 10000"/>
                  <a:gd name="connsiteY163" fmla="*/ 8287 h 10000"/>
                  <a:gd name="connsiteX164" fmla="*/ 437 w 10000"/>
                  <a:gd name="connsiteY164" fmla="*/ 8213 h 10000"/>
                  <a:gd name="connsiteX165" fmla="*/ 694 w 10000"/>
                  <a:gd name="connsiteY165" fmla="*/ 8139 h 10000"/>
                  <a:gd name="connsiteX166" fmla="*/ 951 w 10000"/>
                  <a:gd name="connsiteY166" fmla="*/ 8095 h 10000"/>
                  <a:gd name="connsiteX167" fmla="*/ 1234 w 10000"/>
                  <a:gd name="connsiteY167" fmla="*/ 8065 h 10000"/>
                  <a:gd name="connsiteX168" fmla="*/ 1747 w 10000"/>
                  <a:gd name="connsiteY168" fmla="*/ 8021 h 10000"/>
                  <a:gd name="connsiteX169" fmla="*/ 2263 w 10000"/>
                  <a:gd name="connsiteY169" fmla="*/ 7976 h 10000"/>
                  <a:gd name="connsiteX170" fmla="*/ 2494 w 10000"/>
                  <a:gd name="connsiteY170" fmla="*/ 7947 h 10000"/>
                  <a:gd name="connsiteX171" fmla="*/ 2725 w 10000"/>
                  <a:gd name="connsiteY171" fmla="*/ 7917 h 10000"/>
                  <a:gd name="connsiteX172" fmla="*/ 2929 w 10000"/>
                  <a:gd name="connsiteY172" fmla="*/ 7843 h 10000"/>
                  <a:gd name="connsiteX173" fmla="*/ 3136 w 10000"/>
                  <a:gd name="connsiteY173" fmla="*/ 7784 h 10000"/>
                  <a:gd name="connsiteX174" fmla="*/ 3316 w 10000"/>
                  <a:gd name="connsiteY174" fmla="*/ 7710 h 10000"/>
                  <a:gd name="connsiteX175" fmla="*/ 3470 w 10000"/>
                  <a:gd name="connsiteY175" fmla="*/ 7592 h 10000"/>
                  <a:gd name="connsiteX176" fmla="*/ 3625 w 10000"/>
                  <a:gd name="connsiteY176" fmla="*/ 7474 h 10000"/>
                  <a:gd name="connsiteX177" fmla="*/ 3727 w 10000"/>
                  <a:gd name="connsiteY177" fmla="*/ 7312 h 10000"/>
                  <a:gd name="connsiteX178" fmla="*/ 3522 w 10000"/>
                  <a:gd name="connsiteY178" fmla="*/ 7238 h 10000"/>
                  <a:gd name="connsiteX179" fmla="*/ 3341 w 10000"/>
                  <a:gd name="connsiteY179" fmla="*/ 7179 h 10000"/>
                  <a:gd name="connsiteX180" fmla="*/ 3187 w 10000"/>
                  <a:gd name="connsiteY180" fmla="*/ 7090 h 10000"/>
                  <a:gd name="connsiteX181" fmla="*/ 3034 w 10000"/>
                  <a:gd name="connsiteY181" fmla="*/ 6987 h 10000"/>
                  <a:gd name="connsiteX182" fmla="*/ 2929 w 10000"/>
                  <a:gd name="connsiteY182" fmla="*/ 6869 h 10000"/>
                  <a:gd name="connsiteX183" fmla="*/ 2880 w 10000"/>
                  <a:gd name="connsiteY183" fmla="*/ 6721 h 10000"/>
                  <a:gd name="connsiteX184" fmla="*/ 2853 w 10000"/>
                  <a:gd name="connsiteY184" fmla="*/ 6558 h 10000"/>
                  <a:gd name="connsiteX185" fmla="*/ 2880 w 10000"/>
                  <a:gd name="connsiteY185" fmla="*/ 6352 h 10000"/>
                  <a:gd name="connsiteX186" fmla="*/ 2751 w 10000"/>
                  <a:gd name="connsiteY186" fmla="*/ 6322 h 10000"/>
                  <a:gd name="connsiteX187" fmla="*/ 2597 w 10000"/>
                  <a:gd name="connsiteY187" fmla="*/ 6292 h 10000"/>
                  <a:gd name="connsiteX188" fmla="*/ 2417 w 10000"/>
                  <a:gd name="connsiteY188" fmla="*/ 6278 h 10000"/>
                  <a:gd name="connsiteX189" fmla="*/ 2236 w 10000"/>
                  <a:gd name="connsiteY189" fmla="*/ 6263 h 10000"/>
                  <a:gd name="connsiteX190" fmla="*/ 1877 w 10000"/>
                  <a:gd name="connsiteY190" fmla="*/ 6248 h 10000"/>
                  <a:gd name="connsiteX191" fmla="*/ 1491 w 10000"/>
                  <a:gd name="connsiteY191" fmla="*/ 6263 h 10000"/>
                  <a:gd name="connsiteX192" fmla="*/ 1158 w 10000"/>
                  <a:gd name="connsiteY192" fmla="*/ 6278 h 10000"/>
                  <a:gd name="connsiteX193" fmla="*/ 848 w 10000"/>
                  <a:gd name="connsiteY193" fmla="*/ 6278 h 10000"/>
                  <a:gd name="connsiteX194" fmla="*/ 593 w 10000"/>
                  <a:gd name="connsiteY194" fmla="*/ 6263 h 10000"/>
                  <a:gd name="connsiteX195" fmla="*/ 386 w 10000"/>
                  <a:gd name="connsiteY195" fmla="*/ 6233 h 10000"/>
                  <a:gd name="connsiteX196" fmla="*/ 641 w 10000"/>
                  <a:gd name="connsiteY196" fmla="*/ 5805 h 10000"/>
                  <a:gd name="connsiteX197" fmla="*/ 926 w 10000"/>
                  <a:gd name="connsiteY197" fmla="*/ 5391 h 10000"/>
                  <a:gd name="connsiteX198" fmla="*/ 1029 w 10000"/>
                  <a:gd name="connsiteY198" fmla="*/ 5170 h 10000"/>
                  <a:gd name="connsiteX199" fmla="*/ 1105 w 10000"/>
                  <a:gd name="connsiteY199" fmla="*/ 4963 h 10000"/>
                  <a:gd name="connsiteX200" fmla="*/ 1130 w 10000"/>
                  <a:gd name="connsiteY200" fmla="*/ 4860 h 10000"/>
                  <a:gd name="connsiteX201" fmla="*/ 1105 w 10000"/>
                  <a:gd name="connsiteY201" fmla="*/ 4756 h 10000"/>
                  <a:gd name="connsiteX202" fmla="*/ 1080 w 10000"/>
                  <a:gd name="connsiteY202" fmla="*/ 4653 h 10000"/>
                  <a:gd name="connsiteX203" fmla="*/ 1003 w 10000"/>
                  <a:gd name="connsiteY203" fmla="*/ 4549 h 10000"/>
                  <a:gd name="connsiteX204" fmla="*/ 1286 w 10000"/>
                  <a:gd name="connsiteY204" fmla="*/ 4520 h 10000"/>
                  <a:gd name="connsiteX205" fmla="*/ 1491 w 10000"/>
                  <a:gd name="connsiteY205" fmla="*/ 4505 h 10000"/>
                  <a:gd name="connsiteX206" fmla="*/ 1671 w 10000"/>
                  <a:gd name="connsiteY206" fmla="*/ 4505 h 10000"/>
                  <a:gd name="connsiteX207" fmla="*/ 1825 w 10000"/>
                  <a:gd name="connsiteY207" fmla="*/ 4520 h 10000"/>
                  <a:gd name="connsiteX208" fmla="*/ 1954 w 10000"/>
                  <a:gd name="connsiteY208" fmla="*/ 4520 h 10000"/>
                  <a:gd name="connsiteX209" fmla="*/ 2108 w 10000"/>
                  <a:gd name="connsiteY209" fmla="*/ 4520 h 10000"/>
                  <a:gd name="connsiteX210" fmla="*/ 2263 w 10000"/>
                  <a:gd name="connsiteY210" fmla="*/ 4490 h 10000"/>
                  <a:gd name="connsiteX211" fmla="*/ 2467 w 10000"/>
                  <a:gd name="connsiteY211" fmla="*/ 4446 h 10000"/>
                  <a:gd name="connsiteX212" fmla="*/ 2467 w 10000"/>
                  <a:gd name="connsiteY212" fmla="*/ 4579 h 10000"/>
                  <a:gd name="connsiteX213" fmla="*/ 2467 w 10000"/>
                  <a:gd name="connsiteY213" fmla="*/ 4742 h 10000"/>
                  <a:gd name="connsiteX214" fmla="*/ 2467 w 10000"/>
                  <a:gd name="connsiteY214" fmla="*/ 4874 h 10000"/>
                  <a:gd name="connsiteX215" fmla="*/ 2467 w 10000"/>
                  <a:gd name="connsiteY215" fmla="*/ 5037 h 10000"/>
                  <a:gd name="connsiteX216" fmla="*/ 2699 w 10000"/>
                  <a:gd name="connsiteY216" fmla="*/ 5022 h 10000"/>
                  <a:gd name="connsiteX217" fmla="*/ 2853 w 10000"/>
                  <a:gd name="connsiteY217" fmla="*/ 5037 h 10000"/>
                  <a:gd name="connsiteX218" fmla="*/ 2982 w 10000"/>
                  <a:gd name="connsiteY218" fmla="*/ 5066 h 10000"/>
                  <a:gd name="connsiteX219" fmla="*/ 3111 w 10000"/>
                  <a:gd name="connsiteY219" fmla="*/ 5096 h 10000"/>
                  <a:gd name="connsiteX220" fmla="*/ 3214 w 10000"/>
                  <a:gd name="connsiteY220" fmla="*/ 5126 h 10000"/>
                  <a:gd name="connsiteX221" fmla="*/ 3341 w 10000"/>
                  <a:gd name="connsiteY221" fmla="*/ 5155 h 10000"/>
                  <a:gd name="connsiteX222" fmla="*/ 3496 w 10000"/>
                  <a:gd name="connsiteY222" fmla="*/ 5170 h 10000"/>
                  <a:gd name="connsiteX223" fmla="*/ 3727 w 10000"/>
                  <a:gd name="connsiteY223" fmla="*/ 5155 h 10000"/>
                  <a:gd name="connsiteX224" fmla="*/ 3805 w 10000"/>
                  <a:gd name="connsiteY224" fmla="*/ 5096 h 10000"/>
                  <a:gd name="connsiteX225" fmla="*/ 3881 w 10000"/>
                  <a:gd name="connsiteY225" fmla="*/ 5022 h 10000"/>
                  <a:gd name="connsiteX226" fmla="*/ 3907 w 10000"/>
                  <a:gd name="connsiteY226" fmla="*/ 4934 h 10000"/>
                  <a:gd name="connsiteX227" fmla="*/ 3934 w 10000"/>
                  <a:gd name="connsiteY227" fmla="*/ 4860 h 10000"/>
                  <a:gd name="connsiteX228" fmla="*/ 3958 w 10000"/>
                  <a:gd name="connsiteY228" fmla="*/ 4697 h 10000"/>
                  <a:gd name="connsiteX229" fmla="*/ 3934 w 10000"/>
                  <a:gd name="connsiteY229" fmla="*/ 4520 h 10000"/>
                  <a:gd name="connsiteX230" fmla="*/ 3856 w 10000"/>
                  <a:gd name="connsiteY230" fmla="*/ 4343 h 10000"/>
                  <a:gd name="connsiteX231" fmla="*/ 3779 w 10000"/>
                  <a:gd name="connsiteY231" fmla="*/ 4195 h 10000"/>
                  <a:gd name="connsiteX232" fmla="*/ 3650 w 10000"/>
                  <a:gd name="connsiteY232" fmla="*/ 4047 h 10000"/>
                  <a:gd name="connsiteX233" fmla="*/ 3522 w 10000"/>
                  <a:gd name="connsiteY233" fmla="*/ 3959 h 10000"/>
                  <a:gd name="connsiteX234" fmla="*/ 3676 w 10000"/>
                  <a:gd name="connsiteY234" fmla="*/ 3944 h 10000"/>
                  <a:gd name="connsiteX235" fmla="*/ 3805 w 10000"/>
                  <a:gd name="connsiteY235" fmla="*/ 3914 h 10000"/>
                  <a:gd name="connsiteX236" fmla="*/ 3907 w 10000"/>
                  <a:gd name="connsiteY236" fmla="*/ 3855 h 10000"/>
                  <a:gd name="connsiteX237" fmla="*/ 4034 w 10000"/>
                  <a:gd name="connsiteY237" fmla="*/ 3752 h 10000"/>
                  <a:gd name="connsiteX238" fmla="*/ 4164 w 10000"/>
                  <a:gd name="connsiteY238" fmla="*/ 3663 h 10000"/>
                  <a:gd name="connsiteX239" fmla="*/ 4267 w 10000"/>
                  <a:gd name="connsiteY239" fmla="*/ 3560 h 10000"/>
                  <a:gd name="connsiteX240" fmla="*/ 4344 w 10000"/>
                  <a:gd name="connsiteY240" fmla="*/ 3442 h 10000"/>
                  <a:gd name="connsiteX241" fmla="*/ 4422 w 10000"/>
                  <a:gd name="connsiteY241" fmla="*/ 3323 h 10000"/>
                  <a:gd name="connsiteX242" fmla="*/ 4473 w 10000"/>
                  <a:gd name="connsiteY242" fmla="*/ 3220 h 10000"/>
                  <a:gd name="connsiteX243" fmla="*/ 4498 w 10000"/>
                  <a:gd name="connsiteY243" fmla="*/ 3102 h 10000"/>
                  <a:gd name="connsiteX244" fmla="*/ 4525 w 10000"/>
                  <a:gd name="connsiteY244" fmla="*/ 3013 h 10000"/>
                  <a:gd name="connsiteX245" fmla="*/ 4498 w 10000"/>
                  <a:gd name="connsiteY245" fmla="*/ 2939 h 10000"/>
                  <a:gd name="connsiteX246" fmla="*/ 4473 w 10000"/>
                  <a:gd name="connsiteY246" fmla="*/ 2866 h 10000"/>
                  <a:gd name="connsiteX247" fmla="*/ 4396 w 10000"/>
                  <a:gd name="connsiteY247" fmla="*/ 2836 h 10000"/>
                  <a:gd name="connsiteX248" fmla="*/ 4294 w 10000"/>
                  <a:gd name="connsiteY248" fmla="*/ 2836 h 10000"/>
                  <a:gd name="connsiteX249" fmla="*/ 4164 w 10000"/>
                  <a:gd name="connsiteY249" fmla="*/ 2866 h 10000"/>
                  <a:gd name="connsiteX250" fmla="*/ 4267 w 10000"/>
                  <a:gd name="connsiteY250" fmla="*/ 2777 h 10000"/>
                  <a:gd name="connsiteX251" fmla="*/ 4320 w 10000"/>
                  <a:gd name="connsiteY251" fmla="*/ 2674 h 10000"/>
                  <a:gd name="connsiteX252" fmla="*/ 4344 w 10000"/>
                  <a:gd name="connsiteY252" fmla="*/ 2541 h 10000"/>
                  <a:gd name="connsiteX253" fmla="*/ 4344 w 10000"/>
                  <a:gd name="connsiteY253" fmla="*/ 2393 h 10000"/>
                  <a:gd name="connsiteX254" fmla="*/ 4369 w 10000"/>
                  <a:gd name="connsiteY254" fmla="*/ 2349 h 10000"/>
                  <a:gd name="connsiteX255" fmla="*/ 4422 w 10000"/>
                  <a:gd name="connsiteY255" fmla="*/ 2304 h 10000"/>
                  <a:gd name="connsiteX256" fmla="*/ 4473 w 10000"/>
                  <a:gd name="connsiteY256" fmla="*/ 2290 h 10000"/>
                  <a:gd name="connsiteX257" fmla="*/ 4551 w 10000"/>
                  <a:gd name="connsiteY257" fmla="*/ 2275 h 10000"/>
                  <a:gd name="connsiteX258" fmla="*/ 4781 w 10000"/>
                  <a:gd name="connsiteY258" fmla="*/ 2260 h 10000"/>
                  <a:gd name="connsiteX259" fmla="*/ 4986 w 10000"/>
                  <a:gd name="connsiteY259" fmla="*/ 2275 h 10000"/>
                  <a:gd name="connsiteX260" fmla="*/ 4961 w 10000"/>
                  <a:gd name="connsiteY260" fmla="*/ 2112 h 10000"/>
                  <a:gd name="connsiteX261" fmla="*/ 4910 w 10000"/>
                  <a:gd name="connsiteY261" fmla="*/ 1950 h 10000"/>
                  <a:gd name="connsiteX262" fmla="*/ 4832 w 10000"/>
                  <a:gd name="connsiteY262" fmla="*/ 1802 h 10000"/>
                  <a:gd name="connsiteX263" fmla="*/ 4731 w 10000"/>
                  <a:gd name="connsiteY263" fmla="*/ 1640 h 10000"/>
                  <a:gd name="connsiteX264" fmla="*/ 4473 w 10000"/>
                  <a:gd name="connsiteY264" fmla="*/ 1329 h 10000"/>
                  <a:gd name="connsiteX265" fmla="*/ 4216 w 10000"/>
                  <a:gd name="connsiteY265" fmla="*/ 1034 h 10000"/>
                  <a:gd name="connsiteX266" fmla="*/ 4087 w 10000"/>
                  <a:gd name="connsiteY266" fmla="*/ 901 h 10000"/>
                  <a:gd name="connsiteX267" fmla="*/ 3986 w 10000"/>
                  <a:gd name="connsiteY267" fmla="*/ 753 h 10000"/>
                  <a:gd name="connsiteX268" fmla="*/ 3907 w 10000"/>
                  <a:gd name="connsiteY268" fmla="*/ 620 h 10000"/>
                  <a:gd name="connsiteX269" fmla="*/ 3881 w 10000"/>
                  <a:gd name="connsiteY269" fmla="*/ 487 h 10000"/>
                  <a:gd name="connsiteX270" fmla="*/ 3856 w 10000"/>
                  <a:gd name="connsiteY270" fmla="*/ 355 h 10000"/>
                  <a:gd name="connsiteX271" fmla="*/ 3907 w 10000"/>
                  <a:gd name="connsiteY271" fmla="*/ 222 h 10000"/>
                  <a:gd name="connsiteX272" fmla="*/ 3934 w 10000"/>
                  <a:gd name="connsiteY272" fmla="*/ 162 h 10000"/>
                  <a:gd name="connsiteX273" fmla="*/ 3986 w 10000"/>
                  <a:gd name="connsiteY273" fmla="*/ 103 h 10000"/>
                  <a:gd name="connsiteX274" fmla="*/ 4063 w 10000"/>
                  <a:gd name="connsiteY274" fmla="*/ 59 h 10000"/>
                  <a:gd name="connsiteX275" fmla="*/ 4164 w 10000"/>
                  <a:gd name="connsiteY275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7301 w 10000"/>
                  <a:gd name="connsiteY67" fmla="*/ 3959 h 10000"/>
                  <a:gd name="connsiteX68" fmla="*/ 8895 w 10000"/>
                  <a:gd name="connsiteY68" fmla="*/ 3516 h 10000"/>
                  <a:gd name="connsiteX69" fmla="*/ 9100 w 10000"/>
                  <a:gd name="connsiteY69" fmla="*/ 3412 h 10000"/>
                  <a:gd name="connsiteX70" fmla="*/ 9306 w 10000"/>
                  <a:gd name="connsiteY70" fmla="*/ 3338 h 10000"/>
                  <a:gd name="connsiteX71" fmla="*/ 9435 w 10000"/>
                  <a:gd name="connsiteY71" fmla="*/ 3235 h 10000"/>
                  <a:gd name="connsiteX72" fmla="*/ 9536 w 10000"/>
                  <a:gd name="connsiteY72" fmla="*/ 3117 h 10000"/>
                  <a:gd name="connsiteX73" fmla="*/ 9563 w 10000"/>
                  <a:gd name="connsiteY73" fmla="*/ 3072 h 10000"/>
                  <a:gd name="connsiteX74" fmla="*/ 9588 w 10000"/>
                  <a:gd name="connsiteY74" fmla="*/ 3013 h 10000"/>
                  <a:gd name="connsiteX75" fmla="*/ 9588 w 10000"/>
                  <a:gd name="connsiteY75" fmla="*/ 2954 h 10000"/>
                  <a:gd name="connsiteX76" fmla="*/ 9563 w 10000"/>
                  <a:gd name="connsiteY76" fmla="*/ 2866 h 10000"/>
                  <a:gd name="connsiteX77" fmla="*/ 9383 w 10000"/>
                  <a:gd name="connsiteY77" fmla="*/ 2984 h 10000"/>
                  <a:gd name="connsiteX78" fmla="*/ 9178 w 10000"/>
                  <a:gd name="connsiteY78" fmla="*/ 3072 h 10000"/>
                  <a:gd name="connsiteX79" fmla="*/ 8971 w 10000"/>
                  <a:gd name="connsiteY79" fmla="*/ 3161 h 10000"/>
                  <a:gd name="connsiteX80" fmla="*/ 8766 w 10000"/>
                  <a:gd name="connsiteY80" fmla="*/ 3250 h 10000"/>
                  <a:gd name="connsiteX81" fmla="*/ 8302 w 10000"/>
                  <a:gd name="connsiteY81" fmla="*/ 3397 h 10000"/>
                  <a:gd name="connsiteX82" fmla="*/ 7815 w 10000"/>
                  <a:gd name="connsiteY82" fmla="*/ 3545 h 10000"/>
                  <a:gd name="connsiteX83" fmla="*/ 7327 w 10000"/>
                  <a:gd name="connsiteY83" fmla="*/ 3678 h 10000"/>
                  <a:gd name="connsiteX84" fmla="*/ 6863 w 10000"/>
                  <a:gd name="connsiteY84" fmla="*/ 3840 h 10000"/>
                  <a:gd name="connsiteX85" fmla="*/ 6632 w 10000"/>
                  <a:gd name="connsiteY85" fmla="*/ 3914 h 10000"/>
                  <a:gd name="connsiteX86" fmla="*/ 6427 w 10000"/>
                  <a:gd name="connsiteY86" fmla="*/ 4003 h 10000"/>
                  <a:gd name="connsiteX87" fmla="*/ 6222 w 10000"/>
                  <a:gd name="connsiteY87" fmla="*/ 4106 h 10000"/>
                  <a:gd name="connsiteX88" fmla="*/ 6014 w 10000"/>
                  <a:gd name="connsiteY88" fmla="*/ 4195 h 10000"/>
                  <a:gd name="connsiteX89" fmla="*/ 6169 w 10000"/>
                  <a:gd name="connsiteY89" fmla="*/ 4417 h 10000"/>
                  <a:gd name="connsiteX90" fmla="*/ 6273 w 10000"/>
                  <a:gd name="connsiteY90" fmla="*/ 4623 h 10000"/>
                  <a:gd name="connsiteX91" fmla="*/ 6375 w 10000"/>
                  <a:gd name="connsiteY91" fmla="*/ 4845 h 10000"/>
                  <a:gd name="connsiteX92" fmla="*/ 6451 w 10000"/>
                  <a:gd name="connsiteY92" fmla="*/ 5081 h 10000"/>
                  <a:gd name="connsiteX93" fmla="*/ 6504 w 10000"/>
                  <a:gd name="connsiteY93" fmla="*/ 5318 h 10000"/>
                  <a:gd name="connsiteX94" fmla="*/ 6530 w 10000"/>
                  <a:gd name="connsiteY94" fmla="*/ 5539 h 10000"/>
                  <a:gd name="connsiteX95" fmla="*/ 6554 w 10000"/>
                  <a:gd name="connsiteY95" fmla="*/ 5775 h 10000"/>
                  <a:gd name="connsiteX96" fmla="*/ 6554 w 10000"/>
                  <a:gd name="connsiteY96" fmla="*/ 5997 h 10000"/>
                  <a:gd name="connsiteX97" fmla="*/ 6530 w 10000"/>
                  <a:gd name="connsiteY97" fmla="*/ 6233 h 10000"/>
                  <a:gd name="connsiteX98" fmla="*/ 6478 w 10000"/>
                  <a:gd name="connsiteY98" fmla="*/ 6470 h 10000"/>
                  <a:gd name="connsiteX99" fmla="*/ 6427 w 10000"/>
                  <a:gd name="connsiteY99" fmla="*/ 6677 h 10000"/>
                  <a:gd name="connsiteX100" fmla="*/ 6350 w 10000"/>
                  <a:gd name="connsiteY100" fmla="*/ 6898 h 10000"/>
                  <a:gd name="connsiteX101" fmla="*/ 6247 w 10000"/>
                  <a:gd name="connsiteY101" fmla="*/ 7105 h 10000"/>
                  <a:gd name="connsiteX102" fmla="*/ 6119 w 10000"/>
                  <a:gd name="connsiteY102" fmla="*/ 7297 h 10000"/>
                  <a:gd name="connsiteX103" fmla="*/ 5964 w 10000"/>
                  <a:gd name="connsiteY103" fmla="*/ 7489 h 10000"/>
                  <a:gd name="connsiteX104" fmla="*/ 5809 w 10000"/>
                  <a:gd name="connsiteY104" fmla="*/ 7681 h 10000"/>
                  <a:gd name="connsiteX105" fmla="*/ 6554 w 10000"/>
                  <a:gd name="connsiteY105" fmla="*/ 7799 h 10000"/>
                  <a:gd name="connsiteX106" fmla="*/ 7327 w 10000"/>
                  <a:gd name="connsiteY106" fmla="*/ 7962 h 10000"/>
                  <a:gd name="connsiteX107" fmla="*/ 7480 w 10000"/>
                  <a:gd name="connsiteY107" fmla="*/ 8021 h 10000"/>
                  <a:gd name="connsiteX108" fmla="*/ 7609 w 10000"/>
                  <a:gd name="connsiteY108" fmla="*/ 8080 h 10000"/>
                  <a:gd name="connsiteX109" fmla="*/ 7737 w 10000"/>
                  <a:gd name="connsiteY109" fmla="*/ 8139 h 10000"/>
                  <a:gd name="connsiteX110" fmla="*/ 7815 w 10000"/>
                  <a:gd name="connsiteY110" fmla="*/ 8227 h 10000"/>
                  <a:gd name="connsiteX111" fmla="*/ 7841 w 10000"/>
                  <a:gd name="connsiteY111" fmla="*/ 8301 h 10000"/>
                  <a:gd name="connsiteX112" fmla="*/ 7841 w 10000"/>
                  <a:gd name="connsiteY112" fmla="*/ 8405 h 10000"/>
                  <a:gd name="connsiteX113" fmla="*/ 7790 w 10000"/>
                  <a:gd name="connsiteY113" fmla="*/ 8523 h 10000"/>
                  <a:gd name="connsiteX114" fmla="*/ 7712 w 10000"/>
                  <a:gd name="connsiteY114" fmla="*/ 8641 h 10000"/>
                  <a:gd name="connsiteX115" fmla="*/ 7378 w 10000"/>
                  <a:gd name="connsiteY115" fmla="*/ 8552 h 10000"/>
                  <a:gd name="connsiteX116" fmla="*/ 7069 w 10000"/>
                  <a:gd name="connsiteY116" fmla="*/ 8449 h 10000"/>
                  <a:gd name="connsiteX117" fmla="*/ 6760 w 10000"/>
                  <a:gd name="connsiteY117" fmla="*/ 8360 h 10000"/>
                  <a:gd name="connsiteX118" fmla="*/ 6451 w 10000"/>
                  <a:gd name="connsiteY118" fmla="*/ 8287 h 10000"/>
                  <a:gd name="connsiteX119" fmla="*/ 6323 w 10000"/>
                  <a:gd name="connsiteY119" fmla="*/ 8449 h 10000"/>
                  <a:gd name="connsiteX120" fmla="*/ 6222 w 10000"/>
                  <a:gd name="connsiteY120" fmla="*/ 8597 h 10000"/>
                  <a:gd name="connsiteX121" fmla="*/ 6169 w 10000"/>
                  <a:gd name="connsiteY121" fmla="*/ 8656 h 10000"/>
                  <a:gd name="connsiteX122" fmla="*/ 6066 w 10000"/>
                  <a:gd name="connsiteY122" fmla="*/ 8700 h 10000"/>
                  <a:gd name="connsiteX123" fmla="*/ 5990 w 10000"/>
                  <a:gd name="connsiteY123" fmla="*/ 8744 h 10000"/>
                  <a:gd name="connsiteX124" fmla="*/ 5913 w 10000"/>
                  <a:gd name="connsiteY124" fmla="*/ 8774 h 10000"/>
                  <a:gd name="connsiteX125" fmla="*/ 5835 w 10000"/>
                  <a:gd name="connsiteY125" fmla="*/ 8804 h 10000"/>
                  <a:gd name="connsiteX126" fmla="*/ 5733 w 10000"/>
                  <a:gd name="connsiteY126" fmla="*/ 8818 h 10000"/>
                  <a:gd name="connsiteX127" fmla="*/ 5603 w 10000"/>
                  <a:gd name="connsiteY127" fmla="*/ 8833 h 10000"/>
                  <a:gd name="connsiteX128" fmla="*/ 5476 w 10000"/>
                  <a:gd name="connsiteY128" fmla="*/ 8833 h 10000"/>
                  <a:gd name="connsiteX129" fmla="*/ 5168 w 10000"/>
                  <a:gd name="connsiteY129" fmla="*/ 8818 h 10000"/>
                  <a:gd name="connsiteX130" fmla="*/ 4781 w 10000"/>
                  <a:gd name="connsiteY130" fmla="*/ 8744 h 10000"/>
                  <a:gd name="connsiteX131" fmla="*/ 4781 w 10000"/>
                  <a:gd name="connsiteY131" fmla="*/ 8922 h 10000"/>
                  <a:gd name="connsiteX132" fmla="*/ 4755 w 10000"/>
                  <a:gd name="connsiteY132" fmla="*/ 9069 h 10000"/>
                  <a:gd name="connsiteX133" fmla="*/ 4731 w 10000"/>
                  <a:gd name="connsiteY133" fmla="*/ 9232 h 10000"/>
                  <a:gd name="connsiteX134" fmla="*/ 4704 w 10000"/>
                  <a:gd name="connsiteY134" fmla="*/ 9365 h 10000"/>
                  <a:gd name="connsiteX135" fmla="*/ 4652 w 10000"/>
                  <a:gd name="connsiteY135" fmla="*/ 9498 h 10000"/>
                  <a:gd name="connsiteX136" fmla="*/ 4551 w 10000"/>
                  <a:gd name="connsiteY136" fmla="*/ 9616 h 10000"/>
                  <a:gd name="connsiteX137" fmla="*/ 4473 w 10000"/>
                  <a:gd name="connsiteY137" fmla="*/ 9734 h 10000"/>
                  <a:gd name="connsiteX138" fmla="*/ 4344 w 10000"/>
                  <a:gd name="connsiteY138" fmla="*/ 9838 h 10000"/>
                  <a:gd name="connsiteX139" fmla="*/ 4034 w 10000"/>
                  <a:gd name="connsiteY139" fmla="*/ 9897 h 10000"/>
                  <a:gd name="connsiteX140" fmla="*/ 3779 w 10000"/>
                  <a:gd name="connsiteY140" fmla="*/ 9941 h 10000"/>
                  <a:gd name="connsiteX141" fmla="*/ 3470 w 10000"/>
                  <a:gd name="connsiteY141" fmla="*/ 9985 h 10000"/>
                  <a:gd name="connsiteX142" fmla="*/ 3239 w 10000"/>
                  <a:gd name="connsiteY142" fmla="*/ 10000 h 10000"/>
                  <a:gd name="connsiteX143" fmla="*/ 2725 w 10000"/>
                  <a:gd name="connsiteY143" fmla="*/ 10000 h 10000"/>
                  <a:gd name="connsiteX144" fmla="*/ 2236 w 10000"/>
                  <a:gd name="connsiteY144" fmla="*/ 9985 h 10000"/>
                  <a:gd name="connsiteX145" fmla="*/ 1775 w 10000"/>
                  <a:gd name="connsiteY145" fmla="*/ 9941 h 10000"/>
                  <a:gd name="connsiteX146" fmla="*/ 1286 w 10000"/>
                  <a:gd name="connsiteY146" fmla="*/ 9911 h 10000"/>
                  <a:gd name="connsiteX147" fmla="*/ 1003 w 10000"/>
                  <a:gd name="connsiteY147" fmla="*/ 9911 h 10000"/>
                  <a:gd name="connsiteX148" fmla="*/ 745 w 10000"/>
                  <a:gd name="connsiteY148" fmla="*/ 9911 h 10000"/>
                  <a:gd name="connsiteX149" fmla="*/ 463 w 10000"/>
                  <a:gd name="connsiteY149" fmla="*/ 9926 h 10000"/>
                  <a:gd name="connsiteX150" fmla="*/ 180 w 10000"/>
                  <a:gd name="connsiteY150" fmla="*/ 9970 h 10000"/>
                  <a:gd name="connsiteX151" fmla="*/ 103 w 10000"/>
                  <a:gd name="connsiteY151" fmla="*/ 9867 h 10000"/>
                  <a:gd name="connsiteX152" fmla="*/ 52 w 10000"/>
                  <a:gd name="connsiteY152" fmla="*/ 9793 h 10000"/>
                  <a:gd name="connsiteX153" fmla="*/ 0 w 10000"/>
                  <a:gd name="connsiteY153" fmla="*/ 9705 h 10000"/>
                  <a:gd name="connsiteX154" fmla="*/ 0 w 10000"/>
                  <a:gd name="connsiteY154" fmla="*/ 9601 h 10000"/>
                  <a:gd name="connsiteX155" fmla="*/ 52 w 10000"/>
                  <a:gd name="connsiteY155" fmla="*/ 9424 h 10000"/>
                  <a:gd name="connsiteX156" fmla="*/ 103 w 10000"/>
                  <a:gd name="connsiteY156" fmla="*/ 9202 h 10000"/>
                  <a:gd name="connsiteX157" fmla="*/ 153 w 10000"/>
                  <a:gd name="connsiteY157" fmla="*/ 8996 h 10000"/>
                  <a:gd name="connsiteX158" fmla="*/ 206 w 10000"/>
                  <a:gd name="connsiteY158" fmla="*/ 8759 h 10000"/>
                  <a:gd name="connsiteX159" fmla="*/ 231 w 10000"/>
                  <a:gd name="connsiteY159" fmla="*/ 8641 h 10000"/>
                  <a:gd name="connsiteX160" fmla="*/ 231 w 10000"/>
                  <a:gd name="connsiteY160" fmla="*/ 8538 h 10000"/>
                  <a:gd name="connsiteX161" fmla="*/ 206 w 10000"/>
                  <a:gd name="connsiteY161" fmla="*/ 8405 h 10000"/>
                  <a:gd name="connsiteX162" fmla="*/ 180 w 10000"/>
                  <a:gd name="connsiteY162" fmla="*/ 8287 h 10000"/>
                  <a:gd name="connsiteX163" fmla="*/ 437 w 10000"/>
                  <a:gd name="connsiteY163" fmla="*/ 8213 h 10000"/>
                  <a:gd name="connsiteX164" fmla="*/ 694 w 10000"/>
                  <a:gd name="connsiteY164" fmla="*/ 8139 h 10000"/>
                  <a:gd name="connsiteX165" fmla="*/ 951 w 10000"/>
                  <a:gd name="connsiteY165" fmla="*/ 8095 h 10000"/>
                  <a:gd name="connsiteX166" fmla="*/ 1234 w 10000"/>
                  <a:gd name="connsiteY166" fmla="*/ 8065 h 10000"/>
                  <a:gd name="connsiteX167" fmla="*/ 1747 w 10000"/>
                  <a:gd name="connsiteY167" fmla="*/ 8021 h 10000"/>
                  <a:gd name="connsiteX168" fmla="*/ 2263 w 10000"/>
                  <a:gd name="connsiteY168" fmla="*/ 7976 h 10000"/>
                  <a:gd name="connsiteX169" fmla="*/ 2494 w 10000"/>
                  <a:gd name="connsiteY169" fmla="*/ 7947 h 10000"/>
                  <a:gd name="connsiteX170" fmla="*/ 2725 w 10000"/>
                  <a:gd name="connsiteY170" fmla="*/ 7917 h 10000"/>
                  <a:gd name="connsiteX171" fmla="*/ 2929 w 10000"/>
                  <a:gd name="connsiteY171" fmla="*/ 7843 h 10000"/>
                  <a:gd name="connsiteX172" fmla="*/ 3136 w 10000"/>
                  <a:gd name="connsiteY172" fmla="*/ 7784 h 10000"/>
                  <a:gd name="connsiteX173" fmla="*/ 3316 w 10000"/>
                  <a:gd name="connsiteY173" fmla="*/ 7710 h 10000"/>
                  <a:gd name="connsiteX174" fmla="*/ 3470 w 10000"/>
                  <a:gd name="connsiteY174" fmla="*/ 7592 h 10000"/>
                  <a:gd name="connsiteX175" fmla="*/ 3625 w 10000"/>
                  <a:gd name="connsiteY175" fmla="*/ 7474 h 10000"/>
                  <a:gd name="connsiteX176" fmla="*/ 3727 w 10000"/>
                  <a:gd name="connsiteY176" fmla="*/ 7312 h 10000"/>
                  <a:gd name="connsiteX177" fmla="*/ 3522 w 10000"/>
                  <a:gd name="connsiteY177" fmla="*/ 7238 h 10000"/>
                  <a:gd name="connsiteX178" fmla="*/ 3341 w 10000"/>
                  <a:gd name="connsiteY178" fmla="*/ 7179 h 10000"/>
                  <a:gd name="connsiteX179" fmla="*/ 3187 w 10000"/>
                  <a:gd name="connsiteY179" fmla="*/ 7090 h 10000"/>
                  <a:gd name="connsiteX180" fmla="*/ 3034 w 10000"/>
                  <a:gd name="connsiteY180" fmla="*/ 6987 h 10000"/>
                  <a:gd name="connsiteX181" fmla="*/ 2929 w 10000"/>
                  <a:gd name="connsiteY181" fmla="*/ 6869 h 10000"/>
                  <a:gd name="connsiteX182" fmla="*/ 2880 w 10000"/>
                  <a:gd name="connsiteY182" fmla="*/ 6721 h 10000"/>
                  <a:gd name="connsiteX183" fmla="*/ 2853 w 10000"/>
                  <a:gd name="connsiteY183" fmla="*/ 6558 h 10000"/>
                  <a:gd name="connsiteX184" fmla="*/ 2880 w 10000"/>
                  <a:gd name="connsiteY184" fmla="*/ 6352 h 10000"/>
                  <a:gd name="connsiteX185" fmla="*/ 2751 w 10000"/>
                  <a:gd name="connsiteY185" fmla="*/ 6322 h 10000"/>
                  <a:gd name="connsiteX186" fmla="*/ 2597 w 10000"/>
                  <a:gd name="connsiteY186" fmla="*/ 6292 h 10000"/>
                  <a:gd name="connsiteX187" fmla="*/ 2417 w 10000"/>
                  <a:gd name="connsiteY187" fmla="*/ 6278 h 10000"/>
                  <a:gd name="connsiteX188" fmla="*/ 2236 w 10000"/>
                  <a:gd name="connsiteY188" fmla="*/ 6263 h 10000"/>
                  <a:gd name="connsiteX189" fmla="*/ 1877 w 10000"/>
                  <a:gd name="connsiteY189" fmla="*/ 6248 h 10000"/>
                  <a:gd name="connsiteX190" fmla="*/ 1491 w 10000"/>
                  <a:gd name="connsiteY190" fmla="*/ 6263 h 10000"/>
                  <a:gd name="connsiteX191" fmla="*/ 1158 w 10000"/>
                  <a:gd name="connsiteY191" fmla="*/ 6278 h 10000"/>
                  <a:gd name="connsiteX192" fmla="*/ 848 w 10000"/>
                  <a:gd name="connsiteY192" fmla="*/ 6278 h 10000"/>
                  <a:gd name="connsiteX193" fmla="*/ 593 w 10000"/>
                  <a:gd name="connsiteY193" fmla="*/ 6263 h 10000"/>
                  <a:gd name="connsiteX194" fmla="*/ 386 w 10000"/>
                  <a:gd name="connsiteY194" fmla="*/ 6233 h 10000"/>
                  <a:gd name="connsiteX195" fmla="*/ 641 w 10000"/>
                  <a:gd name="connsiteY195" fmla="*/ 5805 h 10000"/>
                  <a:gd name="connsiteX196" fmla="*/ 926 w 10000"/>
                  <a:gd name="connsiteY196" fmla="*/ 5391 h 10000"/>
                  <a:gd name="connsiteX197" fmla="*/ 1029 w 10000"/>
                  <a:gd name="connsiteY197" fmla="*/ 5170 h 10000"/>
                  <a:gd name="connsiteX198" fmla="*/ 1105 w 10000"/>
                  <a:gd name="connsiteY198" fmla="*/ 4963 h 10000"/>
                  <a:gd name="connsiteX199" fmla="*/ 1130 w 10000"/>
                  <a:gd name="connsiteY199" fmla="*/ 4860 h 10000"/>
                  <a:gd name="connsiteX200" fmla="*/ 1105 w 10000"/>
                  <a:gd name="connsiteY200" fmla="*/ 4756 h 10000"/>
                  <a:gd name="connsiteX201" fmla="*/ 1080 w 10000"/>
                  <a:gd name="connsiteY201" fmla="*/ 4653 h 10000"/>
                  <a:gd name="connsiteX202" fmla="*/ 1003 w 10000"/>
                  <a:gd name="connsiteY202" fmla="*/ 4549 h 10000"/>
                  <a:gd name="connsiteX203" fmla="*/ 1286 w 10000"/>
                  <a:gd name="connsiteY203" fmla="*/ 4520 h 10000"/>
                  <a:gd name="connsiteX204" fmla="*/ 1491 w 10000"/>
                  <a:gd name="connsiteY204" fmla="*/ 4505 h 10000"/>
                  <a:gd name="connsiteX205" fmla="*/ 1671 w 10000"/>
                  <a:gd name="connsiteY205" fmla="*/ 4505 h 10000"/>
                  <a:gd name="connsiteX206" fmla="*/ 1825 w 10000"/>
                  <a:gd name="connsiteY206" fmla="*/ 4520 h 10000"/>
                  <a:gd name="connsiteX207" fmla="*/ 1954 w 10000"/>
                  <a:gd name="connsiteY207" fmla="*/ 4520 h 10000"/>
                  <a:gd name="connsiteX208" fmla="*/ 2108 w 10000"/>
                  <a:gd name="connsiteY208" fmla="*/ 4520 h 10000"/>
                  <a:gd name="connsiteX209" fmla="*/ 2263 w 10000"/>
                  <a:gd name="connsiteY209" fmla="*/ 4490 h 10000"/>
                  <a:gd name="connsiteX210" fmla="*/ 2467 w 10000"/>
                  <a:gd name="connsiteY210" fmla="*/ 4446 h 10000"/>
                  <a:gd name="connsiteX211" fmla="*/ 2467 w 10000"/>
                  <a:gd name="connsiteY211" fmla="*/ 4579 h 10000"/>
                  <a:gd name="connsiteX212" fmla="*/ 2467 w 10000"/>
                  <a:gd name="connsiteY212" fmla="*/ 4742 h 10000"/>
                  <a:gd name="connsiteX213" fmla="*/ 2467 w 10000"/>
                  <a:gd name="connsiteY213" fmla="*/ 4874 h 10000"/>
                  <a:gd name="connsiteX214" fmla="*/ 2467 w 10000"/>
                  <a:gd name="connsiteY214" fmla="*/ 5037 h 10000"/>
                  <a:gd name="connsiteX215" fmla="*/ 2699 w 10000"/>
                  <a:gd name="connsiteY215" fmla="*/ 5022 h 10000"/>
                  <a:gd name="connsiteX216" fmla="*/ 2853 w 10000"/>
                  <a:gd name="connsiteY216" fmla="*/ 5037 h 10000"/>
                  <a:gd name="connsiteX217" fmla="*/ 2982 w 10000"/>
                  <a:gd name="connsiteY217" fmla="*/ 5066 h 10000"/>
                  <a:gd name="connsiteX218" fmla="*/ 3111 w 10000"/>
                  <a:gd name="connsiteY218" fmla="*/ 5096 h 10000"/>
                  <a:gd name="connsiteX219" fmla="*/ 3214 w 10000"/>
                  <a:gd name="connsiteY219" fmla="*/ 5126 h 10000"/>
                  <a:gd name="connsiteX220" fmla="*/ 3341 w 10000"/>
                  <a:gd name="connsiteY220" fmla="*/ 5155 h 10000"/>
                  <a:gd name="connsiteX221" fmla="*/ 3496 w 10000"/>
                  <a:gd name="connsiteY221" fmla="*/ 5170 h 10000"/>
                  <a:gd name="connsiteX222" fmla="*/ 3727 w 10000"/>
                  <a:gd name="connsiteY222" fmla="*/ 5155 h 10000"/>
                  <a:gd name="connsiteX223" fmla="*/ 3805 w 10000"/>
                  <a:gd name="connsiteY223" fmla="*/ 5096 h 10000"/>
                  <a:gd name="connsiteX224" fmla="*/ 3881 w 10000"/>
                  <a:gd name="connsiteY224" fmla="*/ 5022 h 10000"/>
                  <a:gd name="connsiteX225" fmla="*/ 3907 w 10000"/>
                  <a:gd name="connsiteY225" fmla="*/ 4934 h 10000"/>
                  <a:gd name="connsiteX226" fmla="*/ 3934 w 10000"/>
                  <a:gd name="connsiteY226" fmla="*/ 4860 h 10000"/>
                  <a:gd name="connsiteX227" fmla="*/ 3958 w 10000"/>
                  <a:gd name="connsiteY227" fmla="*/ 4697 h 10000"/>
                  <a:gd name="connsiteX228" fmla="*/ 3934 w 10000"/>
                  <a:gd name="connsiteY228" fmla="*/ 4520 h 10000"/>
                  <a:gd name="connsiteX229" fmla="*/ 3856 w 10000"/>
                  <a:gd name="connsiteY229" fmla="*/ 4343 h 10000"/>
                  <a:gd name="connsiteX230" fmla="*/ 3779 w 10000"/>
                  <a:gd name="connsiteY230" fmla="*/ 4195 h 10000"/>
                  <a:gd name="connsiteX231" fmla="*/ 3650 w 10000"/>
                  <a:gd name="connsiteY231" fmla="*/ 4047 h 10000"/>
                  <a:gd name="connsiteX232" fmla="*/ 3522 w 10000"/>
                  <a:gd name="connsiteY232" fmla="*/ 3959 h 10000"/>
                  <a:gd name="connsiteX233" fmla="*/ 3676 w 10000"/>
                  <a:gd name="connsiteY233" fmla="*/ 3944 h 10000"/>
                  <a:gd name="connsiteX234" fmla="*/ 3805 w 10000"/>
                  <a:gd name="connsiteY234" fmla="*/ 3914 h 10000"/>
                  <a:gd name="connsiteX235" fmla="*/ 3907 w 10000"/>
                  <a:gd name="connsiteY235" fmla="*/ 3855 h 10000"/>
                  <a:gd name="connsiteX236" fmla="*/ 4034 w 10000"/>
                  <a:gd name="connsiteY236" fmla="*/ 3752 h 10000"/>
                  <a:gd name="connsiteX237" fmla="*/ 4164 w 10000"/>
                  <a:gd name="connsiteY237" fmla="*/ 3663 h 10000"/>
                  <a:gd name="connsiteX238" fmla="*/ 4267 w 10000"/>
                  <a:gd name="connsiteY238" fmla="*/ 3560 h 10000"/>
                  <a:gd name="connsiteX239" fmla="*/ 4344 w 10000"/>
                  <a:gd name="connsiteY239" fmla="*/ 3442 h 10000"/>
                  <a:gd name="connsiteX240" fmla="*/ 4422 w 10000"/>
                  <a:gd name="connsiteY240" fmla="*/ 3323 h 10000"/>
                  <a:gd name="connsiteX241" fmla="*/ 4473 w 10000"/>
                  <a:gd name="connsiteY241" fmla="*/ 3220 h 10000"/>
                  <a:gd name="connsiteX242" fmla="*/ 4498 w 10000"/>
                  <a:gd name="connsiteY242" fmla="*/ 3102 h 10000"/>
                  <a:gd name="connsiteX243" fmla="*/ 4525 w 10000"/>
                  <a:gd name="connsiteY243" fmla="*/ 3013 h 10000"/>
                  <a:gd name="connsiteX244" fmla="*/ 4498 w 10000"/>
                  <a:gd name="connsiteY244" fmla="*/ 2939 h 10000"/>
                  <a:gd name="connsiteX245" fmla="*/ 4473 w 10000"/>
                  <a:gd name="connsiteY245" fmla="*/ 2866 h 10000"/>
                  <a:gd name="connsiteX246" fmla="*/ 4396 w 10000"/>
                  <a:gd name="connsiteY246" fmla="*/ 2836 h 10000"/>
                  <a:gd name="connsiteX247" fmla="*/ 4294 w 10000"/>
                  <a:gd name="connsiteY247" fmla="*/ 2836 h 10000"/>
                  <a:gd name="connsiteX248" fmla="*/ 4164 w 10000"/>
                  <a:gd name="connsiteY248" fmla="*/ 2866 h 10000"/>
                  <a:gd name="connsiteX249" fmla="*/ 4267 w 10000"/>
                  <a:gd name="connsiteY249" fmla="*/ 2777 h 10000"/>
                  <a:gd name="connsiteX250" fmla="*/ 4320 w 10000"/>
                  <a:gd name="connsiteY250" fmla="*/ 2674 h 10000"/>
                  <a:gd name="connsiteX251" fmla="*/ 4344 w 10000"/>
                  <a:gd name="connsiteY251" fmla="*/ 2541 h 10000"/>
                  <a:gd name="connsiteX252" fmla="*/ 4344 w 10000"/>
                  <a:gd name="connsiteY252" fmla="*/ 2393 h 10000"/>
                  <a:gd name="connsiteX253" fmla="*/ 4369 w 10000"/>
                  <a:gd name="connsiteY253" fmla="*/ 2349 h 10000"/>
                  <a:gd name="connsiteX254" fmla="*/ 4422 w 10000"/>
                  <a:gd name="connsiteY254" fmla="*/ 2304 h 10000"/>
                  <a:gd name="connsiteX255" fmla="*/ 4473 w 10000"/>
                  <a:gd name="connsiteY255" fmla="*/ 2290 h 10000"/>
                  <a:gd name="connsiteX256" fmla="*/ 4551 w 10000"/>
                  <a:gd name="connsiteY256" fmla="*/ 2275 h 10000"/>
                  <a:gd name="connsiteX257" fmla="*/ 4781 w 10000"/>
                  <a:gd name="connsiteY257" fmla="*/ 2260 h 10000"/>
                  <a:gd name="connsiteX258" fmla="*/ 4986 w 10000"/>
                  <a:gd name="connsiteY258" fmla="*/ 2275 h 10000"/>
                  <a:gd name="connsiteX259" fmla="*/ 4961 w 10000"/>
                  <a:gd name="connsiteY259" fmla="*/ 2112 h 10000"/>
                  <a:gd name="connsiteX260" fmla="*/ 4910 w 10000"/>
                  <a:gd name="connsiteY260" fmla="*/ 1950 h 10000"/>
                  <a:gd name="connsiteX261" fmla="*/ 4832 w 10000"/>
                  <a:gd name="connsiteY261" fmla="*/ 1802 h 10000"/>
                  <a:gd name="connsiteX262" fmla="*/ 4731 w 10000"/>
                  <a:gd name="connsiteY262" fmla="*/ 1640 h 10000"/>
                  <a:gd name="connsiteX263" fmla="*/ 4473 w 10000"/>
                  <a:gd name="connsiteY263" fmla="*/ 1329 h 10000"/>
                  <a:gd name="connsiteX264" fmla="*/ 4216 w 10000"/>
                  <a:gd name="connsiteY264" fmla="*/ 1034 h 10000"/>
                  <a:gd name="connsiteX265" fmla="*/ 4087 w 10000"/>
                  <a:gd name="connsiteY265" fmla="*/ 901 h 10000"/>
                  <a:gd name="connsiteX266" fmla="*/ 3986 w 10000"/>
                  <a:gd name="connsiteY266" fmla="*/ 753 h 10000"/>
                  <a:gd name="connsiteX267" fmla="*/ 3907 w 10000"/>
                  <a:gd name="connsiteY267" fmla="*/ 620 h 10000"/>
                  <a:gd name="connsiteX268" fmla="*/ 3881 w 10000"/>
                  <a:gd name="connsiteY268" fmla="*/ 487 h 10000"/>
                  <a:gd name="connsiteX269" fmla="*/ 3856 w 10000"/>
                  <a:gd name="connsiteY269" fmla="*/ 355 h 10000"/>
                  <a:gd name="connsiteX270" fmla="*/ 3907 w 10000"/>
                  <a:gd name="connsiteY270" fmla="*/ 222 h 10000"/>
                  <a:gd name="connsiteX271" fmla="*/ 3934 w 10000"/>
                  <a:gd name="connsiteY271" fmla="*/ 162 h 10000"/>
                  <a:gd name="connsiteX272" fmla="*/ 3986 w 10000"/>
                  <a:gd name="connsiteY272" fmla="*/ 103 h 10000"/>
                  <a:gd name="connsiteX273" fmla="*/ 4063 w 10000"/>
                  <a:gd name="connsiteY273" fmla="*/ 59 h 10000"/>
                  <a:gd name="connsiteX274" fmla="*/ 4164 w 10000"/>
                  <a:gd name="connsiteY274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7301 w 10000"/>
                  <a:gd name="connsiteY67" fmla="*/ 3959 h 10000"/>
                  <a:gd name="connsiteX68" fmla="*/ 8895 w 10000"/>
                  <a:gd name="connsiteY68" fmla="*/ 3516 h 10000"/>
                  <a:gd name="connsiteX69" fmla="*/ 9100 w 10000"/>
                  <a:gd name="connsiteY69" fmla="*/ 3412 h 10000"/>
                  <a:gd name="connsiteX70" fmla="*/ 9306 w 10000"/>
                  <a:gd name="connsiteY70" fmla="*/ 3338 h 10000"/>
                  <a:gd name="connsiteX71" fmla="*/ 9435 w 10000"/>
                  <a:gd name="connsiteY71" fmla="*/ 3235 h 10000"/>
                  <a:gd name="connsiteX72" fmla="*/ 9536 w 10000"/>
                  <a:gd name="connsiteY72" fmla="*/ 3117 h 10000"/>
                  <a:gd name="connsiteX73" fmla="*/ 9563 w 10000"/>
                  <a:gd name="connsiteY73" fmla="*/ 3072 h 10000"/>
                  <a:gd name="connsiteX74" fmla="*/ 9588 w 10000"/>
                  <a:gd name="connsiteY74" fmla="*/ 3013 h 10000"/>
                  <a:gd name="connsiteX75" fmla="*/ 9588 w 10000"/>
                  <a:gd name="connsiteY75" fmla="*/ 2954 h 10000"/>
                  <a:gd name="connsiteX76" fmla="*/ 9563 w 10000"/>
                  <a:gd name="connsiteY76" fmla="*/ 2866 h 10000"/>
                  <a:gd name="connsiteX77" fmla="*/ 9383 w 10000"/>
                  <a:gd name="connsiteY77" fmla="*/ 2984 h 10000"/>
                  <a:gd name="connsiteX78" fmla="*/ 9178 w 10000"/>
                  <a:gd name="connsiteY78" fmla="*/ 3072 h 10000"/>
                  <a:gd name="connsiteX79" fmla="*/ 8971 w 10000"/>
                  <a:gd name="connsiteY79" fmla="*/ 3161 h 10000"/>
                  <a:gd name="connsiteX80" fmla="*/ 8766 w 10000"/>
                  <a:gd name="connsiteY80" fmla="*/ 3250 h 10000"/>
                  <a:gd name="connsiteX81" fmla="*/ 8302 w 10000"/>
                  <a:gd name="connsiteY81" fmla="*/ 3397 h 10000"/>
                  <a:gd name="connsiteX82" fmla="*/ 7815 w 10000"/>
                  <a:gd name="connsiteY82" fmla="*/ 3545 h 10000"/>
                  <a:gd name="connsiteX83" fmla="*/ 7327 w 10000"/>
                  <a:gd name="connsiteY83" fmla="*/ 3678 h 10000"/>
                  <a:gd name="connsiteX84" fmla="*/ 6863 w 10000"/>
                  <a:gd name="connsiteY84" fmla="*/ 3840 h 10000"/>
                  <a:gd name="connsiteX85" fmla="*/ 6632 w 10000"/>
                  <a:gd name="connsiteY85" fmla="*/ 3914 h 10000"/>
                  <a:gd name="connsiteX86" fmla="*/ 6427 w 10000"/>
                  <a:gd name="connsiteY86" fmla="*/ 4003 h 10000"/>
                  <a:gd name="connsiteX87" fmla="*/ 6222 w 10000"/>
                  <a:gd name="connsiteY87" fmla="*/ 4106 h 10000"/>
                  <a:gd name="connsiteX88" fmla="*/ 6014 w 10000"/>
                  <a:gd name="connsiteY88" fmla="*/ 4195 h 10000"/>
                  <a:gd name="connsiteX89" fmla="*/ 6169 w 10000"/>
                  <a:gd name="connsiteY89" fmla="*/ 4417 h 10000"/>
                  <a:gd name="connsiteX90" fmla="*/ 6273 w 10000"/>
                  <a:gd name="connsiteY90" fmla="*/ 4623 h 10000"/>
                  <a:gd name="connsiteX91" fmla="*/ 6375 w 10000"/>
                  <a:gd name="connsiteY91" fmla="*/ 4845 h 10000"/>
                  <a:gd name="connsiteX92" fmla="*/ 6451 w 10000"/>
                  <a:gd name="connsiteY92" fmla="*/ 5081 h 10000"/>
                  <a:gd name="connsiteX93" fmla="*/ 6504 w 10000"/>
                  <a:gd name="connsiteY93" fmla="*/ 5318 h 10000"/>
                  <a:gd name="connsiteX94" fmla="*/ 6530 w 10000"/>
                  <a:gd name="connsiteY94" fmla="*/ 5539 h 10000"/>
                  <a:gd name="connsiteX95" fmla="*/ 6554 w 10000"/>
                  <a:gd name="connsiteY95" fmla="*/ 5775 h 10000"/>
                  <a:gd name="connsiteX96" fmla="*/ 6554 w 10000"/>
                  <a:gd name="connsiteY96" fmla="*/ 5997 h 10000"/>
                  <a:gd name="connsiteX97" fmla="*/ 6530 w 10000"/>
                  <a:gd name="connsiteY97" fmla="*/ 6233 h 10000"/>
                  <a:gd name="connsiteX98" fmla="*/ 6478 w 10000"/>
                  <a:gd name="connsiteY98" fmla="*/ 6470 h 10000"/>
                  <a:gd name="connsiteX99" fmla="*/ 6427 w 10000"/>
                  <a:gd name="connsiteY99" fmla="*/ 6677 h 10000"/>
                  <a:gd name="connsiteX100" fmla="*/ 6350 w 10000"/>
                  <a:gd name="connsiteY100" fmla="*/ 6898 h 10000"/>
                  <a:gd name="connsiteX101" fmla="*/ 6247 w 10000"/>
                  <a:gd name="connsiteY101" fmla="*/ 7105 h 10000"/>
                  <a:gd name="connsiteX102" fmla="*/ 6119 w 10000"/>
                  <a:gd name="connsiteY102" fmla="*/ 7297 h 10000"/>
                  <a:gd name="connsiteX103" fmla="*/ 5964 w 10000"/>
                  <a:gd name="connsiteY103" fmla="*/ 7489 h 10000"/>
                  <a:gd name="connsiteX104" fmla="*/ 5809 w 10000"/>
                  <a:gd name="connsiteY104" fmla="*/ 7681 h 10000"/>
                  <a:gd name="connsiteX105" fmla="*/ 6554 w 10000"/>
                  <a:gd name="connsiteY105" fmla="*/ 7799 h 10000"/>
                  <a:gd name="connsiteX106" fmla="*/ 7327 w 10000"/>
                  <a:gd name="connsiteY106" fmla="*/ 7962 h 10000"/>
                  <a:gd name="connsiteX107" fmla="*/ 7480 w 10000"/>
                  <a:gd name="connsiteY107" fmla="*/ 8021 h 10000"/>
                  <a:gd name="connsiteX108" fmla="*/ 7609 w 10000"/>
                  <a:gd name="connsiteY108" fmla="*/ 8080 h 10000"/>
                  <a:gd name="connsiteX109" fmla="*/ 7737 w 10000"/>
                  <a:gd name="connsiteY109" fmla="*/ 8139 h 10000"/>
                  <a:gd name="connsiteX110" fmla="*/ 7815 w 10000"/>
                  <a:gd name="connsiteY110" fmla="*/ 8227 h 10000"/>
                  <a:gd name="connsiteX111" fmla="*/ 7841 w 10000"/>
                  <a:gd name="connsiteY111" fmla="*/ 8301 h 10000"/>
                  <a:gd name="connsiteX112" fmla="*/ 7841 w 10000"/>
                  <a:gd name="connsiteY112" fmla="*/ 8405 h 10000"/>
                  <a:gd name="connsiteX113" fmla="*/ 7790 w 10000"/>
                  <a:gd name="connsiteY113" fmla="*/ 8523 h 10000"/>
                  <a:gd name="connsiteX114" fmla="*/ 7712 w 10000"/>
                  <a:gd name="connsiteY114" fmla="*/ 8641 h 10000"/>
                  <a:gd name="connsiteX115" fmla="*/ 7378 w 10000"/>
                  <a:gd name="connsiteY115" fmla="*/ 8552 h 10000"/>
                  <a:gd name="connsiteX116" fmla="*/ 7069 w 10000"/>
                  <a:gd name="connsiteY116" fmla="*/ 8449 h 10000"/>
                  <a:gd name="connsiteX117" fmla="*/ 6760 w 10000"/>
                  <a:gd name="connsiteY117" fmla="*/ 8360 h 10000"/>
                  <a:gd name="connsiteX118" fmla="*/ 6451 w 10000"/>
                  <a:gd name="connsiteY118" fmla="*/ 8287 h 10000"/>
                  <a:gd name="connsiteX119" fmla="*/ 6323 w 10000"/>
                  <a:gd name="connsiteY119" fmla="*/ 8449 h 10000"/>
                  <a:gd name="connsiteX120" fmla="*/ 6222 w 10000"/>
                  <a:gd name="connsiteY120" fmla="*/ 8597 h 10000"/>
                  <a:gd name="connsiteX121" fmla="*/ 6169 w 10000"/>
                  <a:gd name="connsiteY121" fmla="*/ 8656 h 10000"/>
                  <a:gd name="connsiteX122" fmla="*/ 6066 w 10000"/>
                  <a:gd name="connsiteY122" fmla="*/ 8700 h 10000"/>
                  <a:gd name="connsiteX123" fmla="*/ 5990 w 10000"/>
                  <a:gd name="connsiteY123" fmla="*/ 8744 h 10000"/>
                  <a:gd name="connsiteX124" fmla="*/ 5913 w 10000"/>
                  <a:gd name="connsiteY124" fmla="*/ 8774 h 10000"/>
                  <a:gd name="connsiteX125" fmla="*/ 5835 w 10000"/>
                  <a:gd name="connsiteY125" fmla="*/ 8804 h 10000"/>
                  <a:gd name="connsiteX126" fmla="*/ 5733 w 10000"/>
                  <a:gd name="connsiteY126" fmla="*/ 8818 h 10000"/>
                  <a:gd name="connsiteX127" fmla="*/ 5603 w 10000"/>
                  <a:gd name="connsiteY127" fmla="*/ 8833 h 10000"/>
                  <a:gd name="connsiteX128" fmla="*/ 5476 w 10000"/>
                  <a:gd name="connsiteY128" fmla="*/ 8833 h 10000"/>
                  <a:gd name="connsiteX129" fmla="*/ 5168 w 10000"/>
                  <a:gd name="connsiteY129" fmla="*/ 8818 h 10000"/>
                  <a:gd name="connsiteX130" fmla="*/ 4781 w 10000"/>
                  <a:gd name="connsiteY130" fmla="*/ 8744 h 10000"/>
                  <a:gd name="connsiteX131" fmla="*/ 4781 w 10000"/>
                  <a:gd name="connsiteY131" fmla="*/ 8922 h 10000"/>
                  <a:gd name="connsiteX132" fmla="*/ 4755 w 10000"/>
                  <a:gd name="connsiteY132" fmla="*/ 9069 h 10000"/>
                  <a:gd name="connsiteX133" fmla="*/ 4731 w 10000"/>
                  <a:gd name="connsiteY133" fmla="*/ 9232 h 10000"/>
                  <a:gd name="connsiteX134" fmla="*/ 4704 w 10000"/>
                  <a:gd name="connsiteY134" fmla="*/ 9365 h 10000"/>
                  <a:gd name="connsiteX135" fmla="*/ 4652 w 10000"/>
                  <a:gd name="connsiteY135" fmla="*/ 9498 h 10000"/>
                  <a:gd name="connsiteX136" fmla="*/ 4551 w 10000"/>
                  <a:gd name="connsiteY136" fmla="*/ 9616 h 10000"/>
                  <a:gd name="connsiteX137" fmla="*/ 4473 w 10000"/>
                  <a:gd name="connsiteY137" fmla="*/ 9734 h 10000"/>
                  <a:gd name="connsiteX138" fmla="*/ 4344 w 10000"/>
                  <a:gd name="connsiteY138" fmla="*/ 9838 h 10000"/>
                  <a:gd name="connsiteX139" fmla="*/ 4034 w 10000"/>
                  <a:gd name="connsiteY139" fmla="*/ 9897 h 10000"/>
                  <a:gd name="connsiteX140" fmla="*/ 3779 w 10000"/>
                  <a:gd name="connsiteY140" fmla="*/ 9941 h 10000"/>
                  <a:gd name="connsiteX141" fmla="*/ 3470 w 10000"/>
                  <a:gd name="connsiteY141" fmla="*/ 9985 h 10000"/>
                  <a:gd name="connsiteX142" fmla="*/ 3239 w 10000"/>
                  <a:gd name="connsiteY142" fmla="*/ 10000 h 10000"/>
                  <a:gd name="connsiteX143" fmla="*/ 2725 w 10000"/>
                  <a:gd name="connsiteY143" fmla="*/ 10000 h 10000"/>
                  <a:gd name="connsiteX144" fmla="*/ 2236 w 10000"/>
                  <a:gd name="connsiteY144" fmla="*/ 9985 h 10000"/>
                  <a:gd name="connsiteX145" fmla="*/ 1775 w 10000"/>
                  <a:gd name="connsiteY145" fmla="*/ 9941 h 10000"/>
                  <a:gd name="connsiteX146" fmla="*/ 1286 w 10000"/>
                  <a:gd name="connsiteY146" fmla="*/ 9911 h 10000"/>
                  <a:gd name="connsiteX147" fmla="*/ 1003 w 10000"/>
                  <a:gd name="connsiteY147" fmla="*/ 9911 h 10000"/>
                  <a:gd name="connsiteX148" fmla="*/ 745 w 10000"/>
                  <a:gd name="connsiteY148" fmla="*/ 9911 h 10000"/>
                  <a:gd name="connsiteX149" fmla="*/ 463 w 10000"/>
                  <a:gd name="connsiteY149" fmla="*/ 9926 h 10000"/>
                  <a:gd name="connsiteX150" fmla="*/ 180 w 10000"/>
                  <a:gd name="connsiteY150" fmla="*/ 9970 h 10000"/>
                  <a:gd name="connsiteX151" fmla="*/ 103 w 10000"/>
                  <a:gd name="connsiteY151" fmla="*/ 9867 h 10000"/>
                  <a:gd name="connsiteX152" fmla="*/ 52 w 10000"/>
                  <a:gd name="connsiteY152" fmla="*/ 9793 h 10000"/>
                  <a:gd name="connsiteX153" fmla="*/ 0 w 10000"/>
                  <a:gd name="connsiteY153" fmla="*/ 9705 h 10000"/>
                  <a:gd name="connsiteX154" fmla="*/ 0 w 10000"/>
                  <a:gd name="connsiteY154" fmla="*/ 9601 h 10000"/>
                  <a:gd name="connsiteX155" fmla="*/ 52 w 10000"/>
                  <a:gd name="connsiteY155" fmla="*/ 9424 h 10000"/>
                  <a:gd name="connsiteX156" fmla="*/ 103 w 10000"/>
                  <a:gd name="connsiteY156" fmla="*/ 9202 h 10000"/>
                  <a:gd name="connsiteX157" fmla="*/ 153 w 10000"/>
                  <a:gd name="connsiteY157" fmla="*/ 8996 h 10000"/>
                  <a:gd name="connsiteX158" fmla="*/ 206 w 10000"/>
                  <a:gd name="connsiteY158" fmla="*/ 8759 h 10000"/>
                  <a:gd name="connsiteX159" fmla="*/ 231 w 10000"/>
                  <a:gd name="connsiteY159" fmla="*/ 8641 h 10000"/>
                  <a:gd name="connsiteX160" fmla="*/ 231 w 10000"/>
                  <a:gd name="connsiteY160" fmla="*/ 8538 h 10000"/>
                  <a:gd name="connsiteX161" fmla="*/ 206 w 10000"/>
                  <a:gd name="connsiteY161" fmla="*/ 8405 h 10000"/>
                  <a:gd name="connsiteX162" fmla="*/ 180 w 10000"/>
                  <a:gd name="connsiteY162" fmla="*/ 8287 h 10000"/>
                  <a:gd name="connsiteX163" fmla="*/ 437 w 10000"/>
                  <a:gd name="connsiteY163" fmla="*/ 8213 h 10000"/>
                  <a:gd name="connsiteX164" fmla="*/ 694 w 10000"/>
                  <a:gd name="connsiteY164" fmla="*/ 8139 h 10000"/>
                  <a:gd name="connsiteX165" fmla="*/ 951 w 10000"/>
                  <a:gd name="connsiteY165" fmla="*/ 8095 h 10000"/>
                  <a:gd name="connsiteX166" fmla="*/ 1234 w 10000"/>
                  <a:gd name="connsiteY166" fmla="*/ 8065 h 10000"/>
                  <a:gd name="connsiteX167" fmla="*/ 1747 w 10000"/>
                  <a:gd name="connsiteY167" fmla="*/ 8021 h 10000"/>
                  <a:gd name="connsiteX168" fmla="*/ 2263 w 10000"/>
                  <a:gd name="connsiteY168" fmla="*/ 7976 h 10000"/>
                  <a:gd name="connsiteX169" fmla="*/ 2494 w 10000"/>
                  <a:gd name="connsiteY169" fmla="*/ 7947 h 10000"/>
                  <a:gd name="connsiteX170" fmla="*/ 2725 w 10000"/>
                  <a:gd name="connsiteY170" fmla="*/ 7917 h 10000"/>
                  <a:gd name="connsiteX171" fmla="*/ 2929 w 10000"/>
                  <a:gd name="connsiteY171" fmla="*/ 7843 h 10000"/>
                  <a:gd name="connsiteX172" fmla="*/ 3136 w 10000"/>
                  <a:gd name="connsiteY172" fmla="*/ 7784 h 10000"/>
                  <a:gd name="connsiteX173" fmla="*/ 3316 w 10000"/>
                  <a:gd name="connsiteY173" fmla="*/ 7710 h 10000"/>
                  <a:gd name="connsiteX174" fmla="*/ 3470 w 10000"/>
                  <a:gd name="connsiteY174" fmla="*/ 7592 h 10000"/>
                  <a:gd name="connsiteX175" fmla="*/ 3625 w 10000"/>
                  <a:gd name="connsiteY175" fmla="*/ 7474 h 10000"/>
                  <a:gd name="connsiteX176" fmla="*/ 3727 w 10000"/>
                  <a:gd name="connsiteY176" fmla="*/ 7312 h 10000"/>
                  <a:gd name="connsiteX177" fmla="*/ 3522 w 10000"/>
                  <a:gd name="connsiteY177" fmla="*/ 7238 h 10000"/>
                  <a:gd name="connsiteX178" fmla="*/ 3341 w 10000"/>
                  <a:gd name="connsiteY178" fmla="*/ 7179 h 10000"/>
                  <a:gd name="connsiteX179" fmla="*/ 3187 w 10000"/>
                  <a:gd name="connsiteY179" fmla="*/ 7090 h 10000"/>
                  <a:gd name="connsiteX180" fmla="*/ 3034 w 10000"/>
                  <a:gd name="connsiteY180" fmla="*/ 6987 h 10000"/>
                  <a:gd name="connsiteX181" fmla="*/ 2929 w 10000"/>
                  <a:gd name="connsiteY181" fmla="*/ 6869 h 10000"/>
                  <a:gd name="connsiteX182" fmla="*/ 2880 w 10000"/>
                  <a:gd name="connsiteY182" fmla="*/ 6721 h 10000"/>
                  <a:gd name="connsiteX183" fmla="*/ 2853 w 10000"/>
                  <a:gd name="connsiteY183" fmla="*/ 6558 h 10000"/>
                  <a:gd name="connsiteX184" fmla="*/ 2880 w 10000"/>
                  <a:gd name="connsiteY184" fmla="*/ 6352 h 10000"/>
                  <a:gd name="connsiteX185" fmla="*/ 2751 w 10000"/>
                  <a:gd name="connsiteY185" fmla="*/ 6322 h 10000"/>
                  <a:gd name="connsiteX186" fmla="*/ 2597 w 10000"/>
                  <a:gd name="connsiteY186" fmla="*/ 6292 h 10000"/>
                  <a:gd name="connsiteX187" fmla="*/ 2417 w 10000"/>
                  <a:gd name="connsiteY187" fmla="*/ 6278 h 10000"/>
                  <a:gd name="connsiteX188" fmla="*/ 2236 w 10000"/>
                  <a:gd name="connsiteY188" fmla="*/ 6263 h 10000"/>
                  <a:gd name="connsiteX189" fmla="*/ 1877 w 10000"/>
                  <a:gd name="connsiteY189" fmla="*/ 6248 h 10000"/>
                  <a:gd name="connsiteX190" fmla="*/ 1491 w 10000"/>
                  <a:gd name="connsiteY190" fmla="*/ 6263 h 10000"/>
                  <a:gd name="connsiteX191" fmla="*/ 1158 w 10000"/>
                  <a:gd name="connsiteY191" fmla="*/ 6278 h 10000"/>
                  <a:gd name="connsiteX192" fmla="*/ 848 w 10000"/>
                  <a:gd name="connsiteY192" fmla="*/ 6278 h 10000"/>
                  <a:gd name="connsiteX193" fmla="*/ 593 w 10000"/>
                  <a:gd name="connsiteY193" fmla="*/ 6263 h 10000"/>
                  <a:gd name="connsiteX194" fmla="*/ 386 w 10000"/>
                  <a:gd name="connsiteY194" fmla="*/ 6233 h 10000"/>
                  <a:gd name="connsiteX195" fmla="*/ 641 w 10000"/>
                  <a:gd name="connsiteY195" fmla="*/ 5805 h 10000"/>
                  <a:gd name="connsiteX196" fmla="*/ 926 w 10000"/>
                  <a:gd name="connsiteY196" fmla="*/ 5391 h 10000"/>
                  <a:gd name="connsiteX197" fmla="*/ 1029 w 10000"/>
                  <a:gd name="connsiteY197" fmla="*/ 5170 h 10000"/>
                  <a:gd name="connsiteX198" fmla="*/ 1105 w 10000"/>
                  <a:gd name="connsiteY198" fmla="*/ 4963 h 10000"/>
                  <a:gd name="connsiteX199" fmla="*/ 1130 w 10000"/>
                  <a:gd name="connsiteY199" fmla="*/ 4860 h 10000"/>
                  <a:gd name="connsiteX200" fmla="*/ 1105 w 10000"/>
                  <a:gd name="connsiteY200" fmla="*/ 4756 h 10000"/>
                  <a:gd name="connsiteX201" fmla="*/ 1080 w 10000"/>
                  <a:gd name="connsiteY201" fmla="*/ 4653 h 10000"/>
                  <a:gd name="connsiteX202" fmla="*/ 1003 w 10000"/>
                  <a:gd name="connsiteY202" fmla="*/ 4549 h 10000"/>
                  <a:gd name="connsiteX203" fmla="*/ 1286 w 10000"/>
                  <a:gd name="connsiteY203" fmla="*/ 4520 h 10000"/>
                  <a:gd name="connsiteX204" fmla="*/ 1491 w 10000"/>
                  <a:gd name="connsiteY204" fmla="*/ 4505 h 10000"/>
                  <a:gd name="connsiteX205" fmla="*/ 1671 w 10000"/>
                  <a:gd name="connsiteY205" fmla="*/ 4505 h 10000"/>
                  <a:gd name="connsiteX206" fmla="*/ 1825 w 10000"/>
                  <a:gd name="connsiteY206" fmla="*/ 4520 h 10000"/>
                  <a:gd name="connsiteX207" fmla="*/ 1954 w 10000"/>
                  <a:gd name="connsiteY207" fmla="*/ 4520 h 10000"/>
                  <a:gd name="connsiteX208" fmla="*/ 2108 w 10000"/>
                  <a:gd name="connsiteY208" fmla="*/ 4520 h 10000"/>
                  <a:gd name="connsiteX209" fmla="*/ 2263 w 10000"/>
                  <a:gd name="connsiteY209" fmla="*/ 4490 h 10000"/>
                  <a:gd name="connsiteX210" fmla="*/ 2467 w 10000"/>
                  <a:gd name="connsiteY210" fmla="*/ 4446 h 10000"/>
                  <a:gd name="connsiteX211" fmla="*/ 2467 w 10000"/>
                  <a:gd name="connsiteY211" fmla="*/ 4579 h 10000"/>
                  <a:gd name="connsiteX212" fmla="*/ 2467 w 10000"/>
                  <a:gd name="connsiteY212" fmla="*/ 4742 h 10000"/>
                  <a:gd name="connsiteX213" fmla="*/ 2467 w 10000"/>
                  <a:gd name="connsiteY213" fmla="*/ 4874 h 10000"/>
                  <a:gd name="connsiteX214" fmla="*/ 2467 w 10000"/>
                  <a:gd name="connsiteY214" fmla="*/ 5037 h 10000"/>
                  <a:gd name="connsiteX215" fmla="*/ 2699 w 10000"/>
                  <a:gd name="connsiteY215" fmla="*/ 5022 h 10000"/>
                  <a:gd name="connsiteX216" fmla="*/ 2853 w 10000"/>
                  <a:gd name="connsiteY216" fmla="*/ 5037 h 10000"/>
                  <a:gd name="connsiteX217" fmla="*/ 2982 w 10000"/>
                  <a:gd name="connsiteY217" fmla="*/ 5066 h 10000"/>
                  <a:gd name="connsiteX218" fmla="*/ 3111 w 10000"/>
                  <a:gd name="connsiteY218" fmla="*/ 5096 h 10000"/>
                  <a:gd name="connsiteX219" fmla="*/ 3214 w 10000"/>
                  <a:gd name="connsiteY219" fmla="*/ 5126 h 10000"/>
                  <a:gd name="connsiteX220" fmla="*/ 3341 w 10000"/>
                  <a:gd name="connsiteY220" fmla="*/ 5155 h 10000"/>
                  <a:gd name="connsiteX221" fmla="*/ 3496 w 10000"/>
                  <a:gd name="connsiteY221" fmla="*/ 5170 h 10000"/>
                  <a:gd name="connsiteX222" fmla="*/ 3727 w 10000"/>
                  <a:gd name="connsiteY222" fmla="*/ 5155 h 10000"/>
                  <a:gd name="connsiteX223" fmla="*/ 3805 w 10000"/>
                  <a:gd name="connsiteY223" fmla="*/ 5096 h 10000"/>
                  <a:gd name="connsiteX224" fmla="*/ 3881 w 10000"/>
                  <a:gd name="connsiteY224" fmla="*/ 5022 h 10000"/>
                  <a:gd name="connsiteX225" fmla="*/ 3907 w 10000"/>
                  <a:gd name="connsiteY225" fmla="*/ 4934 h 10000"/>
                  <a:gd name="connsiteX226" fmla="*/ 3934 w 10000"/>
                  <a:gd name="connsiteY226" fmla="*/ 4860 h 10000"/>
                  <a:gd name="connsiteX227" fmla="*/ 3958 w 10000"/>
                  <a:gd name="connsiteY227" fmla="*/ 4697 h 10000"/>
                  <a:gd name="connsiteX228" fmla="*/ 3934 w 10000"/>
                  <a:gd name="connsiteY228" fmla="*/ 4520 h 10000"/>
                  <a:gd name="connsiteX229" fmla="*/ 3856 w 10000"/>
                  <a:gd name="connsiteY229" fmla="*/ 4343 h 10000"/>
                  <a:gd name="connsiteX230" fmla="*/ 3779 w 10000"/>
                  <a:gd name="connsiteY230" fmla="*/ 4195 h 10000"/>
                  <a:gd name="connsiteX231" fmla="*/ 3650 w 10000"/>
                  <a:gd name="connsiteY231" fmla="*/ 4047 h 10000"/>
                  <a:gd name="connsiteX232" fmla="*/ 3522 w 10000"/>
                  <a:gd name="connsiteY232" fmla="*/ 3959 h 10000"/>
                  <a:gd name="connsiteX233" fmla="*/ 3676 w 10000"/>
                  <a:gd name="connsiteY233" fmla="*/ 3944 h 10000"/>
                  <a:gd name="connsiteX234" fmla="*/ 3805 w 10000"/>
                  <a:gd name="connsiteY234" fmla="*/ 3914 h 10000"/>
                  <a:gd name="connsiteX235" fmla="*/ 3907 w 10000"/>
                  <a:gd name="connsiteY235" fmla="*/ 3855 h 10000"/>
                  <a:gd name="connsiteX236" fmla="*/ 4034 w 10000"/>
                  <a:gd name="connsiteY236" fmla="*/ 3752 h 10000"/>
                  <a:gd name="connsiteX237" fmla="*/ 4164 w 10000"/>
                  <a:gd name="connsiteY237" fmla="*/ 3663 h 10000"/>
                  <a:gd name="connsiteX238" fmla="*/ 4267 w 10000"/>
                  <a:gd name="connsiteY238" fmla="*/ 3560 h 10000"/>
                  <a:gd name="connsiteX239" fmla="*/ 4344 w 10000"/>
                  <a:gd name="connsiteY239" fmla="*/ 3442 h 10000"/>
                  <a:gd name="connsiteX240" fmla="*/ 4422 w 10000"/>
                  <a:gd name="connsiteY240" fmla="*/ 3323 h 10000"/>
                  <a:gd name="connsiteX241" fmla="*/ 4473 w 10000"/>
                  <a:gd name="connsiteY241" fmla="*/ 3220 h 10000"/>
                  <a:gd name="connsiteX242" fmla="*/ 4498 w 10000"/>
                  <a:gd name="connsiteY242" fmla="*/ 3102 h 10000"/>
                  <a:gd name="connsiteX243" fmla="*/ 4525 w 10000"/>
                  <a:gd name="connsiteY243" fmla="*/ 3013 h 10000"/>
                  <a:gd name="connsiteX244" fmla="*/ 4498 w 10000"/>
                  <a:gd name="connsiteY244" fmla="*/ 2939 h 10000"/>
                  <a:gd name="connsiteX245" fmla="*/ 4473 w 10000"/>
                  <a:gd name="connsiteY245" fmla="*/ 2866 h 10000"/>
                  <a:gd name="connsiteX246" fmla="*/ 4396 w 10000"/>
                  <a:gd name="connsiteY246" fmla="*/ 2836 h 10000"/>
                  <a:gd name="connsiteX247" fmla="*/ 4294 w 10000"/>
                  <a:gd name="connsiteY247" fmla="*/ 2836 h 10000"/>
                  <a:gd name="connsiteX248" fmla="*/ 4164 w 10000"/>
                  <a:gd name="connsiteY248" fmla="*/ 2866 h 10000"/>
                  <a:gd name="connsiteX249" fmla="*/ 4267 w 10000"/>
                  <a:gd name="connsiteY249" fmla="*/ 2777 h 10000"/>
                  <a:gd name="connsiteX250" fmla="*/ 4320 w 10000"/>
                  <a:gd name="connsiteY250" fmla="*/ 2674 h 10000"/>
                  <a:gd name="connsiteX251" fmla="*/ 4344 w 10000"/>
                  <a:gd name="connsiteY251" fmla="*/ 2541 h 10000"/>
                  <a:gd name="connsiteX252" fmla="*/ 4344 w 10000"/>
                  <a:gd name="connsiteY252" fmla="*/ 2393 h 10000"/>
                  <a:gd name="connsiteX253" fmla="*/ 4369 w 10000"/>
                  <a:gd name="connsiteY253" fmla="*/ 2349 h 10000"/>
                  <a:gd name="connsiteX254" fmla="*/ 4422 w 10000"/>
                  <a:gd name="connsiteY254" fmla="*/ 2304 h 10000"/>
                  <a:gd name="connsiteX255" fmla="*/ 4473 w 10000"/>
                  <a:gd name="connsiteY255" fmla="*/ 2290 h 10000"/>
                  <a:gd name="connsiteX256" fmla="*/ 4551 w 10000"/>
                  <a:gd name="connsiteY256" fmla="*/ 2275 h 10000"/>
                  <a:gd name="connsiteX257" fmla="*/ 4781 w 10000"/>
                  <a:gd name="connsiteY257" fmla="*/ 2260 h 10000"/>
                  <a:gd name="connsiteX258" fmla="*/ 4986 w 10000"/>
                  <a:gd name="connsiteY258" fmla="*/ 2275 h 10000"/>
                  <a:gd name="connsiteX259" fmla="*/ 4961 w 10000"/>
                  <a:gd name="connsiteY259" fmla="*/ 2112 h 10000"/>
                  <a:gd name="connsiteX260" fmla="*/ 4910 w 10000"/>
                  <a:gd name="connsiteY260" fmla="*/ 1950 h 10000"/>
                  <a:gd name="connsiteX261" fmla="*/ 4832 w 10000"/>
                  <a:gd name="connsiteY261" fmla="*/ 1802 h 10000"/>
                  <a:gd name="connsiteX262" fmla="*/ 4731 w 10000"/>
                  <a:gd name="connsiteY262" fmla="*/ 1640 h 10000"/>
                  <a:gd name="connsiteX263" fmla="*/ 4473 w 10000"/>
                  <a:gd name="connsiteY263" fmla="*/ 1329 h 10000"/>
                  <a:gd name="connsiteX264" fmla="*/ 4216 w 10000"/>
                  <a:gd name="connsiteY264" fmla="*/ 1034 h 10000"/>
                  <a:gd name="connsiteX265" fmla="*/ 4087 w 10000"/>
                  <a:gd name="connsiteY265" fmla="*/ 901 h 10000"/>
                  <a:gd name="connsiteX266" fmla="*/ 3986 w 10000"/>
                  <a:gd name="connsiteY266" fmla="*/ 753 h 10000"/>
                  <a:gd name="connsiteX267" fmla="*/ 3907 w 10000"/>
                  <a:gd name="connsiteY267" fmla="*/ 620 h 10000"/>
                  <a:gd name="connsiteX268" fmla="*/ 3881 w 10000"/>
                  <a:gd name="connsiteY268" fmla="*/ 487 h 10000"/>
                  <a:gd name="connsiteX269" fmla="*/ 3856 w 10000"/>
                  <a:gd name="connsiteY269" fmla="*/ 355 h 10000"/>
                  <a:gd name="connsiteX270" fmla="*/ 3907 w 10000"/>
                  <a:gd name="connsiteY270" fmla="*/ 222 h 10000"/>
                  <a:gd name="connsiteX271" fmla="*/ 3934 w 10000"/>
                  <a:gd name="connsiteY271" fmla="*/ 162 h 10000"/>
                  <a:gd name="connsiteX272" fmla="*/ 3986 w 10000"/>
                  <a:gd name="connsiteY272" fmla="*/ 103 h 10000"/>
                  <a:gd name="connsiteX273" fmla="*/ 4063 w 10000"/>
                  <a:gd name="connsiteY273" fmla="*/ 59 h 10000"/>
                  <a:gd name="connsiteX274" fmla="*/ 4164 w 10000"/>
                  <a:gd name="connsiteY274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8895 w 10000"/>
                  <a:gd name="connsiteY67" fmla="*/ 3516 h 10000"/>
                  <a:gd name="connsiteX68" fmla="*/ 9100 w 10000"/>
                  <a:gd name="connsiteY68" fmla="*/ 3412 h 10000"/>
                  <a:gd name="connsiteX69" fmla="*/ 9306 w 10000"/>
                  <a:gd name="connsiteY69" fmla="*/ 3338 h 10000"/>
                  <a:gd name="connsiteX70" fmla="*/ 9435 w 10000"/>
                  <a:gd name="connsiteY70" fmla="*/ 3235 h 10000"/>
                  <a:gd name="connsiteX71" fmla="*/ 9536 w 10000"/>
                  <a:gd name="connsiteY71" fmla="*/ 3117 h 10000"/>
                  <a:gd name="connsiteX72" fmla="*/ 9563 w 10000"/>
                  <a:gd name="connsiteY72" fmla="*/ 3072 h 10000"/>
                  <a:gd name="connsiteX73" fmla="*/ 9588 w 10000"/>
                  <a:gd name="connsiteY73" fmla="*/ 3013 h 10000"/>
                  <a:gd name="connsiteX74" fmla="*/ 9588 w 10000"/>
                  <a:gd name="connsiteY74" fmla="*/ 2954 h 10000"/>
                  <a:gd name="connsiteX75" fmla="*/ 9563 w 10000"/>
                  <a:gd name="connsiteY75" fmla="*/ 2866 h 10000"/>
                  <a:gd name="connsiteX76" fmla="*/ 9383 w 10000"/>
                  <a:gd name="connsiteY76" fmla="*/ 2984 h 10000"/>
                  <a:gd name="connsiteX77" fmla="*/ 9178 w 10000"/>
                  <a:gd name="connsiteY77" fmla="*/ 3072 h 10000"/>
                  <a:gd name="connsiteX78" fmla="*/ 8971 w 10000"/>
                  <a:gd name="connsiteY78" fmla="*/ 3161 h 10000"/>
                  <a:gd name="connsiteX79" fmla="*/ 8766 w 10000"/>
                  <a:gd name="connsiteY79" fmla="*/ 3250 h 10000"/>
                  <a:gd name="connsiteX80" fmla="*/ 8302 w 10000"/>
                  <a:gd name="connsiteY80" fmla="*/ 3397 h 10000"/>
                  <a:gd name="connsiteX81" fmla="*/ 7815 w 10000"/>
                  <a:gd name="connsiteY81" fmla="*/ 3545 h 10000"/>
                  <a:gd name="connsiteX82" fmla="*/ 7327 w 10000"/>
                  <a:gd name="connsiteY82" fmla="*/ 3678 h 10000"/>
                  <a:gd name="connsiteX83" fmla="*/ 6863 w 10000"/>
                  <a:gd name="connsiteY83" fmla="*/ 3840 h 10000"/>
                  <a:gd name="connsiteX84" fmla="*/ 6632 w 10000"/>
                  <a:gd name="connsiteY84" fmla="*/ 3914 h 10000"/>
                  <a:gd name="connsiteX85" fmla="*/ 6427 w 10000"/>
                  <a:gd name="connsiteY85" fmla="*/ 4003 h 10000"/>
                  <a:gd name="connsiteX86" fmla="*/ 6222 w 10000"/>
                  <a:gd name="connsiteY86" fmla="*/ 4106 h 10000"/>
                  <a:gd name="connsiteX87" fmla="*/ 6014 w 10000"/>
                  <a:gd name="connsiteY87" fmla="*/ 4195 h 10000"/>
                  <a:gd name="connsiteX88" fmla="*/ 6169 w 10000"/>
                  <a:gd name="connsiteY88" fmla="*/ 4417 h 10000"/>
                  <a:gd name="connsiteX89" fmla="*/ 6273 w 10000"/>
                  <a:gd name="connsiteY89" fmla="*/ 4623 h 10000"/>
                  <a:gd name="connsiteX90" fmla="*/ 6375 w 10000"/>
                  <a:gd name="connsiteY90" fmla="*/ 4845 h 10000"/>
                  <a:gd name="connsiteX91" fmla="*/ 6451 w 10000"/>
                  <a:gd name="connsiteY91" fmla="*/ 5081 h 10000"/>
                  <a:gd name="connsiteX92" fmla="*/ 6504 w 10000"/>
                  <a:gd name="connsiteY92" fmla="*/ 5318 h 10000"/>
                  <a:gd name="connsiteX93" fmla="*/ 6530 w 10000"/>
                  <a:gd name="connsiteY93" fmla="*/ 5539 h 10000"/>
                  <a:gd name="connsiteX94" fmla="*/ 6554 w 10000"/>
                  <a:gd name="connsiteY94" fmla="*/ 5775 h 10000"/>
                  <a:gd name="connsiteX95" fmla="*/ 6554 w 10000"/>
                  <a:gd name="connsiteY95" fmla="*/ 5997 h 10000"/>
                  <a:gd name="connsiteX96" fmla="*/ 6530 w 10000"/>
                  <a:gd name="connsiteY96" fmla="*/ 6233 h 10000"/>
                  <a:gd name="connsiteX97" fmla="*/ 6478 w 10000"/>
                  <a:gd name="connsiteY97" fmla="*/ 6470 h 10000"/>
                  <a:gd name="connsiteX98" fmla="*/ 6427 w 10000"/>
                  <a:gd name="connsiteY98" fmla="*/ 6677 h 10000"/>
                  <a:gd name="connsiteX99" fmla="*/ 6350 w 10000"/>
                  <a:gd name="connsiteY99" fmla="*/ 6898 h 10000"/>
                  <a:gd name="connsiteX100" fmla="*/ 6247 w 10000"/>
                  <a:gd name="connsiteY100" fmla="*/ 7105 h 10000"/>
                  <a:gd name="connsiteX101" fmla="*/ 6119 w 10000"/>
                  <a:gd name="connsiteY101" fmla="*/ 7297 h 10000"/>
                  <a:gd name="connsiteX102" fmla="*/ 5964 w 10000"/>
                  <a:gd name="connsiteY102" fmla="*/ 7489 h 10000"/>
                  <a:gd name="connsiteX103" fmla="*/ 5809 w 10000"/>
                  <a:gd name="connsiteY103" fmla="*/ 7681 h 10000"/>
                  <a:gd name="connsiteX104" fmla="*/ 6554 w 10000"/>
                  <a:gd name="connsiteY104" fmla="*/ 7799 h 10000"/>
                  <a:gd name="connsiteX105" fmla="*/ 7327 w 10000"/>
                  <a:gd name="connsiteY105" fmla="*/ 7962 h 10000"/>
                  <a:gd name="connsiteX106" fmla="*/ 7480 w 10000"/>
                  <a:gd name="connsiteY106" fmla="*/ 8021 h 10000"/>
                  <a:gd name="connsiteX107" fmla="*/ 7609 w 10000"/>
                  <a:gd name="connsiteY107" fmla="*/ 8080 h 10000"/>
                  <a:gd name="connsiteX108" fmla="*/ 7737 w 10000"/>
                  <a:gd name="connsiteY108" fmla="*/ 8139 h 10000"/>
                  <a:gd name="connsiteX109" fmla="*/ 7815 w 10000"/>
                  <a:gd name="connsiteY109" fmla="*/ 8227 h 10000"/>
                  <a:gd name="connsiteX110" fmla="*/ 7841 w 10000"/>
                  <a:gd name="connsiteY110" fmla="*/ 8301 h 10000"/>
                  <a:gd name="connsiteX111" fmla="*/ 7841 w 10000"/>
                  <a:gd name="connsiteY111" fmla="*/ 8405 h 10000"/>
                  <a:gd name="connsiteX112" fmla="*/ 7790 w 10000"/>
                  <a:gd name="connsiteY112" fmla="*/ 8523 h 10000"/>
                  <a:gd name="connsiteX113" fmla="*/ 7712 w 10000"/>
                  <a:gd name="connsiteY113" fmla="*/ 8641 h 10000"/>
                  <a:gd name="connsiteX114" fmla="*/ 7378 w 10000"/>
                  <a:gd name="connsiteY114" fmla="*/ 8552 h 10000"/>
                  <a:gd name="connsiteX115" fmla="*/ 7069 w 10000"/>
                  <a:gd name="connsiteY115" fmla="*/ 8449 h 10000"/>
                  <a:gd name="connsiteX116" fmla="*/ 6760 w 10000"/>
                  <a:gd name="connsiteY116" fmla="*/ 8360 h 10000"/>
                  <a:gd name="connsiteX117" fmla="*/ 6451 w 10000"/>
                  <a:gd name="connsiteY117" fmla="*/ 8287 h 10000"/>
                  <a:gd name="connsiteX118" fmla="*/ 6323 w 10000"/>
                  <a:gd name="connsiteY118" fmla="*/ 8449 h 10000"/>
                  <a:gd name="connsiteX119" fmla="*/ 6222 w 10000"/>
                  <a:gd name="connsiteY119" fmla="*/ 8597 h 10000"/>
                  <a:gd name="connsiteX120" fmla="*/ 6169 w 10000"/>
                  <a:gd name="connsiteY120" fmla="*/ 8656 h 10000"/>
                  <a:gd name="connsiteX121" fmla="*/ 6066 w 10000"/>
                  <a:gd name="connsiteY121" fmla="*/ 8700 h 10000"/>
                  <a:gd name="connsiteX122" fmla="*/ 5990 w 10000"/>
                  <a:gd name="connsiteY122" fmla="*/ 8744 h 10000"/>
                  <a:gd name="connsiteX123" fmla="*/ 5913 w 10000"/>
                  <a:gd name="connsiteY123" fmla="*/ 8774 h 10000"/>
                  <a:gd name="connsiteX124" fmla="*/ 5835 w 10000"/>
                  <a:gd name="connsiteY124" fmla="*/ 8804 h 10000"/>
                  <a:gd name="connsiteX125" fmla="*/ 5733 w 10000"/>
                  <a:gd name="connsiteY125" fmla="*/ 8818 h 10000"/>
                  <a:gd name="connsiteX126" fmla="*/ 5603 w 10000"/>
                  <a:gd name="connsiteY126" fmla="*/ 8833 h 10000"/>
                  <a:gd name="connsiteX127" fmla="*/ 5476 w 10000"/>
                  <a:gd name="connsiteY127" fmla="*/ 8833 h 10000"/>
                  <a:gd name="connsiteX128" fmla="*/ 5168 w 10000"/>
                  <a:gd name="connsiteY128" fmla="*/ 8818 h 10000"/>
                  <a:gd name="connsiteX129" fmla="*/ 4781 w 10000"/>
                  <a:gd name="connsiteY129" fmla="*/ 8744 h 10000"/>
                  <a:gd name="connsiteX130" fmla="*/ 4781 w 10000"/>
                  <a:gd name="connsiteY130" fmla="*/ 8922 h 10000"/>
                  <a:gd name="connsiteX131" fmla="*/ 4755 w 10000"/>
                  <a:gd name="connsiteY131" fmla="*/ 9069 h 10000"/>
                  <a:gd name="connsiteX132" fmla="*/ 4731 w 10000"/>
                  <a:gd name="connsiteY132" fmla="*/ 9232 h 10000"/>
                  <a:gd name="connsiteX133" fmla="*/ 4704 w 10000"/>
                  <a:gd name="connsiteY133" fmla="*/ 9365 h 10000"/>
                  <a:gd name="connsiteX134" fmla="*/ 4652 w 10000"/>
                  <a:gd name="connsiteY134" fmla="*/ 9498 h 10000"/>
                  <a:gd name="connsiteX135" fmla="*/ 4551 w 10000"/>
                  <a:gd name="connsiteY135" fmla="*/ 9616 h 10000"/>
                  <a:gd name="connsiteX136" fmla="*/ 4473 w 10000"/>
                  <a:gd name="connsiteY136" fmla="*/ 9734 h 10000"/>
                  <a:gd name="connsiteX137" fmla="*/ 4344 w 10000"/>
                  <a:gd name="connsiteY137" fmla="*/ 9838 h 10000"/>
                  <a:gd name="connsiteX138" fmla="*/ 4034 w 10000"/>
                  <a:gd name="connsiteY138" fmla="*/ 9897 h 10000"/>
                  <a:gd name="connsiteX139" fmla="*/ 3779 w 10000"/>
                  <a:gd name="connsiteY139" fmla="*/ 9941 h 10000"/>
                  <a:gd name="connsiteX140" fmla="*/ 3470 w 10000"/>
                  <a:gd name="connsiteY140" fmla="*/ 9985 h 10000"/>
                  <a:gd name="connsiteX141" fmla="*/ 3239 w 10000"/>
                  <a:gd name="connsiteY141" fmla="*/ 10000 h 10000"/>
                  <a:gd name="connsiteX142" fmla="*/ 2725 w 10000"/>
                  <a:gd name="connsiteY142" fmla="*/ 10000 h 10000"/>
                  <a:gd name="connsiteX143" fmla="*/ 2236 w 10000"/>
                  <a:gd name="connsiteY143" fmla="*/ 9985 h 10000"/>
                  <a:gd name="connsiteX144" fmla="*/ 1775 w 10000"/>
                  <a:gd name="connsiteY144" fmla="*/ 9941 h 10000"/>
                  <a:gd name="connsiteX145" fmla="*/ 1286 w 10000"/>
                  <a:gd name="connsiteY145" fmla="*/ 9911 h 10000"/>
                  <a:gd name="connsiteX146" fmla="*/ 1003 w 10000"/>
                  <a:gd name="connsiteY146" fmla="*/ 9911 h 10000"/>
                  <a:gd name="connsiteX147" fmla="*/ 745 w 10000"/>
                  <a:gd name="connsiteY147" fmla="*/ 9911 h 10000"/>
                  <a:gd name="connsiteX148" fmla="*/ 463 w 10000"/>
                  <a:gd name="connsiteY148" fmla="*/ 9926 h 10000"/>
                  <a:gd name="connsiteX149" fmla="*/ 180 w 10000"/>
                  <a:gd name="connsiteY149" fmla="*/ 9970 h 10000"/>
                  <a:gd name="connsiteX150" fmla="*/ 103 w 10000"/>
                  <a:gd name="connsiteY150" fmla="*/ 9867 h 10000"/>
                  <a:gd name="connsiteX151" fmla="*/ 52 w 10000"/>
                  <a:gd name="connsiteY151" fmla="*/ 9793 h 10000"/>
                  <a:gd name="connsiteX152" fmla="*/ 0 w 10000"/>
                  <a:gd name="connsiteY152" fmla="*/ 9705 h 10000"/>
                  <a:gd name="connsiteX153" fmla="*/ 0 w 10000"/>
                  <a:gd name="connsiteY153" fmla="*/ 9601 h 10000"/>
                  <a:gd name="connsiteX154" fmla="*/ 52 w 10000"/>
                  <a:gd name="connsiteY154" fmla="*/ 9424 h 10000"/>
                  <a:gd name="connsiteX155" fmla="*/ 103 w 10000"/>
                  <a:gd name="connsiteY155" fmla="*/ 9202 h 10000"/>
                  <a:gd name="connsiteX156" fmla="*/ 153 w 10000"/>
                  <a:gd name="connsiteY156" fmla="*/ 8996 h 10000"/>
                  <a:gd name="connsiteX157" fmla="*/ 206 w 10000"/>
                  <a:gd name="connsiteY157" fmla="*/ 8759 h 10000"/>
                  <a:gd name="connsiteX158" fmla="*/ 231 w 10000"/>
                  <a:gd name="connsiteY158" fmla="*/ 8641 h 10000"/>
                  <a:gd name="connsiteX159" fmla="*/ 231 w 10000"/>
                  <a:gd name="connsiteY159" fmla="*/ 8538 h 10000"/>
                  <a:gd name="connsiteX160" fmla="*/ 206 w 10000"/>
                  <a:gd name="connsiteY160" fmla="*/ 8405 h 10000"/>
                  <a:gd name="connsiteX161" fmla="*/ 180 w 10000"/>
                  <a:gd name="connsiteY161" fmla="*/ 8287 h 10000"/>
                  <a:gd name="connsiteX162" fmla="*/ 437 w 10000"/>
                  <a:gd name="connsiteY162" fmla="*/ 8213 h 10000"/>
                  <a:gd name="connsiteX163" fmla="*/ 694 w 10000"/>
                  <a:gd name="connsiteY163" fmla="*/ 8139 h 10000"/>
                  <a:gd name="connsiteX164" fmla="*/ 951 w 10000"/>
                  <a:gd name="connsiteY164" fmla="*/ 8095 h 10000"/>
                  <a:gd name="connsiteX165" fmla="*/ 1234 w 10000"/>
                  <a:gd name="connsiteY165" fmla="*/ 8065 h 10000"/>
                  <a:gd name="connsiteX166" fmla="*/ 1747 w 10000"/>
                  <a:gd name="connsiteY166" fmla="*/ 8021 h 10000"/>
                  <a:gd name="connsiteX167" fmla="*/ 2263 w 10000"/>
                  <a:gd name="connsiteY167" fmla="*/ 7976 h 10000"/>
                  <a:gd name="connsiteX168" fmla="*/ 2494 w 10000"/>
                  <a:gd name="connsiteY168" fmla="*/ 7947 h 10000"/>
                  <a:gd name="connsiteX169" fmla="*/ 2725 w 10000"/>
                  <a:gd name="connsiteY169" fmla="*/ 7917 h 10000"/>
                  <a:gd name="connsiteX170" fmla="*/ 2929 w 10000"/>
                  <a:gd name="connsiteY170" fmla="*/ 7843 h 10000"/>
                  <a:gd name="connsiteX171" fmla="*/ 3136 w 10000"/>
                  <a:gd name="connsiteY171" fmla="*/ 7784 h 10000"/>
                  <a:gd name="connsiteX172" fmla="*/ 3316 w 10000"/>
                  <a:gd name="connsiteY172" fmla="*/ 7710 h 10000"/>
                  <a:gd name="connsiteX173" fmla="*/ 3470 w 10000"/>
                  <a:gd name="connsiteY173" fmla="*/ 7592 h 10000"/>
                  <a:gd name="connsiteX174" fmla="*/ 3625 w 10000"/>
                  <a:gd name="connsiteY174" fmla="*/ 7474 h 10000"/>
                  <a:gd name="connsiteX175" fmla="*/ 3727 w 10000"/>
                  <a:gd name="connsiteY175" fmla="*/ 7312 h 10000"/>
                  <a:gd name="connsiteX176" fmla="*/ 3522 w 10000"/>
                  <a:gd name="connsiteY176" fmla="*/ 7238 h 10000"/>
                  <a:gd name="connsiteX177" fmla="*/ 3341 w 10000"/>
                  <a:gd name="connsiteY177" fmla="*/ 7179 h 10000"/>
                  <a:gd name="connsiteX178" fmla="*/ 3187 w 10000"/>
                  <a:gd name="connsiteY178" fmla="*/ 7090 h 10000"/>
                  <a:gd name="connsiteX179" fmla="*/ 3034 w 10000"/>
                  <a:gd name="connsiteY179" fmla="*/ 6987 h 10000"/>
                  <a:gd name="connsiteX180" fmla="*/ 2929 w 10000"/>
                  <a:gd name="connsiteY180" fmla="*/ 6869 h 10000"/>
                  <a:gd name="connsiteX181" fmla="*/ 2880 w 10000"/>
                  <a:gd name="connsiteY181" fmla="*/ 6721 h 10000"/>
                  <a:gd name="connsiteX182" fmla="*/ 2853 w 10000"/>
                  <a:gd name="connsiteY182" fmla="*/ 6558 h 10000"/>
                  <a:gd name="connsiteX183" fmla="*/ 2880 w 10000"/>
                  <a:gd name="connsiteY183" fmla="*/ 6352 h 10000"/>
                  <a:gd name="connsiteX184" fmla="*/ 2751 w 10000"/>
                  <a:gd name="connsiteY184" fmla="*/ 6322 h 10000"/>
                  <a:gd name="connsiteX185" fmla="*/ 2597 w 10000"/>
                  <a:gd name="connsiteY185" fmla="*/ 6292 h 10000"/>
                  <a:gd name="connsiteX186" fmla="*/ 2417 w 10000"/>
                  <a:gd name="connsiteY186" fmla="*/ 6278 h 10000"/>
                  <a:gd name="connsiteX187" fmla="*/ 2236 w 10000"/>
                  <a:gd name="connsiteY187" fmla="*/ 6263 h 10000"/>
                  <a:gd name="connsiteX188" fmla="*/ 1877 w 10000"/>
                  <a:gd name="connsiteY188" fmla="*/ 6248 h 10000"/>
                  <a:gd name="connsiteX189" fmla="*/ 1491 w 10000"/>
                  <a:gd name="connsiteY189" fmla="*/ 6263 h 10000"/>
                  <a:gd name="connsiteX190" fmla="*/ 1158 w 10000"/>
                  <a:gd name="connsiteY190" fmla="*/ 6278 h 10000"/>
                  <a:gd name="connsiteX191" fmla="*/ 848 w 10000"/>
                  <a:gd name="connsiteY191" fmla="*/ 6278 h 10000"/>
                  <a:gd name="connsiteX192" fmla="*/ 593 w 10000"/>
                  <a:gd name="connsiteY192" fmla="*/ 6263 h 10000"/>
                  <a:gd name="connsiteX193" fmla="*/ 386 w 10000"/>
                  <a:gd name="connsiteY193" fmla="*/ 6233 h 10000"/>
                  <a:gd name="connsiteX194" fmla="*/ 641 w 10000"/>
                  <a:gd name="connsiteY194" fmla="*/ 5805 h 10000"/>
                  <a:gd name="connsiteX195" fmla="*/ 926 w 10000"/>
                  <a:gd name="connsiteY195" fmla="*/ 5391 h 10000"/>
                  <a:gd name="connsiteX196" fmla="*/ 1029 w 10000"/>
                  <a:gd name="connsiteY196" fmla="*/ 5170 h 10000"/>
                  <a:gd name="connsiteX197" fmla="*/ 1105 w 10000"/>
                  <a:gd name="connsiteY197" fmla="*/ 4963 h 10000"/>
                  <a:gd name="connsiteX198" fmla="*/ 1130 w 10000"/>
                  <a:gd name="connsiteY198" fmla="*/ 4860 h 10000"/>
                  <a:gd name="connsiteX199" fmla="*/ 1105 w 10000"/>
                  <a:gd name="connsiteY199" fmla="*/ 4756 h 10000"/>
                  <a:gd name="connsiteX200" fmla="*/ 1080 w 10000"/>
                  <a:gd name="connsiteY200" fmla="*/ 4653 h 10000"/>
                  <a:gd name="connsiteX201" fmla="*/ 1003 w 10000"/>
                  <a:gd name="connsiteY201" fmla="*/ 4549 h 10000"/>
                  <a:gd name="connsiteX202" fmla="*/ 1286 w 10000"/>
                  <a:gd name="connsiteY202" fmla="*/ 4520 h 10000"/>
                  <a:gd name="connsiteX203" fmla="*/ 1491 w 10000"/>
                  <a:gd name="connsiteY203" fmla="*/ 4505 h 10000"/>
                  <a:gd name="connsiteX204" fmla="*/ 1671 w 10000"/>
                  <a:gd name="connsiteY204" fmla="*/ 4505 h 10000"/>
                  <a:gd name="connsiteX205" fmla="*/ 1825 w 10000"/>
                  <a:gd name="connsiteY205" fmla="*/ 4520 h 10000"/>
                  <a:gd name="connsiteX206" fmla="*/ 1954 w 10000"/>
                  <a:gd name="connsiteY206" fmla="*/ 4520 h 10000"/>
                  <a:gd name="connsiteX207" fmla="*/ 2108 w 10000"/>
                  <a:gd name="connsiteY207" fmla="*/ 4520 h 10000"/>
                  <a:gd name="connsiteX208" fmla="*/ 2263 w 10000"/>
                  <a:gd name="connsiteY208" fmla="*/ 4490 h 10000"/>
                  <a:gd name="connsiteX209" fmla="*/ 2467 w 10000"/>
                  <a:gd name="connsiteY209" fmla="*/ 4446 h 10000"/>
                  <a:gd name="connsiteX210" fmla="*/ 2467 w 10000"/>
                  <a:gd name="connsiteY210" fmla="*/ 4579 h 10000"/>
                  <a:gd name="connsiteX211" fmla="*/ 2467 w 10000"/>
                  <a:gd name="connsiteY211" fmla="*/ 4742 h 10000"/>
                  <a:gd name="connsiteX212" fmla="*/ 2467 w 10000"/>
                  <a:gd name="connsiteY212" fmla="*/ 4874 h 10000"/>
                  <a:gd name="connsiteX213" fmla="*/ 2467 w 10000"/>
                  <a:gd name="connsiteY213" fmla="*/ 5037 h 10000"/>
                  <a:gd name="connsiteX214" fmla="*/ 2699 w 10000"/>
                  <a:gd name="connsiteY214" fmla="*/ 5022 h 10000"/>
                  <a:gd name="connsiteX215" fmla="*/ 2853 w 10000"/>
                  <a:gd name="connsiteY215" fmla="*/ 5037 h 10000"/>
                  <a:gd name="connsiteX216" fmla="*/ 2982 w 10000"/>
                  <a:gd name="connsiteY216" fmla="*/ 5066 h 10000"/>
                  <a:gd name="connsiteX217" fmla="*/ 3111 w 10000"/>
                  <a:gd name="connsiteY217" fmla="*/ 5096 h 10000"/>
                  <a:gd name="connsiteX218" fmla="*/ 3214 w 10000"/>
                  <a:gd name="connsiteY218" fmla="*/ 5126 h 10000"/>
                  <a:gd name="connsiteX219" fmla="*/ 3341 w 10000"/>
                  <a:gd name="connsiteY219" fmla="*/ 5155 h 10000"/>
                  <a:gd name="connsiteX220" fmla="*/ 3496 w 10000"/>
                  <a:gd name="connsiteY220" fmla="*/ 5170 h 10000"/>
                  <a:gd name="connsiteX221" fmla="*/ 3727 w 10000"/>
                  <a:gd name="connsiteY221" fmla="*/ 5155 h 10000"/>
                  <a:gd name="connsiteX222" fmla="*/ 3805 w 10000"/>
                  <a:gd name="connsiteY222" fmla="*/ 5096 h 10000"/>
                  <a:gd name="connsiteX223" fmla="*/ 3881 w 10000"/>
                  <a:gd name="connsiteY223" fmla="*/ 5022 h 10000"/>
                  <a:gd name="connsiteX224" fmla="*/ 3907 w 10000"/>
                  <a:gd name="connsiteY224" fmla="*/ 4934 h 10000"/>
                  <a:gd name="connsiteX225" fmla="*/ 3934 w 10000"/>
                  <a:gd name="connsiteY225" fmla="*/ 4860 h 10000"/>
                  <a:gd name="connsiteX226" fmla="*/ 3958 w 10000"/>
                  <a:gd name="connsiteY226" fmla="*/ 4697 h 10000"/>
                  <a:gd name="connsiteX227" fmla="*/ 3934 w 10000"/>
                  <a:gd name="connsiteY227" fmla="*/ 4520 h 10000"/>
                  <a:gd name="connsiteX228" fmla="*/ 3856 w 10000"/>
                  <a:gd name="connsiteY228" fmla="*/ 4343 h 10000"/>
                  <a:gd name="connsiteX229" fmla="*/ 3779 w 10000"/>
                  <a:gd name="connsiteY229" fmla="*/ 4195 h 10000"/>
                  <a:gd name="connsiteX230" fmla="*/ 3650 w 10000"/>
                  <a:gd name="connsiteY230" fmla="*/ 4047 h 10000"/>
                  <a:gd name="connsiteX231" fmla="*/ 3522 w 10000"/>
                  <a:gd name="connsiteY231" fmla="*/ 3959 h 10000"/>
                  <a:gd name="connsiteX232" fmla="*/ 3676 w 10000"/>
                  <a:gd name="connsiteY232" fmla="*/ 3944 h 10000"/>
                  <a:gd name="connsiteX233" fmla="*/ 3805 w 10000"/>
                  <a:gd name="connsiteY233" fmla="*/ 3914 h 10000"/>
                  <a:gd name="connsiteX234" fmla="*/ 3907 w 10000"/>
                  <a:gd name="connsiteY234" fmla="*/ 3855 h 10000"/>
                  <a:gd name="connsiteX235" fmla="*/ 4034 w 10000"/>
                  <a:gd name="connsiteY235" fmla="*/ 3752 h 10000"/>
                  <a:gd name="connsiteX236" fmla="*/ 4164 w 10000"/>
                  <a:gd name="connsiteY236" fmla="*/ 3663 h 10000"/>
                  <a:gd name="connsiteX237" fmla="*/ 4267 w 10000"/>
                  <a:gd name="connsiteY237" fmla="*/ 3560 h 10000"/>
                  <a:gd name="connsiteX238" fmla="*/ 4344 w 10000"/>
                  <a:gd name="connsiteY238" fmla="*/ 3442 h 10000"/>
                  <a:gd name="connsiteX239" fmla="*/ 4422 w 10000"/>
                  <a:gd name="connsiteY239" fmla="*/ 3323 h 10000"/>
                  <a:gd name="connsiteX240" fmla="*/ 4473 w 10000"/>
                  <a:gd name="connsiteY240" fmla="*/ 3220 h 10000"/>
                  <a:gd name="connsiteX241" fmla="*/ 4498 w 10000"/>
                  <a:gd name="connsiteY241" fmla="*/ 3102 h 10000"/>
                  <a:gd name="connsiteX242" fmla="*/ 4525 w 10000"/>
                  <a:gd name="connsiteY242" fmla="*/ 3013 h 10000"/>
                  <a:gd name="connsiteX243" fmla="*/ 4498 w 10000"/>
                  <a:gd name="connsiteY243" fmla="*/ 2939 h 10000"/>
                  <a:gd name="connsiteX244" fmla="*/ 4473 w 10000"/>
                  <a:gd name="connsiteY244" fmla="*/ 2866 h 10000"/>
                  <a:gd name="connsiteX245" fmla="*/ 4396 w 10000"/>
                  <a:gd name="connsiteY245" fmla="*/ 2836 h 10000"/>
                  <a:gd name="connsiteX246" fmla="*/ 4294 w 10000"/>
                  <a:gd name="connsiteY246" fmla="*/ 2836 h 10000"/>
                  <a:gd name="connsiteX247" fmla="*/ 4164 w 10000"/>
                  <a:gd name="connsiteY247" fmla="*/ 2866 h 10000"/>
                  <a:gd name="connsiteX248" fmla="*/ 4267 w 10000"/>
                  <a:gd name="connsiteY248" fmla="*/ 2777 h 10000"/>
                  <a:gd name="connsiteX249" fmla="*/ 4320 w 10000"/>
                  <a:gd name="connsiteY249" fmla="*/ 2674 h 10000"/>
                  <a:gd name="connsiteX250" fmla="*/ 4344 w 10000"/>
                  <a:gd name="connsiteY250" fmla="*/ 2541 h 10000"/>
                  <a:gd name="connsiteX251" fmla="*/ 4344 w 10000"/>
                  <a:gd name="connsiteY251" fmla="*/ 2393 h 10000"/>
                  <a:gd name="connsiteX252" fmla="*/ 4369 w 10000"/>
                  <a:gd name="connsiteY252" fmla="*/ 2349 h 10000"/>
                  <a:gd name="connsiteX253" fmla="*/ 4422 w 10000"/>
                  <a:gd name="connsiteY253" fmla="*/ 2304 h 10000"/>
                  <a:gd name="connsiteX254" fmla="*/ 4473 w 10000"/>
                  <a:gd name="connsiteY254" fmla="*/ 2290 h 10000"/>
                  <a:gd name="connsiteX255" fmla="*/ 4551 w 10000"/>
                  <a:gd name="connsiteY255" fmla="*/ 2275 h 10000"/>
                  <a:gd name="connsiteX256" fmla="*/ 4781 w 10000"/>
                  <a:gd name="connsiteY256" fmla="*/ 2260 h 10000"/>
                  <a:gd name="connsiteX257" fmla="*/ 4986 w 10000"/>
                  <a:gd name="connsiteY257" fmla="*/ 2275 h 10000"/>
                  <a:gd name="connsiteX258" fmla="*/ 4961 w 10000"/>
                  <a:gd name="connsiteY258" fmla="*/ 2112 h 10000"/>
                  <a:gd name="connsiteX259" fmla="*/ 4910 w 10000"/>
                  <a:gd name="connsiteY259" fmla="*/ 1950 h 10000"/>
                  <a:gd name="connsiteX260" fmla="*/ 4832 w 10000"/>
                  <a:gd name="connsiteY260" fmla="*/ 1802 h 10000"/>
                  <a:gd name="connsiteX261" fmla="*/ 4731 w 10000"/>
                  <a:gd name="connsiteY261" fmla="*/ 1640 h 10000"/>
                  <a:gd name="connsiteX262" fmla="*/ 4473 w 10000"/>
                  <a:gd name="connsiteY262" fmla="*/ 1329 h 10000"/>
                  <a:gd name="connsiteX263" fmla="*/ 4216 w 10000"/>
                  <a:gd name="connsiteY263" fmla="*/ 1034 h 10000"/>
                  <a:gd name="connsiteX264" fmla="*/ 4087 w 10000"/>
                  <a:gd name="connsiteY264" fmla="*/ 901 h 10000"/>
                  <a:gd name="connsiteX265" fmla="*/ 3986 w 10000"/>
                  <a:gd name="connsiteY265" fmla="*/ 753 h 10000"/>
                  <a:gd name="connsiteX266" fmla="*/ 3907 w 10000"/>
                  <a:gd name="connsiteY266" fmla="*/ 620 h 10000"/>
                  <a:gd name="connsiteX267" fmla="*/ 3881 w 10000"/>
                  <a:gd name="connsiteY267" fmla="*/ 487 h 10000"/>
                  <a:gd name="connsiteX268" fmla="*/ 3856 w 10000"/>
                  <a:gd name="connsiteY268" fmla="*/ 355 h 10000"/>
                  <a:gd name="connsiteX269" fmla="*/ 3907 w 10000"/>
                  <a:gd name="connsiteY269" fmla="*/ 222 h 10000"/>
                  <a:gd name="connsiteX270" fmla="*/ 3934 w 10000"/>
                  <a:gd name="connsiteY270" fmla="*/ 162 h 10000"/>
                  <a:gd name="connsiteX271" fmla="*/ 3986 w 10000"/>
                  <a:gd name="connsiteY271" fmla="*/ 103 h 10000"/>
                  <a:gd name="connsiteX272" fmla="*/ 4063 w 10000"/>
                  <a:gd name="connsiteY272" fmla="*/ 59 h 10000"/>
                  <a:gd name="connsiteX273" fmla="*/ 4164 w 10000"/>
                  <a:gd name="connsiteY273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8895 w 10000"/>
                  <a:gd name="connsiteY66" fmla="*/ 3516 h 10000"/>
                  <a:gd name="connsiteX67" fmla="*/ 9100 w 10000"/>
                  <a:gd name="connsiteY67" fmla="*/ 3412 h 10000"/>
                  <a:gd name="connsiteX68" fmla="*/ 9306 w 10000"/>
                  <a:gd name="connsiteY68" fmla="*/ 3338 h 10000"/>
                  <a:gd name="connsiteX69" fmla="*/ 9435 w 10000"/>
                  <a:gd name="connsiteY69" fmla="*/ 3235 h 10000"/>
                  <a:gd name="connsiteX70" fmla="*/ 9536 w 10000"/>
                  <a:gd name="connsiteY70" fmla="*/ 3117 h 10000"/>
                  <a:gd name="connsiteX71" fmla="*/ 9563 w 10000"/>
                  <a:gd name="connsiteY71" fmla="*/ 3072 h 10000"/>
                  <a:gd name="connsiteX72" fmla="*/ 9588 w 10000"/>
                  <a:gd name="connsiteY72" fmla="*/ 3013 h 10000"/>
                  <a:gd name="connsiteX73" fmla="*/ 9588 w 10000"/>
                  <a:gd name="connsiteY73" fmla="*/ 2954 h 10000"/>
                  <a:gd name="connsiteX74" fmla="*/ 9563 w 10000"/>
                  <a:gd name="connsiteY74" fmla="*/ 2866 h 10000"/>
                  <a:gd name="connsiteX75" fmla="*/ 9383 w 10000"/>
                  <a:gd name="connsiteY75" fmla="*/ 2984 h 10000"/>
                  <a:gd name="connsiteX76" fmla="*/ 9178 w 10000"/>
                  <a:gd name="connsiteY76" fmla="*/ 3072 h 10000"/>
                  <a:gd name="connsiteX77" fmla="*/ 8971 w 10000"/>
                  <a:gd name="connsiteY77" fmla="*/ 3161 h 10000"/>
                  <a:gd name="connsiteX78" fmla="*/ 8766 w 10000"/>
                  <a:gd name="connsiteY78" fmla="*/ 3250 h 10000"/>
                  <a:gd name="connsiteX79" fmla="*/ 8302 w 10000"/>
                  <a:gd name="connsiteY79" fmla="*/ 3397 h 10000"/>
                  <a:gd name="connsiteX80" fmla="*/ 7815 w 10000"/>
                  <a:gd name="connsiteY80" fmla="*/ 3545 h 10000"/>
                  <a:gd name="connsiteX81" fmla="*/ 7327 w 10000"/>
                  <a:gd name="connsiteY81" fmla="*/ 3678 h 10000"/>
                  <a:gd name="connsiteX82" fmla="*/ 6863 w 10000"/>
                  <a:gd name="connsiteY82" fmla="*/ 3840 h 10000"/>
                  <a:gd name="connsiteX83" fmla="*/ 6632 w 10000"/>
                  <a:gd name="connsiteY83" fmla="*/ 3914 h 10000"/>
                  <a:gd name="connsiteX84" fmla="*/ 6427 w 10000"/>
                  <a:gd name="connsiteY84" fmla="*/ 4003 h 10000"/>
                  <a:gd name="connsiteX85" fmla="*/ 6222 w 10000"/>
                  <a:gd name="connsiteY85" fmla="*/ 4106 h 10000"/>
                  <a:gd name="connsiteX86" fmla="*/ 6014 w 10000"/>
                  <a:gd name="connsiteY86" fmla="*/ 4195 h 10000"/>
                  <a:gd name="connsiteX87" fmla="*/ 6169 w 10000"/>
                  <a:gd name="connsiteY87" fmla="*/ 4417 h 10000"/>
                  <a:gd name="connsiteX88" fmla="*/ 6273 w 10000"/>
                  <a:gd name="connsiteY88" fmla="*/ 4623 h 10000"/>
                  <a:gd name="connsiteX89" fmla="*/ 6375 w 10000"/>
                  <a:gd name="connsiteY89" fmla="*/ 4845 h 10000"/>
                  <a:gd name="connsiteX90" fmla="*/ 6451 w 10000"/>
                  <a:gd name="connsiteY90" fmla="*/ 5081 h 10000"/>
                  <a:gd name="connsiteX91" fmla="*/ 6504 w 10000"/>
                  <a:gd name="connsiteY91" fmla="*/ 5318 h 10000"/>
                  <a:gd name="connsiteX92" fmla="*/ 6530 w 10000"/>
                  <a:gd name="connsiteY92" fmla="*/ 5539 h 10000"/>
                  <a:gd name="connsiteX93" fmla="*/ 6554 w 10000"/>
                  <a:gd name="connsiteY93" fmla="*/ 5775 h 10000"/>
                  <a:gd name="connsiteX94" fmla="*/ 6554 w 10000"/>
                  <a:gd name="connsiteY94" fmla="*/ 5997 h 10000"/>
                  <a:gd name="connsiteX95" fmla="*/ 6530 w 10000"/>
                  <a:gd name="connsiteY95" fmla="*/ 6233 h 10000"/>
                  <a:gd name="connsiteX96" fmla="*/ 6478 w 10000"/>
                  <a:gd name="connsiteY96" fmla="*/ 6470 h 10000"/>
                  <a:gd name="connsiteX97" fmla="*/ 6427 w 10000"/>
                  <a:gd name="connsiteY97" fmla="*/ 6677 h 10000"/>
                  <a:gd name="connsiteX98" fmla="*/ 6350 w 10000"/>
                  <a:gd name="connsiteY98" fmla="*/ 6898 h 10000"/>
                  <a:gd name="connsiteX99" fmla="*/ 6247 w 10000"/>
                  <a:gd name="connsiteY99" fmla="*/ 7105 h 10000"/>
                  <a:gd name="connsiteX100" fmla="*/ 6119 w 10000"/>
                  <a:gd name="connsiteY100" fmla="*/ 7297 h 10000"/>
                  <a:gd name="connsiteX101" fmla="*/ 5964 w 10000"/>
                  <a:gd name="connsiteY101" fmla="*/ 7489 h 10000"/>
                  <a:gd name="connsiteX102" fmla="*/ 5809 w 10000"/>
                  <a:gd name="connsiteY102" fmla="*/ 7681 h 10000"/>
                  <a:gd name="connsiteX103" fmla="*/ 6554 w 10000"/>
                  <a:gd name="connsiteY103" fmla="*/ 7799 h 10000"/>
                  <a:gd name="connsiteX104" fmla="*/ 7327 w 10000"/>
                  <a:gd name="connsiteY104" fmla="*/ 7962 h 10000"/>
                  <a:gd name="connsiteX105" fmla="*/ 7480 w 10000"/>
                  <a:gd name="connsiteY105" fmla="*/ 8021 h 10000"/>
                  <a:gd name="connsiteX106" fmla="*/ 7609 w 10000"/>
                  <a:gd name="connsiteY106" fmla="*/ 8080 h 10000"/>
                  <a:gd name="connsiteX107" fmla="*/ 7737 w 10000"/>
                  <a:gd name="connsiteY107" fmla="*/ 8139 h 10000"/>
                  <a:gd name="connsiteX108" fmla="*/ 7815 w 10000"/>
                  <a:gd name="connsiteY108" fmla="*/ 8227 h 10000"/>
                  <a:gd name="connsiteX109" fmla="*/ 7841 w 10000"/>
                  <a:gd name="connsiteY109" fmla="*/ 8301 h 10000"/>
                  <a:gd name="connsiteX110" fmla="*/ 7841 w 10000"/>
                  <a:gd name="connsiteY110" fmla="*/ 8405 h 10000"/>
                  <a:gd name="connsiteX111" fmla="*/ 7790 w 10000"/>
                  <a:gd name="connsiteY111" fmla="*/ 8523 h 10000"/>
                  <a:gd name="connsiteX112" fmla="*/ 7712 w 10000"/>
                  <a:gd name="connsiteY112" fmla="*/ 8641 h 10000"/>
                  <a:gd name="connsiteX113" fmla="*/ 7378 w 10000"/>
                  <a:gd name="connsiteY113" fmla="*/ 8552 h 10000"/>
                  <a:gd name="connsiteX114" fmla="*/ 7069 w 10000"/>
                  <a:gd name="connsiteY114" fmla="*/ 8449 h 10000"/>
                  <a:gd name="connsiteX115" fmla="*/ 6760 w 10000"/>
                  <a:gd name="connsiteY115" fmla="*/ 8360 h 10000"/>
                  <a:gd name="connsiteX116" fmla="*/ 6451 w 10000"/>
                  <a:gd name="connsiteY116" fmla="*/ 8287 h 10000"/>
                  <a:gd name="connsiteX117" fmla="*/ 6323 w 10000"/>
                  <a:gd name="connsiteY117" fmla="*/ 8449 h 10000"/>
                  <a:gd name="connsiteX118" fmla="*/ 6222 w 10000"/>
                  <a:gd name="connsiteY118" fmla="*/ 8597 h 10000"/>
                  <a:gd name="connsiteX119" fmla="*/ 6169 w 10000"/>
                  <a:gd name="connsiteY119" fmla="*/ 8656 h 10000"/>
                  <a:gd name="connsiteX120" fmla="*/ 6066 w 10000"/>
                  <a:gd name="connsiteY120" fmla="*/ 8700 h 10000"/>
                  <a:gd name="connsiteX121" fmla="*/ 5990 w 10000"/>
                  <a:gd name="connsiteY121" fmla="*/ 8744 h 10000"/>
                  <a:gd name="connsiteX122" fmla="*/ 5913 w 10000"/>
                  <a:gd name="connsiteY122" fmla="*/ 8774 h 10000"/>
                  <a:gd name="connsiteX123" fmla="*/ 5835 w 10000"/>
                  <a:gd name="connsiteY123" fmla="*/ 8804 h 10000"/>
                  <a:gd name="connsiteX124" fmla="*/ 5733 w 10000"/>
                  <a:gd name="connsiteY124" fmla="*/ 8818 h 10000"/>
                  <a:gd name="connsiteX125" fmla="*/ 5603 w 10000"/>
                  <a:gd name="connsiteY125" fmla="*/ 8833 h 10000"/>
                  <a:gd name="connsiteX126" fmla="*/ 5476 w 10000"/>
                  <a:gd name="connsiteY126" fmla="*/ 8833 h 10000"/>
                  <a:gd name="connsiteX127" fmla="*/ 5168 w 10000"/>
                  <a:gd name="connsiteY127" fmla="*/ 8818 h 10000"/>
                  <a:gd name="connsiteX128" fmla="*/ 4781 w 10000"/>
                  <a:gd name="connsiteY128" fmla="*/ 8744 h 10000"/>
                  <a:gd name="connsiteX129" fmla="*/ 4781 w 10000"/>
                  <a:gd name="connsiteY129" fmla="*/ 8922 h 10000"/>
                  <a:gd name="connsiteX130" fmla="*/ 4755 w 10000"/>
                  <a:gd name="connsiteY130" fmla="*/ 9069 h 10000"/>
                  <a:gd name="connsiteX131" fmla="*/ 4731 w 10000"/>
                  <a:gd name="connsiteY131" fmla="*/ 9232 h 10000"/>
                  <a:gd name="connsiteX132" fmla="*/ 4704 w 10000"/>
                  <a:gd name="connsiteY132" fmla="*/ 9365 h 10000"/>
                  <a:gd name="connsiteX133" fmla="*/ 4652 w 10000"/>
                  <a:gd name="connsiteY133" fmla="*/ 9498 h 10000"/>
                  <a:gd name="connsiteX134" fmla="*/ 4551 w 10000"/>
                  <a:gd name="connsiteY134" fmla="*/ 9616 h 10000"/>
                  <a:gd name="connsiteX135" fmla="*/ 4473 w 10000"/>
                  <a:gd name="connsiteY135" fmla="*/ 9734 h 10000"/>
                  <a:gd name="connsiteX136" fmla="*/ 4344 w 10000"/>
                  <a:gd name="connsiteY136" fmla="*/ 9838 h 10000"/>
                  <a:gd name="connsiteX137" fmla="*/ 4034 w 10000"/>
                  <a:gd name="connsiteY137" fmla="*/ 9897 h 10000"/>
                  <a:gd name="connsiteX138" fmla="*/ 3779 w 10000"/>
                  <a:gd name="connsiteY138" fmla="*/ 9941 h 10000"/>
                  <a:gd name="connsiteX139" fmla="*/ 3470 w 10000"/>
                  <a:gd name="connsiteY139" fmla="*/ 9985 h 10000"/>
                  <a:gd name="connsiteX140" fmla="*/ 3239 w 10000"/>
                  <a:gd name="connsiteY140" fmla="*/ 10000 h 10000"/>
                  <a:gd name="connsiteX141" fmla="*/ 2725 w 10000"/>
                  <a:gd name="connsiteY141" fmla="*/ 10000 h 10000"/>
                  <a:gd name="connsiteX142" fmla="*/ 2236 w 10000"/>
                  <a:gd name="connsiteY142" fmla="*/ 9985 h 10000"/>
                  <a:gd name="connsiteX143" fmla="*/ 1775 w 10000"/>
                  <a:gd name="connsiteY143" fmla="*/ 9941 h 10000"/>
                  <a:gd name="connsiteX144" fmla="*/ 1286 w 10000"/>
                  <a:gd name="connsiteY144" fmla="*/ 9911 h 10000"/>
                  <a:gd name="connsiteX145" fmla="*/ 1003 w 10000"/>
                  <a:gd name="connsiteY145" fmla="*/ 9911 h 10000"/>
                  <a:gd name="connsiteX146" fmla="*/ 745 w 10000"/>
                  <a:gd name="connsiteY146" fmla="*/ 9911 h 10000"/>
                  <a:gd name="connsiteX147" fmla="*/ 463 w 10000"/>
                  <a:gd name="connsiteY147" fmla="*/ 9926 h 10000"/>
                  <a:gd name="connsiteX148" fmla="*/ 180 w 10000"/>
                  <a:gd name="connsiteY148" fmla="*/ 9970 h 10000"/>
                  <a:gd name="connsiteX149" fmla="*/ 103 w 10000"/>
                  <a:gd name="connsiteY149" fmla="*/ 9867 h 10000"/>
                  <a:gd name="connsiteX150" fmla="*/ 52 w 10000"/>
                  <a:gd name="connsiteY150" fmla="*/ 9793 h 10000"/>
                  <a:gd name="connsiteX151" fmla="*/ 0 w 10000"/>
                  <a:gd name="connsiteY151" fmla="*/ 9705 h 10000"/>
                  <a:gd name="connsiteX152" fmla="*/ 0 w 10000"/>
                  <a:gd name="connsiteY152" fmla="*/ 9601 h 10000"/>
                  <a:gd name="connsiteX153" fmla="*/ 52 w 10000"/>
                  <a:gd name="connsiteY153" fmla="*/ 9424 h 10000"/>
                  <a:gd name="connsiteX154" fmla="*/ 103 w 10000"/>
                  <a:gd name="connsiteY154" fmla="*/ 9202 h 10000"/>
                  <a:gd name="connsiteX155" fmla="*/ 153 w 10000"/>
                  <a:gd name="connsiteY155" fmla="*/ 8996 h 10000"/>
                  <a:gd name="connsiteX156" fmla="*/ 206 w 10000"/>
                  <a:gd name="connsiteY156" fmla="*/ 8759 h 10000"/>
                  <a:gd name="connsiteX157" fmla="*/ 231 w 10000"/>
                  <a:gd name="connsiteY157" fmla="*/ 8641 h 10000"/>
                  <a:gd name="connsiteX158" fmla="*/ 231 w 10000"/>
                  <a:gd name="connsiteY158" fmla="*/ 8538 h 10000"/>
                  <a:gd name="connsiteX159" fmla="*/ 206 w 10000"/>
                  <a:gd name="connsiteY159" fmla="*/ 8405 h 10000"/>
                  <a:gd name="connsiteX160" fmla="*/ 180 w 10000"/>
                  <a:gd name="connsiteY160" fmla="*/ 8287 h 10000"/>
                  <a:gd name="connsiteX161" fmla="*/ 437 w 10000"/>
                  <a:gd name="connsiteY161" fmla="*/ 8213 h 10000"/>
                  <a:gd name="connsiteX162" fmla="*/ 694 w 10000"/>
                  <a:gd name="connsiteY162" fmla="*/ 8139 h 10000"/>
                  <a:gd name="connsiteX163" fmla="*/ 951 w 10000"/>
                  <a:gd name="connsiteY163" fmla="*/ 8095 h 10000"/>
                  <a:gd name="connsiteX164" fmla="*/ 1234 w 10000"/>
                  <a:gd name="connsiteY164" fmla="*/ 8065 h 10000"/>
                  <a:gd name="connsiteX165" fmla="*/ 1747 w 10000"/>
                  <a:gd name="connsiteY165" fmla="*/ 8021 h 10000"/>
                  <a:gd name="connsiteX166" fmla="*/ 2263 w 10000"/>
                  <a:gd name="connsiteY166" fmla="*/ 7976 h 10000"/>
                  <a:gd name="connsiteX167" fmla="*/ 2494 w 10000"/>
                  <a:gd name="connsiteY167" fmla="*/ 7947 h 10000"/>
                  <a:gd name="connsiteX168" fmla="*/ 2725 w 10000"/>
                  <a:gd name="connsiteY168" fmla="*/ 7917 h 10000"/>
                  <a:gd name="connsiteX169" fmla="*/ 2929 w 10000"/>
                  <a:gd name="connsiteY169" fmla="*/ 7843 h 10000"/>
                  <a:gd name="connsiteX170" fmla="*/ 3136 w 10000"/>
                  <a:gd name="connsiteY170" fmla="*/ 7784 h 10000"/>
                  <a:gd name="connsiteX171" fmla="*/ 3316 w 10000"/>
                  <a:gd name="connsiteY171" fmla="*/ 7710 h 10000"/>
                  <a:gd name="connsiteX172" fmla="*/ 3470 w 10000"/>
                  <a:gd name="connsiteY172" fmla="*/ 7592 h 10000"/>
                  <a:gd name="connsiteX173" fmla="*/ 3625 w 10000"/>
                  <a:gd name="connsiteY173" fmla="*/ 7474 h 10000"/>
                  <a:gd name="connsiteX174" fmla="*/ 3727 w 10000"/>
                  <a:gd name="connsiteY174" fmla="*/ 7312 h 10000"/>
                  <a:gd name="connsiteX175" fmla="*/ 3522 w 10000"/>
                  <a:gd name="connsiteY175" fmla="*/ 7238 h 10000"/>
                  <a:gd name="connsiteX176" fmla="*/ 3341 w 10000"/>
                  <a:gd name="connsiteY176" fmla="*/ 7179 h 10000"/>
                  <a:gd name="connsiteX177" fmla="*/ 3187 w 10000"/>
                  <a:gd name="connsiteY177" fmla="*/ 7090 h 10000"/>
                  <a:gd name="connsiteX178" fmla="*/ 3034 w 10000"/>
                  <a:gd name="connsiteY178" fmla="*/ 6987 h 10000"/>
                  <a:gd name="connsiteX179" fmla="*/ 2929 w 10000"/>
                  <a:gd name="connsiteY179" fmla="*/ 6869 h 10000"/>
                  <a:gd name="connsiteX180" fmla="*/ 2880 w 10000"/>
                  <a:gd name="connsiteY180" fmla="*/ 6721 h 10000"/>
                  <a:gd name="connsiteX181" fmla="*/ 2853 w 10000"/>
                  <a:gd name="connsiteY181" fmla="*/ 6558 h 10000"/>
                  <a:gd name="connsiteX182" fmla="*/ 2880 w 10000"/>
                  <a:gd name="connsiteY182" fmla="*/ 6352 h 10000"/>
                  <a:gd name="connsiteX183" fmla="*/ 2751 w 10000"/>
                  <a:gd name="connsiteY183" fmla="*/ 6322 h 10000"/>
                  <a:gd name="connsiteX184" fmla="*/ 2597 w 10000"/>
                  <a:gd name="connsiteY184" fmla="*/ 6292 h 10000"/>
                  <a:gd name="connsiteX185" fmla="*/ 2417 w 10000"/>
                  <a:gd name="connsiteY185" fmla="*/ 6278 h 10000"/>
                  <a:gd name="connsiteX186" fmla="*/ 2236 w 10000"/>
                  <a:gd name="connsiteY186" fmla="*/ 6263 h 10000"/>
                  <a:gd name="connsiteX187" fmla="*/ 1877 w 10000"/>
                  <a:gd name="connsiteY187" fmla="*/ 6248 h 10000"/>
                  <a:gd name="connsiteX188" fmla="*/ 1491 w 10000"/>
                  <a:gd name="connsiteY188" fmla="*/ 6263 h 10000"/>
                  <a:gd name="connsiteX189" fmla="*/ 1158 w 10000"/>
                  <a:gd name="connsiteY189" fmla="*/ 6278 h 10000"/>
                  <a:gd name="connsiteX190" fmla="*/ 848 w 10000"/>
                  <a:gd name="connsiteY190" fmla="*/ 6278 h 10000"/>
                  <a:gd name="connsiteX191" fmla="*/ 593 w 10000"/>
                  <a:gd name="connsiteY191" fmla="*/ 6263 h 10000"/>
                  <a:gd name="connsiteX192" fmla="*/ 386 w 10000"/>
                  <a:gd name="connsiteY192" fmla="*/ 6233 h 10000"/>
                  <a:gd name="connsiteX193" fmla="*/ 641 w 10000"/>
                  <a:gd name="connsiteY193" fmla="*/ 5805 h 10000"/>
                  <a:gd name="connsiteX194" fmla="*/ 926 w 10000"/>
                  <a:gd name="connsiteY194" fmla="*/ 5391 h 10000"/>
                  <a:gd name="connsiteX195" fmla="*/ 1029 w 10000"/>
                  <a:gd name="connsiteY195" fmla="*/ 5170 h 10000"/>
                  <a:gd name="connsiteX196" fmla="*/ 1105 w 10000"/>
                  <a:gd name="connsiteY196" fmla="*/ 4963 h 10000"/>
                  <a:gd name="connsiteX197" fmla="*/ 1130 w 10000"/>
                  <a:gd name="connsiteY197" fmla="*/ 4860 h 10000"/>
                  <a:gd name="connsiteX198" fmla="*/ 1105 w 10000"/>
                  <a:gd name="connsiteY198" fmla="*/ 4756 h 10000"/>
                  <a:gd name="connsiteX199" fmla="*/ 1080 w 10000"/>
                  <a:gd name="connsiteY199" fmla="*/ 4653 h 10000"/>
                  <a:gd name="connsiteX200" fmla="*/ 1003 w 10000"/>
                  <a:gd name="connsiteY200" fmla="*/ 4549 h 10000"/>
                  <a:gd name="connsiteX201" fmla="*/ 1286 w 10000"/>
                  <a:gd name="connsiteY201" fmla="*/ 4520 h 10000"/>
                  <a:gd name="connsiteX202" fmla="*/ 1491 w 10000"/>
                  <a:gd name="connsiteY202" fmla="*/ 4505 h 10000"/>
                  <a:gd name="connsiteX203" fmla="*/ 1671 w 10000"/>
                  <a:gd name="connsiteY203" fmla="*/ 4505 h 10000"/>
                  <a:gd name="connsiteX204" fmla="*/ 1825 w 10000"/>
                  <a:gd name="connsiteY204" fmla="*/ 4520 h 10000"/>
                  <a:gd name="connsiteX205" fmla="*/ 1954 w 10000"/>
                  <a:gd name="connsiteY205" fmla="*/ 4520 h 10000"/>
                  <a:gd name="connsiteX206" fmla="*/ 2108 w 10000"/>
                  <a:gd name="connsiteY206" fmla="*/ 4520 h 10000"/>
                  <a:gd name="connsiteX207" fmla="*/ 2263 w 10000"/>
                  <a:gd name="connsiteY207" fmla="*/ 4490 h 10000"/>
                  <a:gd name="connsiteX208" fmla="*/ 2467 w 10000"/>
                  <a:gd name="connsiteY208" fmla="*/ 4446 h 10000"/>
                  <a:gd name="connsiteX209" fmla="*/ 2467 w 10000"/>
                  <a:gd name="connsiteY209" fmla="*/ 4579 h 10000"/>
                  <a:gd name="connsiteX210" fmla="*/ 2467 w 10000"/>
                  <a:gd name="connsiteY210" fmla="*/ 4742 h 10000"/>
                  <a:gd name="connsiteX211" fmla="*/ 2467 w 10000"/>
                  <a:gd name="connsiteY211" fmla="*/ 4874 h 10000"/>
                  <a:gd name="connsiteX212" fmla="*/ 2467 w 10000"/>
                  <a:gd name="connsiteY212" fmla="*/ 5037 h 10000"/>
                  <a:gd name="connsiteX213" fmla="*/ 2699 w 10000"/>
                  <a:gd name="connsiteY213" fmla="*/ 5022 h 10000"/>
                  <a:gd name="connsiteX214" fmla="*/ 2853 w 10000"/>
                  <a:gd name="connsiteY214" fmla="*/ 5037 h 10000"/>
                  <a:gd name="connsiteX215" fmla="*/ 2982 w 10000"/>
                  <a:gd name="connsiteY215" fmla="*/ 5066 h 10000"/>
                  <a:gd name="connsiteX216" fmla="*/ 3111 w 10000"/>
                  <a:gd name="connsiteY216" fmla="*/ 5096 h 10000"/>
                  <a:gd name="connsiteX217" fmla="*/ 3214 w 10000"/>
                  <a:gd name="connsiteY217" fmla="*/ 5126 h 10000"/>
                  <a:gd name="connsiteX218" fmla="*/ 3341 w 10000"/>
                  <a:gd name="connsiteY218" fmla="*/ 5155 h 10000"/>
                  <a:gd name="connsiteX219" fmla="*/ 3496 w 10000"/>
                  <a:gd name="connsiteY219" fmla="*/ 5170 h 10000"/>
                  <a:gd name="connsiteX220" fmla="*/ 3727 w 10000"/>
                  <a:gd name="connsiteY220" fmla="*/ 5155 h 10000"/>
                  <a:gd name="connsiteX221" fmla="*/ 3805 w 10000"/>
                  <a:gd name="connsiteY221" fmla="*/ 5096 h 10000"/>
                  <a:gd name="connsiteX222" fmla="*/ 3881 w 10000"/>
                  <a:gd name="connsiteY222" fmla="*/ 5022 h 10000"/>
                  <a:gd name="connsiteX223" fmla="*/ 3907 w 10000"/>
                  <a:gd name="connsiteY223" fmla="*/ 4934 h 10000"/>
                  <a:gd name="connsiteX224" fmla="*/ 3934 w 10000"/>
                  <a:gd name="connsiteY224" fmla="*/ 4860 h 10000"/>
                  <a:gd name="connsiteX225" fmla="*/ 3958 w 10000"/>
                  <a:gd name="connsiteY225" fmla="*/ 4697 h 10000"/>
                  <a:gd name="connsiteX226" fmla="*/ 3934 w 10000"/>
                  <a:gd name="connsiteY226" fmla="*/ 4520 h 10000"/>
                  <a:gd name="connsiteX227" fmla="*/ 3856 w 10000"/>
                  <a:gd name="connsiteY227" fmla="*/ 4343 h 10000"/>
                  <a:gd name="connsiteX228" fmla="*/ 3779 w 10000"/>
                  <a:gd name="connsiteY228" fmla="*/ 4195 h 10000"/>
                  <a:gd name="connsiteX229" fmla="*/ 3650 w 10000"/>
                  <a:gd name="connsiteY229" fmla="*/ 4047 h 10000"/>
                  <a:gd name="connsiteX230" fmla="*/ 3522 w 10000"/>
                  <a:gd name="connsiteY230" fmla="*/ 3959 h 10000"/>
                  <a:gd name="connsiteX231" fmla="*/ 3676 w 10000"/>
                  <a:gd name="connsiteY231" fmla="*/ 3944 h 10000"/>
                  <a:gd name="connsiteX232" fmla="*/ 3805 w 10000"/>
                  <a:gd name="connsiteY232" fmla="*/ 3914 h 10000"/>
                  <a:gd name="connsiteX233" fmla="*/ 3907 w 10000"/>
                  <a:gd name="connsiteY233" fmla="*/ 3855 h 10000"/>
                  <a:gd name="connsiteX234" fmla="*/ 4034 w 10000"/>
                  <a:gd name="connsiteY234" fmla="*/ 3752 h 10000"/>
                  <a:gd name="connsiteX235" fmla="*/ 4164 w 10000"/>
                  <a:gd name="connsiteY235" fmla="*/ 3663 h 10000"/>
                  <a:gd name="connsiteX236" fmla="*/ 4267 w 10000"/>
                  <a:gd name="connsiteY236" fmla="*/ 3560 h 10000"/>
                  <a:gd name="connsiteX237" fmla="*/ 4344 w 10000"/>
                  <a:gd name="connsiteY237" fmla="*/ 3442 h 10000"/>
                  <a:gd name="connsiteX238" fmla="*/ 4422 w 10000"/>
                  <a:gd name="connsiteY238" fmla="*/ 3323 h 10000"/>
                  <a:gd name="connsiteX239" fmla="*/ 4473 w 10000"/>
                  <a:gd name="connsiteY239" fmla="*/ 3220 h 10000"/>
                  <a:gd name="connsiteX240" fmla="*/ 4498 w 10000"/>
                  <a:gd name="connsiteY240" fmla="*/ 3102 h 10000"/>
                  <a:gd name="connsiteX241" fmla="*/ 4525 w 10000"/>
                  <a:gd name="connsiteY241" fmla="*/ 3013 h 10000"/>
                  <a:gd name="connsiteX242" fmla="*/ 4498 w 10000"/>
                  <a:gd name="connsiteY242" fmla="*/ 2939 h 10000"/>
                  <a:gd name="connsiteX243" fmla="*/ 4473 w 10000"/>
                  <a:gd name="connsiteY243" fmla="*/ 2866 h 10000"/>
                  <a:gd name="connsiteX244" fmla="*/ 4396 w 10000"/>
                  <a:gd name="connsiteY244" fmla="*/ 2836 h 10000"/>
                  <a:gd name="connsiteX245" fmla="*/ 4294 w 10000"/>
                  <a:gd name="connsiteY245" fmla="*/ 2836 h 10000"/>
                  <a:gd name="connsiteX246" fmla="*/ 4164 w 10000"/>
                  <a:gd name="connsiteY246" fmla="*/ 2866 h 10000"/>
                  <a:gd name="connsiteX247" fmla="*/ 4267 w 10000"/>
                  <a:gd name="connsiteY247" fmla="*/ 2777 h 10000"/>
                  <a:gd name="connsiteX248" fmla="*/ 4320 w 10000"/>
                  <a:gd name="connsiteY248" fmla="*/ 2674 h 10000"/>
                  <a:gd name="connsiteX249" fmla="*/ 4344 w 10000"/>
                  <a:gd name="connsiteY249" fmla="*/ 2541 h 10000"/>
                  <a:gd name="connsiteX250" fmla="*/ 4344 w 10000"/>
                  <a:gd name="connsiteY250" fmla="*/ 2393 h 10000"/>
                  <a:gd name="connsiteX251" fmla="*/ 4369 w 10000"/>
                  <a:gd name="connsiteY251" fmla="*/ 2349 h 10000"/>
                  <a:gd name="connsiteX252" fmla="*/ 4422 w 10000"/>
                  <a:gd name="connsiteY252" fmla="*/ 2304 h 10000"/>
                  <a:gd name="connsiteX253" fmla="*/ 4473 w 10000"/>
                  <a:gd name="connsiteY253" fmla="*/ 2290 h 10000"/>
                  <a:gd name="connsiteX254" fmla="*/ 4551 w 10000"/>
                  <a:gd name="connsiteY254" fmla="*/ 2275 h 10000"/>
                  <a:gd name="connsiteX255" fmla="*/ 4781 w 10000"/>
                  <a:gd name="connsiteY255" fmla="*/ 2260 h 10000"/>
                  <a:gd name="connsiteX256" fmla="*/ 4986 w 10000"/>
                  <a:gd name="connsiteY256" fmla="*/ 2275 h 10000"/>
                  <a:gd name="connsiteX257" fmla="*/ 4961 w 10000"/>
                  <a:gd name="connsiteY257" fmla="*/ 2112 h 10000"/>
                  <a:gd name="connsiteX258" fmla="*/ 4910 w 10000"/>
                  <a:gd name="connsiteY258" fmla="*/ 1950 h 10000"/>
                  <a:gd name="connsiteX259" fmla="*/ 4832 w 10000"/>
                  <a:gd name="connsiteY259" fmla="*/ 1802 h 10000"/>
                  <a:gd name="connsiteX260" fmla="*/ 4731 w 10000"/>
                  <a:gd name="connsiteY260" fmla="*/ 1640 h 10000"/>
                  <a:gd name="connsiteX261" fmla="*/ 4473 w 10000"/>
                  <a:gd name="connsiteY261" fmla="*/ 1329 h 10000"/>
                  <a:gd name="connsiteX262" fmla="*/ 4216 w 10000"/>
                  <a:gd name="connsiteY262" fmla="*/ 1034 h 10000"/>
                  <a:gd name="connsiteX263" fmla="*/ 4087 w 10000"/>
                  <a:gd name="connsiteY263" fmla="*/ 901 h 10000"/>
                  <a:gd name="connsiteX264" fmla="*/ 3986 w 10000"/>
                  <a:gd name="connsiteY264" fmla="*/ 753 h 10000"/>
                  <a:gd name="connsiteX265" fmla="*/ 3907 w 10000"/>
                  <a:gd name="connsiteY265" fmla="*/ 620 h 10000"/>
                  <a:gd name="connsiteX266" fmla="*/ 3881 w 10000"/>
                  <a:gd name="connsiteY266" fmla="*/ 487 h 10000"/>
                  <a:gd name="connsiteX267" fmla="*/ 3856 w 10000"/>
                  <a:gd name="connsiteY267" fmla="*/ 355 h 10000"/>
                  <a:gd name="connsiteX268" fmla="*/ 3907 w 10000"/>
                  <a:gd name="connsiteY268" fmla="*/ 222 h 10000"/>
                  <a:gd name="connsiteX269" fmla="*/ 3934 w 10000"/>
                  <a:gd name="connsiteY269" fmla="*/ 162 h 10000"/>
                  <a:gd name="connsiteX270" fmla="*/ 3986 w 10000"/>
                  <a:gd name="connsiteY270" fmla="*/ 103 h 10000"/>
                  <a:gd name="connsiteX271" fmla="*/ 4063 w 10000"/>
                  <a:gd name="connsiteY271" fmla="*/ 59 h 10000"/>
                  <a:gd name="connsiteX272" fmla="*/ 4164 w 10000"/>
                  <a:gd name="connsiteY272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224 w 10000"/>
                  <a:gd name="connsiteY53" fmla="*/ 4564 h 10000"/>
                  <a:gd name="connsiteX54" fmla="*/ 7095 w 10000"/>
                  <a:gd name="connsiteY54" fmla="*/ 4638 h 10000"/>
                  <a:gd name="connsiteX55" fmla="*/ 7095 w 10000"/>
                  <a:gd name="connsiteY55" fmla="*/ 4697 h 10000"/>
                  <a:gd name="connsiteX56" fmla="*/ 7069 w 10000"/>
                  <a:gd name="connsiteY56" fmla="*/ 4801 h 10000"/>
                  <a:gd name="connsiteX57" fmla="*/ 7069 w 10000"/>
                  <a:gd name="connsiteY57" fmla="*/ 4904 h 10000"/>
                  <a:gd name="connsiteX58" fmla="*/ 6941 w 10000"/>
                  <a:gd name="connsiteY58" fmla="*/ 4860 h 10000"/>
                  <a:gd name="connsiteX59" fmla="*/ 6863 w 10000"/>
                  <a:gd name="connsiteY59" fmla="*/ 4801 h 10000"/>
                  <a:gd name="connsiteX60" fmla="*/ 6786 w 10000"/>
                  <a:gd name="connsiteY60" fmla="*/ 4727 h 10000"/>
                  <a:gd name="connsiteX61" fmla="*/ 6710 w 10000"/>
                  <a:gd name="connsiteY61" fmla="*/ 4638 h 10000"/>
                  <a:gd name="connsiteX62" fmla="*/ 6582 w 10000"/>
                  <a:gd name="connsiteY62" fmla="*/ 4476 h 10000"/>
                  <a:gd name="connsiteX63" fmla="*/ 6451 w 10000"/>
                  <a:gd name="connsiteY63" fmla="*/ 4313 h 10000"/>
                  <a:gd name="connsiteX64" fmla="*/ 6607 w 10000"/>
                  <a:gd name="connsiteY64" fmla="*/ 4210 h 10000"/>
                  <a:gd name="connsiteX65" fmla="*/ 8895 w 10000"/>
                  <a:gd name="connsiteY65" fmla="*/ 3516 h 10000"/>
                  <a:gd name="connsiteX66" fmla="*/ 9100 w 10000"/>
                  <a:gd name="connsiteY66" fmla="*/ 3412 h 10000"/>
                  <a:gd name="connsiteX67" fmla="*/ 9306 w 10000"/>
                  <a:gd name="connsiteY67" fmla="*/ 3338 h 10000"/>
                  <a:gd name="connsiteX68" fmla="*/ 9435 w 10000"/>
                  <a:gd name="connsiteY68" fmla="*/ 3235 h 10000"/>
                  <a:gd name="connsiteX69" fmla="*/ 9536 w 10000"/>
                  <a:gd name="connsiteY69" fmla="*/ 3117 h 10000"/>
                  <a:gd name="connsiteX70" fmla="*/ 9563 w 10000"/>
                  <a:gd name="connsiteY70" fmla="*/ 3072 h 10000"/>
                  <a:gd name="connsiteX71" fmla="*/ 9588 w 10000"/>
                  <a:gd name="connsiteY71" fmla="*/ 3013 h 10000"/>
                  <a:gd name="connsiteX72" fmla="*/ 9588 w 10000"/>
                  <a:gd name="connsiteY72" fmla="*/ 2954 h 10000"/>
                  <a:gd name="connsiteX73" fmla="*/ 9563 w 10000"/>
                  <a:gd name="connsiteY73" fmla="*/ 2866 h 10000"/>
                  <a:gd name="connsiteX74" fmla="*/ 9383 w 10000"/>
                  <a:gd name="connsiteY74" fmla="*/ 2984 h 10000"/>
                  <a:gd name="connsiteX75" fmla="*/ 9178 w 10000"/>
                  <a:gd name="connsiteY75" fmla="*/ 3072 h 10000"/>
                  <a:gd name="connsiteX76" fmla="*/ 8971 w 10000"/>
                  <a:gd name="connsiteY76" fmla="*/ 3161 h 10000"/>
                  <a:gd name="connsiteX77" fmla="*/ 8766 w 10000"/>
                  <a:gd name="connsiteY77" fmla="*/ 3250 h 10000"/>
                  <a:gd name="connsiteX78" fmla="*/ 8302 w 10000"/>
                  <a:gd name="connsiteY78" fmla="*/ 3397 h 10000"/>
                  <a:gd name="connsiteX79" fmla="*/ 7815 w 10000"/>
                  <a:gd name="connsiteY79" fmla="*/ 3545 h 10000"/>
                  <a:gd name="connsiteX80" fmla="*/ 7327 w 10000"/>
                  <a:gd name="connsiteY80" fmla="*/ 3678 h 10000"/>
                  <a:gd name="connsiteX81" fmla="*/ 6863 w 10000"/>
                  <a:gd name="connsiteY81" fmla="*/ 3840 h 10000"/>
                  <a:gd name="connsiteX82" fmla="*/ 6632 w 10000"/>
                  <a:gd name="connsiteY82" fmla="*/ 3914 h 10000"/>
                  <a:gd name="connsiteX83" fmla="*/ 6427 w 10000"/>
                  <a:gd name="connsiteY83" fmla="*/ 4003 h 10000"/>
                  <a:gd name="connsiteX84" fmla="*/ 6222 w 10000"/>
                  <a:gd name="connsiteY84" fmla="*/ 4106 h 10000"/>
                  <a:gd name="connsiteX85" fmla="*/ 6014 w 10000"/>
                  <a:gd name="connsiteY85" fmla="*/ 4195 h 10000"/>
                  <a:gd name="connsiteX86" fmla="*/ 6169 w 10000"/>
                  <a:gd name="connsiteY86" fmla="*/ 4417 h 10000"/>
                  <a:gd name="connsiteX87" fmla="*/ 6273 w 10000"/>
                  <a:gd name="connsiteY87" fmla="*/ 4623 h 10000"/>
                  <a:gd name="connsiteX88" fmla="*/ 6375 w 10000"/>
                  <a:gd name="connsiteY88" fmla="*/ 4845 h 10000"/>
                  <a:gd name="connsiteX89" fmla="*/ 6451 w 10000"/>
                  <a:gd name="connsiteY89" fmla="*/ 5081 h 10000"/>
                  <a:gd name="connsiteX90" fmla="*/ 6504 w 10000"/>
                  <a:gd name="connsiteY90" fmla="*/ 5318 h 10000"/>
                  <a:gd name="connsiteX91" fmla="*/ 6530 w 10000"/>
                  <a:gd name="connsiteY91" fmla="*/ 5539 h 10000"/>
                  <a:gd name="connsiteX92" fmla="*/ 6554 w 10000"/>
                  <a:gd name="connsiteY92" fmla="*/ 5775 h 10000"/>
                  <a:gd name="connsiteX93" fmla="*/ 6554 w 10000"/>
                  <a:gd name="connsiteY93" fmla="*/ 5997 h 10000"/>
                  <a:gd name="connsiteX94" fmla="*/ 6530 w 10000"/>
                  <a:gd name="connsiteY94" fmla="*/ 6233 h 10000"/>
                  <a:gd name="connsiteX95" fmla="*/ 6478 w 10000"/>
                  <a:gd name="connsiteY95" fmla="*/ 6470 h 10000"/>
                  <a:gd name="connsiteX96" fmla="*/ 6427 w 10000"/>
                  <a:gd name="connsiteY96" fmla="*/ 6677 h 10000"/>
                  <a:gd name="connsiteX97" fmla="*/ 6350 w 10000"/>
                  <a:gd name="connsiteY97" fmla="*/ 6898 h 10000"/>
                  <a:gd name="connsiteX98" fmla="*/ 6247 w 10000"/>
                  <a:gd name="connsiteY98" fmla="*/ 7105 h 10000"/>
                  <a:gd name="connsiteX99" fmla="*/ 6119 w 10000"/>
                  <a:gd name="connsiteY99" fmla="*/ 7297 h 10000"/>
                  <a:gd name="connsiteX100" fmla="*/ 5964 w 10000"/>
                  <a:gd name="connsiteY100" fmla="*/ 7489 h 10000"/>
                  <a:gd name="connsiteX101" fmla="*/ 5809 w 10000"/>
                  <a:gd name="connsiteY101" fmla="*/ 7681 h 10000"/>
                  <a:gd name="connsiteX102" fmla="*/ 6554 w 10000"/>
                  <a:gd name="connsiteY102" fmla="*/ 7799 h 10000"/>
                  <a:gd name="connsiteX103" fmla="*/ 7327 w 10000"/>
                  <a:gd name="connsiteY103" fmla="*/ 7962 h 10000"/>
                  <a:gd name="connsiteX104" fmla="*/ 7480 w 10000"/>
                  <a:gd name="connsiteY104" fmla="*/ 8021 h 10000"/>
                  <a:gd name="connsiteX105" fmla="*/ 7609 w 10000"/>
                  <a:gd name="connsiteY105" fmla="*/ 8080 h 10000"/>
                  <a:gd name="connsiteX106" fmla="*/ 7737 w 10000"/>
                  <a:gd name="connsiteY106" fmla="*/ 8139 h 10000"/>
                  <a:gd name="connsiteX107" fmla="*/ 7815 w 10000"/>
                  <a:gd name="connsiteY107" fmla="*/ 8227 h 10000"/>
                  <a:gd name="connsiteX108" fmla="*/ 7841 w 10000"/>
                  <a:gd name="connsiteY108" fmla="*/ 8301 h 10000"/>
                  <a:gd name="connsiteX109" fmla="*/ 7841 w 10000"/>
                  <a:gd name="connsiteY109" fmla="*/ 8405 h 10000"/>
                  <a:gd name="connsiteX110" fmla="*/ 7790 w 10000"/>
                  <a:gd name="connsiteY110" fmla="*/ 8523 h 10000"/>
                  <a:gd name="connsiteX111" fmla="*/ 7712 w 10000"/>
                  <a:gd name="connsiteY111" fmla="*/ 8641 h 10000"/>
                  <a:gd name="connsiteX112" fmla="*/ 7378 w 10000"/>
                  <a:gd name="connsiteY112" fmla="*/ 8552 h 10000"/>
                  <a:gd name="connsiteX113" fmla="*/ 7069 w 10000"/>
                  <a:gd name="connsiteY113" fmla="*/ 8449 h 10000"/>
                  <a:gd name="connsiteX114" fmla="*/ 6760 w 10000"/>
                  <a:gd name="connsiteY114" fmla="*/ 8360 h 10000"/>
                  <a:gd name="connsiteX115" fmla="*/ 6451 w 10000"/>
                  <a:gd name="connsiteY115" fmla="*/ 8287 h 10000"/>
                  <a:gd name="connsiteX116" fmla="*/ 6323 w 10000"/>
                  <a:gd name="connsiteY116" fmla="*/ 8449 h 10000"/>
                  <a:gd name="connsiteX117" fmla="*/ 6222 w 10000"/>
                  <a:gd name="connsiteY117" fmla="*/ 8597 h 10000"/>
                  <a:gd name="connsiteX118" fmla="*/ 6169 w 10000"/>
                  <a:gd name="connsiteY118" fmla="*/ 8656 h 10000"/>
                  <a:gd name="connsiteX119" fmla="*/ 6066 w 10000"/>
                  <a:gd name="connsiteY119" fmla="*/ 8700 h 10000"/>
                  <a:gd name="connsiteX120" fmla="*/ 5990 w 10000"/>
                  <a:gd name="connsiteY120" fmla="*/ 8744 h 10000"/>
                  <a:gd name="connsiteX121" fmla="*/ 5913 w 10000"/>
                  <a:gd name="connsiteY121" fmla="*/ 8774 h 10000"/>
                  <a:gd name="connsiteX122" fmla="*/ 5835 w 10000"/>
                  <a:gd name="connsiteY122" fmla="*/ 8804 h 10000"/>
                  <a:gd name="connsiteX123" fmla="*/ 5733 w 10000"/>
                  <a:gd name="connsiteY123" fmla="*/ 8818 h 10000"/>
                  <a:gd name="connsiteX124" fmla="*/ 5603 w 10000"/>
                  <a:gd name="connsiteY124" fmla="*/ 8833 h 10000"/>
                  <a:gd name="connsiteX125" fmla="*/ 5476 w 10000"/>
                  <a:gd name="connsiteY125" fmla="*/ 8833 h 10000"/>
                  <a:gd name="connsiteX126" fmla="*/ 5168 w 10000"/>
                  <a:gd name="connsiteY126" fmla="*/ 8818 h 10000"/>
                  <a:gd name="connsiteX127" fmla="*/ 4781 w 10000"/>
                  <a:gd name="connsiteY127" fmla="*/ 8744 h 10000"/>
                  <a:gd name="connsiteX128" fmla="*/ 4781 w 10000"/>
                  <a:gd name="connsiteY128" fmla="*/ 8922 h 10000"/>
                  <a:gd name="connsiteX129" fmla="*/ 4755 w 10000"/>
                  <a:gd name="connsiteY129" fmla="*/ 9069 h 10000"/>
                  <a:gd name="connsiteX130" fmla="*/ 4731 w 10000"/>
                  <a:gd name="connsiteY130" fmla="*/ 9232 h 10000"/>
                  <a:gd name="connsiteX131" fmla="*/ 4704 w 10000"/>
                  <a:gd name="connsiteY131" fmla="*/ 9365 h 10000"/>
                  <a:gd name="connsiteX132" fmla="*/ 4652 w 10000"/>
                  <a:gd name="connsiteY132" fmla="*/ 9498 h 10000"/>
                  <a:gd name="connsiteX133" fmla="*/ 4551 w 10000"/>
                  <a:gd name="connsiteY133" fmla="*/ 9616 h 10000"/>
                  <a:gd name="connsiteX134" fmla="*/ 4473 w 10000"/>
                  <a:gd name="connsiteY134" fmla="*/ 9734 h 10000"/>
                  <a:gd name="connsiteX135" fmla="*/ 4344 w 10000"/>
                  <a:gd name="connsiteY135" fmla="*/ 9838 h 10000"/>
                  <a:gd name="connsiteX136" fmla="*/ 4034 w 10000"/>
                  <a:gd name="connsiteY136" fmla="*/ 9897 h 10000"/>
                  <a:gd name="connsiteX137" fmla="*/ 3779 w 10000"/>
                  <a:gd name="connsiteY137" fmla="*/ 9941 h 10000"/>
                  <a:gd name="connsiteX138" fmla="*/ 3470 w 10000"/>
                  <a:gd name="connsiteY138" fmla="*/ 9985 h 10000"/>
                  <a:gd name="connsiteX139" fmla="*/ 3239 w 10000"/>
                  <a:gd name="connsiteY139" fmla="*/ 10000 h 10000"/>
                  <a:gd name="connsiteX140" fmla="*/ 2725 w 10000"/>
                  <a:gd name="connsiteY140" fmla="*/ 10000 h 10000"/>
                  <a:gd name="connsiteX141" fmla="*/ 2236 w 10000"/>
                  <a:gd name="connsiteY141" fmla="*/ 9985 h 10000"/>
                  <a:gd name="connsiteX142" fmla="*/ 1775 w 10000"/>
                  <a:gd name="connsiteY142" fmla="*/ 9941 h 10000"/>
                  <a:gd name="connsiteX143" fmla="*/ 1286 w 10000"/>
                  <a:gd name="connsiteY143" fmla="*/ 9911 h 10000"/>
                  <a:gd name="connsiteX144" fmla="*/ 1003 w 10000"/>
                  <a:gd name="connsiteY144" fmla="*/ 9911 h 10000"/>
                  <a:gd name="connsiteX145" fmla="*/ 745 w 10000"/>
                  <a:gd name="connsiteY145" fmla="*/ 9911 h 10000"/>
                  <a:gd name="connsiteX146" fmla="*/ 463 w 10000"/>
                  <a:gd name="connsiteY146" fmla="*/ 9926 h 10000"/>
                  <a:gd name="connsiteX147" fmla="*/ 180 w 10000"/>
                  <a:gd name="connsiteY147" fmla="*/ 9970 h 10000"/>
                  <a:gd name="connsiteX148" fmla="*/ 103 w 10000"/>
                  <a:gd name="connsiteY148" fmla="*/ 9867 h 10000"/>
                  <a:gd name="connsiteX149" fmla="*/ 52 w 10000"/>
                  <a:gd name="connsiteY149" fmla="*/ 9793 h 10000"/>
                  <a:gd name="connsiteX150" fmla="*/ 0 w 10000"/>
                  <a:gd name="connsiteY150" fmla="*/ 9705 h 10000"/>
                  <a:gd name="connsiteX151" fmla="*/ 0 w 10000"/>
                  <a:gd name="connsiteY151" fmla="*/ 9601 h 10000"/>
                  <a:gd name="connsiteX152" fmla="*/ 52 w 10000"/>
                  <a:gd name="connsiteY152" fmla="*/ 9424 h 10000"/>
                  <a:gd name="connsiteX153" fmla="*/ 103 w 10000"/>
                  <a:gd name="connsiteY153" fmla="*/ 9202 h 10000"/>
                  <a:gd name="connsiteX154" fmla="*/ 153 w 10000"/>
                  <a:gd name="connsiteY154" fmla="*/ 8996 h 10000"/>
                  <a:gd name="connsiteX155" fmla="*/ 206 w 10000"/>
                  <a:gd name="connsiteY155" fmla="*/ 8759 h 10000"/>
                  <a:gd name="connsiteX156" fmla="*/ 231 w 10000"/>
                  <a:gd name="connsiteY156" fmla="*/ 8641 h 10000"/>
                  <a:gd name="connsiteX157" fmla="*/ 231 w 10000"/>
                  <a:gd name="connsiteY157" fmla="*/ 8538 h 10000"/>
                  <a:gd name="connsiteX158" fmla="*/ 206 w 10000"/>
                  <a:gd name="connsiteY158" fmla="*/ 8405 h 10000"/>
                  <a:gd name="connsiteX159" fmla="*/ 180 w 10000"/>
                  <a:gd name="connsiteY159" fmla="*/ 8287 h 10000"/>
                  <a:gd name="connsiteX160" fmla="*/ 437 w 10000"/>
                  <a:gd name="connsiteY160" fmla="*/ 8213 h 10000"/>
                  <a:gd name="connsiteX161" fmla="*/ 694 w 10000"/>
                  <a:gd name="connsiteY161" fmla="*/ 8139 h 10000"/>
                  <a:gd name="connsiteX162" fmla="*/ 951 w 10000"/>
                  <a:gd name="connsiteY162" fmla="*/ 8095 h 10000"/>
                  <a:gd name="connsiteX163" fmla="*/ 1234 w 10000"/>
                  <a:gd name="connsiteY163" fmla="*/ 8065 h 10000"/>
                  <a:gd name="connsiteX164" fmla="*/ 1747 w 10000"/>
                  <a:gd name="connsiteY164" fmla="*/ 8021 h 10000"/>
                  <a:gd name="connsiteX165" fmla="*/ 2263 w 10000"/>
                  <a:gd name="connsiteY165" fmla="*/ 7976 h 10000"/>
                  <a:gd name="connsiteX166" fmla="*/ 2494 w 10000"/>
                  <a:gd name="connsiteY166" fmla="*/ 7947 h 10000"/>
                  <a:gd name="connsiteX167" fmla="*/ 2725 w 10000"/>
                  <a:gd name="connsiteY167" fmla="*/ 7917 h 10000"/>
                  <a:gd name="connsiteX168" fmla="*/ 2929 w 10000"/>
                  <a:gd name="connsiteY168" fmla="*/ 7843 h 10000"/>
                  <a:gd name="connsiteX169" fmla="*/ 3136 w 10000"/>
                  <a:gd name="connsiteY169" fmla="*/ 7784 h 10000"/>
                  <a:gd name="connsiteX170" fmla="*/ 3316 w 10000"/>
                  <a:gd name="connsiteY170" fmla="*/ 7710 h 10000"/>
                  <a:gd name="connsiteX171" fmla="*/ 3470 w 10000"/>
                  <a:gd name="connsiteY171" fmla="*/ 7592 h 10000"/>
                  <a:gd name="connsiteX172" fmla="*/ 3625 w 10000"/>
                  <a:gd name="connsiteY172" fmla="*/ 7474 h 10000"/>
                  <a:gd name="connsiteX173" fmla="*/ 3727 w 10000"/>
                  <a:gd name="connsiteY173" fmla="*/ 7312 h 10000"/>
                  <a:gd name="connsiteX174" fmla="*/ 3522 w 10000"/>
                  <a:gd name="connsiteY174" fmla="*/ 7238 h 10000"/>
                  <a:gd name="connsiteX175" fmla="*/ 3341 w 10000"/>
                  <a:gd name="connsiteY175" fmla="*/ 7179 h 10000"/>
                  <a:gd name="connsiteX176" fmla="*/ 3187 w 10000"/>
                  <a:gd name="connsiteY176" fmla="*/ 7090 h 10000"/>
                  <a:gd name="connsiteX177" fmla="*/ 3034 w 10000"/>
                  <a:gd name="connsiteY177" fmla="*/ 6987 h 10000"/>
                  <a:gd name="connsiteX178" fmla="*/ 2929 w 10000"/>
                  <a:gd name="connsiteY178" fmla="*/ 6869 h 10000"/>
                  <a:gd name="connsiteX179" fmla="*/ 2880 w 10000"/>
                  <a:gd name="connsiteY179" fmla="*/ 6721 h 10000"/>
                  <a:gd name="connsiteX180" fmla="*/ 2853 w 10000"/>
                  <a:gd name="connsiteY180" fmla="*/ 6558 h 10000"/>
                  <a:gd name="connsiteX181" fmla="*/ 2880 w 10000"/>
                  <a:gd name="connsiteY181" fmla="*/ 6352 h 10000"/>
                  <a:gd name="connsiteX182" fmla="*/ 2751 w 10000"/>
                  <a:gd name="connsiteY182" fmla="*/ 6322 h 10000"/>
                  <a:gd name="connsiteX183" fmla="*/ 2597 w 10000"/>
                  <a:gd name="connsiteY183" fmla="*/ 6292 h 10000"/>
                  <a:gd name="connsiteX184" fmla="*/ 2417 w 10000"/>
                  <a:gd name="connsiteY184" fmla="*/ 6278 h 10000"/>
                  <a:gd name="connsiteX185" fmla="*/ 2236 w 10000"/>
                  <a:gd name="connsiteY185" fmla="*/ 6263 h 10000"/>
                  <a:gd name="connsiteX186" fmla="*/ 1877 w 10000"/>
                  <a:gd name="connsiteY186" fmla="*/ 6248 h 10000"/>
                  <a:gd name="connsiteX187" fmla="*/ 1491 w 10000"/>
                  <a:gd name="connsiteY187" fmla="*/ 6263 h 10000"/>
                  <a:gd name="connsiteX188" fmla="*/ 1158 w 10000"/>
                  <a:gd name="connsiteY188" fmla="*/ 6278 h 10000"/>
                  <a:gd name="connsiteX189" fmla="*/ 848 w 10000"/>
                  <a:gd name="connsiteY189" fmla="*/ 6278 h 10000"/>
                  <a:gd name="connsiteX190" fmla="*/ 593 w 10000"/>
                  <a:gd name="connsiteY190" fmla="*/ 6263 h 10000"/>
                  <a:gd name="connsiteX191" fmla="*/ 386 w 10000"/>
                  <a:gd name="connsiteY191" fmla="*/ 6233 h 10000"/>
                  <a:gd name="connsiteX192" fmla="*/ 641 w 10000"/>
                  <a:gd name="connsiteY192" fmla="*/ 5805 h 10000"/>
                  <a:gd name="connsiteX193" fmla="*/ 926 w 10000"/>
                  <a:gd name="connsiteY193" fmla="*/ 5391 h 10000"/>
                  <a:gd name="connsiteX194" fmla="*/ 1029 w 10000"/>
                  <a:gd name="connsiteY194" fmla="*/ 5170 h 10000"/>
                  <a:gd name="connsiteX195" fmla="*/ 1105 w 10000"/>
                  <a:gd name="connsiteY195" fmla="*/ 4963 h 10000"/>
                  <a:gd name="connsiteX196" fmla="*/ 1130 w 10000"/>
                  <a:gd name="connsiteY196" fmla="*/ 4860 h 10000"/>
                  <a:gd name="connsiteX197" fmla="*/ 1105 w 10000"/>
                  <a:gd name="connsiteY197" fmla="*/ 4756 h 10000"/>
                  <a:gd name="connsiteX198" fmla="*/ 1080 w 10000"/>
                  <a:gd name="connsiteY198" fmla="*/ 4653 h 10000"/>
                  <a:gd name="connsiteX199" fmla="*/ 1003 w 10000"/>
                  <a:gd name="connsiteY199" fmla="*/ 4549 h 10000"/>
                  <a:gd name="connsiteX200" fmla="*/ 1286 w 10000"/>
                  <a:gd name="connsiteY200" fmla="*/ 4520 h 10000"/>
                  <a:gd name="connsiteX201" fmla="*/ 1491 w 10000"/>
                  <a:gd name="connsiteY201" fmla="*/ 4505 h 10000"/>
                  <a:gd name="connsiteX202" fmla="*/ 1671 w 10000"/>
                  <a:gd name="connsiteY202" fmla="*/ 4505 h 10000"/>
                  <a:gd name="connsiteX203" fmla="*/ 1825 w 10000"/>
                  <a:gd name="connsiteY203" fmla="*/ 4520 h 10000"/>
                  <a:gd name="connsiteX204" fmla="*/ 1954 w 10000"/>
                  <a:gd name="connsiteY204" fmla="*/ 4520 h 10000"/>
                  <a:gd name="connsiteX205" fmla="*/ 2108 w 10000"/>
                  <a:gd name="connsiteY205" fmla="*/ 4520 h 10000"/>
                  <a:gd name="connsiteX206" fmla="*/ 2263 w 10000"/>
                  <a:gd name="connsiteY206" fmla="*/ 4490 h 10000"/>
                  <a:gd name="connsiteX207" fmla="*/ 2467 w 10000"/>
                  <a:gd name="connsiteY207" fmla="*/ 4446 h 10000"/>
                  <a:gd name="connsiteX208" fmla="*/ 2467 w 10000"/>
                  <a:gd name="connsiteY208" fmla="*/ 4579 h 10000"/>
                  <a:gd name="connsiteX209" fmla="*/ 2467 w 10000"/>
                  <a:gd name="connsiteY209" fmla="*/ 4742 h 10000"/>
                  <a:gd name="connsiteX210" fmla="*/ 2467 w 10000"/>
                  <a:gd name="connsiteY210" fmla="*/ 4874 h 10000"/>
                  <a:gd name="connsiteX211" fmla="*/ 2467 w 10000"/>
                  <a:gd name="connsiteY211" fmla="*/ 5037 h 10000"/>
                  <a:gd name="connsiteX212" fmla="*/ 2699 w 10000"/>
                  <a:gd name="connsiteY212" fmla="*/ 5022 h 10000"/>
                  <a:gd name="connsiteX213" fmla="*/ 2853 w 10000"/>
                  <a:gd name="connsiteY213" fmla="*/ 5037 h 10000"/>
                  <a:gd name="connsiteX214" fmla="*/ 2982 w 10000"/>
                  <a:gd name="connsiteY214" fmla="*/ 5066 h 10000"/>
                  <a:gd name="connsiteX215" fmla="*/ 3111 w 10000"/>
                  <a:gd name="connsiteY215" fmla="*/ 5096 h 10000"/>
                  <a:gd name="connsiteX216" fmla="*/ 3214 w 10000"/>
                  <a:gd name="connsiteY216" fmla="*/ 5126 h 10000"/>
                  <a:gd name="connsiteX217" fmla="*/ 3341 w 10000"/>
                  <a:gd name="connsiteY217" fmla="*/ 5155 h 10000"/>
                  <a:gd name="connsiteX218" fmla="*/ 3496 w 10000"/>
                  <a:gd name="connsiteY218" fmla="*/ 5170 h 10000"/>
                  <a:gd name="connsiteX219" fmla="*/ 3727 w 10000"/>
                  <a:gd name="connsiteY219" fmla="*/ 5155 h 10000"/>
                  <a:gd name="connsiteX220" fmla="*/ 3805 w 10000"/>
                  <a:gd name="connsiteY220" fmla="*/ 5096 h 10000"/>
                  <a:gd name="connsiteX221" fmla="*/ 3881 w 10000"/>
                  <a:gd name="connsiteY221" fmla="*/ 5022 h 10000"/>
                  <a:gd name="connsiteX222" fmla="*/ 3907 w 10000"/>
                  <a:gd name="connsiteY222" fmla="*/ 4934 h 10000"/>
                  <a:gd name="connsiteX223" fmla="*/ 3934 w 10000"/>
                  <a:gd name="connsiteY223" fmla="*/ 4860 h 10000"/>
                  <a:gd name="connsiteX224" fmla="*/ 3958 w 10000"/>
                  <a:gd name="connsiteY224" fmla="*/ 4697 h 10000"/>
                  <a:gd name="connsiteX225" fmla="*/ 3934 w 10000"/>
                  <a:gd name="connsiteY225" fmla="*/ 4520 h 10000"/>
                  <a:gd name="connsiteX226" fmla="*/ 3856 w 10000"/>
                  <a:gd name="connsiteY226" fmla="*/ 4343 h 10000"/>
                  <a:gd name="connsiteX227" fmla="*/ 3779 w 10000"/>
                  <a:gd name="connsiteY227" fmla="*/ 4195 h 10000"/>
                  <a:gd name="connsiteX228" fmla="*/ 3650 w 10000"/>
                  <a:gd name="connsiteY228" fmla="*/ 4047 h 10000"/>
                  <a:gd name="connsiteX229" fmla="*/ 3522 w 10000"/>
                  <a:gd name="connsiteY229" fmla="*/ 3959 h 10000"/>
                  <a:gd name="connsiteX230" fmla="*/ 3676 w 10000"/>
                  <a:gd name="connsiteY230" fmla="*/ 3944 h 10000"/>
                  <a:gd name="connsiteX231" fmla="*/ 3805 w 10000"/>
                  <a:gd name="connsiteY231" fmla="*/ 3914 h 10000"/>
                  <a:gd name="connsiteX232" fmla="*/ 3907 w 10000"/>
                  <a:gd name="connsiteY232" fmla="*/ 3855 h 10000"/>
                  <a:gd name="connsiteX233" fmla="*/ 4034 w 10000"/>
                  <a:gd name="connsiteY233" fmla="*/ 3752 h 10000"/>
                  <a:gd name="connsiteX234" fmla="*/ 4164 w 10000"/>
                  <a:gd name="connsiteY234" fmla="*/ 3663 h 10000"/>
                  <a:gd name="connsiteX235" fmla="*/ 4267 w 10000"/>
                  <a:gd name="connsiteY235" fmla="*/ 3560 h 10000"/>
                  <a:gd name="connsiteX236" fmla="*/ 4344 w 10000"/>
                  <a:gd name="connsiteY236" fmla="*/ 3442 h 10000"/>
                  <a:gd name="connsiteX237" fmla="*/ 4422 w 10000"/>
                  <a:gd name="connsiteY237" fmla="*/ 3323 h 10000"/>
                  <a:gd name="connsiteX238" fmla="*/ 4473 w 10000"/>
                  <a:gd name="connsiteY238" fmla="*/ 3220 h 10000"/>
                  <a:gd name="connsiteX239" fmla="*/ 4498 w 10000"/>
                  <a:gd name="connsiteY239" fmla="*/ 3102 h 10000"/>
                  <a:gd name="connsiteX240" fmla="*/ 4525 w 10000"/>
                  <a:gd name="connsiteY240" fmla="*/ 3013 h 10000"/>
                  <a:gd name="connsiteX241" fmla="*/ 4498 w 10000"/>
                  <a:gd name="connsiteY241" fmla="*/ 2939 h 10000"/>
                  <a:gd name="connsiteX242" fmla="*/ 4473 w 10000"/>
                  <a:gd name="connsiteY242" fmla="*/ 2866 h 10000"/>
                  <a:gd name="connsiteX243" fmla="*/ 4396 w 10000"/>
                  <a:gd name="connsiteY243" fmla="*/ 2836 h 10000"/>
                  <a:gd name="connsiteX244" fmla="*/ 4294 w 10000"/>
                  <a:gd name="connsiteY244" fmla="*/ 2836 h 10000"/>
                  <a:gd name="connsiteX245" fmla="*/ 4164 w 10000"/>
                  <a:gd name="connsiteY245" fmla="*/ 2866 h 10000"/>
                  <a:gd name="connsiteX246" fmla="*/ 4267 w 10000"/>
                  <a:gd name="connsiteY246" fmla="*/ 2777 h 10000"/>
                  <a:gd name="connsiteX247" fmla="*/ 4320 w 10000"/>
                  <a:gd name="connsiteY247" fmla="*/ 2674 h 10000"/>
                  <a:gd name="connsiteX248" fmla="*/ 4344 w 10000"/>
                  <a:gd name="connsiteY248" fmla="*/ 2541 h 10000"/>
                  <a:gd name="connsiteX249" fmla="*/ 4344 w 10000"/>
                  <a:gd name="connsiteY249" fmla="*/ 2393 h 10000"/>
                  <a:gd name="connsiteX250" fmla="*/ 4369 w 10000"/>
                  <a:gd name="connsiteY250" fmla="*/ 2349 h 10000"/>
                  <a:gd name="connsiteX251" fmla="*/ 4422 w 10000"/>
                  <a:gd name="connsiteY251" fmla="*/ 2304 h 10000"/>
                  <a:gd name="connsiteX252" fmla="*/ 4473 w 10000"/>
                  <a:gd name="connsiteY252" fmla="*/ 2290 h 10000"/>
                  <a:gd name="connsiteX253" fmla="*/ 4551 w 10000"/>
                  <a:gd name="connsiteY253" fmla="*/ 2275 h 10000"/>
                  <a:gd name="connsiteX254" fmla="*/ 4781 w 10000"/>
                  <a:gd name="connsiteY254" fmla="*/ 2260 h 10000"/>
                  <a:gd name="connsiteX255" fmla="*/ 4986 w 10000"/>
                  <a:gd name="connsiteY255" fmla="*/ 2275 h 10000"/>
                  <a:gd name="connsiteX256" fmla="*/ 4961 w 10000"/>
                  <a:gd name="connsiteY256" fmla="*/ 2112 h 10000"/>
                  <a:gd name="connsiteX257" fmla="*/ 4910 w 10000"/>
                  <a:gd name="connsiteY257" fmla="*/ 1950 h 10000"/>
                  <a:gd name="connsiteX258" fmla="*/ 4832 w 10000"/>
                  <a:gd name="connsiteY258" fmla="*/ 1802 h 10000"/>
                  <a:gd name="connsiteX259" fmla="*/ 4731 w 10000"/>
                  <a:gd name="connsiteY259" fmla="*/ 1640 h 10000"/>
                  <a:gd name="connsiteX260" fmla="*/ 4473 w 10000"/>
                  <a:gd name="connsiteY260" fmla="*/ 1329 h 10000"/>
                  <a:gd name="connsiteX261" fmla="*/ 4216 w 10000"/>
                  <a:gd name="connsiteY261" fmla="*/ 1034 h 10000"/>
                  <a:gd name="connsiteX262" fmla="*/ 4087 w 10000"/>
                  <a:gd name="connsiteY262" fmla="*/ 901 h 10000"/>
                  <a:gd name="connsiteX263" fmla="*/ 3986 w 10000"/>
                  <a:gd name="connsiteY263" fmla="*/ 753 h 10000"/>
                  <a:gd name="connsiteX264" fmla="*/ 3907 w 10000"/>
                  <a:gd name="connsiteY264" fmla="*/ 620 h 10000"/>
                  <a:gd name="connsiteX265" fmla="*/ 3881 w 10000"/>
                  <a:gd name="connsiteY265" fmla="*/ 487 h 10000"/>
                  <a:gd name="connsiteX266" fmla="*/ 3856 w 10000"/>
                  <a:gd name="connsiteY266" fmla="*/ 355 h 10000"/>
                  <a:gd name="connsiteX267" fmla="*/ 3907 w 10000"/>
                  <a:gd name="connsiteY267" fmla="*/ 222 h 10000"/>
                  <a:gd name="connsiteX268" fmla="*/ 3934 w 10000"/>
                  <a:gd name="connsiteY268" fmla="*/ 162 h 10000"/>
                  <a:gd name="connsiteX269" fmla="*/ 3986 w 10000"/>
                  <a:gd name="connsiteY269" fmla="*/ 103 h 10000"/>
                  <a:gd name="connsiteX270" fmla="*/ 4063 w 10000"/>
                  <a:gd name="connsiteY270" fmla="*/ 59 h 10000"/>
                  <a:gd name="connsiteX271" fmla="*/ 4164 w 10000"/>
                  <a:gd name="connsiteY271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224 w 10000"/>
                  <a:gd name="connsiteY53" fmla="*/ 4564 h 10000"/>
                  <a:gd name="connsiteX54" fmla="*/ 7095 w 10000"/>
                  <a:gd name="connsiteY54" fmla="*/ 4638 h 10000"/>
                  <a:gd name="connsiteX55" fmla="*/ 7095 w 10000"/>
                  <a:gd name="connsiteY55" fmla="*/ 4697 h 10000"/>
                  <a:gd name="connsiteX56" fmla="*/ 7069 w 10000"/>
                  <a:gd name="connsiteY56" fmla="*/ 4801 h 10000"/>
                  <a:gd name="connsiteX57" fmla="*/ 7069 w 10000"/>
                  <a:gd name="connsiteY57" fmla="*/ 4904 h 10000"/>
                  <a:gd name="connsiteX58" fmla="*/ 6941 w 10000"/>
                  <a:gd name="connsiteY58" fmla="*/ 4860 h 10000"/>
                  <a:gd name="connsiteX59" fmla="*/ 6863 w 10000"/>
                  <a:gd name="connsiteY59" fmla="*/ 4801 h 10000"/>
                  <a:gd name="connsiteX60" fmla="*/ 6786 w 10000"/>
                  <a:gd name="connsiteY60" fmla="*/ 4727 h 10000"/>
                  <a:gd name="connsiteX61" fmla="*/ 6710 w 10000"/>
                  <a:gd name="connsiteY61" fmla="*/ 4638 h 10000"/>
                  <a:gd name="connsiteX62" fmla="*/ 6582 w 10000"/>
                  <a:gd name="connsiteY62" fmla="*/ 4476 h 10000"/>
                  <a:gd name="connsiteX63" fmla="*/ 6451 w 10000"/>
                  <a:gd name="connsiteY63" fmla="*/ 4313 h 10000"/>
                  <a:gd name="connsiteX64" fmla="*/ 6607 w 10000"/>
                  <a:gd name="connsiteY64" fmla="*/ 4210 h 10000"/>
                  <a:gd name="connsiteX65" fmla="*/ 8895 w 10000"/>
                  <a:gd name="connsiteY65" fmla="*/ 3516 h 10000"/>
                  <a:gd name="connsiteX66" fmla="*/ 9306 w 10000"/>
                  <a:gd name="connsiteY66" fmla="*/ 3338 h 10000"/>
                  <a:gd name="connsiteX67" fmla="*/ 9435 w 10000"/>
                  <a:gd name="connsiteY67" fmla="*/ 3235 h 10000"/>
                  <a:gd name="connsiteX68" fmla="*/ 9536 w 10000"/>
                  <a:gd name="connsiteY68" fmla="*/ 3117 h 10000"/>
                  <a:gd name="connsiteX69" fmla="*/ 9563 w 10000"/>
                  <a:gd name="connsiteY69" fmla="*/ 3072 h 10000"/>
                  <a:gd name="connsiteX70" fmla="*/ 9588 w 10000"/>
                  <a:gd name="connsiteY70" fmla="*/ 3013 h 10000"/>
                  <a:gd name="connsiteX71" fmla="*/ 9588 w 10000"/>
                  <a:gd name="connsiteY71" fmla="*/ 2954 h 10000"/>
                  <a:gd name="connsiteX72" fmla="*/ 9563 w 10000"/>
                  <a:gd name="connsiteY72" fmla="*/ 2866 h 10000"/>
                  <a:gd name="connsiteX73" fmla="*/ 9383 w 10000"/>
                  <a:gd name="connsiteY73" fmla="*/ 2984 h 10000"/>
                  <a:gd name="connsiteX74" fmla="*/ 9178 w 10000"/>
                  <a:gd name="connsiteY74" fmla="*/ 3072 h 10000"/>
                  <a:gd name="connsiteX75" fmla="*/ 8971 w 10000"/>
                  <a:gd name="connsiteY75" fmla="*/ 3161 h 10000"/>
                  <a:gd name="connsiteX76" fmla="*/ 8766 w 10000"/>
                  <a:gd name="connsiteY76" fmla="*/ 3250 h 10000"/>
                  <a:gd name="connsiteX77" fmla="*/ 8302 w 10000"/>
                  <a:gd name="connsiteY77" fmla="*/ 3397 h 10000"/>
                  <a:gd name="connsiteX78" fmla="*/ 7815 w 10000"/>
                  <a:gd name="connsiteY78" fmla="*/ 3545 h 10000"/>
                  <a:gd name="connsiteX79" fmla="*/ 7327 w 10000"/>
                  <a:gd name="connsiteY79" fmla="*/ 3678 h 10000"/>
                  <a:gd name="connsiteX80" fmla="*/ 6863 w 10000"/>
                  <a:gd name="connsiteY80" fmla="*/ 3840 h 10000"/>
                  <a:gd name="connsiteX81" fmla="*/ 6632 w 10000"/>
                  <a:gd name="connsiteY81" fmla="*/ 3914 h 10000"/>
                  <a:gd name="connsiteX82" fmla="*/ 6427 w 10000"/>
                  <a:gd name="connsiteY82" fmla="*/ 4003 h 10000"/>
                  <a:gd name="connsiteX83" fmla="*/ 6222 w 10000"/>
                  <a:gd name="connsiteY83" fmla="*/ 4106 h 10000"/>
                  <a:gd name="connsiteX84" fmla="*/ 6014 w 10000"/>
                  <a:gd name="connsiteY84" fmla="*/ 4195 h 10000"/>
                  <a:gd name="connsiteX85" fmla="*/ 6169 w 10000"/>
                  <a:gd name="connsiteY85" fmla="*/ 4417 h 10000"/>
                  <a:gd name="connsiteX86" fmla="*/ 6273 w 10000"/>
                  <a:gd name="connsiteY86" fmla="*/ 4623 h 10000"/>
                  <a:gd name="connsiteX87" fmla="*/ 6375 w 10000"/>
                  <a:gd name="connsiteY87" fmla="*/ 4845 h 10000"/>
                  <a:gd name="connsiteX88" fmla="*/ 6451 w 10000"/>
                  <a:gd name="connsiteY88" fmla="*/ 5081 h 10000"/>
                  <a:gd name="connsiteX89" fmla="*/ 6504 w 10000"/>
                  <a:gd name="connsiteY89" fmla="*/ 5318 h 10000"/>
                  <a:gd name="connsiteX90" fmla="*/ 6530 w 10000"/>
                  <a:gd name="connsiteY90" fmla="*/ 5539 h 10000"/>
                  <a:gd name="connsiteX91" fmla="*/ 6554 w 10000"/>
                  <a:gd name="connsiteY91" fmla="*/ 5775 h 10000"/>
                  <a:gd name="connsiteX92" fmla="*/ 6554 w 10000"/>
                  <a:gd name="connsiteY92" fmla="*/ 5997 h 10000"/>
                  <a:gd name="connsiteX93" fmla="*/ 6530 w 10000"/>
                  <a:gd name="connsiteY93" fmla="*/ 6233 h 10000"/>
                  <a:gd name="connsiteX94" fmla="*/ 6478 w 10000"/>
                  <a:gd name="connsiteY94" fmla="*/ 6470 h 10000"/>
                  <a:gd name="connsiteX95" fmla="*/ 6427 w 10000"/>
                  <a:gd name="connsiteY95" fmla="*/ 6677 h 10000"/>
                  <a:gd name="connsiteX96" fmla="*/ 6350 w 10000"/>
                  <a:gd name="connsiteY96" fmla="*/ 6898 h 10000"/>
                  <a:gd name="connsiteX97" fmla="*/ 6247 w 10000"/>
                  <a:gd name="connsiteY97" fmla="*/ 7105 h 10000"/>
                  <a:gd name="connsiteX98" fmla="*/ 6119 w 10000"/>
                  <a:gd name="connsiteY98" fmla="*/ 7297 h 10000"/>
                  <a:gd name="connsiteX99" fmla="*/ 5964 w 10000"/>
                  <a:gd name="connsiteY99" fmla="*/ 7489 h 10000"/>
                  <a:gd name="connsiteX100" fmla="*/ 5809 w 10000"/>
                  <a:gd name="connsiteY100" fmla="*/ 7681 h 10000"/>
                  <a:gd name="connsiteX101" fmla="*/ 6554 w 10000"/>
                  <a:gd name="connsiteY101" fmla="*/ 7799 h 10000"/>
                  <a:gd name="connsiteX102" fmla="*/ 7327 w 10000"/>
                  <a:gd name="connsiteY102" fmla="*/ 7962 h 10000"/>
                  <a:gd name="connsiteX103" fmla="*/ 7480 w 10000"/>
                  <a:gd name="connsiteY103" fmla="*/ 8021 h 10000"/>
                  <a:gd name="connsiteX104" fmla="*/ 7609 w 10000"/>
                  <a:gd name="connsiteY104" fmla="*/ 8080 h 10000"/>
                  <a:gd name="connsiteX105" fmla="*/ 7737 w 10000"/>
                  <a:gd name="connsiteY105" fmla="*/ 8139 h 10000"/>
                  <a:gd name="connsiteX106" fmla="*/ 7815 w 10000"/>
                  <a:gd name="connsiteY106" fmla="*/ 8227 h 10000"/>
                  <a:gd name="connsiteX107" fmla="*/ 7841 w 10000"/>
                  <a:gd name="connsiteY107" fmla="*/ 8301 h 10000"/>
                  <a:gd name="connsiteX108" fmla="*/ 7841 w 10000"/>
                  <a:gd name="connsiteY108" fmla="*/ 8405 h 10000"/>
                  <a:gd name="connsiteX109" fmla="*/ 7790 w 10000"/>
                  <a:gd name="connsiteY109" fmla="*/ 8523 h 10000"/>
                  <a:gd name="connsiteX110" fmla="*/ 7712 w 10000"/>
                  <a:gd name="connsiteY110" fmla="*/ 8641 h 10000"/>
                  <a:gd name="connsiteX111" fmla="*/ 7378 w 10000"/>
                  <a:gd name="connsiteY111" fmla="*/ 8552 h 10000"/>
                  <a:gd name="connsiteX112" fmla="*/ 7069 w 10000"/>
                  <a:gd name="connsiteY112" fmla="*/ 8449 h 10000"/>
                  <a:gd name="connsiteX113" fmla="*/ 6760 w 10000"/>
                  <a:gd name="connsiteY113" fmla="*/ 8360 h 10000"/>
                  <a:gd name="connsiteX114" fmla="*/ 6451 w 10000"/>
                  <a:gd name="connsiteY114" fmla="*/ 8287 h 10000"/>
                  <a:gd name="connsiteX115" fmla="*/ 6323 w 10000"/>
                  <a:gd name="connsiteY115" fmla="*/ 8449 h 10000"/>
                  <a:gd name="connsiteX116" fmla="*/ 6222 w 10000"/>
                  <a:gd name="connsiteY116" fmla="*/ 8597 h 10000"/>
                  <a:gd name="connsiteX117" fmla="*/ 6169 w 10000"/>
                  <a:gd name="connsiteY117" fmla="*/ 8656 h 10000"/>
                  <a:gd name="connsiteX118" fmla="*/ 6066 w 10000"/>
                  <a:gd name="connsiteY118" fmla="*/ 8700 h 10000"/>
                  <a:gd name="connsiteX119" fmla="*/ 5990 w 10000"/>
                  <a:gd name="connsiteY119" fmla="*/ 8744 h 10000"/>
                  <a:gd name="connsiteX120" fmla="*/ 5913 w 10000"/>
                  <a:gd name="connsiteY120" fmla="*/ 8774 h 10000"/>
                  <a:gd name="connsiteX121" fmla="*/ 5835 w 10000"/>
                  <a:gd name="connsiteY121" fmla="*/ 8804 h 10000"/>
                  <a:gd name="connsiteX122" fmla="*/ 5733 w 10000"/>
                  <a:gd name="connsiteY122" fmla="*/ 8818 h 10000"/>
                  <a:gd name="connsiteX123" fmla="*/ 5603 w 10000"/>
                  <a:gd name="connsiteY123" fmla="*/ 8833 h 10000"/>
                  <a:gd name="connsiteX124" fmla="*/ 5476 w 10000"/>
                  <a:gd name="connsiteY124" fmla="*/ 8833 h 10000"/>
                  <a:gd name="connsiteX125" fmla="*/ 5168 w 10000"/>
                  <a:gd name="connsiteY125" fmla="*/ 8818 h 10000"/>
                  <a:gd name="connsiteX126" fmla="*/ 4781 w 10000"/>
                  <a:gd name="connsiteY126" fmla="*/ 8744 h 10000"/>
                  <a:gd name="connsiteX127" fmla="*/ 4781 w 10000"/>
                  <a:gd name="connsiteY127" fmla="*/ 8922 h 10000"/>
                  <a:gd name="connsiteX128" fmla="*/ 4755 w 10000"/>
                  <a:gd name="connsiteY128" fmla="*/ 9069 h 10000"/>
                  <a:gd name="connsiteX129" fmla="*/ 4731 w 10000"/>
                  <a:gd name="connsiteY129" fmla="*/ 9232 h 10000"/>
                  <a:gd name="connsiteX130" fmla="*/ 4704 w 10000"/>
                  <a:gd name="connsiteY130" fmla="*/ 9365 h 10000"/>
                  <a:gd name="connsiteX131" fmla="*/ 4652 w 10000"/>
                  <a:gd name="connsiteY131" fmla="*/ 9498 h 10000"/>
                  <a:gd name="connsiteX132" fmla="*/ 4551 w 10000"/>
                  <a:gd name="connsiteY132" fmla="*/ 9616 h 10000"/>
                  <a:gd name="connsiteX133" fmla="*/ 4473 w 10000"/>
                  <a:gd name="connsiteY133" fmla="*/ 9734 h 10000"/>
                  <a:gd name="connsiteX134" fmla="*/ 4344 w 10000"/>
                  <a:gd name="connsiteY134" fmla="*/ 9838 h 10000"/>
                  <a:gd name="connsiteX135" fmla="*/ 4034 w 10000"/>
                  <a:gd name="connsiteY135" fmla="*/ 9897 h 10000"/>
                  <a:gd name="connsiteX136" fmla="*/ 3779 w 10000"/>
                  <a:gd name="connsiteY136" fmla="*/ 9941 h 10000"/>
                  <a:gd name="connsiteX137" fmla="*/ 3470 w 10000"/>
                  <a:gd name="connsiteY137" fmla="*/ 9985 h 10000"/>
                  <a:gd name="connsiteX138" fmla="*/ 3239 w 10000"/>
                  <a:gd name="connsiteY138" fmla="*/ 10000 h 10000"/>
                  <a:gd name="connsiteX139" fmla="*/ 2725 w 10000"/>
                  <a:gd name="connsiteY139" fmla="*/ 10000 h 10000"/>
                  <a:gd name="connsiteX140" fmla="*/ 2236 w 10000"/>
                  <a:gd name="connsiteY140" fmla="*/ 9985 h 10000"/>
                  <a:gd name="connsiteX141" fmla="*/ 1775 w 10000"/>
                  <a:gd name="connsiteY141" fmla="*/ 9941 h 10000"/>
                  <a:gd name="connsiteX142" fmla="*/ 1286 w 10000"/>
                  <a:gd name="connsiteY142" fmla="*/ 9911 h 10000"/>
                  <a:gd name="connsiteX143" fmla="*/ 1003 w 10000"/>
                  <a:gd name="connsiteY143" fmla="*/ 9911 h 10000"/>
                  <a:gd name="connsiteX144" fmla="*/ 745 w 10000"/>
                  <a:gd name="connsiteY144" fmla="*/ 9911 h 10000"/>
                  <a:gd name="connsiteX145" fmla="*/ 463 w 10000"/>
                  <a:gd name="connsiteY145" fmla="*/ 9926 h 10000"/>
                  <a:gd name="connsiteX146" fmla="*/ 180 w 10000"/>
                  <a:gd name="connsiteY146" fmla="*/ 9970 h 10000"/>
                  <a:gd name="connsiteX147" fmla="*/ 103 w 10000"/>
                  <a:gd name="connsiteY147" fmla="*/ 9867 h 10000"/>
                  <a:gd name="connsiteX148" fmla="*/ 52 w 10000"/>
                  <a:gd name="connsiteY148" fmla="*/ 9793 h 10000"/>
                  <a:gd name="connsiteX149" fmla="*/ 0 w 10000"/>
                  <a:gd name="connsiteY149" fmla="*/ 9705 h 10000"/>
                  <a:gd name="connsiteX150" fmla="*/ 0 w 10000"/>
                  <a:gd name="connsiteY150" fmla="*/ 9601 h 10000"/>
                  <a:gd name="connsiteX151" fmla="*/ 52 w 10000"/>
                  <a:gd name="connsiteY151" fmla="*/ 9424 h 10000"/>
                  <a:gd name="connsiteX152" fmla="*/ 103 w 10000"/>
                  <a:gd name="connsiteY152" fmla="*/ 9202 h 10000"/>
                  <a:gd name="connsiteX153" fmla="*/ 153 w 10000"/>
                  <a:gd name="connsiteY153" fmla="*/ 8996 h 10000"/>
                  <a:gd name="connsiteX154" fmla="*/ 206 w 10000"/>
                  <a:gd name="connsiteY154" fmla="*/ 8759 h 10000"/>
                  <a:gd name="connsiteX155" fmla="*/ 231 w 10000"/>
                  <a:gd name="connsiteY155" fmla="*/ 8641 h 10000"/>
                  <a:gd name="connsiteX156" fmla="*/ 231 w 10000"/>
                  <a:gd name="connsiteY156" fmla="*/ 8538 h 10000"/>
                  <a:gd name="connsiteX157" fmla="*/ 206 w 10000"/>
                  <a:gd name="connsiteY157" fmla="*/ 8405 h 10000"/>
                  <a:gd name="connsiteX158" fmla="*/ 180 w 10000"/>
                  <a:gd name="connsiteY158" fmla="*/ 8287 h 10000"/>
                  <a:gd name="connsiteX159" fmla="*/ 437 w 10000"/>
                  <a:gd name="connsiteY159" fmla="*/ 8213 h 10000"/>
                  <a:gd name="connsiteX160" fmla="*/ 694 w 10000"/>
                  <a:gd name="connsiteY160" fmla="*/ 8139 h 10000"/>
                  <a:gd name="connsiteX161" fmla="*/ 951 w 10000"/>
                  <a:gd name="connsiteY161" fmla="*/ 8095 h 10000"/>
                  <a:gd name="connsiteX162" fmla="*/ 1234 w 10000"/>
                  <a:gd name="connsiteY162" fmla="*/ 8065 h 10000"/>
                  <a:gd name="connsiteX163" fmla="*/ 1747 w 10000"/>
                  <a:gd name="connsiteY163" fmla="*/ 8021 h 10000"/>
                  <a:gd name="connsiteX164" fmla="*/ 2263 w 10000"/>
                  <a:gd name="connsiteY164" fmla="*/ 7976 h 10000"/>
                  <a:gd name="connsiteX165" fmla="*/ 2494 w 10000"/>
                  <a:gd name="connsiteY165" fmla="*/ 7947 h 10000"/>
                  <a:gd name="connsiteX166" fmla="*/ 2725 w 10000"/>
                  <a:gd name="connsiteY166" fmla="*/ 7917 h 10000"/>
                  <a:gd name="connsiteX167" fmla="*/ 2929 w 10000"/>
                  <a:gd name="connsiteY167" fmla="*/ 7843 h 10000"/>
                  <a:gd name="connsiteX168" fmla="*/ 3136 w 10000"/>
                  <a:gd name="connsiteY168" fmla="*/ 7784 h 10000"/>
                  <a:gd name="connsiteX169" fmla="*/ 3316 w 10000"/>
                  <a:gd name="connsiteY169" fmla="*/ 7710 h 10000"/>
                  <a:gd name="connsiteX170" fmla="*/ 3470 w 10000"/>
                  <a:gd name="connsiteY170" fmla="*/ 7592 h 10000"/>
                  <a:gd name="connsiteX171" fmla="*/ 3625 w 10000"/>
                  <a:gd name="connsiteY171" fmla="*/ 7474 h 10000"/>
                  <a:gd name="connsiteX172" fmla="*/ 3727 w 10000"/>
                  <a:gd name="connsiteY172" fmla="*/ 7312 h 10000"/>
                  <a:gd name="connsiteX173" fmla="*/ 3522 w 10000"/>
                  <a:gd name="connsiteY173" fmla="*/ 7238 h 10000"/>
                  <a:gd name="connsiteX174" fmla="*/ 3341 w 10000"/>
                  <a:gd name="connsiteY174" fmla="*/ 7179 h 10000"/>
                  <a:gd name="connsiteX175" fmla="*/ 3187 w 10000"/>
                  <a:gd name="connsiteY175" fmla="*/ 7090 h 10000"/>
                  <a:gd name="connsiteX176" fmla="*/ 3034 w 10000"/>
                  <a:gd name="connsiteY176" fmla="*/ 6987 h 10000"/>
                  <a:gd name="connsiteX177" fmla="*/ 2929 w 10000"/>
                  <a:gd name="connsiteY177" fmla="*/ 6869 h 10000"/>
                  <a:gd name="connsiteX178" fmla="*/ 2880 w 10000"/>
                  <a:gd name="connsiteY178" fmla="*/ 6721 h 10000"/>
                  <a:gd name="connsiteX179" fmla="*/ 2853 w 10000"/>
                  <a:gd name="connsiteY179" fmla="*/ 6558 h 10000"/>
                  <a:gd name="connsiteX180" fmla="*/ 2880 w 10000"/>
                  <a:gd name="connsiteY180" fmla="*/ 6352 h 10000"/>
                  <a:gd name="connsiteX181" fmla="*/ 2751 w 10000"/>
                  <a:gd name="connsiteY181" fmla="*/ 6322 h 10000"/>
                  <a:gd name="connsiteX182" fmla="*/ 2597 w 10000"/>
                  <a:gd name="connsiteY182" fmla="*/ 6292 h 10000"/>
                  <a:gd name="connsiteX183" fmla="*/ 2417 w 10000"/>
                  <a:gd name="connsiteY183" fmla="*/ 6278 h 10000"/>
                  <a:gd name="connsiteX184" fmla="*/ 2236 w 10000"/>
                  <a:gd name="connsiteY184" fmla="*/ 6263 h 10000"/>
                  <a:gd name="connsiteX185" fmla="*/ 1877 w 10000"/>
                  <a:gd name="connsiteY185" fmla="*/ 6248 h 10000"/>
                  <a:gd name="connsiteX186" fmla="*/ 1491 w 10000"/>
                  <a:gd name="connsiteY186" fmla="*/ 6263 h 10000"/>
                  <a:gd name="connsiteX187" fmla="*/ 1158 w 10000"/>
                  <a:gd name="connsiteY187" fmla="*/ 6278 h 10000"/>
                  <a:gd name="connsiteX188" fmla="*/ 848 w 10000"/>
                  <a:gd name="connsiteY188" fmla="*/ 6278 h 10000"/>
                  <a:gd name="connsiteX189" fmla="*/ 593 w 10000"/>
                  <a:gd name="connsiteY189" fmla="*/ 6263 h 10000"/>
                  <a:gd name="connsiteX190" fmla="*/ 386 w 10000"/>
                  <a:gd name="connsiteY190" fmla="*/ 6233 h 10000"/>
                  <a:gd name="connsiteX191" fmla="*/ 641 w 10000"/>
                  <a:gd name="connsiteY191" fmla="*/ 5805 h 10000"/>
                  <a:gd name="connsiteX192" fmla="*/ 926 w 10000"/>
                  <a:gd name="connsiteY192" fmla="*/ 5391 h 10000"/>
                  <a:gd name="connsiteX193" fmla="*/ 1029 w 10000"/>
                  <a:gd name="connsiteY193" fmla="*/ 5170 h 10000"/>
                  <a:gd name="connsiteX194" fmla="*/ 1105 w 10000"/>
                  <a:gd name="connsiteY194" fmla="*/ 4963 h 10000"/>
                  <a:gd name="connsiteX195" fmla="*/ 1130 w 10000"/>
                  <a:gd name="connsiteY195" fmla="*/ 4860 h 10000"/>
                  <a:gd name="connsiteX196" fmla="*/ 1105 w 10000"/>
                  <a:gd name="connsiteY196" fmla="*/ 4756 h 10000"/>
                  <a:gd name="connsiteX197" fmla="*/ 1080 w 10000"/>
                  <a:gd name="connsiteY197" fmla="*/ 4653 h 10000"/>
                  <a:gd name="connsiteX198" fmla="*/ 1003 w 10000"/>
                  <a:gd name="connsiteY198" fmla="*/ 4549 h 10000"/>
                  <a:gd name="connsiteX199" fmla="*/ 1286 w 10000"/>
                  <a:gd name="connsiteY199" fmla="*/ 4520 h 10000"/>
                  <a:gd name="connsiteX200" fmla="*/ 1491 w 10000"/>
                  <a:gd name="connsiteY200" fmla="*/ 4505 h 10000"/>
                  <a:gd name="connsiteX201" fmla="*/ 1671 w 10000"/>
                  <a:gd name="connsiteY201" fmla="*/ 4505 h 10000"/>
                  <a:gd name="connsiteX202" fmla="*/ 1825 w 10000"/>
                  <a:gd name="connsiteY202" fmla="*/ 4520 h 10000"/>
                  <a:gd name="connsiteX203" fmla="*/ 1954 w 10000"/>
                  <a:gd name="connsiteY203" fmla="*/ 4520 h 10000"/>
                  <a:gd name="connsiteX204" fmla="*/ 2108 w 10000"/>
                  <a:gd name="connsiteY204" fmla="*/ 4520 h 10000"/>
                  <a:gd name="connsiteX205" fmla="*/ 2263 w 10000"/>
                  <a:gd name="connsiteY205" fmla="*/ 4490 h 10000"/>
                  <a:gd name="connsiteX206" fmla="*/ 2467 w 10000"/>
                  <a:gd name="connsiteY206" fmla="*/ 4446 h 10000"/>
                  <a:gd name="connsiteX207" fmla="*/ 2467 w 10000"/>
                  <a:gd name="connsiteY207" fmla="*/ 4579 h 10000"/>
                  <a:gd name="connsiteX208" fmla="*/ 2467 w 10000"/>
                  <a:gd name="connsiteY208" fmla="*/ 4742 h 10000"/>
                  <a:gd name="connsiteX209" fmla="*/ 2467 w 10000"/>
                  <a:gd name="connsiteY209" fmla="*/ 4874 h 10000"/>
                  <a:gd name="connsiteX210" fmla="*/ 2467 w 10000"/>
                  <a:gd name="connsiteY210" fmla="*/ 5037 h 10000"/>
                  <a:gd name="connsiteX211" fmla="*/ 2699 w 10000"/>
                  <a:gd name="connsiteY211" fmla="*/ 5022 h 10000"/>
                  <a:gd name="connsiteX212" fmla="*/ 2853 w 10000"/>
                  <a:gd name="connsiteY212" fmla="*/ 5037 h 10000"/>
                  <a:gd name="connsiteX213" fmla="*/ 2982 w 10000"/>
                  <a:gd name="connsiteY213" fmla="*/ 5066 h 10000"/>
                  <a:gd name="connsiteX214" fmla="*/ 3111 w 10000"/>
                  <a:gd name="connsiteY214" fmla="*/ 5096 h 10000"/>
                  <a:gd name="connsiteX215" fmla="*/ 3214 w 10000"/>
                  <a:gd name="connsiteY215" fmla="*/ 5126 h 10000"/>
                  <a:gd name="connsiteX216" fmla="*/ 3341 w 10000"/>
                  <a:gd name="connsiteY216" fmla="*/ 5155 h 10000"/>
                  <a:gd name="connsiteX217" fmla="*/ 3496 w 10000"/>
                  <a:gd name="connsiteY217" fmla="*/ 5170 h 10000"/>
                  <a:gd name="connsiteX218" fmla="*/ 3727 w 10000"/>
                  <a:gd name="connsiteY218" fmla="*/ 5155 h 10000"/>
                  <a:gd name="connsiteX219" fmla="*/ 3805 w 10000"/>
                  <a:gd name="connsiteY219" fmla="*/ 5096 h 10000"/>
                  <a:gd name="connsiteX220" fmla="*/ 3881 w 10000"/>
                  <a:gd name="connsiteY220" fmla="*/ 5022 h 10000"/>
                  <a:gd name="connsiteX221" fmla="*/ 3907 w 10000"/>
                  <a:gd name="connsiteY221" fmla="*/ 4934 h 10000"/>
                  <a:gd name="connsiteX222" fmla="*/ 3934 w 10000"/>
                  <a:gd name="connsiteY222" fmla="*/ 4860 h 10000"/>
                  <a:gd name="connsiteX223" fmla="*/ 3958 w 10000"/>
                  <a:gd name="connsiteY223" fmla="*/ 4697 h 10000"/>
                  <a:gd name="connsiteX224" fmla="*/ 3934 w 10000"/>
                  <a:gd name="connsiteY224" fmla="*/ 4520 h 10000"/>
                  <a:gd name="connsiteX225" fmla="*/ 3856 w 10000"/>
                  <a:gd name="connsiteY225" fmla="*/ 4343 h 10000"/>
                  <a:gd name="connsiteX226" fmla="*/ 3779 w 10000"/>
                  <a:gd name="connsiteY226" fmla="*/ 4195 h 10000"/>
                  <a:gd name="connsiteX227" fmla="*/ 3650 w 10000"/>
                  <a:gd name="connsiteY227" fmla="*/ 4047 h 10000"/>
                  <a:gd name="connsiteX228" fmla="*/ 3522 w 10000"/>
                  <a:gd name="connsiteY228" fmla="*/ 3959 h 10000"/>
                  <a:gd name="connsiteX229" fmla="*/ 3676 w 10000"/>
                  <a:gd name="connsiteY229" fmla="*/ 3944 h 10000"/>
                  <a:gd name="connsiteX230" fmla="*/ 3805 w 10000"/>
                  <a:gd name="connsiteY230" fmla="*/ 3914 h 10000"/>
                  <a:gd name="connsiteX231" fmla="*/ 3907 w 10000"/>
                  <a:gd name="connsiteY231" fmla="*/ 3855 h 10000"/>
                  <a:gd name="connsiteX232" fmla="*/ 4034 w 10000"/>
                  <a:gd name="connsiteY232" fmla="*/ 3752 h 10000"/>
                  <a:gd name="connsiteX233" fmla="*/ 4164 w 10000"/>
                  <a:gd name="connsiteY233" fmla="*/ 3663 h 10000"/>
                  <a:gd name="connsiteX234" fmla="*/ 4267 w 10000"/>
                  <a:gd name="connsiteY234" fmla="*/ 3560 h 10000"/>
                  <a:gd name="connsiteX235" fmla="*/ 4344 w 10000"/>
                  <a:gd name="connsiteY235" fmla="*/ 3442 h 10000"/>
                  <a:gd name="connsiteX236" fmla="*/ 4422 w 10000"/>
                  <a:gd name="connsiteY236" fmla="*/ 3323 h 10000"/>
                  <a:gd name="connsiteX237" fmla="*/ 4473 w 10000"/>
                  <a:gd name="connsiteY237" fmla="*/ 3220 h 10000"/>
                  <a:gd name="connsiteX238" fmla="*/ 4498 w 10000"/>
                  <a:gd name="connsiteY238" fmla="*/ 3102 h 10000"/>
                  <a:gd name="connsiteX239" fmla="*/ 4525 w 10000"/>
                  <a:gd name="connsiteY239" fmla="*/ 3013 h 10000"/>
                  <a:gd name="connsiteX240" fmla="*/ 4498 w 10000"/>
                  <a:gd name="connsiteY240" fmla="*/ 2939 h 10000"/>
                  <a:gd name="connsiteX241" fmla="*/ 4473 w 10000"/>
                  <a:gd name="connsiteY241" fmla="*/ 2866 h 10000"/>
                  <a:gd name="connsiteX242" fmla="*/ 4396 w 10000"/>
                  <a:gd name="connsiteY242" fmla="*/ 2836 h 10000"/>
                  <a:gd name="connsiteX243" fmla="*/ 4294 w 10000"/>
                  <a:gd name="connsiteY243" fmla="*/ 2836 h 10000"/>
                  <a:gd name="connsiteX244" fmla="*/ 4164 w 10000"/>
                  <a:gd name="connsiteY244" fmla="*/ 2866 h 10000"/>
                  <a:gd name="connsiteX245" fmla="*/ 4267 w 10000"/>
                  <a:gd name="connsiteY245" fmla="*/ 2777 h 10000"/>
                  <a:gd name="connsiteX246" fmla="*/ 4320 w 10000"/>
                  <a:gd name="connsiteY246" fmla="*/ 2674 h 10000"/>
                  <a:gd name="connsiteX247" fmla="*/ 4344 w 10000"/>
                  <a:gd name="connsiteY247" fmla="*/ 2541 h 10000"/>
                  <a:gd name="connsiteX248" fmla="*/ 4344 w 10000"/>
                  <a:gd name="connsiteY248" fmla="*/ 2393 h 10000"/>
                  <a:gd name="connsiteX249" fmla="*/ 4369 w 10000"/>
                  <a:gd name="connsiteY249" fmla="*/ 2349 h 10000"/>
                  <a:gd name="connsiteX250" fmla="*/ 4422 w 10000"/>
                  <a:gd name="connsiteY250" fmla="*/ 2304 h 10000"/>
                  <a:gd name="connsiteX251" fmla="*/ 4473 w 10000"/>
                  <a:gd name="connsiteY251" fmla="*/ 2290 h 10000"/>
                  <a:gd name="connsiteX252" fmla="*/ 4551 w 10000"/>
                  <a:gd name="connsiteY252" fmla="*/ 2275 h 10000"/>
                  <a:gd name="connsiteX253" fmla="*/ 4781 w 10000"/>
                  <a:gd name="connsiteY253" fmla="*/ 2260 h 10000"/>
                  <a:gd name="connsiteX254" fmla="*/ 4986 w 10000"/>
                  <a:gd name="connsiteY254" fmla="*/ 2275 h 10000"/>
                  <a:gd name="connsiteX255" fmla="*/ 4961 w 10000"/>
                  <a:gd name="connsiteY255" fmla="*/ 2112 h 10000"/>
                  <a:gd name="connsiteX256" fmla="*/ 4910 w 10000"/>
                  <a:gd name="connsiteY256" fmla="*/ 1950 h 10000"/>
                  <a:gd name="connsiteX257" fmla="*/ 4832 w 10000"/>
                  <a:gd name="connsiteY257" fmla="*/ 1802 h 10000"/>
                  <a:gd name="connsiteX258" fmla="*/ 4731 w 10000"/>
                  <a:gd name="connsiteY258" fmla="*/ 1640 h 10000"/>
                  <a:gd name="connsiteX259" fmla="*/ 4473 w 10000"/>
                  <a:gd name="connsiteY259" fmla="*/ 1329 h 10000"/>
                  <a:gd name="connsiteX260" fmla="*/ 4216 w 10000"/>
                  <a:gd name="connsiteY260" fmla="*/ 1034 h 10000"/>
                  <a:gd name="connsiteX261" fmla="*/ 4087 w 10000"/>
                  <a:gd name="connsiteY261" fmla="*/ 901 h 10000"/>
                  <a:gd name="connsiteX262" fmla="*/ 3986 w 10000"/>
                  <a:gd name="connsiteY262" fmla="*/ 753 h 10000"/>
                  <a:gd name="connsiteX263" fmla="*/ 3907 w 10000"/>
                  <a:gd name="connsiteY263" fmla="*/ 620 h 10000"/>
                  <a:gd name="connsiteX264" fmla="*/ 3881 w 10000"/>
                  <a:gd name="connsiteY264" fmla="*/ 487 h 10000"/>
                  <a:gd name="connsiteX265" fmla="*/ 3856 w 10000"/>
                  <a:gd name="connsiteY265" fmla="*/ 355 h 10000"/>
                  <a:gd name="connsiteX266" fmla="*/ 3907 w 10000"/>
                  <a:gd name="connsiteY266" fmla="*/ 222 h 10000"/>
                  <a:gd name="connsiteX267" fmla="*/ 3934 w 10000"/>
                  <a:gd name="connsiteY267" fmla="*/ 162 h 10000"/>
                  <a:gd name="connsiteX268" fmla="*/ 3986 w 10000"/>
                  <a:gd name="connsiteY268" fmla="*/ 103 h 10000"/>
                  <a:gd name="connsiteX269" fmla="*/ 4063 w 10000"/>
                  <a:gd name="connsiteY269" fmla="*/ 59 h 10000"/>
                  <a:gd name="connsiteX270" fmla="*/ 4164 w 10000"/>
                  <a:gd name="connsiteY270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224 w 10000"/>
                  <a:gd name="connsiteY53" fmla="*/ 4564 h 10000"/>
                  <a:gd name="connsiteX54" fmla="*/ 7095 w 10000"/>
                  <a:gd name="connsiteY54" fmla="*/ 4638 h 10000"/>
                  <a:gd name="connsiteX55" fmla="*/ 7095 w 10000"/>
                  <a:gd name="connsiteY55" fmla="*/ 4697 h 10000"/>
                  <a:gd name="connsiteX56" fmla="*/ 7069 w 10000"/>
                  <a:gd name="connsiteY56" fmla="*/ 4801 h 10000"/>
                  <a:gd name="connsiteX57" fmla="*/ 7069 w 10000"/>
                  <a:gd name="connsiteY57" fmla="*/ 4904 h 10000"/>
                  <a:gd name="connsiteX58" fmla="*/ 6941 w 10000"/>
                  <a:gd name="connsiteY58" fmla="*/ 4860 h 10000"/>
                  <a:gd name="connsiteX59" fmla="*/ 6863 w 10000"/>
                  <a:gd name="connsiteY59" fmla="*/ 4801 h 10000"/>
                  <a:gd name="connsiteX60" fmla="*/ 6786 w 10000"/>
                  <a:gd name="connsiteY60" fmla="*/ 4727 h 10000"/>
                  <a:gd name="connsiteX61" fmla="*/ 6710 w 10000"/>
                  <a:gd name="connsiteY61" fmla="*/ 4638 h 10000"/>
                  <a:gd name="connsiteX62" fmla="*/ 6582 w 10000"/>
                  <a:gd name="connsiteY62" fmla="*/ 4476 h 10000"/>
                  <a:gd name="connsiteX63" fmla="*/ 6451 w 10000"/>
                  <a:gd name="connsiteY63" fmla="*/ 4313 h 10000"/>
                  <a:gd name="connsiteX64" fmla="*/ 6607 w 10000"/>
                  <a:gd name="connsiteY64" fmla="*/ 4210 h 10000"/>
                  <a:gd name="connsiteX65" fmla="*/ 9306 w 10000"/>
                  <a:gd name="connsiteY65" fmla="*/ 3338 h 10000"/>
                  <a:gd name="connsiteX66" fmla="*/ 9435 w 10000"/>
                  <a:gd name="connsiteY66" fmla="*/ 3235 h 10000"/>
                  <a:gd name="connsiteX67" fmla="*/ 9536 w 10000"/>
                  <a:gd name="connsiteY67" fmla="*/ 3117 h 10000"/>
                  <a:gd name="connsiteX68" fmla="*/ 9563 w 10000"/>
                  <a:gd name="connsiteY68" fmla="*/ 3072 h 10000"/>
                  <a:gd name="connsiteX69" fmla="*/ 9588 w 10000"/>
                  <a:gd name="connsiteY69" fmla="*/ 3013 h 10000"/>
                  <a:gd name="connsiteX70" fmla="*/ 9588 w 10000"/>
                  <a:gd name="connsiteY70" fmla="*/ 2954 h 10000"/>
                  <a:gd name="connsiteX71" fmla="*/ 9563 w 10000"/>
                  <a:gd name="connsiteY71" fmla="*/ 2866 h 10000"/>
                  <a:gd name="connsiteX72" fmla="*/ 9383 w 10000"/>
                  <a:gd name="connsiteY72" fmla="*/ 2984 h 10000"/>
                  <a:gd name="connsiteX73" fmla="*/ 9178 w 10000"/>
                  <a:gd name="connsiteY73" fmla="*/ 3072 h 10000"/>
                  <a:gd name="connsiteX74" fmla="*/ 8971 w 10000"/>
                  <a:gd name="connsiteY74" fmla="*/ 3161 h 10000"/>
                  <a:gd name="connsiteX75" fmla="*/ 8766 w 10000"/>
                  <a:gd name="connsiteY75" fmla="*/ 3250 h 10000"/>
                  <a:gd name="connsiteX76" fmla="*/ 8302 w 10000"/>
                  <a:gd name="connsiteY76" fmla="*/ 3397 h 10000"/>
                  <a:gd name="connsiteX77" fmla="*/ 7815 w 10000"/>
                  <a:gd name="connsiteY77" fmla="*/ 3545 h 10000"/>
                  <a:gd name="connsiteX78" fmla="*/ 7327 w 10000"/>
                  <a:gd name="connsiteY78" fmla="*/ 3678 h 10000"/>
                  <a:gd name="connsiteX79" fmla="*/ 6863 w 10000"/>
                  <a:gd name="connsiteY79" fmla="*/ 3840 h 10000"/>
                  <a:gd name="connsiteX80" fmla="*/ 6632 w 10000"/>
                  <a:gd name="connsiteY80" fmla="*/ 3914 h 10000"/>
                  <a:gd name="connsiteX81" fmla="*/ 6427 w 10000"/>
                  <a:gd name="connsiteY81" fmla="*/ 4003 h 10000"/>
                  <a:gd name="connsiteX82" fmla="*/ 6222 w 10000"/>
                  <a:gd name="connsiteY82" fmla="*/ 4106 h 10000"/>
                  <a:gd name="connsiteX83" fmla="*/ 6014 w 10000"/>
                  <a:gd name="connsiteY83" fmla="*/ 4195 h 10000"/>
                  <a:gd name="connsiteX84" fmla="*/ 6169 w 10000"/>
                  <a:gd name="connsiteY84" fmla="*/ 4417 h 10000"/>
                  <a:gd name="connsiteX85" fmla="*/ 6273 w 10000"/>
                  <a:gd name="connsiteY85" fmla="*/ 4623 h 10000"/>
                  <a:gd name="connsiteX86" fmla="*/ 6375 w 10000"/>
                  <a:gd name="connsiteY86" fmla="*/ 4845 h 10000"/>
                  <a:gd name="connsiteX87" fmla="*/ 6451 w 10000"/>
                  <a:gd name="connsiteY87" fmla="*/ 5081 h 10000"/>
                  <a:gd name="connsiteX88" fmla="*/ 6504 w 10000"/>
                  <a:gd name="connsiteY88" fmla="*/ 5318 h 10000"/>
                  <a:gd name="connsiteX89" fmla="*/ 6530 w 10000"/>
                  <a:gd name="connsiteY89" fmla="*/ 5539 h 10000"/>
                  <a:gd name="connsiteX90" fmla="*/ 6554 w 10000"/>
                  <a:gd name="connsiteY90" fmla="*/ 5775 h 10000"/>
                  <a:gd name="connsiteX91" fmla="*/ 6554 w 10000"/>
                  <a:gd name="connsiteY91" fmla="*/ 5997 h 10000"/>
                  <a:gd name="connsiteX92" fmla="*/ 6530 w 10000"/>
                  <a:gd name="connsiteY92" fmla="*/ 6233 h 10000"/>
                  <a:gd name="connsiteX93" fmla="*/ 6478 w 10000"/>
                  <a:gd name="connsiteY93" fmla="*/ 6470 h 10000"/>
                  <a:gd name="connsiteX94" fmla="*/ 6427 w 10000"/>
                  <a:gd name="connsiteY94" fmla="*/ 6677 h 10000"/>
                  <a:gd name="connsiteX95" fmla="*/ 6350 w 10000"/>
                  <a:gd name="connsiteY95" fmla="*/ 6898 h 10000"/>
                  <a:gd name="connsiteX96" fmla="*/ 6247 w 10000"/>
                  <a:gd name="connsiteY96" fmla="*/ 7105 h 10000"/>
                  <a:gd name="connsiteX97" fmla="*/ 6119 w 10000"/>
                  <a:gd name="connsiteY97" fmla="*/ 7297 h 10000"/>
                  <a:gd name="connsiteX98" fmla="*/ 5964 w 10000"/>
                  <a:gd name="connsiteY98" fmla="*/ 7489 h 10000"/>
                  <a:gd name="connsiteX99" fmla="*/ 5809 w 10000"/>
                  <a:gd name="connsiteY99" fmla="*/ 7681 h 10000"/>
                  <a:gd name="connsiteX100" fmla="*/ 6554 w 10000"/>
                  <a:gd name="connsiteY100" fmla="*/ 7799 h 10000"/>
                  <a:gd name="connsiteX101" fmla="*/ 7327 w 10000"/>
                  <a:gd name="connsiteY101" fmla="*/ 7962 h 10000"/>
                  <a:gd name="connsiteX102" fmla="*/ 7480 w 10000"/>
                  <a:gd name="connsiteY102" fmla="*/ 8021 h 10000"/>
                  <a:gd name="connsiteX103" fmla="*/ 7609 w 10000"/>
                  <a:gd name="connsiteY103" fmla="*/ 8080 h 10000"/>
                  <a:gd name="connsiteX104" fmla="*/ 7737 w 10000"/>
                  <a:gd name="connsiteY104" fmla="*/ 8139 h 10000"/>
                  <a:gd name="connsiteX105" fmla="*/ 7815 w 10000"/>
                  <a:gd name="connsiteY105" fmla="*/ 8227 h 10000"/>
                  <a:gd name="connsiteX106" fmla="*/ 7841 w 10000"/>
                  <a:gd name="connsiteY106" fmla="*/ 8301 h 10000"/>
                  <a:gd name="connsiteX107" fmla="*/ 7841 w 10000"/>
                  <a:gd name="connsiteY107" fmla="*/ 8405 h 10000"/>
                  <a:gd name="connsiteX108" fmla="*/ 7790 w 10000"/>
                  <a:gd name="connsiteY108" fmla="*/ 8523 h 10000"/>
                  <a:gd name="connsiteX109" fmla="*/ 7712 w 10000"/>
                  <a:gd name="connsiteY109" fmla="*/ 8641 h 10000"/>
                  <a:gd name="connsiteX110" fmla="*/ 7378 w 10000"/>
                  <a:gd name="connsiteY110" fmla="*/ 8552 h 10000"/>
                  <a:gd name="connsiteX111" fmla="*/ 7069 w 10000"/>
                  <a:gd name="connsiteY111" fmla="*/ 8449 h 10000"/>
                  <a:gd name="connsiteX112" fmla="*/ 6760 w 10000"/>
                  <a:gd name="connsiteY112" fmla="*/ 8360 h 10000"/>
                  <a:gd name="connsiteX113" fmla="*/ 6451 w 10000"/>
                  <a:gd name="connsiteY113" fmla="*/ 8287 h 10000"/>
                  <a:gd name="connsiteX114" fmla="*/ 6323 w 10000"/>
                  <a:gd name="connsiteY114" fmla="*/ 8449 h 10000"/>
                  <a:gd name="connsiteX115" fmla="*/ 6222 w 10000"/>
                  <a:gd name="connsiteY115" fmla="*/ 8597 h 10000"/>
                  <a:gd name="connsiteX116" fmla="*/ 6169 w 10000"/>
                  <a:gd name="connsiteY116" fmla="*/ 8656 h 10000"/>
                  <a:gd name="connsiteX117" fmla="*/ 6066 w 10000"/>
                  <a:gd name="connsiteY117" fmla="*/ 8700 h 10000"/>
                  <a:gd name="connsiteX118" fmla="*/ 5990 w 10000"/>
                  <a:gd name="connsiteY118" fmla="*/ 8744 h 10000"/>
                  <a:gd name="connsiteX119" fmla="*/ 5913 w 10000"/>
                  <a:gd name="connsiteY119" fmla="*/ 8774 h 10000"/>
                  <a:gd name="connsiteX120" fmla="*/ 5835 w 10000"/>
                  <a:gd name="connsiteY120" fmla="*/ 8804 h 10000"/>
                  <a:gd name="connsiteX121" fmla="*/ 5733 w 10000"/>
                  <a:gd name="connsiteY121" fmla="*/ 8818 h 10000"/>
                  <a:gd name="connsiteX122" fmla="*/ 5603 w 10000"/>
                  <a:gd name="connsiteY122" fmla="*/ 8833 h 10000"/>
                  <a:gd name="connsiteX123" fmla="*/ 5476 w 10000"/>
                  <a:gd name="connsiteY123" fmla="*/ 8833 h 10000"/>
                  <a:gd name="connsiteX124" fmla="*/ 5168 w 10000"/>
                  <a:gd name="connsiteY124" fmla="*/ 8818 h 10000"/>
                  <a:gd name="connsiteX125" fmla="*/ 4781 w 10000"/>
                  <a:gd name="connsiteY125" fmla="*/ 8744 h 10000"/>
                  <a:gd name="connsiteX126" fmla="*/ 4781 w 10000"/>
                  <a:gd name="connsiteY126" fmla="*/ 8922 h 10000"/>
                  <a:gd name="connsiteX127" fmla="*/ 4755 w 10000"/>
                  <a:gd name="connsiteY127" fmla="*/ 9069 h 10000"/>
                  <a:gd name="connsiteX128" fmla="*/ 4731 w 10000"/>
                  <a:gd name="connsiteY128" fmla="*/ 9232 h 10000"/>
                  <a:gd name="connsiteX129" fmla="*/ 4704 w 10000"/>
                  <a:gd name="connsiteY129" fmla="*/ 9365 h 10000"/>
                  <a:gd name="connsiteX130" fmla="*/ 4652 w 10000"/>
                  <a:gd name="connsiteY130" fmla="*/ 9498 h 10000"/>
                  <a:gd name="connsiteX131" fmla="*/ 4551 w 10000"/>
                  <a:gd name="connsiteY131" fmla="*/ 9616 h 10000"/>
                  <a:gd name="connsiteX132" fmla="*/ 4473 w 10000"/>
                  <a:gd name="connsiteY132" fmla="*/ 9734 h 10000"/>
                  <a:gd name="connsiteX133" fmla="*/ 4344 w 10000"/>
                  <a:gd name="connsiteY133" fmla="*/ 9838 h 10000"/>
                  <a:gd name="connsiteX134" fmla="*/ 4034 w 10000"/>
                  <a:gd name="connsiteY134" fmla="*/ 9897 h 10000"/>
                  <a:gd name="connsiteX135" fmla="*/ 3779 w 10000"/>
                  <a:gd name="connsiteY135" fmla="*/ 9941 h 10000"/>
                  <a:gd name="connsiteX136" fmla="*/ 3470 w 10000"/>
                  <a:gd name="connsiteY136" fmla="*/ 9985 h 10000"/>
                  <a:gd name="connsiteX137" fmla="*/ 3239 w 10000"/>
                  <a:gd name="connsiteY137" fmla="*/ 10000 h 10000"/>
                  <a:gd name="connsiteX138" fmla="*/ 2725 w 10000"/>
                  <a:gd name="connsiteY138" fmla="*/ 10000 h 10000"/>
                  <a:gd name="connsiteX139" fmla="*/ 2236 w 10000"/>
                  <a:gd name="connsiteY139" fmla="*/ 9985 h 10000"/>
                  <a:gd name="connsiteX140" fmla="*/ 1775 w 10000"/>
                  <a:gd name="connsiteY140" fmla="*/ 9941 h 10000"/>
                  <a:gd name="connsiteX141" fmla="*/ 1286 w 10000"/>
                  <a:gd name="connsiteY141" fmla="*/ 9911 h 10000"/>
                  <a:gd name="connsiteX142" fmla="*/ 1003 w 10000"/>
                  <a:gd name="connsiteY142" fmla="*/ 9911 h 10000"/>
                  <a:gd name="connsiteX143" fmla="*/ 745 w 10000"/>
                  <a:gd name="connsiteY143" fmla="*/ 9911 h 10000"/>
                  <a:gd name="connsiteX144" fmla="*/ 463 w 10000"/>
                  <a:gd name="connsiteY144" fmla="*/ 9926 h 10000"/>
                  <a:gd name="connsiteX145" fmla="*/ 180 w 10000"/>
                  <a:gd name="connsiteY145" fmla="*/ 9970 h 10000"/>
                  <a:gd name="connsiteX146" fmla="*/ 103 w 10000"/>
                  <a:gd name="connsiteY146" fmla="*/ 9867 h 10000"/>
                  <a:gd name="connsiteX147" fmla="*/ 52 w 10000"/>
                  <a:gd name="connsiteY147" fmla="*/ 9793 h 10000"/>
                  <a:gd name="connsiteX148" fmla="*/ 0 w 10000"/>
                  <a:gd name="connsiteY148" fmla="*/ 9705 h 10000"/>
                  <a:gd name="connsiteX149" fmla="*/ 0 w 10000"/>
                  <a:gd name="connsiteY149" fmla="*/ 9601 h 10000"/>
                  <a:gd name="connsiteX150" fmla="*/ 52 w 10000"/>
                  <a:gd name="connsiteY150" fmla="*/ 9424 h 10000"/>
                  <a:gd name="connsiteX151" fmla="*/ 103 w 10000"/>
                  <a:gd name="connsiteY151" fmla="*/ 9202 h 10000"/>
                  <a:gd name="connsiteX152" fmla="*/ 153 w 10000"/>
                  <a:gd name="connsiteY152" fmla="*/ 8996 h 10000"/>
                  <a:gd name="connsiteX153" fmla="*/ 206 w 10000"/>
                  <a:gd name="connsiteY153" fmla="*/ 8759 h 10000"/>
                  <a:gd name="connsiteX154" fmla="*/ 231 w 10000"/>
                  <a:gd name="connsiteY154" fmla="*/ 8641 h 10000"/>
                  <a:gd name="connsiteX155" fmla="*/ 231 w 10000"/>
                  <a:gd name="connsiteY155" fmla="*/ 8538 h 10000"/>
                  <a:gd name="connsiteX156" fmla="*/ 206 w 10000"/>
                  <a:gd name="connsiteY156" fmla="*/ 8405 h 10000"/>
                  <a:gd name="connsiteX157" fmla="*/ 180 w 10000"/>
                  <a:gd name="connsiteY157" fmla="*/ 8287 h 10000"/>
                  <a:gd name="connsiteX158" fmla="*/ 437 w 10000"/>
                  <a:gd name="connsiteY158" fmla="*/ 8213 h 10000"/>
                  <a:gd name="connsiteX159" fmla="*/ 694 w 10000"/>
                  <a:gd name="connsiteY159" fmla="*/ 8139 h 10000"/>
                  <a:gd name="connsiteX160" fmla="*/ 951 w 10000"/>
                  <a:gd name="connsiteY160" fmla="*/ 8095 h 10000"/>
                  <a:gd name="connsiteX161" fmla="*/ 1234 w 10000"/>
                  <a:gd name="connsiteY161" fmla="*/ 8065 h 10000"/>
                  <a:gd name="connsiteX162" fmla="*/ 1747 w 10000"/>
                  <a:gd name="connsiteY162" fmla="*/ 8021 h 10000"/>
                  <a:gd name="connsiteX163" fmla="*/ 2263 w 10000"/>
                  <a:gd name="connsiteY163" fmla="*/ 7976 h 10000"/>
                  <a:gd name="connsiteX164" fmla="*/ 2494 w 10000"/>
                  <a:gd name="connsiteY164" fmla="*/ 7947 h 10000"/>
                  <a:gd name="connsiteX165" fmla="*/ 2725 w 10000"/>
                  <a:gd name="connsiteY165" fmla="*/ 7917 h 10000"/>
                  <a:gd name="connsiteX166" fmla="*/ 2929 w 10000"/>
                  <a:gd name="connsiteY166" fmla="*/ 7843 h 10000"/>
                  <a:gd name="connsiteX167" fmla="*/ 3136 w 10000"/>
                  <a:gd name="connsiteY167" fmla="*/ 7784 h 10000"/>
                  <a:gd name="connsiteX168" fmla="*/ 3316 w 10000"/>
                  <a:gd name="connsiteY168" fmla="*/ 7710 h 10000"/>
                  <a:gd name="connsiteX169" fmla="*/ 3470 w 10000"/>
                  <a:gd name="connsiteY169" fmla="*/ 7592 h 10000"/>
                  <a:gd name="connsiteX170" fmla="*/ 3625 w 10000"/>
                  <a:gd name="connsiteY170" fmla="*/ 7474 h 10000"/>
                  <a:gd name="connsiteX171" fmla="*/ 3727 w 10000"/>
                  <a:gd name="connsiteY171" fmla="*/ 7312 h 10000"/>
                  <a:gd name="connsiteX172" fmla="*/ 3522 w 10000"/>
                  <a:gd name="connsiteY172" fmla="*/ 7238 h 10000"/>
                  <a:gd name="connsiteX173" fmla="*/ 3341 w 10000"/>
                  <a:gd name="connsiteY173" fmla="*/ 7179 h 10000"/>
                  <a:gd name="connsiteX174" fmla="*/ 3187 w 10000"/>
                  <a:gd name="connsiteY174" fmla="*/ 7090 h 10000"/>
                  <a:gd name="connsiteX175" fmla="*/ 3034 w 10000"/>
                  <a:gd name="connsiteY175" fmla="*/ 6987 h 10000"/>
                  <a:gd name="connsiteX176" fmla="*/ 2929 w 10000"/>
                  <a:gd name="connsiteY176" fmla="*/ 6869 h 10000"/>
                  <a:gd name="connsiteX177" fmla="*/ 2880 w 10000"/>
                  <a:gd name="connsiteY177" fmla="*/ 6721 h 10000"/>
                  <a:gd name="connsiteX178" fmla="*/ 2853 w 10000"/>
                  <a:gd name="connsiteY178" fmla="*/ 6558 h 10000"/>
                  <a:gd name="connsiteX179" fmla="*/ 2880 w 10000"/>
                  <a:gd name="connsiteY179" fmla="*/ 6352 h 10000"/>
                  <a:gd name="connsiteX180" fmla="*/ 2751 w 10000"/>
                  <a:gd name="connsiteY180" fmla="*/ 6322 h 10000"/>
                  <a:gd name="connsiteX181" fmla="*/ 2597 w 10000"/>
                  <a:gd name="connsiteY181" fmla="*/ 6292 h 10000"/>
                  <a:gd name="connsiteX182" fmla="*/ 2417 w 10000"/>
                  <a:gd name="connsiteY182" fmla="*/ 6278 h 10000"/>
                  <a:gd name="connsiteX183" fmla="*/ 2236 w 10000"/>
                  <a:gd name="connsiteY183" fmla="*/ 6263 h 10000"/>
                  <a:gd name="connsiteX184" fmla="*/ 1877 w 10000"/>
                  <a:gd name="connsiteY184" fmla="*/ 6248 h 10000"/>
                  <a:gd name="connsiteX185" fmla="*/ 1491 w 10000"/>
                  <a:gd name="connsiteY185" fmla="*/ 6263 h 10000"/>
                  <a:gd name="connsiteX186" fmla="*/ 1158 w 10000"/>
                  <a:gd name="connsiteY186" fmla="*/ 6278 h 10000"/>
                  <a:gd name="connsiteX187" fmla="*/ 848 w 10000"/>
                  <a:gd name="connsiteY187" fmla="*/ 6278 h 10000"/>
                  <a:gd name="connsiteX188" fmla="*/ 593 w 10000"/>
                  <a:gd name="connsiteY188" fmla="*/ 6263 h 10000"/>
                  <a:gd name="connsiteX189" fmla="*/ 386 w 10000"/>
                  <a:gd name="connsiteY189" fmla="*/ 6233 h 10000"/>
                  <a:gd name="connsiteX190" fmla="*/ 641 w 10000"/>
                  <a:gd name="connsiteY190" fmla="*/ 5805 h 10000"/>
                  <a:gd name="connsiteX191" fmla="*/ 926 w 10000"/>
                  <a:gd name="connsiteY191" fmla="*/ 5391 h 10000"/>
                  <a:gd name="connsiteX192" fmla="*/ 1029 w 10000"/>
                  <a:gd name="connsiteY192" fmla="*/ 5170 h 10000"/>
                  <a:gd name="connsiteX193" fmla="*/ 1105 w 10000"/>
                  <a:gd name="connsiteY193" fmla="*/ 4963 h 10000"/>
                  <a:gd name="connsiteX194" fmla="*/ 1130 w 10000"/>
                  <a:gd name="connsiteY194" fmla="*/ 4860 h 10000"/>
                  <a:gd name="connsiteX195" fmla="*/ 1105 w 10000"/>
                  <a:gd name="connsiteY195" fmla="*/ 4756 h 10000"/>
                  <a:gd name="connsiteX196" fmla="*/ 1080 w 10000"/>
                  <a:gd name="connsiteY196" fmla="*/ 4653 h 10000"/>
                  <a:gd name="connsiteX197" fmla="*/ 1003 w 10000"/>
                  <a:gd name="connsiteY197" fmla="*/ 4549 h 10000"/>
                  <a:gd name="connsiteX198" fmla="*/ 1286 w 10000"/>
                  <a:gd name="connsiteY198" fmla="*/ 4520 h 10000"/>
                  <a:gd name="connsiteX199" fmla="*/ 1491 w 10000"/>
                  <a:gd name="connsiteY199" fmla="*/ 4505 h 10000"/>
                  <a:gd name="connsiteX200" fmla="*/ 1671 w 10000"/>
                  <a:gd name="connsiteY200" fmla="*/ 4505 h 10000"/>
                  <a:gd name="connsiteX201" fmla="*/ 1825 w 10000"/>
                  <a:gd name="connsiteY201" fmla="*/ 4520 h 10000"/>
                  <a:gd name="connsiteX202" fmla="*/ 1954 w 10000"/>
                  <a:gd name="connsiteY202" fmla="*/ 4520 h 10000"/>
                  <a:gd name="connsiteX203" fmla="*/ 2108 w 10000"/>
                  <a:gd name="connsiteY203" fmla="*/ 4520 h 10000"/>
                  <a:gd name="connsiteX204" fmla="*/ 2263 w 10000"/>
                  <a:gd name="connsiteY204" fmla="*/ 4490 h 10000"/>
                  <a:gd name="connsiteX205" fmla="*/ 2467 w 10000"/>
                  <a:gd name="connsiteY205" fmla="*/ 4446 h 10000"/>
                  <a:gd name="connsiteX206" fmla="*/ 2467 w 10000"/>
                  <a:gd name="connsiteY206" fmla="*/ 4579 h 10000"/>
                  <a:gd name="connsiteX207" fmla="*/ 2467 w 10000"/>
                  <a:gd name="connsiteY207" fmla="*/ 4742 h 10000"/>
                  <a:gd name="connsiteX208" fmla="*/ 2467 w 10000"/>
                  <a:gd name="connsiteY208" fmla="*/ 4874 h 10000"/>
                  <a:gd name="connsiteX209" fmla="*/ 2467 w 10000"/>
                  <a:gd name="connsiteY209" fmla="*/ 5037 h 10000"/>
                  <a:gd name="connsiteX210" fmla="*/ 2699 w 10000"/>
                  <a:gd name="connsiteY210" fmla="*/ 5022 h 10000"/>
                  <a:gd name="connsiteX211" fmla="*/ 2853 w 10000"/>
                  <a:gd name="connsiteY211" fmla="*/ 5037 h 10000"/>
                  <a:gd name="connsiteX212" fmla="*/ 2982 w 10000"/>
                  <a:gd name="connsiteY212" fmla="*/ 5066 h 10000"/>
                  <a:gd name="connsiteX213" fmla="*/ 3111 w 10000"/>
                  <a:gd name="connsiteY213" fmla="*/ 5096 h 10000"/>
                  <a:gd name="connsiteX214" fmla="*/ 3214 w 10000"/>
                  <a:gd name="connsiteY214" fmla="*/ 5126 h 10000"/>
                  <a:gd name="connsiteX215" fmla="*/ 3341 w 10000"/>
                  <a:gd name="connsiteY215" fmla="*/ 5155 h 10000"/>
                  <a:gd name="connsiteX216" fmla="*/ 3496 w 10000"/>
                  <a:gd name="connsiteY216" fmla="*/ 5170 h 10000"/>
                  <a:gd name="connsiteX217" fmla="*/ 3727 w 10000"/>
                  <a:gd name="connsiteY217" fmla="*/ 5155 h 10000"/>
                  <a:gd name="connsiteX218" fmla="*/ 3805 w 10000"/>
                  <a:gd name="connsiteY218" fmla="*/ 5096 h 10000"/>
                  <a:gd name="connsiteX219" fmla="*/ 3881 w 10000"/>
                  <a:gd name="connsiteY219" fmla="*/ 5022 h 10000"/>
                  <a:gd name="connsiteX220" fmla="*/ 3907 w 10000"/>
                  <a:gd name="connsiteY220" fmla="*/ 4934 h 10000"/>
                  <a:gd name="connsiteX221" fmla="*/ 3934 w 10000"/>
                  <a:gd name="connsiteY221" fmla="*/ 4860 h 10000"/>
                  <a:gd name="connsiteX222" fmla="*/ 3958 w 10000"/>
                  <a:gd name="connsiteY222" fmla="*/ 4697 h 10000"/>
                  <a:gd name="connsiteX223" fmla="*/ 3934 w 10000"/>
                  <a:gd name="connsiteY223" fmla="*/ 4520 h 10000"/>
                  <a:gd name="connsiteX224" fmla="*/ 3856 w 10000"/>
                  <a:gd name="connsiteY224" fmla="*/ 4343 h 10000"/>
                  <a:gd name="connsiteX225" fmla="*/ 3779 w 10000"/>
                  <a:gd name="connsiteY225" fmla="*/ 4195 h 10000"/>
                  <a:gd name="connsiteX226" fmla="*/ 3650 w 10000"/>
                  <a:gd name="connsiteY226" fmla="*/ 4047 h 10000"/>
                  <a:gd name="connsiteX227" fmla="*/ 3522 w 10000"/>
                  <a:gd name="connsiteY227" fmla="*/ 3959 h 10000"/>
                  <a:gd name="connsiteX228" fmla="*/ 3676 w 10000"/>
                  <a:gd name="connsiteY228" fmla="*/ 3944 h 10000"/>
                  <a:gd name="connsiteX229" fmla="*/ 3805 w 10000"/>
                  <a:gd name="connsiteY229" fmla="*/ 3914 h 10000"/>
                  <a:gd name="connsiteX230" fmla="*/ 3907 w 10000"/>
                  <a:gd name="connsiteY230" fmla="*/ 3855 h 10000"/>
                  <a:gd name="connsiteX231" fmla="*/ 4034 w 10000"/>
                  <a:gd name="connsiteY231" fmla="*/ 3752 h 10000"/>
                  <a:gd name="connsiteX232" fmla="*/ 4164 w 10000"/>
                  <a:gd name="connsiteY232" fmla="*/ 3663 h 10000"/>
                  <a:gd name="connsiteX233" fmla="*/ 4267 w 10000"/>
                  <a:gd name="connsiteY233" fmla="*/ 3560 h 10000"/>
                  <a:gd name="connsiteX234" fmla="*/ 4344 w 10000"/>
                  <a:gd name="connsiteY234" fmla="*/ 3442 h 10000"/>
                  <a:gd name="connsiteX235" fmla="*/ 4422 w 10000"/>
                  <a:gd name="connsiteY235" fmla="*/ 3323 h 10000"/>
                  <a:gd name="connsiteX236" fmla="*/ 4473 w 10000"/>
                  <a:gd name="connsiteY236" fmla="*/ 3220 h 10000"/>
                  <a:gd name="connsiteX237" fmla="*/ 4498 w 10000"/>
                  <a:gd name="connsiteY237" fmla="*/ 3102 h 10000"/>
                  <a:gd name="connsiteX238" fmla="*/ 4525 w 10000"/>
                  <a:gd name="connsiteY238" fmla="*/ 3013 h 10000"/>
                  <a:gd name="connsiteX239" fmla="*/ 4498 w 10000"/>
                  <a:gd name="connsiteY239" fmla="*/ 2939 h 10000"/>
                  <a:gd name="connsiteX240" fmla="*/ 4473 w 10000"/>
                  <a:gd name="connsiteY240" fmla="*/ 2866 h 10000"/>
                  <a:gd name="connsiteX241" fmla="*/ 4396 w 10000"/>
                  <a:gd name="connsiteY241" fmla="*/ 2836 h 10000"/>
                  <a:gd name="connsiteX242" fmla="*/ 4294 w 10000"/>
                  <a:gd name="connsiteY242" fmla="*/ 2836 h 10000"/>
                  <a:gd name="connsiteX243" fmla="*/ 4164 w 10000"/>
                  <a:gd name="connsiteY243" fmla="*/ 2866 h 10000"/>
                  <a:gd name="connsiteX244" fmla="*/ 4267 w 10000"/>
                  <a:gd name="connsiteY244" fmla="*/ 2777 h 10000"/>
                  <a:gd name="connsiteX245" fmla="*/ 4320 w 10000"/>
                  <a:gd name="connsiteY245" fmla="*/ 2674 h 10000"/>
                  <a:gd name="connsiteX246" fmla="*/ 4344 w 10000"/>
                  <a:gd name="connsiteY246" fmla="*/ 2541 h 10000"/>
                  <a:gd name="connsiteX247" fmla="*/ 4344 w 10000"/>
                  <a:gd name="connsiteY247" fmla="*/ 2393 h 10000"/>
                  <a:gd name="connsiteX248" fmla="*/ 4369 w 10000"/>
                  <a:gd name="connsiteY248" fmla="*/ 2349 h 10000"/>
                  <a:gd name="connsiteX249" fmla="*/ 4422 w 10000"/>
                  <a:gd name="connsiteY249" fmla="*/ 2304 h 10000"/>
                  <a:gd name="connsiteX250" fmla="*/ 4473 w 10000"/>
                  <a:gd name="connsiteY250" fmla="*/ 2290 h 10000"/>
                  <a:gd name="connsiteX251" fmla="*/ 4551 w 10000"/>
                  <a:gd name="connsiteY251" fmla="*/ 2275 h 10000"/>
                  <a:gd name="connsiteX252" fmla="*/ 4781 w 10000"/>
                  <a:gd name="connsiteY252" fmla="*/ 2260 h 10000"/>
                  <a:gd name="connsiteX253" fmla="*/ 4986 w 10000"/>
                  <a:gd name="connsiteY253" fmla="*/ 2275 h 10000"/>
                  <a:gd name="connsiteX254" fmla="*/ 4961 w 10000"/>
                  <a:gd name="connsiteY254" fmla="*/ 2112 h 10000"/>
                  <a:gd name="connsiteX255" fmla="*/ 4910 w 10000"/>
                  <a:gd name="connsiteY255" fmla="*/ 1950 h 10000"/>
                  <a:gd name="connsiteX256" fmla="*/ 4832 w 10000"/>
                  <a:gd name="connsiteY256" fmla="*/ 1802 h 10000"/>
                  <a:gd name="connsiteX257" fmla="*/ 4731 w 10000"/>
                  <a:gd name="connsiteY257" fmla="*/ 1640 h 10000"/>
                  <a:gd name="connsiteX258" fmla="*/ 4473 w 10000"/>
                  <a:gd name="connsiteY258" fmla="*/ 1329 h 10000"/>
                  <a:gd name="connsiteX259" fmla="*/ 4216 w 10000"/>
                  <a:gd name="connsiteY259" fmla="*/ 1034 h 10000"/>
                  <a:gd name="connsiteX260" fmla="*/ 4087 w 10000"/>
                  <a:gd name="connsiteY260" fmla="*/ 901 h 10000"/>
                  <a:gd name="connsiteX261" fmla="*/ 3986 w 10000"/>
                  <a:gd name="connsiteY261" fmla="*/ 753 h 10000"/>
                  <a:gd name="connsiteX262" fmla="*/ 3907 w 10000"/>
                  <a:gd name="connsiteY262" fmla="*/ 620 h 10000"/>
                  <a:gd name="connsiteX263" fmla="*/ 3881 w 10000"/>
                  <a:gd name="connsiteY263" fmla="*/ 487 h 10000"/>
                  <a:gd name="connsiteX264" fmla="*/ 3856 w 10000"/>
                  <a:gd name="connsiteY264" fmla="*/ 355 h 10000"/>
                  <a:gd name="connsiteX265" fmla="*/ 3907 w 10000"/>
                  <a:gd name="connsiteY265" fmla="*/ 222 h 10000"/>
                  <a:gd name="connsiteX266" fmla="*/ 3934 w 10000"/>
                  <a:gd name="connsiteY266" fmla="*/ 162 h 10000"/>
                  <a:gd name="connsiteX267" fmla="*/ 3986 w 10000"/>
                  <a:gd name="connsiteY267" fmla="*/ 103 h 10000"/>
                  <a:gd name="connsiteX268" fmla="*/ 4063 w 10000"/>
                  <a:gd name="connsiteY268" fmla="*/ 59 h 10000"/>
                  <a:gd name="connsiteX269" fmla="*/ 4164 w 10000"/>
                  <a:gd name="connsiteY269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224 w 10000"/>
                  <a:gd name="connsiteY53" fmla="*/ 4564 h 10000"/>
                  <a:gd name="connsiteX54" fmla="*/ 7095 w 10000"/>
                  <a:gd name="connsiteY54" fmla="*/ 4638 h 10000"/>
                  <a:gd name="connsiteX55" fmla="*/ 7095 w 10000"/>
                  <a:gd name="connsiteY55" fmla="*/ 4697 h 10000"/>
                  <a:gd name="connsiteX56" fmla="*/ 7069 w 10000"/>
                  <a:gd name="connsiteY56" fmla="*/ 4801 h 10000"/>
                  <a:gd name="connsiteX57" fmla="*/ 7069 w 10000"/>
                  <a:gd name="connsiteY57" fmla="*/ 4904 h 10000"/>
                  <a:gd name="connsiteX58" fmla="*/ 6941 w 10000"/>
                  <a:gd name="connsiteY58" fmla="*/ 4860 h 10000"/>
                  <a:gd name="connsiteX59" fmla="*/ 6863 w 10000"/>
                  <a:gd name="connsiteY59" fmla="*/ 4801 h 10000"/>
                  <a:gd name="connsiteX60" fmla="*/ 6786 w 10000"/>
                  <a:gd name="connsiteY60" fmla="*/ 4727 h 10000"/>
                  <a:gd name="connsiteX61" fmla="*/ 6710 w 10000"/>
                  <a:gd name="connsiteY61" fmla="*/ 4638 h 10000"/>
                  <a:gd name="connsiteX62" fmla="*/ 6582 w 10000"/>
                  <a:gd name="connsiteY62" fmla="*/ 4476 h 10000"/>
                  <a:gd name="connsiteX63" fmla="*/ 6451 w 10000"/>
                  <a:gd name="connsiteY63" fmla="*/ 4313 h 10000"/>
                  <a:gd name="connsiteX64" fmla="*/ 6607 w 10000"/>
                  <a:gd name="connsiteY64" fmla="*/ 4210 h 10000"/>
                  <a:gd name="connsiteX65" fmla="*/ 9306 w 10000"/>
                  <a:gd name="connsiteY65" fmla="*/ 3338 h 10000"/>
                  <a:gd name="connsiteX66" fmla="*/ 9435 w 10000"/>
                  <a:gd name="connsiteY66" fmla="*/ 3235 h 10000"/>
                  <a:gd name="connsiteX67" fmla="*/ 9536 w 10000"/>
                  <a:gd name="connsiteY67" fmla="*/ 3117 h 10000"/>
                  <a:gd name="connsiteX68" fmla="*/ 9563 w 10000"/>
                  <a:gd name="connsiteY68" fmla="*/ 3072 h 10000"/>
                  <a:gd name="connsiteX69" fmla="*/ 9588 w 10000"/>
                  <a:gd name="connsiteY69" fmla="*/ 3013 h 10000"/>
                  <a:gd name="connsiteX70" fmla="*/ 9588 w 10000"/>
                  <a:gd name="connsiteY70" fmla="*/ 2954 h 10000"/>
                  <a:gd name="connsiteX71" fmla="*/ 9563 w 10000"/>
                  <a:gd name="connsiteY71" fmla="*/ 2866 h 10000"/>
                  <a:gd name="connsiteX72" fmla="*/ 9383 w 10000"/>
                  <a:gd name="connsiteY72" fmla="*/ 2984 h 10000"/>
                  <a:gd name="connsiteX73" fmla="*/ 9178 w 10000"/>
                  <a:gd name="connsiteY73" fmla="*/ 3072 h 10000"/>
                  <a:gd name="connsiteX74" fmla="*/ 8971 w 10000"/>
                  <a:gd name="connsiteY74" fmla="*/ 3161 h 10000"/>
                  <a:gd name="connsiteX75" fmla="*/ 8766 w 10000"/>
                  <a:gd name="connsiteY75" fmla="*/ 3250 h 10000"/>
                  <a:gd name="connsiteX76" fmla="*/ 8302 w 10000"/>
                  <a:gd name="connsiteY76" fmla="*/ 3397 h 10000"/>
                  <a:gd name="connsiteX77" fmla="*/ 7815 w 10000"/>
                  <a:gd name="connsiteY77" fmla="*/ 3545 h 10000"/>
                  <a:gd name="connsiteX78" fmla="*/ 7327 w 10000"/>
                  <a:gd name="connsiteY78" fmla="*/ 3678 h 10000"/>
                  <a:gd name="connsiteX79" fmla="*/ 6863 w 10000"/>
                  <a:gd name="connsiteY79" fmla="*/ 3840 h 10000"/>
                  <a:gd name="connsiteX80" fmla="*/ 6632 w 10000"/>
                  <a:gd name="connsiteY80" fmla="*/ 3914 h 10000"/>
                  <a:gd name="connsiteX81" fmla="*/ 6427 w 10000"/>
                  <a:gd name="connsiteY81" fmla="*/ 4003 h 10000"/>
                  <a:gd name="connsiteX82" fmla="*/ 6222 w 10000"/>
                  <a:gd name="connsiteY82" fmla="*/ 4106 h 10000"/>
                  <a:gd name="connsiteX83" fmla="*/ 6014 w 10000"/>
                  <a:gd name="connsiteY83" fmla="*/ 4195 h 10000"/>
                  <a:gd name="connsiteX84" fmla="*/ 6169 w 10000"/>
                  <a:gd name="connsiteY84" fmla="*/ 4417 h 10000"/>
                  <a:gd name="connsiteX85" fmla="*/ 6273 w 10000"/>
                  <a:gd name="connsiteY85" fmla="*/ 4623 h 10000"/>
                  <a:gd name="connsiteX86" fmla="*/ 6375 w 10000"/>
                  <a:gd name="connsiteY86" fmla="*/ 4845 h 10000"/>
                  <a:gd name="connsiteX87" fmla="*/ 6451 w 10000"/>
                  <a:gd name="connsiteY87" fmla="*/ 5081 h 10000"/>
                  <a:gd name="connsiteX88" fmla="*/ 6504 w 10000"/>
                  <a:gd name="connsiteY88" fmla="*/ 5318 h 10000"/>
                  <a:gd name="connsiteX89" fmla="*/ 6530 w 10000"/>
                  <a:gd name="connsiteY89" fmla="*/ 5539 h 10000"/>
                  <a:gd name="connsiteX90" fmla="*/ 6554 w 10000"/>
                  <a:gd name="connsiteY90" fmla="*/ 5775 h 10000"/>
                  <a:gd name="connsiteX91" fmla="*/ 6554 w 10000"/>
                  <a:gd name="connsiteY91" fmla="*/ 5997 h 10000"/>
                  <a:gd name="connsiteX92" fmla="*/ 6530 w 10000"/>
                  <a:gd name="connsiteY92" fmla="*/ 6233 h 10000"/>
                  <a:gd name="connsiteX93" fmla="*/ 6478 w 10000"/>
                  <a:gd name="connsiteY93" fmla="*/ 6470 h 10000"/>
                  <a:gd name="connsiteX94" fmla="*/ 6427 w 10000"/>
                  <a:gd name="connsiteY94" fmla="*/ 6677 h 10000"/>
                  <a:gd name="connsiteX95" fmla="*/ 6350 w 10000"/>
                  <a:gd name="connsiteY95" fmla="*/ 6898 h 10000"/>
                  <a:gd name="connsiteX96" fmla="*/ 6247 w 10000"/>
                  <a:gd name="connsiteY96" fmla="*/ 7105 h 10000"/>
                  <a:gd name="connsiteX97" fmla="*/ 6119 w 10000"/>
                  <a:gd name="connsiteY97" fmla="*/ 7297 h 10000"/>
                  <a:gd name="connsiteX98" fmla="*/ 5964 w 10000"/>
                  <a:gd name="connsiteY98" fmla="*/ 7489 h 10000"/>
                  <a:gd name="connsiteX99" fmla="*/ 5809 w 10000"/>
                  <a:gd name="connsiteY99" fmla="*/ 7681 h 10000"/>
                  <a:gd name="connsiteX100" fmla="*/ 6554 w 10000"/>
                  <a:gd name="connsiteY100" fmla="*/ 7799 h 10000"/>
                  <a:gd name="connsiteX101" fmla="*/ 7327 w 10000"/>
                  <a:gd name="connsiteY101" fmla="*/ 7962 h 10000"/>
                  <a:gd name="connsiteX102" fmla="*/ 7480 w 10000"/>
                  <a:gd name="connsiteY102" fmla="*/ 8021 h 10000"/>
                  <a:gd name="connsiteX103" fmla="*/ 7609 w 10000"/>
                  <a:gd name="connsiteY103" fmla="*/ 8080 h 10000"/>
                  <a:gd name="connsiteX104" fmla="*/ 7737 w 10000"/>
                  <a:gd name="connsiteY104" fmla="*/ 8139 h 10000"/>
                  <a:gd name="connsiteX105" fmla="*/ 7815 w 10000"/>
                  <a:gd name="connsiteY105" fmla="*/ 8227 h 10000"/>
                  <a:gd name="connsiteX106" fmla="*/ 7841 w 10000"/>
                  <a:gd name="connsiteY106" fmla="*/ 8301 h 10000"/>
                  <a:gd name="connsiteX107" fmla="*/ 7841 w 10000"/>
                  <a:gd name="connsiteY107" fmla="*/ 8405 h 10000"/>
                  <a:gd name="connsiteX108" fmla="*/ 7790 w 10000"/>
                  <a:gd name="connsiteY108" fmla="*/ 8523 h 10000"/>
                  <a:gd name="connsiteX109" fmla="*/ 7712 w 10000"/>
                  <a:gd name="connsiteY109" fmla="*/ 8641 h 10000"/>
                  <a:gd name="connsiteX110" fmla="*/ 7378 w 10000"/>
                  <a:gd name="connsiteY110" fmla="*/ 8552 h 10000"/>
                  <a:gd name="connsiteX111" fmla="*/ 7069 w 10000"/>
                  <a:gd name="connsiteY111" fmla="*/ 8449 h 10000"/>
                  <a:gd name="connsiteX112" fmla="*/ 6760 w 10000"/>
                  <a:gd name="connsiteY112" fmla="*/ 8360 h 10000"/>
                  <a:gd name="connsiteX113" fmla="*/ 6451 w 10000"/>
                  <a:gd name="connsiteY113" fmla="*/ 8287 h 10000"/>
                  <a:gd name="connsiteX114" fmla="*/ 6323 w 10000"/>
                  <a:gd name="connsiteY114" fmla="*/ 8449 h 10000"/>
                  <a:gd name="connsiteX115" fmla="*/ 6222 w 10000"/>
                  <a:gd name="connsiteY115" fmla="*/ 8597 h 10000"/>
                  <a:gd name="connsiteX116" fmla="*/ 6169 w 10000"/>
                  <a:gd name="connsiteY116" fmla="*/ 8656 h 10000"/>
                  <a:gd name="connsiteX117" fmla="*/ 6066 w 10000"/>
                  <a:gd name="connsiteY117" fmla="*/ 8700 h 10000"/>
                  <a:gd name="connsiteX118" fmla="*/ 5990 w 10000"/>
                  <a:gd name="connsiteY118" fmla="*/ 8744 h 10000"/>
                  <a:gd name="connsiteX119" fmla="*/ 5913 w 10000"/>
                  <a:gd name="connsiteY119" fmla="*/ 8774 h 10000"/>
                  <a:gd name="connsiteX120" fmla="*/ 5835 w 10000"/>
                  <a:gd name="connsiteY120" fmla="*/ 8804 h 10000"/>
                  <a:gd name="connsiteX121" fmla="*/ 5733 w 10000"/>
                  <a:gd name="connsiteY121" fmla="*/ 8818 h 10000"/>
                  <a:gd name="connsiteX122" fmla="*/ 5603 w 10000"/>
                  <a:gd name="connsiteY122" fmla="*/ 8833 h 10000"/>
                  <a:gd name="connsiteX123" fmla="*/ 5476 w 10000"/>
                  <a:gd name="connsiteY123" fmla="*/ 8833 h 10000"/>
                  <a:gd name="connsiteX124" fmla="*/ 5168 w 10000"/>
                  <a:gd name="connsiteY124" fmla="*/ 8818 h 10000"/>
                  <a:gd name="connsiteX125" fmla="*/ 4781 w 10000"/>
                  <a:gd name="connsiteY125" fmla="*/ 8744 h 10000"/>
                  <a:gd name="connsiteX126" fmla="*/ 4781 w 10000"/>
                  <a:gd name="connsiteY126" fmla="*/ 8922 h 10000"/>
                  <a:gd name="connsiteX127" fmla="*/ 4755 w 10000"/>
                  <a:gd name="connsiteY127" fmla="*/ 9069 h 10000"/>
                  <a:gd name="connsiteX128" fmla="*/ 4731 w 10000"/>
                  <a:gd name="connsiteY128" fmla="*/ 9232 h 10000"/>
                  <a:gd name="connsiteX129" fmla="*/ 4704 w 10000"/>
                  <a:gd name="connsiteY129" fmla="*/ 9365 h 10000"/>
                  <a:gd name="connsiteX130" fmla="*/ 4652 w 10000"/>
                  <a:gd name="connsiteY130" fmla="*/ 9498 h 10000"/>
                  <a:gd name="connsiteX131" fmla="*/ 4551 w 10000"/>
                  <a:gd name="connsiteY131" fmla="*/ 9616 h 10000"/>
                  <a:gd name="connsiteX132" fmla="*/ 4473 w 10000"/>
                  <a:gd name="connsiteY132" fmla="*/ 9734 h 10000"/>
                  <a:gd name="connsiteX133" fmla="*/ 4344 w 10000"/>
                  <a:gd name="connsiteY133" fmla="*/ 9838 h 10000"/>
                  <a:gd name="connsiteX134" fmla="*/ 4034 w 10000"/>
                  <a:gd name="connsiteY134" fmla="*/ 9897 h 10000"/>
                  <a:gd name="connsiteX135" fmla="*/ 3779 w 10000"/>
                  <a:gd name="connsiteY135" fmla="*/ 9941 h 10000"/>
                  <a:gd name="connsiteX136" fmla="*/ 3470 w 10000"/>
                  <a:gd name="connsiteY136" fmla="*/ 9985 h 10000"/>
                  <a:gd name="connsiteX137" fmla="*/ 3239 w 10000"/>
                  <a:gd name="connsiteY137" fmla="*/ 10000 h 10000"/>
                  <a:gd name="connsiteX138" fmla="*/ 2725 w 10000"/>
                  <a:gd name="connsiteY138" fmla="*/ 10000 h 10000"/>
                  <a:gd name="connsiteX139" fmla="*/ 2236 w 10000"/>
                  <a:gd name="connsiteY139" fmla="*/ 9985 h 10000"/>
                  <a:gd name="connsiteX140" fmla="*/ 1775 w 10000"/>
                  <a:gd name="connsiteY140" fmla="*/ 9941 h 10000"/>
                  <a:gd name="connsiteX141" fmla="*/ 1286 w 10000"/>
                  <a:gd name="connsiteY141" fmla="*/ 9911 h 10000"/>
                  <a:gd name="connsiteX142" fmla="*/ 1003 w 10000"/>
                  <a:gd name="connsiteY142" fmla="*/ 9911 h 10000"/>
                  <a:gd name="connsiteX143" fmla="*/ 745 w 10000"/>
                  <a:gd name="connsiteY143" fmla="*/ 9911 h 10000"/>
                  <a:gd name="connsiteX144" fmla="*/ 463 w 10000"/>
                  <a:gd name="connsiteY144" fmla="*/ 9926 h 10000"/>
                  <a:gd name="connsiteX145" fmla="*/ 180 w 10000"/>
                  <a:gd name="connsiteY145" fmla="*/ 9970 h 10000"/>
                  <a:gd name="connsiteX146" fmla="*/ 103 w 10000"/>
                  <a:gd name="connsiteY146" fmla="*/ 9867 h 10000"/>
                  <a:gd name="connsiteX147" fmla="*/ 52 w 10000"/>
                  <a:gd name="connsiteY147" fmla="*/ 9793 h 10000"/>
                  <a:gd name="connsiteX148" fmla="*/ 0 w 10000"/>
                  <a:gd name="connsiteY148" fmla="*/ 9705 h 10000"/>
                  <a:gd name="connsiteX149" fmla="*/ 0 w 10000"/>
                  <a:gd name="connsiteY149" fmla="*/ 9601 h 10000"/>
                  <a:gd name="connsiteX150" fmla="*/ 52 w 10000"/>
                  <a:gd name="connsiteY150" fmla="*/ 9424 h 10000"/>
                  <a:gd name="connsiteX151" fmla="*/ 103 w 10000"/>
                  <a:gd name="connsiteY151" fmla="*/ 9202 h 10000"/>
                  <a:gd name="connsiteX152" fmla="*/ 153 w 10000"/>
                  <a:gd name="connsiteY152" fmla="*/ 8996 h 10000"/>
                  <a:gd name="connsiteX153" fmla="*/ 206 w 10000"/>
                  <a:gd name="connsiteY153" fmla="*/ 8759 h 10000"/>
                  <a:gd name="connsiteX154" fmla="*/ 231 w 10000"/>
                  <a:gd name="connsiteY154" fmla="*/ 8641 h 10000"/>
                  <a:gd name="connsiteX155" fmla="*/ 231 w 10000"/>
                  <a:gd name="connsiteY155" fmla="*/ 8538 h 10000"/>
                  <a:gd name="connsiteX156" fmla="*/ 206 w 10000"/>
                  <a:gd name="connsiteY156" fmla="*/ 8405 h 10000"/>
                  <a:gd name="connsiteX157" fmla="*/ 180 w 10000"/>
                  <a:gd name="connsiteY157" fmla="*/ 8287 h 10000"/>
                  <a:gd name="connsiteX158" fmla="*/ 437 w 10000"/>
                  <a:gd name="connsiteY158" fmla="*/ 8213 h 10000"/>
                  <a:gd name="connsiteX159" fmla="*/ 694 w 10000"/>
                  <a:gd name="connsiteY159" fmla="*/ 8139 h 10000"/>
                  <a:gd name="connsiteX160" fmla="*/ 951 w 10000"/>
                  <a:gd name="connsiteY160" fmla="*/ 8095 h 10000"/>
                  <a:gd name="connsiteX161" fmla="*/ 1234 w 10000"/>
                  <a:gd name="connsiteY161" fmla="*/ 8065 h 10000"/>
                  <a:gd name="connsiteX162" fmla="*/ 1747 w 10000"/>
                  <a:gd name="connsiteY162" fmla="*/ 8021 h 10000"/>
                  <a:gd name="connsiteX163" fmla="*/ 2263 w 10000"/>
                  <a:gd name="connsiteY163" fmla="*/ 7976 h 10000"/>
                  <a:gd name="connsiteX164" fmla="*/ 2494 w 10000"/>
                  <a:gd name="connsiteY164" fmla="*/ 7947 h 10000"/>
                  <a:gd name="connsiteX165" fmla="*/ 2725 w 10000"/>
                  <a:gd name="connsiteY165" fmla="*/ 7917 h 10000"/>
                  <a:gd name="connsiteX166" fmla="*/ 2929 w 10000"/>
                  <a:gd name="connsiteY166" fmla="*/ 7843 h 10000"/>
                  <a:gd name="connsiteX167" fmla="*/ 3136 w 10000"/>
                  <a:gd name="connsiteY167" fmla="*/ 7784 h 10000"/>
                  <a:gd name="connsiteX168" fmla="*/ 3316 w 10000"/>
                  <a:gd name="connsiteY168" fmla="*/ 7710 h 10000"/>
                  <a:gd name="connsiteX169" fmla="*/ 3470 w 10000"/>
                  <a:gd name="connsiteY169" fmla="*/ 7592 h 10000"/>
                  <a:gd name="connsiteX170" fmla="*/ 3625 w 10000"/>
                  <a:gd name="connsiteY170" fmla="*/ 7474 h 10000"/>
                  <a:gd name="connsiteX171" fmla="*/ 3727 w 10000"/>
                  <a:gd name="connsiteY171" fmla="*/ 7312 h 10000"/>
                  <a:gd name="connsiteX172" fmla="*/ 3522 w 10000"/>
                  <a:gd name="connsiteY172" fmla="*/ 7238 h 10000"/>
                  <a:gd name="connsiteX173" fmla="*/ 3341 w 10000"/>
                  <a:gd name="connsiteY173" fmla="*/ 7179 h 10000"/>
                  <a:gd name="connsiteX174" fmla="*/ 3187 w 10000"/>
                  <a:gd name="connsiteY174" fmla="*/ 7090 h 10000"/>
                  <a:gd name="connsiteX175" fmla="*/ 3034 w 10000"/>
                  <a:gd name="connsiteY175" fmla="*/ 6987 h 10000"/>
                  <a:gd name="connsiteX176" fmla="*/ 2929 w 10000"/>
                  <a:gd name="connsiteY176" fmla="*/ 6869 h 10000"/>
                  <a:gd name="connsiteX177" fmla="*/ 2880 w 10000"/>
                  <a:gd name="connsiteY177" fmla="*/ 6721 h 10000"/>
                  <a:gd name="connsiteX178" fmla="*/ 2853 w 10000"/>
                  <a:gd name="connsiteY178" fmla="*/ 6558 h 10000"/>
                  <a:gd name="connsiteX179" fmla="*/ 2880 w 10000"/>
                  <a:gd name="connsiteY179" fmla="*/ 6352 h 10000"/>
                  <a:gd name="connsiteX180" fmla="*/ 2751 w 10000"/>
                  <a:gd name="connsiteY180" fmla="*/ 6322 h 10000"/>
                  <a:gd name="connsiteX181" fmla="*/ 2597 w 10000"/>
                  <a:gd name="connsiteY181" fmla="*/ 6292 h 10000"/>
                  <a:gd name="connsiteX182" fmla="*/ 2417 w 10000"/>
                  <a:gd name="connsiteY182" fmla="*/ 6278 h 10000"/>
                  <a:gd name="connsiteX183" fmla="*/ 2236 w 10000"/>
                  <a:gd name="connsiteY183" fmla="*/ 6263 h 10000"/>
                  <a:gd name="connsiteX184" fmla="*/ 1877 w 10000"/>
                  <a:gd name="connsiteY184" fmla="*/ 6248 h 10000"/>
                  <a:gd name="connsiteX185" fmla="*/ 1491 w 10000"/>
                  <a:gd name="connsiteY185" fmla="*/ 6263 h 10000"/>
                  <a:gd name="connsiteX186" fmla="*/ 1158 w 10000"/>
                  <a:gd name="connsiteY186" fmla="*/ 6278 h 10000"/>
                  <a:gd name="connsiteX187" fmla="*/ 848 w 10000"/>
                  <a:gd name="connsiteY187" fmla="*/ 6278 h 10000"/>
                  <a:gd name="connsiteX188" fmla="*/ 593 w 10000"/>
                  <a:gd name="connsiteY188" fmla="*/ 6263 h 10000"/>
                  <a:gd name="connsiteX189" fmla="*/ 386 w 10000"/>
                  <a:gd name="connsiteY189" fmla="*/ 6233 h 10000"/>
                  <a:gd name="connsiteX190" fmla="*/ 641 w 10000"/>
                  <a:gd name="connsiteY190" fmla="*/ 5805 h 10000"/>
                  <a:gd name="connsiteX191" fmla="*/ 926 w 10000"/>
                  <a:gd name="connsiteY191" fmla="*/ 5391 h 10000"/>
                  <a:gd name="connsiteX192" fmla="*/ 1029 w 10000"/>
                  <a:gd name="connsiteY192" fmla="*/ 5170 h 10000"/>
                  <a:gd name="connsiteX193" fmla="*/ 1105 w 10000"/>
                  <a:gd name="connsiteY193" fmla="*/ 4963 h 10000"/>
                  <a:gd name="connsiteX194" fmla="*/ 1130 w 10000"/>
                  <a:gd name="connsiteY194" fmla="*/ 4860 h 10000"/>
                  <a:gd name="connsiteX195" fmla="*/ 1105 w 10000"/>
                  <a:gd name="connsiteY195" fmla="*/ 4756 h 10000"/>
                  <a:gd name="connsiteX196" fmla="*/ 1080 w 10000"/>
                  <a:gd name="connsiteY196" fmla="*/ 4653 h 10000"/>
                  <a:gd name="connsiteX197" fmla="*/ 1003 w 10000"/>
                  <a:gd name="connsiteY197" fmla="*/ 4549 h 10000"/>
                  <a:gd name="connsiteX198" fmla="*/ 1286 w 10000"/>
                  <a:gd name="connsiteY198" fmla="*/ 4520 h 10000"/>
                  <a:gd name="connsiteX199" fmla="*/ 1491 w 10000"/>
                  <a:gd name="connsiteY199" fmla="*/ 4505 h 10000"/>
                  <a:gd name="connsiteX200" fmla="*/ 1671 w 10000"/>
                  <a:gd name="connsiteY200" fmla="*/ 4505 h 10000"/>
                  <a:gd name="connsiteX201" fmla="*/ 1825 w 10000"/>
                  <a:gd name="connsiteY201" fmla="*/ 4520 h 10000"/>
                  <a:gd name="connsiteX202" fmla="*/ 1954 w 10000"/>
                  <a:gd name="connsiteY202" fmla="*/ 4520 h 10000"/>
                  <a:gd name="connsiteX203" fmla="*/ 2108 w 10000"/>
                  <a:gd name="connsiteY203" fmla="*/ 4520 h 10000"/>
                  <a:gd name="connsiteX204" fmla="*/ 2263 w 10000"/>
                  <a:gd name="connsiteY204" fmla="*/ 4490 h 10000"/>
                  <a:gd name="connsiteX205" fmla="*/ 2467 w 10000"/>
                  <a:gd name="connsiteY205" fmla="*/ 4446 h 10000"/>
                  <a:gd name="connsiteX206" fmla="*/ 2467 w 10000"/>
                  <a:gd name="connsiteY206" fmla="*/ 4579 h 10000"/>
                  <a:gd name="connsiteX207" fmla="*/ 2467 w 10000"/>
                  <a:gd name="connsiteY207" fmla="*/ 4742 h 10000"/>
                  <a:gd name="connsiteX208" fmla="*/ 2467 w 10000"/>
                  <a:gd name="connsiteY208" fmla="*/ 4874 h 10000"/>
                  <a:gd name="connsiteX209" fmla="*/ 2467 w 10000"/>
                  <a:gd name="connsiteY209" fmla="*/ 5037 h 10000"/>
                  <a:gd name="connsiteX210" fmla="*/ 2699 w 10000"/>
                  <a:gd name="connsiteY210" fmla="*/ 5022 h 10000"/>
                  <a:gd name="connsiteX211" fmla="*/ 2853 w 10000"/>
                  <a:gd name="connsiteY211" fmla="*/ 5037 h 10000"/>
                  <a:gd name="connsiteX212" fmla="*/ 2982 w 10000"/>
                  <a:gd name="connsiteY212" fmla="*/ 5066 h 10000"/>
                  <a:gd name="connsiteX213" fmla="*/ 3111 w 10000"/>
                  <a:gd name="connsiteY213" fmla="*/ 5096 h 10000"/>
                  <a:gd name="connsiteX214" fmla="*/ 3214 w 10000"/>
                  <a:gd name="connsiteY214" fmla="*/ 5126 h 10000"/>
                  <a:gd name="connsiteX215" fmla="*/ 3341 w 10000"/>
                  <a:gd name="connsiteY215" fmla="*/ 5155 h 10000"/>
                  <a:gd name="connsiteX216" fmla="*/ 3496 w 10000"/>
                  <a:gd name="connsiteY216" fmla="*/ 5170 h 10000"/>
                  <a:gd name="connsiteX217" fmla="*/ 3727 w 10000"/>
                  <a:gd name="connsiteY217" fmla="*/ 5155 h 10000"/>
                  <a:gd name="connsiteX218" fmla="*/ 3805 w 10000"/>
                  <a:gd name="connsiteY218" fmla="*/ 5096 h 10000"/>
                  <a:gd name="connsiteX219" fmla="*/ 3881 w 10000"/>
                  <a:gd name="connsiteY219" fmla="*/ 5022 h 10000"/>
                  <a:gd name="connsiteX220" fmla="*/ 3907 w 10000"/>
                  <a:gd name="connsiteY220" fmla="*/ 4934 h 10000"/>
                  <a:gd name="connsiteX221" fmla="*/ 3934 w 10000"/>
                  <a:gd name="connsiteY221" fmla="*/ 4860 h 10000"/>
                  <a:gd name="connsiteX222" fmla="*/ 3958 w 10000"/>
                  <a:gd name="connsiteY222" fmla="*/ 4697 h 10000"/>
                  <a:gd name="connsiteX223" fmla="*/ 3934 w 10000"/>
                  <a:gd name="connsiteY223" fmla="*/ 4520 h 10000"/>
                  <a:gd name="connsiteX224" fmla="*/ 3856 w 10000"/>
                  <a:gd name="connsiteY224" fmla="*/ 4343 h 10000"/>
                  <a:gd name="connsiteX225" fmla="*/ 3779 w 10000"/>
                  <a:gd name="connsiteY225" fmla="*/ 4195 h 10000"/>
                  <a:gd name="connsiteX226" fmla="*/ 3650 w 10000"/>
                  <a:gd name="connsiteY226" fmla="*/ 4047 h 10000"/>
                  <a:gd name="connsiteX227" fmla="*/ 3522 w 10000"/>
                  <a:gd name="connsiteY227" fmla="*/ 3959 h 10000"/>
                  <a:gd name="connsiteX228" fmla="*/ 3676 w 10000"/>
                  <a:gd name="connsiteY228" fmla="*/ 3944 h 10000"/>
                  <a:gd name="connsiteX229" fmla="*/ 3805 w 10000"/>
                  <a:gd name="connsiteY229" fmla="*/ 3914 h 10000"/>
                  <a:gd name="connsiteX230" fmla="*/ 3907 w 10000"/>
                  <a:gd name="connsiteY230" fmla="*/ 3855 h 10000"/>
                  <a:gd name="connsiteX231" fmla="*/ 4034 w 10000"/>
                  <a:gd name="connsiteY231" fmla="*/ 3752 h 10000"/>
                  <a:gd name="connsiteX232" fmla="*/ 4164 w 10000"/>
                  <a:gd name="connsiteY232" fmla="*/ 3663 h 10000"/>
                  <a:gd name="connsiteX233" fmla="*/ 4267 w 10000"/>
                  <a:gd name="connsiteY233" fmla="*/ 3560 h 10000"/>
                  <a:gd name="connsiteX234" fmla="*/ 4344 w 10000"/>
                  <a:gd name="connsiteY234" fmla="*/ 3442 h 10000"/>
                  <a:gd name="connsiteX235" fmla="*/ 4422 w 10000"/>
                  <a:gd name="connsiteY235" fmla="*/ 3323 h 10000"/>
                  <a:gd name="connsiteX236" fmla="*/ 4473 w 10000"/>
                  <a:gd name="connsiteY236" fmla="*/ 3220 h 10000"/>
                  <a:gd name="connsiteX237" fmla="*/ 4498 w 10000"/>
                  <a:gd name="connsiteY237" fmla="*/ 3102 h 10000"/>
                  <a:gd name="connsiteX238" fmla="*/ 4525 w 10000"/>
                  <a:gd name="connsiteY238" fmla="*/ 3013 h 10000"/>
                  <a:gd name="connsiteX239" fmla="*/ 4498 w 10000"/>
                  <a:gd name="connsiteY239" fmla="*/ 2939 h 10000"/>
                  <a:gd name="connsiteX240" fmla="*/ 4473 w 10000"/>
                  <a:gd name="connsiteY240" fmla="*/ 2866 h 10000"/>
                  <a:gd name="connsiteX241" fmla="*/ 4396 w 10000"/>
                  <a:gd name="connsiteY241" fmla="*/ 2836 h 10000"/>
                  <a:gd name="connsiteX242" fmla="*/ 4294 w 10000"/>
                  <a:gd name="connsiteY242" fmla="*/ 2836 h 10000"/>
                  <a:gd name="connsiteX243" fmla="*/ 4164 w 10000"/>
                  <a:gd name="connsiteY243" fmla="*/ 2866 h 10000"/>
                  <a:gd name="connsiteX244" fmla="*/ 4267 w 10000"/>
                  <a:gd name="connsiteY244" fmla="*/ 2777 h 10000"/>
                  <a:gd name="connsiteX245" fmla="*/ 4320 w 10000"/>
                  <a:gd name="connsiteY245" fmla="*/ 2674 h 10000"/>
                  <a:gd name="connsiteX246" fmla="*/ 4344 w 10000"/>
                  <a:gd name="connsiteY246" fmla="*/ 2541 h 10000"/>
                  <a:gd name="connsiteX247" fmla="*/ 4344 w 10000"/>
                  <a:gd name="connsiteY247" fmla="*/ 2393 h 10000"/>
                  <a:gd name="connsiteX248" fmla="*/ 4369 w 10000"/>
                  <a:gd name="connsiteY248" fmla="*/ 2349 h 10000"/>
                  <a:gd name="connsiteX249" fmla="*/ 4422 w 10000"/>
                  <a:gd name="connsiteY249" fmla="*/ 2304 h 10000"/>
                  <a:gd name="connsiteX250" fmla="*/ 4473 w 10000"/>
                  <a:gd name="connsiteY250" fmla="*/ 2290 h 10000"/>
                  <a:gd name="connsiteX251" fmla="*/ 4551 w 10000"/>
                  <a:gd name="connsiteY251" fmla="*/ 2275 h 10000"/>
                  <a:gd name="connsiteX252" fmla="*/ 4781 w 10000"/>
                  <a:gd name="connsiteY252" fmla="*/ 2260 h 10000"/>
                  <a:gd name="connsiteX253" fmla="*/ 4986 w 10000"/>
                  <a:gd name="connsiteY253" fmla="*/ 2275 h 10000"/>
                  <a:gd name="connsiteX254" fmla="*/ 4961 w 10000"/>
                  <a:gd name="connsiteY254" fmla="*/ 2112 h 10000"/>
                  <a:gd name="connsiteX255" fmla="*/ 4910 w 10000"/>
                  <a:gd name="connsiteY255" fmla="*/ 1950 h 10000"/>
                  <a:gd name="connsiteX256" fmla="*/ 4832 w 10000"/>
                  <a:gd name="connsiteY256" fmla="*/ 1802 h 10000"/>
                  <a:gd name="connsiteX257" fmla="*/ 4731 w 10000"/>
                  <a:gd name="connsiteY257" fmla="*/ 1640 h 10000"/>
                  <a:gd name="connsiteX258" fmla="*/ 4473 w 10000"/>
                  <a:gd name="connsiteY258" fmla="*/ 1329 h 10000"/>
                  <a:gd name="connsiteX259" fmla="*/ 4216 w 10000"/>
                  <a:gd name="connsiteY259" fmla="*/ 1034 h 10000"/>
                  <a:gd name="connsiteX260" fmla="*/ 4087 w 10000"/>
                  <a:gd name="connsiteY260" fmla="*/ 901 h 10000"/>
                  <a:gd name="connsiteX261" fmla="*/ 3986 w 10000"/>
                  <a:gd name="connsiteY261" fmla="*/ 753 h 10000"/>
                  <a:gd name="connsiteX262" fmla="*/ 3907 w 10000"/>
                  <a:gd name="connsiteY262" fmla="*/ 620 h 10000"/>
                  <a:gd name="connsiteX263" fmla="*/ 3881 w 10000"/>
                  <a:gd name="connsiteY263" fmla="*/ 487 h 10000"/>
                  <a:gd name="connsiteX264" fmla="*/ 3856 w 10000"/>
                  <a:gd name="connsiteY264" fmla="*/ 355 h 10000"/>
                  <a:gd name="connsiteX265" fmla="*/ 3907 w 10000"/>
                  <a:gd name="connsiteY265" fmla="*/ 222 h 10000"/>
                  <a:gd name="connsiteX266" fmla="*/ 3934 w 10000"/>
                  <a:gd name="connsiteY266" fmla="*/ 162 h 10000"/>
                  <a:gd name="connsiteX267" fmla="*/ 3986 w 10000"/>
                  <a:gd name="connsiteY267" fmla="*/ 103 h 10000"/>
                  <a:gd name="connsiteX268" fmla="*/ 4063 w 10000"/>
                  <a:gd name="connsiteY268" fmla="*/ 59 h 10000"/>
                  <a:gd name="connsiteX269" fmla="*/ 4164 w 10000"/>
                  <a:gd name="connsiteY269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224 w 10000"/>
                  <a:gd name="connsiteY53" fmla="*/ 4564 h 10000"/>
                  <a:gd name="connsiteX54" fmla="*/ 7095 w 10000"/>
                  <a:gd name="connsiteY54" fmla="*/ 4638 h 10000"/>
                  <a:gd name="connsiteX55" fmla="*/ 7095 w 10000"/>
                  <a:gd name="connsiteY55" fmla="*/ 4697 h 10000"/>
                  <a:gd name="connsiteX56" fmla="*/ 7069 w 10000"/>
                  <a:gd name="connsiteY56" fmla="*/ 4801 h 10000"/>
                  <a:gd name="connsiteX57" fmla="*/ 7069 w 10000"/>
                  <a:gd name="connsiteY57" fmla="*/ 4904 h 10000"/>
                  <a:gd name="connsiteX58" fmla="*/ 6941 w 10000"/>
                  <a:gd name="connsiteY58" fmla="*/ 4860 h 10000"/>
                  <a:gd name="connsiteX59" fmla="*/ 6863 w 10000"/>
                  <a:gd name="connsiteY59" fmla="*/ 4801 h 10000"/>
                  <a:gd name="connsiteX60" fmla="*/ 6786 w 10000"/>
                  <a:gd name="connsiteY60" fmla="*/ 4727 h 10000"/>
                  <a:gd name="connsiteX61" fmla="*/ 6710 w 10000"/>
                  <a:gd name="connsiteY61" fmla="*/ 4638 h 10000"/>
                  <a:gd name="connsiteX62" fmla="*/ 6582 w 10000"/>
                  <a:gd name="connsiteY62" fmla="*/ 4476 h 10000"/>
                  <a:gd name="connsiteX63" fmla="*/ 6451 w 10000"/>
                  <a:gd name="connsiteY63" fmla="*/ 4313 h 10000"/>
                  <a:gd name="connsiteX64" fmla="*/ 6607 w 10000"/>
                  <a:gd name="connsiteY64" fmla="*/ 4210 h 10000"/>
                  <a:gd name="connsiteX65" fmla="*/ 9306 w 10000"/>
                  <a:gd name="connsiteY65" fmla="*/ 3338 h 10000"/>
                  <a:gd name="connsiteX66" fmla="*/ 9536 w 10000"/>
                  <a:gd name="connsiteY66" fmla="*/ 3117 h 10000"/>
                  <a:gd name="connsiteX67" fmla="*/ 9563 w 10000"/>
                  <a:gd name="connsiteY67" fmla="*/ 3072 h 10000"/>
                  <a:gd name="connsiteX68" fmla="*/ 9588 w 10000"/>
                  <a:gd name="connsiteY68" fmla="*/ 3013 h 10000"/>
                  <a:gd name="connsiteX69" fmla="*/ 9588 w 10000"/>
                  <a:gd name="connsiteY69" fmla="*/ 2954 h 10000"/>
                  <a:gd name="connsiteX70" fmla="*/ 9563 w 10000"/>
                  <a:gd name="connsiteY70" fmla="*/ 2866 h 10000"/>
                  <a:gd name="connsiteX71" fmla="*/ 9383 w 10000"/>
                  <a:gd name="connsiteY71" fmla="*/ 2984 h 10000"/>
                  <a:gd name="connsiteX72" fmla="*/ 9178 w 10000"/>
                  <a:gd name="connsiteY72" fmla="*/ 3072 h 10000"/>
                  <a:gd name="connsiteX73" fmla="*/ 8971 w 10000"/>
                  <a:gd name="connsiteY73" fmla="*/ 3161 h 10000"/>
                  <a:gd name="connsiteX74" fmla="*/ 8766 w 10000"/>
                  <a:gd name="connsiteY74" fmla="*/ 3250 h 10000"/>
                  <a:gd name="connsiteX75" fmla="*/ 8302 w 10000"/>
                  <a:gd name="connsiteY75" fmla="*/ 3397 h 10000"/>
                  <a:gd name="connsiteX76" fmla="*/ 7815 w 10000"/>
                  <a:gd name="connsiteY76" fmla="*/ 3545 h 10000"/>
                  <a:gd name="connsiteX77" fmla="*/ 7327 w 10000"/>
                  <a:gd name="connsiteY77" fmla="*/ 3678 h 10000"/>
                  <a:gd name="connsiteX78" fmla="*/ 6863 w 10000"/>
                  <a:gd name="connsiteY78" fmla="*/ 3840 h 10000"/>
                  <a:gd name="connsiteX79" fmla="*/ 6632 w 10000"/>
                  <a:gd name="connsiteY79" fmla="*/ 3914 h 10000"/>
                  <a:gd name="connsiteX80" fmla="*/ 6427 w 10000"/>
                  <a:gd name="connsiteY80" fmla="*/ 4003 h 10000"/>
                  <a:gd name="connsiteX81" fmla="*/ 6222 w 10000"/>
                  <a:gd name="connsiteY81" fmla="*/ 4106 h 10000"/>
                  <a:gd name="connsiteX82" fmla="*/ 6014 w 10000"/>
                  <a:gd name="connsiteY82" fmla="*/ 4195 h 10000"/>
                  <a:gd name="connsiteX83" fmla="*/ 6169 w 10000"/>
                  <a:gd name="connsiteY83" fmla="*/ 4417 h 10000"/>
                  <a:gd name="connsiteX84" fmla="*/ 6273 w 10000"/>
                  <a:gd name="connsiteY84" fmla="*/ 4623 h 10000"/>
                  <a:gd name="connsiteX85" fmla="*/ 6375 w 10000"/>
                  <a:gd name="connsiteY85" fmla="*/ 4845 h 10000"/>
                  <a:gd name="connsiteX86" fmla="*/ 6451 w 10000"/>
                  <a:gd name="connsiteY86" fmla="*/ 5081 h 10000"/>
                  <a:gd name="connsiteX87" fmla="*/ 6504 w 10000"/>
                  <a:gd name="connsiteY87" fmla="*/ 5318 h 10000"/>
                  <a:gd name="connsiteX88" fmla="*/ 6530 w 10000"/>
                  <a:gd name="connsiteY88" fmla="*/ 5539 h 10000"/>
                  <a:gd name="connsiteX89" fmla="*/ 6554 w 10000"/>
                  <a:gd name="connsiteY89" fmla="*/ 5775 h 10000"/>
                  <a:gd name="connsiteX90" fmla="*/ 6554 w 10000"/>
                  <a:gd name="connsiteY90" fmla="*/ 5997 h 10000"/>
                  <a:gd name="connsiteX91" fmla="*/ 6530 w 10000"/>
                  <a:gd name="connsiteY91" fmla="*/ 6233 h 10000"/>
                  <a:gd name="connsiteX92" fmla="*/ 6478 w 10000"/>
                  <a:gd name="connsiteY92" fmla="*/ 6470 h 10000"/>
                  <a:gd name="connsiteX93" fmla="*/ 6427 w 10000"/>
                  <a:gd name="connsiteY93" fmla="*/ 6677 h 10000"/>
                  <a:gd name="connsiteX94" fmla="*/ 6350 w 10000"/>
                  <a:gd name="connsiteY94" fmla="*/ 6898 h 10000"/>
                  <a:gd name="connsiteX95" fmla="*/ 6247 w 10000"/>
                  <a:gd name="connsiteY95" fmla="*/ 7105 h 10000"/>
                  <a:gd name="connsiteX96" fmla="*/ 6119 w 10000"/>
                  <a:gd name="connsiteY96" fmla="*/ 7297 h 10000"/>
                  <a:gd name="connsiteX97" fmla="*/ 5964 w 10000"/>
                  <a:gd name="connsiteY97" fmla="*/ 7489 h 10000"/>
                  <a:gd name="connsiteX98" fmla="*/ 5809 w 10000"/>
                  <a:gd name="connsiteY98" fmla="*/ 7681 h 10000"/>
                  <a:gd name="connsiteX99" fmla="*/ 6554 w 10000"/>
                  <a:gd name="connsiteY99" fmla="*/ 7799 h 10000"/>
                  <a:gd name="connsiteX100" fmla="*/ 7327 w 10000"/>
                  <a:gd name="connsiteY100" fmla="*/ 7962 h 10000"/>
                  <a:gd name="connsiteX101" fmla="*/ 7480 w 10000"/>
                  <a:gd name="connsiteY101" fmla="*/ 8021 h 10000"/>
                  <a:gd name="connsiteX102" fmla="*/ 7609 w 10000"/>
                  <a:gd name="connsiteY102" fmla="*/ 8080 h 10000"/>
                  <a:gd name="connsiteX103" fmla="*/ 7737 w 10000"/>
                  <a:gd name="connsiteY103" fmla="*/ 8139 h 10000"/>
                  <a:gd name="connsiteX104" fmla="*/ 7815 w 10000"/>
                  <a:gd name="connsiteY104" fmla="*/ 8227 h 10000"/>
                  <a:gd name="connsiteX105" fmla="*/ 7841 w 10000"/>
                  <a:gd name="connsiteY105" fmla="*/ 8301 h 10000"/>
                  <a:gd name="connsiteX106" fmla="*/ 7841 w 10000"/>
                  <a:gd name="connsiteY106" fmla="*/ 8405 h 10000"/>
                  <a:gd name="connsiteX107" fmla="*/ 7790 w 10000"/>
                  <a:gd name="connsiteY107" fmla="*/ 8523 h 10000"/>
                  <a:gd name="connsiteX108" fmla="*/ 7712 w 10000"/>
                  <a:gd name="connsiteY108" fmla="*/ 8641 h 10000"/>
                  <a:gd name="connsiteX109" fmla="*/ 7378 w 10000"/>
                  <a:gd name="connsiteY109" fmla="*/ 8552 h 10000"/>
                  <a:gd name="connsiteX110" fmla="*/ 7069 w 10000"/>
                  <a:gd name="connsiteY110" fmla="*/ 8449 h 10000"/>
                  <a:gd name="connsiteX111" fmla="*/ 6760 w 10000"/>
                  <a:gd name="connsiteY111" fmla="*/ 8360 h 10000"/>
                  <a:gd name="connsiteX112" fmla="*/ 6451 w 10000"/>
                  <a:gd name="connsiteY112" fmla="*/ 8287 h 10000"/>
                  <a:gd name="connsiteX113" fmla="*/ 6323 w 10000"/>
                  <a:gd name="connsiteY113" fmla="*/ 8449 h 10000"/>
                  <a:gd name="connsiteX114" fmla="*/ 6222 w 10000"/>
                  <a:gd name="connsiteY114" fmla="*/ 8597 h 10000"/>
                  <a:gd name="connsiteX115" fmla="*/ 6169 w 10000"/>
                  <a:gd name="connsiteY115" fmla="*/ 8656 h 10000"/>
                  <a:gd name="connsiteX116" fmla="*/ 6066 w 10000"/>
                  <a:gd name="connsiteY116" fmla="*/ 8700 h 10000"/>
                  <a:gd name="connsiteX117" fmla="*/ 5990 w 10000"/>
                  <a:gd name="connsiteY117" fmla="*/ 8744 h 10000"/>
                  <a:gd name="connsiteX118" fmla="*/ 5913 w 10000"/>
                  <a:gd name="connsiteY118" fmla="*/ 8774 h 10000"/>
                  <a:gd name="connsiteX119" fmla="*/ 5835 w 10000"/>
                  <a:gd name="connsiteY119" fmla="*/ 8804 h 10000"/>
                  <a:gd name="connsiteX120" fmla="*/ 5733 w 10000"/>
                  <a:gd name="connsiteY120" fmla="*/ 8818 h 10000"/>
                  <a:gd name="connsiteX121" fmla="*/ 5603 w 10000"/>
                  <a:gd name="connsiteY121" fmla="*/ 8833 h 10000"/>
                  <a:gd name="connsiteX122" fmla="*/ 5476 w 10000"/>
                  <a:gd name="connsiteY122" fmla="*/ 8833 h 10000"/>
                  <a:gd name="connsiteX123" fmla="*/ 5168 w 10000"/>
                  <a:gd name="connsiteY123" fmla="*/ 8818 h 10000"/>
                  <a:gd name="connsiteX124" fmla="*/ 4781 w 10000"/>
                  <a:gd name="connsiteY124" fmla="*/ 8744 h 10000"/>
                  <a:gd name="connsiteX125" fmla="*/ 4781 w 10000"/>
                  <a:gd name="connsiteY125" fmla="*/ 8922 h 10000"/>
                  <a:gd name="connsiteX126" fmla="*/ 4755 w 10000"/>
                  <a:gd name="connsiteY126" fmla="*/ 9069 h 10000"/>
                  <a:gd name="connsiteX127" fmla="*/ 4731 w 10000"/>
                  <a:gd name="connsiteY127" fmla="*/ 9232 h 10000"/>
                  <a:gd name="connsiteX128" fmla="*/ 4704 w 10000"/>
                  <a:gd name="connsiteY128" fmla="*/ 9365 h 10000"/>
                  <a:gd name="connsiteX129" fmla="*/ 4652 w 10000"/>
                  <a:gd name="connsiteY129" fmla="*/ 9498 h 10000"/>
                  <a:gd name="connsiteX130" fmla="*/ 4551 w 10000"/>
                  <a:gd name="connsiteY130" fmla="*/ 9616 h 10000"/>
                  <a:gd name="connsiteX131" fmla="*/ 4473 w 10000"/>
                  <a:gd name="connsiteY131" fmla="*/ 9734 h 10000"/>
                  <a:gd name="connsiteX132" fmla="*/ 4344 w 10000"/>
                  <a:gd name="connsiteY132" fmla="*/ 9838 h 10000"/>
                  <a:gd name="connsiteX133" fmla="*/ 4034 w 10000"/>
                  <a:gd name="connsiteY133" fmla="*/ 9897 h 10000"/>
                  <a:gd name="connsiteX134" fmla="*/ 3779 w 10000"/>
                  <a:gd name="connsiteY134" fmla="*/ 9941 h 10000"/>
                  <a:gd name="connsiteX135" fmla="*/ 3470 w 10000"/>
                  <a:gd name="connsiteY135" fmla="*/ 9985 h 10000"/>
                  <a:gd name="connsiteX136" fmla="*/ 3239 w 10000"/>
                  <a:gd name="connsiteY136" fmla="*/ 10000 h 10000"/>
                  <a:gd name="connsiteX137" fmla="*/ 2725 w 10000"/>
                  <a:gd name="connsiteY137" fmla="*/ 10000 h 10000"/>
                  <a:gd name="connsiteX138" fmla="*/ 2236 w 10000"/>
                  <a:gd name="connsiteY138" fmla="*/ 9985 h 10000"/>
                  <a:gd name="connsiteX139" fmla="*/ 1775 w 10000"/>
                  <a:gd name="connsiteY139" fmla="*/ 9941 h 10000"/>
                  <a:gd name="connsiteX140" fmla="*/ 1286 w 10000"/>
                  <a:gd name="connsiteY140" fmla="*/ 9911 h 10000"/>
                  <a:gd name="connsiteX141" fmla="*/ 1003 w 10000"/>
                  <a:gd name="connsiteY141" fmla="*/ 9911 h 10000"/>
                  <a:gd name="connsiteX142" fmla="*/ 745 w 10000"/>
                  <a:gd name="connsiteY142" fmla="*/ 9911 h 10000"/>
                  <a:gd name="connsiteX143" fmla="*/ 463 w 10000"/>
                  <a:gd name="connsiteY143" fmla="*/ 9926 h 10000"/>
                  <a:gd name="connsiteX144" fmla="*/ 180 w 10000"/>
                  <a:gd name="connsiteY144" fmla="*/ 9970 h 10000"/>
                  <a:gd name="connsiteX145" fmla="*/ 103 w 10000"/>
                  <a:gd name="connsiteY145" fmla="*/ 9867 h 10000"/>
                  <a:gd name="connsiteX146" fmla="*/ 52 w 10000"/>
                  <a:gd name="connsiteY146" fmla="*/ 9793 h 10000"/>
                  <a:gd name="connsiteX147" fmla="*/ 0 w 10000"/>
                  <a:gd name="connsiteY147" fmla="*/ 9705 h 10000"/>
                  <a:gd name="connsiteX148" fmla="*/ 0 w 10000"/>
                  <a:gd name="connsiteY148" fmla="*/ 9601 h 10000"/>
                  <a:gd name="connsiteX149" fmla="*/ 52 w 10000"/>
                  <a:gd name="connsiteY149" fmla="*/ 9424 h 10000"/>
                  <a:gd name="connsiteX150" fmla="*/ 103 w 10000"/>
                  <a:gd name="connsiteY150" fmla="*/ 9202 h 10000"/>
                  <a:gd name="connsiteX151" fmla="*/ 153 w 10000"/>
                  <a:gd name="connsiteY151" fmla="*/ 8996 h 10000"/>
                  <a:gd name="connsiteX152" fmla="*/ 206 w 10000"/>
                  <a:gd name="connsiteY152" fmla="*/ 8759 h 10000"/>
                  <a:gd name="connsiteX153" fmla="*/ 231 w 10000"/>
                  <a:gd name="connsiteY153" fmla="*/ 8641 h 10000"/>
                  <a:gd name="connsiteX154" fmla="*/ 231 w 10000"/>
                  <a:gd name="connsiteY154" fmla="*/ 8538 h 10000"/>
                  <a:gd name="connsiteX155" fmla="*/ 206 w 10000"/>
                  <a:gd name="connsiteY155" fmla="*/ 8405 h 10000"/>
                  <a:gd name="connsiteX156" fmla="*/ 180 w 10000"/>
                  <a:gd name="connsiteY156" fmla="*/ 8287 h 10000"/>
                  <a:gd name="connsiteX157" fmla="*/ 437 w 10000"/>
                  <a:gd name="connsiteY157" fmla="*/ 8213 h 10000"/>
                  <a:gd name="connsiteX158" fmla="*/ 694 w 10000"/>
                  <a:gd name="connsiteY158" fmla="*/ 8139 h 10000"/>
                  <a:gd name="connsiteX159" fmla="*/ 951 w 10000"/>
                  <a:gd name="connsiteY159" fmla="*/ 8095 h 10000"/>
                  <a:gd name="connsiteX160" fmla="*/ 1234 w 10000"/>
                  <a:gd name="connsiteY160" fmla="*/ 8065 h 10000"/>
                  <a:gd name="connsiteX161" fmla="*/ 1747 w 10000"/>
                  <a:gd name="connsiteY161" fmla="*/ 8021 h 10000"/>
                  <a:gd name="connsiteX162" fmla="*/ 2263 w 10000"/>
                  <a:gd name="connsiteY162" fmla="*/ 7976 h 10000"/>
                  <a:gd name="connsiteX163" fmla="*/ 2494 w 10000"/>
                  <a:gd name="connsiteY163" fmla="*/ 7947 h 10000"/>
                  <a:gd name="connsiteX164" fmla="*/ 2725 w 10000"/>
                  <a:gd name="connsiteY164" fmla="*/ 7917 h 10000"/>
                  <a:gd name="connsiteX165" fmla="*/ 2929 w 10000"/>
                  <a:gd name="connsiteY165" fmla="*/ 7843 h 10000"/>
                  <a:gd name="connsiteX166" fmla="*/ 3136 w 10000"/>
                  <a:gd name="connsiteY166" fmla="*/ 7784 h 10000"/>
                  <a:gd name="connsiteX167" fmla="*/ 3316 w 10000"/>
                  <a:gd name="connsiteY167" fmla="*/ 7710 h 10000"/>
                  <a:gd name="connsiteX168" fmla="*/ 3470 w 10000"/>
                  <a:gd name="connsiteY168" fmla="*/ 7592 h 10000"/>
                  <a:gd name="connsiteX169" fmla="*/ 3625 w 10000"/>
                  <a:gd name="connsiteY169" fmla="*/ 7474 h 10000"/>
                  <a:gd name="connsiteX170" fmla="*/ 3727 w 10000"/>
                  <a:gd name="connsiteY170" fmla="*/ 7312 h 10000"/>
                  <a:gd name="connsiteX171" fmla="*/ 3522 w 10000"/>
                  <a:gd name="connsiteY171" fmla="*/ 7238 h 10000"/>
                  <a:gd name="connsiteX172" fmla="*/ 3341 w 10000"/>
                  <a:gd name="connsiteY172" fmla="*/ 7179 h 10000"/>
                  <a:gd name="connsiteX173" fmla="*/ 3187 w 10000"/>
                  <a:gd name="connsiteY173" fmla="*/ 7090 h 10000"/>
                  <a:gd name="connsiteX174" fmla="*/ 3034 w 10000"/>
                  <a:gd name="connsiteY174" fmla="*/ 6987 h 10000"/>
                  <a:gd name="connsiteX175" fmla="*/ 2929 w 10000"/>
                  <a:gd name="connsiteY175" fmla="*/ 6869 h 10000"/>
                  <a:gd name="connsiteX176" fmla="*/ 2880 w 10000"/>
                  <a:gd name="connsiteY176" fmla="*/ 6721 h 10000"/>
                  <a:gd name="connsiteX177" fmla="*/ 2853 w 10000"/>
                  <a:gd name="connsiteY177" fmla="*/ 6558 h 10000"/>
                  <a:gd name="connsiteX178" fmla="*/ 2880 w 10000"/>
                  <a:gd name="connsiteY178" fmla="*/ 6352 h 10000"/>
                  <a:gd name="connsiteX179" fmla="*/ 2751 w 10000"/>
                  <a:gd name="connsiteY179" fmla="*/ 6322 h 10000"/>
                  <a:gd name="connsiteX180" fmla="*/ 2597 w 10000"/>
                  <a:gd name="connsiteY180" fmla="*/ 6292 h 10000"/>
                  <a:gd name="connsiteX181" fmla="*/ 2417 w 10000"/>
                  <a:gd name="connsiteY181" fmla="*/ 6278 h 10000"/>
                  <a:gd name="connsiteX182" fmla="*/ 2236 w 10000"/>
                  <a:gd name="connsiteY182" fmla="*/ 6263 h 10000"/>
                  <a:gd name="connsiteX183" fmla="*/ 1877 w 10000"/>
                  <a:gd name="connsiteY183" fmla="*/ 6248 h 10000"/>
                  <a:gd name="connsiteX184" fmla="*/ 1491 w 10000"/>
                  <a:gd name="connsiteY184" fmla="*/ 6263 h 10000"/>
                  <a:gd name="connsiteX185" fmla="*/ 1158 w 10000"/>
                  <a:gd name="connsiteY185" fmla="*/ 6278 h 10000"/>
                  <a:gd name="connsiteX186" fmla="*/ 848 w 10000"/>
                  <a:gd name="connsiteY186" fmla="*/ 6278 h 10000"/>
                  <a:gd name="connsiteX187" fmla="*/ 593 w 10000"/>
                  <a:gd name="connsiteY187" fmla="*/ 6263 h 10000"/>
                  <a:gd name="connsiteX188" fmla="*/ 386 w 10000"/>
                  <a:gd name="connsiteY188" fmla="*/ 6233 h 10000"/>
                  <a:gd name="connsiteX189" fmla="*/ 641 w 10000"/>
                  <a:gd name="connsiteY189" fmla="*/ 5805 h 10000"/>
                  <a:gd name="connsiteX190" fmla="*/ 926 w 10000"/>
                  <a:gd name="connsiteY190" fmla="*/ 5391 h 10000"/>
                  <a:gd name="connsiteX191" fmla="*/ 1029 w 10000"/>
                  <a:gd name="connsiteY191" fmla="*/ 5170 h 10000"/>
                  <a:gd name="connsiteX192" fmla="*/ 1105 w 10000"/>
                  <a:gd name="connsiteY192" fmla="*/ 4963 h 10000"/>
                  <a:gd name="connsiteX193" fmla="*/ 1130 w 10000"/>
                  <a:gd name="connsiteY193" fmla="*/ 4860 h 10000"/>
                  <a:gd name="connsiteX194" fmla="*/ 1105 w 10000"/>
                  <a:gd name="connsiteY194" fmla="*/ 4756 h 10000"/>
                  <a:gd name="connsiteX195" fmla="*/ 1080 w 10000"/>
                  <a:gd name="connsiteY195" fmla="*/ 4653 h 10000"/>
                  <a:gd name="connsiteX196" fmla="*/ 1003 w 10000"/>
                  <a:gd name="connsiteY196" fmla="*/ 4549 h 10000"/>
                  <a:gd name="connsiteX197" fmla="*/ 1286 w 10000"/>
                  <a:gd name="connsiteY197" fmla="*/ 4520 h 10000"/>
                  <a:gd name="connsiteX198" fmla="*/ 1491 w 10000"/>
                  <a:gd name="connsiteY198" fmla="*/ 4505 h 10000"/>
                  <a:gd name="connsiteX199" fmla="*/ 1671 w 10000"/>
                  <a:gd name="connsiteY199" fmla="*/ 4505 h 10000"/>
                  <a:gd name="connsiteX200" fmla="*/ 1825 w 10000"/>
                  <a:gd name="connsiteY200" fmla="*/ 4520 h 10000"/>
                  <a:gd name="connsiteX201" fmla="*/ 1954 w 10000"/>
                  <a:gd name="connsiteY201" fmla="*/ 4520 h 10000"/>
                  <a:gd name="connsiteX202" fmla="*/ 2108 w 10000"/>
                  <a:gd name="connsiteY202" fmla="*/ 4520 h 10000"/>
                  <a:gd name="connsiteX203" fmla="*/ 2263 w 10000"/>
                  <a:gd name="connsiteY203" fmla="*/ 4490 h 10000"/>
                  <a:gd name="connsiteX204" fmla="*/ 2467 w 10000"/>
                  <a:gd name="connsiteY204" fmla="*/ 4446 h 10000"/>
                  <a:gd name="connsiteX205" fmla="*/ 2467 w 10000"/>
                  <a:gd name="connsiteY205" fmla="*/ 4579 h 10000"/>
                  <a:gd name="connsiteX206" fmla="*/ 2467 w 10000"/>
                  <a:gd name="connsiteY206" fmla="*/ 4742 h 10000"/>
                  <a:gd name="connsiteX207" fmla="*/ 2467 w 10000"/>
                  <a:gd name="connsiteY207" fmla="*/ 4874 h 10000"/>
                  <a:gd name="connsiteX208" fmla="*/ 2467 w 10000"/>
                  <a:gd name="connsiteY208" fmla="*/ 5037 h 10000"/>
                  <a:gd name="connsiteX209" fmla="*/ 2699 w 10000"/>
                  <a:gd name="connsiteY209" fmla="*/ 5022 h 10000"/>
                  <a:gd name="connsiteX210" fmla="*/ 2853 w 10000"/>
                  <a:gd name="connsiteY210" fmla="*/ 5037 h 10000"/>
                  <a:gd name="connsiteX211" fmla="*/ 2982 w 10000"/>
                  <a:gd name="connsiteY211" fmla="*/ 5066 h 10000"/>
                  <a:gd name="connsiteX212" fmla="*/ 3111 w 10000"/>
                  <a:gd name="connsiteY212" fmla="*/ 5096 h 10000"/>
                  <a:gd name="connsiteX213" fmla="*/ 3214 w 10000"/>
                  <a:gd name="connsiteY213" fmla="*/ 5126 h 10000"/>
                  <a:gd name="connsiteX214" fmla="*/ 3341 w 10000"/>
                  <a:gd name="connsiteY214" fmla="*/ 5155 h 10000"/>
                  <a:gd name="connsiteX215" fmla="*/ 3496 w 10000"/>
                  <a:gd name="connsiteY215" fmla="*/ 5170 h 10000"/>
                  <a:gd name="connsiteX216" fmla="*/ 3727 w 10000"/>
                  <a:gd name="connsiteY216" fmla="*/ 5155 h 10000"/>
                  <a:gd name="connsiteX217" fmla="*/ 3805 w 10000"/>
                  <a:gd name="connsiteY217" fmla="*/ 5096 h 10000"/>
                  <a:gd name="connsiteX218" fmla="*/ 3881 w 10000"/>
                  <a:gd name="connsiteY218" fmla="*/ 5022 h 10000"/>
                  <a:gd name="connsiteX219" fmla="*/ 3907 w 10000"/>
                  <a:gd name="connsiteY219" fmla="*/ 4934 h 10000"/>
                  <a:gd name="connsiteX220" fmla="*/ 3934 w 10000"/>
                  <a:gd name="connsiteY220" fmla="*/ 4860 h 10000"/>
                  <a:gd name="connsiteX221" fmla="*/ 3958 w 10000"/>
                  <a:gd name="connsiteY221" fmla="*/ 4697 h 10000"/>
                  <a:gd name="connsiteX222" fmla="*/ 3934 w 10000"/>
                  <a:gd name="connsiteY222" fmla="*/ 4520 h 10000"/>
                  <a:gd name="connsiteX223" fmla="*/ 3856 w 10000"/>
                  <a:gd name="connsiteY223" fmla="*/ 4343 h 10000"/>
                  <a:gd name="connsiteX224" fmla="*/ 3779 w 10000"/>
                  <a:gd name="connsiteY224" fmla="*/ 4195 h 10000"/>
                  <a:gd name="connsiteX225" fmla="*/ 3650 w 10000"/>
                  <a:gd name="connsiteY225" fmla="*/ 4047 h 10000"/>
                  <a:gd name="connsiteX226" fmla="*/ 3522 w 10000"/>
                  <a:gd name="connsiteY226" fmla="*/ 3959 h 10000"/>
                  <a:gd name="connsiteX227" fmla="*/ 3676 w 10000"/>
                  <a:gd name="connsiteY227" fmla="*/ 3944 h 10000"/>
                  <a:gd name="connsiteX228" fmla="*/ 3805 w 10000"/>
                  <a:gd name="connsiteY228" fmla="*/ 3914 h 10000"/>
                  <a:gd name="connsiteX229" fmla="*/ 3907 w 10000"/>
                  <a:gd name="connsiteY229" fmla="*/ 3855 h 10000"/>
                  <a:gd name="connsiteX230" fmla="*/ 4034 w 10000"/>
                  <a:gd name="connsiteY230" fmla="*/ 3752 h 10000"/>
                  <a:gd name="connsiteX231" fmla="*/ 4164 w 10000"/>
                  <a:gd name="connsiteY231" fmla="*/ 3663 h 10000"/>
                  <a:gd name="connsiteX232" fmla="*/ 4267 w 10000"/>
                  <a:gd name="connsiteY232" fmla="*/ 3560 h 10000"/>
                  <a:gd name="connsiteX233" fmla="*/ 4344 w 10000"/>
                  <a:gd name="connsiteY233" fmla="*/ 3442 h 10000"/>
                  <a:gd name="connsiteX234" fmla="*/ 4422 w 10000"/>
                  <a:gd name="connsiteY234" fmla="*/ 3323 h 10000"/>
                  <a:gd name="connsiteX235" fmla="*/ 4473 w 10000"/>
                  <a:gd name="connsiteY235" fmla="*/ 3220 h 10000"/>
                  <a:gd name="connsiteX236" fmla="*/ 4498 w 10000"/>
                  <a:gd name="connsiteY236" fmla="*/ 3102 h 10000"/>
                  <a:gd name="connsiteX237" fmla="*/ 4525 w 10000"/>
                  <a:gd name="connsiteY237" fmla="*/ 3013 h 10000"/>
                  <a:gd name="connsiteX238" fmla="*/ 4498 w 10000"/>
                  <a:gd name="connsiteY238" fmla="*/ 2939 h 10000"/>
                  <a:gd name="connsiteX239" fmla="*/ 4473 w 10000"/>
                  <a:gd name="connsiteY239" fmla="*/ 2866 h 10000"/>
                  <a:gd name="connsiteX240" fmla="*/ 4396 w 10000"/>
                  <a:gd name="connsiteY240" fmla="*/ 2836 h 10000"/>
                  <a:gd name="connsiteX241" fmla="*/ 4294 w 10000"/>
                  <a:gd name="connsiteY241" fmla="*/ 2836 h 10000"/>
                  <a:gd name="connsiteX242" fmla="*/ 4164 w 10000"/>
                  <a:gd name="connsiteY242" fmla="*/ 2866 h 10000"/>
                  <a:gd name="connsiteX243" fmla="*/ 4267 w 10000"/>
                  <a:gd name="connsiteY243" fmla="*/ 2777 h 10000"/>
                  <a:gd name="connsiteX244" fmla="*/ 4320 w 10000"/>
                  <a:gd name="connsiteY244" fmla="*/ 2674 h 10000"/>
                  <a:gd name="connsiteX245" fmla="*/ 4344 w 10000"/>
                  <a:gd name="connsiteY245" fmla="*/ 2541 h 10000"/>
                  <a:gd name="connsiteX246" fmla="*/ 4344 w 10000"/>
                  <a:gd name="connsiteY246" fmla="*/ 2393 h 10000"/>
                  <a:gd name="connsiteX247" fmla="*/ 4369 w 10000"/>
                  <a:gd name="connsiteY247" fmla="*/ 2349 h 10000"/>
                  <a:gd name="connsiteX248" fmla="*/ 4422 w 10000"/>
                  <a:gd name="connsiteY248" fmla="*/ 2304 h 10000"/>
                  <a:gd name="connsiteX249" fmla="*/ 4473 w 10000"/>
                  <a:gd name="connsiteY249" fmla="*/ 2290 h 10000"/>
                  <a:gd name="connsiteX250" fmla="*/ 4551 w 10000"/>
                  <a:gd name="connsiteY250" fmla="*/ 2275 h 10000"/>
                  <a:gd name="connsiteX251" fmla="*/ 4781 w 10000"/>
                  <a:gd name="connsiteY251" fmla="*/ 2260 h 10000"/>
                  <a:gd name="connsiteX252" fmla="*/ 4986 w 10000"/>
                  <a:gd name="connsiteY252" fmla="*/ 2275 h 10000"/>
                  <a:gd name="connsiteX253" fmla="*/ 4961 w 10000"/>
                  <a:gd name="connsiteY253" fmla="*/ 2112 h 10000"/>
                  <a:gd name="connsiteX254" fmla="*/ 4910 w 10000"/>
                  <a:gd name="connsiteY254" fmla="*/ 1950 h 10000"/>
                  <a:gd name="connsiteX255" fmla="*/ 4832 w 10000"/>
                  <a:gd name="connsiteY255" fmla="*/ 1802 h 10000"/>
                  <a:gd name="connsiteX256" fmla="*/ 4731 w 10000"/>
                  <a:gd name="connsiteY256" fmla="*/ 1640 h 10000"/>
                  <a:gd name="connsiteX257" fmla="*/ 4473 w 10000"/>
                  <a:gd name="connsiteY257" fmla="*/ 1329 h 10000"/>
                  <a:gd name="connsiteX258" fmla="*/ 4216 w 10000"/>
                  <a:gd name="connsiteY258" fmla="*/ 1034 h 10000"/>
                  <a:gd name="connsiteX259" fmla="*/ 4087 w 10000"/>
                  <a:gd name="connsiteY259" fmla="*/ 901 h 10000"/>
                  <a:gd name="connsiteX260" fmla="*/ 3986 w 10000"/>
                  <a:gd name="connsiteY260" fmla="*/ 753 h 10000"/>
                  <a:gd name="connsiteX261" fmla="*/ 3907 w 10000"/>
                  <a:gd name="connsiteY261" fmla="*/ 620 h 10000"/>
                  <a:gd name="connsiteX262" fmla="*/ 3881 w 10000"/>
                  <a:gd name="connsiteY262" fmla="*/ 487 h 10000"/>
                  <a:gd name="connsiteX263" fmla="*/ 3856 w 10000"/>
                  <a:gd name="connsiteY263" fmla="*/ 355 h 10000"/>
                  <a:gd name="connsiteX264" fmla="*/ 3907 w 10000"/>
                  <a:gd name="connsiteY264" fmla="*/ 222 h 10000"/>
                  <a:gd name="connsiteX265" fmla="*/ 3934 w 10000"/>
                  <a:gd name="connsiteY265" fmla="*/ 162 h 10000"/>
                  <a:gd name="connsiteX266" fmla="*/ 3986 w 10000"/>
                  <a:gd name="connsiteY266" fmla="*/ 103 h 10000"/>
                  <a:gd name="connsiteX267" fmla="*/ 4063 w 10000"/>
                  <a:gd name="connsiteY267" fmla="*/ 59 h 10000"/>
                  <a:gd name="connsiteX268" fmla="*/ 4164 w 10000"/>
                  <a:gd name="connsiteY268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095 w 10000"/>
                  <a:gd name="connsiteY53" fmla="*/ 4638 h 10000"/>
                  <a:gd name="connsiteX54" fmla="*/ 7095 w 10000"/>
                  <a:gd name="connsiteY54" fmla="*/ 4697 h 10000"/>
                  <a:gd name="connsiteX55" fmla="*/ 7069 w 10000"/>
                  <a:gd name="connsiteY55" fmla="*/ 4801 h 10000"/>
                  <a:gd name="connsiteX56" fmla="*/ 7069 w 10000"/>
                  <a:gd name="connsiteY56" fmla="*/ 4904 h 10000"/>
                  <a:gd name="connsiteX57" fmla="*/ 6941 w 10000"/>
                  <a:gd name="connsiteY57" fmla="*/ 4860 h 10000"/>
                  <a:gd name="connsiteX58" fmla="*/ 6863 w 10000"/>
                  <a:gd name="connsiteY58" fmla="*/ 4801 h 10000"/>
                  <a:gd name="connsiteX59" fmla="*/ 6786 w 10000"/>
                  <a:gd name="connsiteY59" fmla="*/ 4727 h 10000"/>
                  <a:gd name="connsiteX60" fmla="*/ 6710 w 10000"/>
                  <a:gd name="connsiteY60" fmla="*/ 4638 h 10000"/>
                  <a:gd name="connsiteX61" fmla="*/ 6582 w 10000"/>
                  <a:gd name="connsiteY61" fmla="*/ 4476 h 10000"/>
                  <a:gd name="connsiteX62" fmla="*/ 6451 w 10000"/>
                  <a:gd name="connsiteY62" fmla="*/ 4313 h 10000"/>
                  <a:gd name="connsiteX63" fmla="*/ 6607 w 10000"/>
                  <a:gd name="connsiteY63" fmla="*/ 4210 h 10000"/>
                  <a:gd name="connsiteX64" fmla="*/ 9306 w 10000"/>
                  <a:gd name="connsiteY64" fmla="*/ 3338 h 10000"/>
                  <a:gd name="connsiteX65" fmla="*/ 9536 w 10000"/>
                  <a:gd name="connsiteY65" fmla="*/ 3117 h 10000"/>
                  <a:gd name="connsiteX66" fmla="*/ 9563 w 10000"/>
                  <a:gd name="connsiteY66" fmla="*/ 3072 h 10000"/>
                  <a:gd name="connsiteX67" fmla="*/ 9588 w 10000"/>
                  <a:gd name="connsiteY67" fmla="*/ 3013 h 10000"/>
                  <a:gd name="connsiteX68" fmla="*/ 9588 w 10000"/>
                  <a:gd name="connsiteY68" fmla="*/ 2954 h 10000"/>
                  <a:gd name="connsiteX69" fmla="*/ 9563 w 10000"/>
                  <a:gd name="connsiteY69" fmla="*/ 2866 h 10000"/>
                  <a:gd name="connsiteX70" fmla="*/ 9383 w 10000"/>
                  <a:gd name="connsiteY70" fmla="*/ 2984 h 10000"/>
                  <a:gd name="connsiteX71" fmla="*/ 9178 w 10000"/>
                  <a:gd name="connsiteY71" fmla="*/ 3072 h 10000"/>
                  <a:gd name="connsiteX72" fmla="*/ 8971 w 10000"/>
                  <a:gd name="connsiteY72" fmla="*/ 3161 h 10000"/>
                  <a:gd name="connsiteX73" fmla="*/ 8766 w 10000"/>
                  <a:gd name="connsiteY73" fmla="*/ 3250 h 10000"/>
                  <a:gd name="connsiteX74" fmla="*/ 8302 w 10000"/>
                  <a:gd name="connsiteY74" fmla="*/ 3397 h 10000"/>
                  <a:gd name="connsiteX75" fmla="*/ 7815 w 10000"/>
                  <a:gd name="connsiteY75" fmla="*/ 3545 h 10000"/>
                  <a:gd name="connsiteX76" fmla="*/ 7327 w 10000"/>
                  <a:gd name="connsiteY76" fmla="*/ 3678 h 10000"/>
                  <a:gd name="connsiteX77" fmla="*/ 6863 w 10000"/>
                  <a:gd name="connsiteY77" fmla="*/ 3840 h 10000"/>
                  <a:gd name="connsiteX78" fmla="*/ 6632 w 10000"/>
                  <a:gd name="connsiteY78" fmla="*/ 3914 h 10000"/>
                  <a:gd name="connsiteX79" fmla="*/ 6427 w 10000"/>
                  <a:gd name="connsiteY79" fmla="*/ 4003 h 10000"/>
                  <a:gd name="connsiteX80" fmla="*/ 6222 w 10000"/>
                  <a:gd name="connsiteY80" fmla="*/ 4106 h 10000"/>
                  <a:gd name="connsiteX81" fmla="*/ 6014 w 10000"/>
                  <a:gd name="connsiteY81" fmla="*/ 4195 h 10000"/>
                  <a:gd name="connsiteX82" fmla="*/ 6169 w 10000"/>
                  <a:gd name="connsiteY82" fmla="*/ 4417 h 10000"/>
                  <a:gd name="connsiteX83" fmla="*/ 6273 w 10000"/>
                  <a:gd name="connsiteY83" fmla="*/ 4623 h 10000"/>
                  <a:gd name="connsiteX84" fmla="*/ 6375 w 10000"/>
                  <a:gd name="connsiteY84" fmla="*/ 4845 h 10000"/>
                  <a:gd name="connsiteX85" fmla="*/ 6451 w 10000"/>
                  <a:gd name="connsiteY85" fmla="*/ 5081 h 10000"/>
                  <a:gd name="connsiteX86" fmla="*/ 6504 w 10000"/>
                  <a:gd name="connsiteY86" fmla="*/ 5318 h 10000"/>
                  <a:gd name="connsiteX87" fmla="*/ 6530 w 10000"/>
                  <a:gd name="connsiteY87" fmla="*/ 5539 h 10000"/>
                  <a:gd name="connsiteX88" fmla="*/ 6554 w 10000"/>
                  <a:gd name="connsiteY88" fmla="*/ 5775 h 10000"/>
                  <a:gd name="connsiteX89" fmla="*/ 6554 w 10000"/>
                  <a:gd name="connsiteY89" fmla="*/ 5997 h 10000"/>
                  <a:gd name="connsiteX90" fmla="*/ 6530 w 10000"/>
                  <a:gd name="connsiteY90" fmla="*/ 6233 h 10000"/>
                  <a:gd name="connsiteX91" fmla="*/ 6478 w 10000"/>
                  <a:gd name="connsiteY91" fmla="*/ 6470 h 10000"/>
                  <a:gd name="connsiteX92" fmla="*/ 6427 w 10000"/>
                  <a:gd name="connsiteY92" fmla="*/ 6677 h 10000"/>
                  <a:gd name="connsiteX93" fmla="*/ 6350 w 10000"/>
                  <a:gd name="connsiteY93" fmla="*/ 6898 h 10000"/>
                  <a:gd name="connsiteX94" fmla="*/ 6247 w 10000"/>
                  <a:gd name="connsiteY94" fmla="*/ 7105 h 10000"/>
                  <a:gd name="connsiteX95" fmla="*/ 6119 w 10000"/>
                  <a:gd name="connsiteY95" fmla="*/ 7297 h 10000"/>
                  <a:gd name="connsiteX96" fmla="*/ 5964 w 10000"/>
                  <a:gd name="connsiteY96" fmla="*/ 7489 h 10000"/>
                  <a:gd name="connsiteX97" fmla="*/ 5809 w 10000"/>
                  <a:gd name="connsiteY97" fmla="*/ 7681 h 10000"/>
                  <a:gd name="connsiteX98" fmla="*/ 6554 w 10000"/>
                  <a:gd name="connsiteY98" fmla="*/ 7799 h 10000"/>
                  <a:gd name="connsiteX99" fmla="*/ 7327 w 10000"/>
                  <a:gd name="connsiteY99" fmla="*/ 7962 h 10000"/>
                  <a:gd name="connsiteX100" fmla="*/ 7480 w 10000"/>
                  <a:gd name="connsiteY100" fmla="*/ 8021 h 10000"/>
                  <a:gd name="connsiteX101" fmla="*/ 7609 w 10000"/>
                  <a:gd name="connsiteY101" fmla="*/ 8080 h 10000"/>
                  <a:gd name="connsiteX102" fmla="*/ 7737 w 10000"/>
                  <a:gd name="connsiteY102" fmla="*/ 8139 h 10000"/>
                  <a:gd name="connsiteX103" fmla="*/ 7815 w 10000"/>
                  <a:gd name="connsiteY103" fmla="*/ 8227 h 10000"/>
                  <a:gd name="connsiteX104" fmla="*/ 7841 w 10000"/>
                  <a:gd name="connsiteY104" fmla="*/ 8301 h 10000"/>
                  <a:gd name="connsiteX105" fmla="*/ 7841 w 10000"/>
                  <a:gd name="connsiteY105" fmla="*/ 8405 h 10000"/>
                  <a:gd name="connsiteX106" fmla="*/ 7790 w 10000"/>
                  <a:gd name="connsiteY106" fmla="*/ 8523 h 10000"/>
                  <a:gd name="connsiteX107" fmla="*/ 7712 w 10000"/>
                  <a:gd name="connsiteY107" fmla="*/ 8641 h 10000"/>
                  <a:gd name="connsiteX108" fmla="*/ 7378 w 10000"/>
                  <a:gd name="connsiteY108" fmla="*/ 8552 h 10000"/>
                  <a:gd name="connsiteX109" fmla="*/ 7069 w 10000"/>
                  <a:gd name="connsiteY109" fmla="*/ 8449 h 10000"/>
                  <a:gd name="connsiteX110" fmla="*/ 6760 w 10000"/>
                  <a:gd name="connsiteY110" fmla="*/ 8360 h 10000"/>
                  <a:gd name="connsiteX111" fmla="*/ 6451 w 10000"/>
                  <a:gd name="connsiteY111" fmla="*/ 8287 h 10000"/>
                  <a:gd name="connsiteX112" fmla="*/ 6323 w 10000"/>
                  <a:gd name="connsiteY112" fmla="*/ 8449 h 10000"/>
                  <a:gd name="connsiteX113" fmla="*/ 6222 w 10000"/>
                  <a:gd name="connsiteY113" fmla="*/ 8597 h 10000"/>
                  <a:gd name="connsiteX114" fmla="*/ 6169 w 10000"/>
                  <a:gd name="connsiteY114" fmla="*/ 8656 h 10000"/>
                  <a:gd name="connsiteX115" fmla="*/ 6066 w 10000"/>
                  <a:gd name="connsiteY115" fmla="*/ 8700 h 10000"/>
                  <a:gd name="connsiteX116" fmla="*/ 5990 w 10000"/>
                  <a:gd name="connsiteY116" fmla="*/ 8744 h 10000"/>
                  <a:gd name="connsiteX117" fmla="*/ 5913 w 10000"/>
                  <a:gd name="connsiteY117" fmla="*/ 8774 h 10000"/>
                  <a:gd name="connsiteX118" fmla="*/ 5835 w 10000"/>
                  <a:gd name="connsiteY118" fmla="*/ 8804 h 10000"/>
                  <a:gd name="connsiteX119" fmla="*/ 5733 w 10000"/>
                  <a:gd name="connsiteY119" fmla="*/ 8818 h 10000"/>
                  <a:gd name="connsiteX120" fmla="*/ 5603 w 10000"/>
                  <a:gd name="connsiteY120" fmla="*/ 8833 h 10000"/>
                  <a:gd name="connsiteX121" fmla="*/ 5476 w 10000"/>
                  <a:gd name="connsiteY121" fmla="*/ 8833 h 10000"/>
                  <a:gd name="connsiteX122" fmla="*/ 5168 w 10000"/>
                  <a:gd name="connsiteY122" fmla="*/ 8818 h 10000"/>
                  <a:gd name="connsiteX123" fmla="*/ 4781 w 10000"/>
                  <a:gd name="connsiteY123" fmla="*/ 8744 h 10000"/>
                  <a:gd name="connsiteX124" fmla="*/ 4781 w 10000"/>
                  <a:gd name="connsiteY124" fmla="*/ 8922 h 10000"/>
                  <a:gd name="connsiteX125" fmla="*/ 4755 w 10000"/>
                  <a:gd name="connsiteY125" fmla="*/ 9069 h 10000"/>
                  <a:gd name="connsiteX126" fmla="*/ 4731 w 10000"/>
                  <a:gd name="connsiteY126" fmla="*/ 9232 h 10000"/>
                  <a:gd name="connsiteX127" fmla="*/ 4704 w 10000"/>
                  <a:gd name="connsiteY127" fmla="*/ 9365 h 10000"/>
                  <a:gd name="connsiteX128" fmla="*/ 4652 w 10000"/>
                  <a:gd name="connsiteY128" fmla="*/ 9498 h 10000"/>
                  <a:gd name="connsiteX129" fmla="*/ 4551 w 10000"/>
                  <a:gd name="connsiteY129" fmla="*/ 9616 h 10000"/>
                  <a:gd name="connsiteX130" fmla="*/ 4473 w 10000"/>
                  <a:gd name="connsiteY130" fmla="*/ 9734 h 10000"/>
                  <a:gd name="connsiteX131" fmla="*/ 4344 w 10000"/>
                  <a:gd name="connsiteY131" fmla="*/ 9838 h 10000"/>
                  <a:gd name="connsiteX132" fmla="*/ 4034 w 10000"/>
                  <a:gd name="connsiteY132" fmla="*/ 9897 h 10000"/>
                  <a:gd name="connsiteX133" fmla="*/ 3779 w 10000"/>
                  <a:gd name="connsiteY133" fmla="*/ 9941 h 10000"/>
                  <a:gd name="connsiteX134" fmla="*/ 3470 w 10000"/>
                  <a:gd name="connsiteY134" fmla="*/ 9985 h 10000"/>
                  <a:gd name="connsiteX135" fmla="*/ 3239 w 10000"/>
                  <a:gd name="connsiteY135" fmla="*/ 10000 h 10000"/>
                  <a:gd name="connsiteX136" fmla="*/ 2725 w 10000"/>
                  <a:gd name="connsiteY136" fmla="*/ 10000 h 10000"/>
                  <a:gd name="connsiteX137" fmla="*/ 2236 w 10000"/>
                  <a:gd name="connsiteY137" fmla="*/ 9985 h 10000"/>
                  <a:gd name="connsiteX138" fmla="*/ 1775 w 10000"/>
                  <a:gd name="connsiteY138" fmla="*/ 9941 h 10000"/>
                  <a:gd name="connsiteX139" fmla="*/ 1286 w 10000"/>
                  <a:gd name="connsiteY139" fmla="*/ 9911 h 10000"/>
                  <a:gd name="connsiteX140" fmla="*/ 1003 w 10000"/>
                  <a:gd name="connsiteY140" fmla="*/ 9911 h 10000"/>
                  <a:gd name="connsiteX141" fmla="*/ 745 w 10000"/>
                  <a:gd name="connsiteY141" fmla="*/ 9911 h 10000"/>
                  <a:gd name="connsiteX142" fmla="*/ 463 w 10000"/>
                  <a:gd name="connsiteY142" fmla="*/ 9926 h 10000"/>
                  <a:gd name="connsiteX143" fmla="*/ 180 w 10000"/>
                  <a:gd name="connsiteY143" fmla="*/ 9970 h 10000"/>
                  <a:gd name="connsiteX144" fmla="*/ 103 w 10000"/>
                  <a:gd name="connsiteY144" fmla="*/ 9867 h 10000"/>
                  <a:gd name="connsiteX145" fmla="*/ 52 w 10000"/>
                  <a:gd name="connsiteY145" fmla="*/ 9793 h 10000"/>
                  <a:gd name="connsiteX146" fmla="*/ 0 w 10000"/>
                  <a:gd name="connsiteY146" fmla="*/ 9705 h 10000"/>
                  <a:gd name="connsiteX147" fmla="*/ 0 w 10000"/>
                  <a:gd name="connsiteY147" fmla="*/ 9601 h 10000"/>
                  <a:gd name="connsiteX148" fmla="*/ 52 w 10000"/>
                  <a:gd name="connsiteY148" fmla="*/ 9424 h 10000"/>
                  <a:gd name="connsiteX149" fmla="*/ 103 w 10000"/>
                  <a:gd name="connsiteY149" fmla="*/ 9202 h 10000"/>
                  <a:gd name="connsiteX150" fmla="*/ 153 w 10000"/>
                  <a:gd name="connsiteY150" fmla="*/ 8996 h 10000"/>
                  <a:gd name="connsiteX151" fmla="*/ 206 w 10000"/>
                  <a:gd name="connsiteY151" fmla="*/ 8759 h 10000"/>
                  <a:gd name="connsiteX152" fmla="*/ 231 w 10000"/>
                  <a:gd name="connsiteY152" fmla="*/ 8641 h 10000"/>
                  <a:gd name="connsiteX153" fmla="*/ 231 w 10000"/>
                  <a:gd name="connsiteY153" fmla="*/ 8538 h 10000"/>
                  <a:gd name="connsiteX154" fmla="*/ 206 w 10000"/>
                  <a:gd name="connsiteY154" fmla="*/ 8405 h 10000"/>
                  <a:gd name="connsiteX155" fmla="*/ 180 w 10000"/>
                  <a:gd name="connsiteY155" fmla="*/ 8287 h 10000"/>
                  <a:gd name="connsiteX156" fmla="*/ 437 w 10000"/>
                  <a:gd name="connsiteY156" fmla="*/ 8213 h 10000"/>
                  <a:gd name="connsiteX157" fmla="*/ 694 w 10000"/>
                  <a:gd name="connsiteY157" fmla="*/ 8139 h 10000"/>
                  <a:gd name="connsiteX158" fmla="*/ 951 w 10000"/>
                  <a:gd name="connsiteY158" fmla="*/ 8095 h 10000"/>
                  <a:gd name="connsiteX159" fmla="*/ 1234 w 10000"/>
                  <a:gd name="connsiteY159" fmla="*/ 8065 h 10000"/>
                  <a:gd name="connsiteX160" fmla="*/ 1747 w 10000"/>
                  <a:gd name="connsiteY160" fmla="*/ 8021 h 10000"/>
                  <a:gd name="connsiteX161" fmla="*/ 2263 w 10000"/>
                  <a:gd name="connsiteY161" fmla="*/ 7976 h 10000"/>
                  <a:gd name="connsiteX162" fmla="*/ 2494 w 10000"/>
                  <a:gd name="connsiteY162" fmla="*/ 7947 h 10000"/>
                  <a:gd name="connsiteX163" fmla="*/ 2725 w 10000"/>
                  <a:gd name="connsiteY163" fmla="*/ 7917 h 10000"/>
                  <a:gd name="connsiteX164" fmla="*/ 2929 w 10000"/>
                  <a:gd name="connsiteY164" fmla="*/ 7843 h 10000"/>
                  <a:gd name="connsiteX165" fmla="*/ 3136 w 10000"/>
                  <a:gd name="connsiteY165" fmla="*/ 7784 h 10000"/>
                  <a:gd name="connsiteX166" fmla="*/ 3316 w 10000"/>
                  <a:gd name="connsiteY166" fmla="*/ 7710 h 10000"/>
                  <a:gd name="connsiteX167" fmla="*/ 3470 w 10000"/>
                  <a:gd name="connsiteY167" fmla="*/ 7592 h 10000"/>
                  <a:gd name="connsiteX168" fmla="*/ 3625 w 10000"/>
                  <a:gd name="connsiteY168" fmla="*/ 7474 h 10000"/>
                  <a:gd name="connsiteX169" fmla="*/ 3727 w 10000"/>
                  <a:gd name="connsiteY169" fmla="*/ 7312 h 10000"/>
                  <a:gd name="connsiteX170" fmla="*/ 3522 w 10000"/>
                  <a:gd name="connsiteY170" fmla="*/ 7238 h 10000"/>
                  <a:gd name="connsiteX171" fmla="*/ 3341 w 10000"/>
                  <a:gd name="connsiteY171" fmla="*/ 7179 h 10000"/>
                  <a:gd name="connsiteX172" fmla="*/ 3187 w 10000"/>
                  <a:gd name="connsiteY172" fmla="*/ 7090 h 10000"/>
                  <a:gd name="connsiteX173" fmla="*/ 3034 w 10000"/>
                  <a:gd name="connsiteY173" fmla="*/ 6987 h 10000"/>
                  <a:gd name="connsiteX174" fmla="*/ 2929 w 10000"/>
                  <a:gd name="connsiteY174" fmla="*/ 6869 h 10000"/>
                  <a:gd name="connsiteX175" fmla="*/ 2880 w 10000"/>
                  <a:gd name="connsiteY175" fmla="*/ 6721 h 10000"/>
                  <a:gd name="connsiteX176" fmla="*/ 2853 w 10000"/>
                  <a:gd name="connsiteY176" fmla="*/ 6558 h 10000"/>
                  <a:gd name="connsiteX177" fmla="*/ 2880 w 10000"/>
                  <a:gd name="connsiteY177" fmla="*/ 6352 h 10000"/>
                  <a:gd name="connsiteX178" fmla="*/ 2751 w 10000"/>
                  <a:gd name="connsiteY178" fmla="*/ 6322 h 10000"/>
                  <a:gd name="connsiteX179" fmla="*/ 2597 w 10000"/>
                  <a:gd name="connsiteY179" fmla="*/ 6292 h 10000"/>
                  <a:gd name="connsiteX180" fmla="*/ 2417 w 10000"/>
                  <a:gd name="connsiteY180" fmla="*/ 6278 h 10000"/>
                  <a:gd name="connsiteX181" fmla="*/ 2236 w 10000"/>
                  <a:gd name="connsiteY181" fmla="*/ 6263 h 10000"/>
                  <a:gd name="connsiteX182" fmla="*/ 1877 w 10000"/>
                  <a:gd name="connsiteY182" fmla="*/ 6248 h 10000"/>
                  <a:gd name="connsiteX183" fmla="*/ 1491 w 10000"/>
                  <a:gd name="connsiteY183" fmla="*/ 6263 h 10000"/>
                  <a:gd name="connsiteX184" fmla="*/ 1158 w 10000"/>
                  <a:gd name="connsiteY184" fmla="*/ 6278 h 10000"/>
                  <a:gd name="connsiteX185" fmla="*/ 848 w 10000"/>
                  <a:gd name="connsiteY185" fmla="*/ 6278 h 10000"/>
                  <a:gd name="connsiteX186" fmla="*/ 593 w 10000"/>
                  <a:gd name="connsiteY186" fmla="*/ 6263 h 10000"/>
                  <a:gd name="connsiteX187" fmla="*/ 386 w 10000"/>
                  <a:gd name="connsiteY187" fmla="*/ 6233 h 10000"/>
                  <a:gd name="connsiteX188" fmla="*/ 641 w 10000"/>
                  <a:gd name="connsiteY188" fmla="*/ 5805 h 10000"/>
                  <a:gd name="connsiteX189" fmla="*/ 926 w 10000"/>
                  <a:gd name="connsiteY189" fmla="*/ 5391 h 10000"/>
                  <a:gd name="connsiteX190" fmla="*/ 1029 w 10000"/>
                  <a:gd name="connsiteY190" fmla="*/ 5170 h 10000"/>
                  <a:gd name="connsiteX191" fmla="*/ 1105 w 10000"/>
                  <a:gd name="connsiteY191" fmla="*/ 4963 h 10000"/>
                  <a:gd name="connsiteX192" fmla="*/ 1130 w 10000"/>
                  <a:gd name="connsiteY192" fmla="*/ 4860 h 10000"/>
                  <a:gd name="connsiteX193" fmla="*/ 1105 w 10000"/>
                  <a:gd name="connsiteY193" fmla="*/ 4756 h 10000"/>
                  <a:gd name="connsiteX194" fmla="*/ 1080 w 10000"/>
                  <a:gd name="connsiteY194" fmla="*/ 4653 h 10000"/>
                  <a:gd name="connsiteX195" fmla="*/ 1003 w 10000"/>
                  <a:gd name="connsiteY195" fmla="*/ 4549 h 10000"/>
                  <a:gd name="connsiteX196" fmla="*/ 1286 w 10000"/>
                  <a:gd name="connsiteY196" fmla="*/ 4520 h 10000"/>
                  <a:gd name="connsiteX197" fmla="*/ 1491 w 10000"/>
                  <a:gd name="connsiteY197" fmla="*/ 4505 h 10000"/>
                  <a:gd name="connsiteX198" fmla="*/ 1671 w 10000"/>
                  <a:gd name="connsiteY198" fmla="*/ 4505 h 10000"/>
                  <a:gd name="connsiteX199" fmla="*/ 1825 w 10000"/>
                  <a:gd name="connsiteY199" fmla="*/ 4520 h 10000"/>
                  <a:gd name="connsiteX200" fmla="*/ 1954 w 10000"/>
                  <a:gd name="connsiteY200" fmla="*/ 4520 h 10000"/>
                  <a:gd name="connsiteX201" fmla="*/ 2108 w 10000"/>
                  <a:gd name="connsiteY201" fmla="*/ 4520 h 10000"/>
                  <a:gd name="connsiteX202" fmla="*/ 2263 w 10000"/>
                  <a:gd name="connsiteY202" fmla="*/ 4490 h 10000"/>
                  <a:gd name="connsiteX203" fmla="*/ 2467 w 10000"/>
                  <a:gd name="connsiteY203" fmla="*/ 4446 h 10000"/>
                  <a:gd name="connsiteX204" fmla="*/ 2467 w 10000"/>
                  <a:gd name="connsiteY204" fmla="*/ 4579 h 10000"/>
                  <a:gd name="connsiteX205" fmla="*/ 2467 w 10000"/>
                  <a:gd name="connsiteY205" fmla="*/ 4742 h 10000"/>
                  <a:gd name="connsiteX206" fmla="*/ 2467 w 10000"/>
                  <a:gd name="connsiteY206" fmla="*/ 4874 h 10000"/>
                  <a:gd name="connsiteX207" fmla="*/ 2467 w 10000"/>
                  <a:gd name="connsiteY207" fmla="*/ 5037 h 10000"/>
                  <a:gd name="connsiteX208" fmla="*/ 2699 w 10000"/>
                  <a:gd name="connsiteY208" fmla="*/ 5022 h 10000"/>
                  <a:gd name="connsiteX209" fmla="*/ 2853 w 10000"/>
                  <a:gd name="connsiteY209" fmla="*/ 5037 h 10000"/>
                  <a:gd name="connsiteX210" fmla="*/ 2982 w 10000"/>
                  <a:gd name="connsiteY210" fmla="*/ 5066 h 10000"/>
                  <a:gd name="connsiteX211" fmla="*/ 3111 w 10000"/>
                  <a:gd name="connsiteY211" fmla="*/ 5096 h 10000"/>
                  <a:gd name="connsiteX212" fmla="*/ 3214 w 10000"/>
                  <a:gd name="connsiteY212" fmla="*/ 5126 h 10000"/>
                  <a:gd name="connsiteX213" fmla="*/ 3341 w 10000"/>
                  <a:gd name="connsiteY213" fmla="*/ 5155 h 10000"/>
                  <a:gd name="connsiteX214" fmla="*/ 3496 w 10000"/>
                  <a:gd name="connsiteY214" fmla="*/ 5170 h 10000"/>
                  <a:gd name="connsiteX215" fmla="*/ 3727 w 10000"/>
                  <a:gd name="connsiteY215" fmla="*/ 5155 h 10000"/>
                  <a:gd name="connsiteX216" fmla="*/ 3805 w 10000"/>
                  <a:gd name="connsiteY216" fmla="*/ 5096 h 10000"/>
                  <a:gd name="connsiteX217" fmla="*/ 3881 w 10000"/>
                  <a:gd name="connsiteY217" fmla="*/ 5022 h 10000"/>
                  <a:gd name="connsiteX218" fmla="*/ 3907 w 10000"/>
                  <a:gd name="connsiteY218" fmla="*/ 4934 h 10000"/>
                  <a:gd name="connsiteX219" fmla="*/ 3934 w 10000"/>
                  <a:gd name="connsiteY219" fmla="*/ 4860 h 10000"/>
                  <a:gd name="connsiteX220" fmla="*/ 3958 w 10000"/>
                  <a:gd name="connsiteY220" fmla="*/ 4697 h 10000"/>
                  <a:gd name="connsiteX221" fmla="*/ 3934 w 10000"/>
                  <a:gd name="connsiteY221" fmla="*/ 4520 h 10000"/>
                  <a:gd name="connsiteX222" fmla="*/ 3856 w 10000"/>
                  <a:gd name="connsiteY222" fmla="*/ 4343 h 10000"/>
                  <a:gd name="connsiteX223" fmla="*/ 3779 w 10000"/>
                  <a:gd name="connsiteY223" fmla="*/ 4195 h 10000"/>
                  <a:gd name="connsiteX224" fmla="*/ 3650 w 10000"/>
                  <a:gd name="connsiteY224" fmla="*/ 4047 h 10000"/>
                  <a:gd name="connsiteX225" fmla="*/ 3522 w 10000"/>
                  <a:gd name="connsiteY225" fmla="*/ 3959 h 10000"/>
                  <a:gd name="connsiteX226" fmla="*/ 3676 w 10000"/>
                  <a:gd name="connsiteY226" fmla="*/ 3944 h 10000"/>
                  <a:gd name="connsiteX227" fmla="*/ 3805 w 10000"/>
                  <a:gd name="connsiteY227" fmla="*/ 3914 h 10000"/>
                  <a:gd name="connsiteX228" fmla="*/ 3907 w 10000"/>
                  <a:gd name="connsiteY228" fmla="*/ 3855 h 10000"/>
                  <a:gd name="connsiteX229" fmla="*/ 4034 w 10000"/>
                  <a:gd name="connsiteY229" fmla="*/ 3752 h 10000"/>
                  <a:gd name="connsiteX230" fmla="*/ 4164 w 10000"/>
                  <a:gd name="connsiteY230" fmla="*/ 3663 h 10000"/>
                  <a:gd name="connsiteX231" fmla="*/ 4267 w 10000"/>
                  <a:gd name="connsiteY231" fmla="*/ 3560 h 10000"/>
                  <a:gd name="connsiteX232" fmla="*/ 4344 w 10000"/>
                  <a:gd name="connsiteY232" fmla="*/ 3442 h 10000"/>
                  <a:gd name="connsiteX233" fmla="*/ 4422 w 10000"/>
                  <a:gd name="connsiteY233" fmla="*/ 3323 h 10000"/>
                  <a:gd name="connsiteX234" fmla="*/ 4473 w 10000"/>
                  <a:gd name="connsiteY234" fmla="*/ 3220 h 10000"/>
                  <a:gd name="connsiteX235" fmla="*/ 4498 w 10000"/>
                  <a:gd name="connsiteY235" fmla="*/ 3102 h 10000"/>
                  <a:gd name="connsiteX236" fmla="*/ 4525 w 10000"/>
                  <a:gd name="connsiteY236" fmla="*/ 3013 h 10000"/>
                  <a:gd name="connsiteX237" fmla="*/ 4498 w 10000"/>
                  <a:gd name="connsiteY237" fmla="*/ 2939 h 10000"/>
                  <a:gd name="connsiteX238" fmla="*/ 4473 w 10000"/>
                  <a:gd name="connsiteY238" fmla="*/ 2866 h 10000"/>
                  <a:gd name="connsiteX239" fmla="*/ 4396 w 10000"/>
                  <a:gd name="connsiteY239" fmla="*/ 2836 h 10000"/>
                  <a:gd name="connsiteX240" fmla="*/ 4294 w 10000"/>
                  <a:gd name="connsiteY240" fmla="*/ 2836 h 10000"/>
                  <a:gd name="connsiteX241" fmla="*/ 4164 w 10000"/>
                  <a:gd name="connsiteY241" fmla="*/ 2866 h 10000"/>
                  <a:gd name="connsiteX242" fmla="*/ 4267 w 10000"/>
                  <a:gd name="connsiteY242" fmla="*/ 2777 h 10000"/>
                  <a:gd name="connsiteX243" fmla="*/ 4320 w 10000"/>
                  <a:gd name="connsiteY243" fmla="*/ 2674 h 10000"/>
                  <a:gd name="connsiteX244" fmla="*/ 4344 w 10000"/>
                  <a:gd name="connsiteY244" fmla="*/ 2541 h 10000"/>
                  <a:gd name="connsiteX245" fmla="*/ 4344 w 10000"/>
                  <a:gd name="connsiteY245" fmla="*/ 2393 h 10000"/>
                  <a:gd name="connsiteX246" fmla="*/ 4369 w 10000"/>
                  <a:gd name="connsiteY246" fmla="*/ 2349 h 10000"/>
                  <a:gd name="connsiteX247" fmla="*/ 4422 w 10000"/>
                  <a:gd name="connsiteY247" fmla="*/ 2304 h 10000"/>
                  <a:gd name="connsiteX248" fmla="*/ 4473 w 10000"/>
                  <a:gd name="connsiteY248" fmla="*/ 2290 h 10000"/>
                  <a:gd name="connsiteX249" fmla="*/ 4551 w 10000"/>
                  <a:gd name="connsiteY249" fmla="*/ 2275 h 10000"/>
                  <a:gd name="connsiteX250" fmla="*/ 4781 w 10000"/>
                  <a:gd name="connsiteY250" fmla="*/ 2260 h 10000"/>
                  <a:gd name="connsiteX251" fmla="*/ 4986 w 10000"/>
                  <a:gd name="connsiteY251" fmla="*/ 2275 h 10000"/>
                  <a:gd name="connsiteX252" fmla="*/ 4961 w 10000"/>
                  <a:gd name="connsiteY252" fmla="*/ 2112 h 10000"/>
                  <a:gd name="connsiteX253" fmla="*/ 4910 w 10000"/>
                  <a:gd name="connsiteY253" fmla="*/ 1950 h 10000"/>
                  <a:gd name="connsiteX254" fmla="*/ 4832 w 10000"/>
                  <a:gd name="connsiteY254" fmla="*/ 1802 h 10000"/>
                  <a:gd name="connsiteX255" fmla="*/ 4731 w 10000"/>
                  <a:gd name="connsiteY255" fmla="*/ 1640 h 10000"/>
                  <a:gd name="connsiteX256" fmla="*/ 4473 w 10000"/>
                  <a:gd name="connsiteY256" fmla="*/ 1329 h 10000"/>
                  <a:gd name="connsiteX257" fmla="*/ 4216 w 10000"/>
                  <a:gd name="connsiteY257" fmla="*/ 1034 h 10000"/>
                  <a:gd name="connsiteX258" fmla="*/ 4087 w 10000"/>
                  <a:gd name="connsiteY258" fmla="*/ 901 h 10000"/>
                  <a:gd name="connsiteX259" fmla="*/ 3986 w 10000"/>
                  <a:gd name="connsiteY259" fmla="*/ 753 h 10000"/>
                  <a:gd name="connsiteX260" fmla="*/ 3907 w 10000"/>
                  <a:gd name="connsiteY260" fmla="*/ 620 h 10000"/>
                  <a:gd name="connsiteX261" fmla="*/ 3881 w 10000"/>
                  <a:gd name="connsiteY261" fmla="*/ 487 h 10000"/>
                  <a:gd name="connsiteX262" fmla="*/ 3856 w 10000"/>
                  <a:gd name="connsiteY262" fmla="*/ 355 h 10000"/>
                  <a:gd name="connsiteX263" fmla="*/ 3907 w 10000"/>
                  <a:gd name="connsiteY263" fmla="*/ 222 h 10000"/>
                  <a:gd name="connsiteX264" fmla="*/ 3934 w 10000"/>
                  <a:gd name="connsiteY264" fmla="*/ 162 h 10000"/>
                  <a:gd name="connsiteX265" fmla="*/ 3986 w 10000"/>
                  <a:gd name="connsiteY265" fmla="*/ 103 h 10000"/>
                  <a:gd name="connsiteX266" fmla="*/ 4063 w 10000"/>
                  <a:gd name="connsiteY266" fmla="*/ 59 h 10000"/>
                  <a:gd name="connsiteX267" fmla="*/ 4164 w 10000"/>
                  <a:gd name="connsiteY267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095 w 10000"/>
                  <a:gd name="connsiteY52" fmla="*/ 4638 h 10000"/>
                  <a:gd name="connsiteX53" fmla="*/ 7095 w 10000"/>
                  <a:gd name="connsiteY53" fmla="*/ 4697 h 10000"/>
                  <a:gd name="connsiteX54" fmla="*/ 7069 w 10000"/>
                  <a:gd name="connsiteY54" fmla="*/ 4801 h 10000"/>
                  <a:gd name="connsiteX55" fmla="*/ 7069 w 10000"/>
                  <a:gd name="connsiteY55" fmla="*/ 4904 h 10000"/>
                  <a:gd name="connsiteX56" fmla="*/ 6941 w 10000"/>
                  <a:gd name="connsiteY56" fmla="*/ 4860 h 10000"/>
                  <a:gd name="connsiteX57" fmla="*/ 6863 w 10000"/>
                  <a:gd name="connsiteY57" fmla="*/ 4801 h 10000"/>
                  <a:gd name="connsiteX58" fmla="*/ 6786 w 10000"/>
                  <a:gd name="connsiteY58" fmla="*/ 4727 h 10000"/>
                  <a:gd name="connsiteX59" fmla="*/ 6710 w 10000"/>
                  <a:gd name="connsiteY59" fmla="*/ 4638 h 10000"/>
                  <a:gd name="connsiteX60" fmla="*/ 6582 w 10000"/>
                  <a:gd name="connsiteY60" fmla="*/ 4476 h 10000"/>
                  <a:gd name="connsiteX61" fmla="*/ 6451 w 10000"/>
                  <a:gd name="connsiteY61" fmla="*/ 4313 h 10000"/>
                  <a:gd name="connsiteX62" fmla="*/ 6607 w 10000"/>
                  <a:gd name="connsiteY62" fmla="*/ 4210 h 10000"/>
                  <a:gd name="connsiteX63" fmla="*/ 9306 w 10000"/>
                  <a:gd name="connsiteY63" fmla="*/ 3338 h 10000"/>
                  <a:gd name="connsiteX64" fmla="*/ 9536 w 10000"/>
                  <a:gd name="connsiteY64" fmla="*/ 3117 h 10000"/>
                  <a:gd name="connsiteX65" fmla="*/ 9563 w 10000"/>
                  <a:gd name="connsiteY65" fmla="*/ 3072 h 10000"/>
                  <a:gd name="connsiteX66" fmla="*/ 9588 w 10000"/>
                  <a:gd name="connsiteY66" fmla="*/ 3013 h 10000"/>
                  <a:gd name="connsiteX67" fmla="*/ 9588 w 10000"/>
                  <a:gd name="connsiteY67" fmla="*/ 2954 h 10000"/>
                  <a:gd name="connsiteX68" fmla="*/ 9563 w 10000"/>
                  <a:gd name="connsiteY68" fmla="*/ 2866 h 10000"/>
                  <a:gd name="connsiteX69" fmla="*/ 9383 w 10000"/>
                  <a:gd name="connsiteY69" fmla="*/ 2984 h 10000"/>
                  <a:gd name="connsiteX70" fmla="*/ 9178 w 10000"/>
                  <a:gd name="connsiteY70" fmla="*/ 3072 h 10000"/>
                  <a:gd name="connsiteX71" fmla="*/ 8971 w 10000"/>
                  <a:gd name="connsiteY71" fmla="*/ 3161 h 10000"/>
                  <a:gd name="connsiteX72" fmla="*/ 8766 w 10000"/>
                  <a:gd name="connsiteY72" fmla="*/ 3250 h 10000"/>
                  <a:gd name="connsiteX73" fmla="*/ 8302 w 10000"/>
                  <a:gd name="connsiteY73" fmla="*/ 3397 h 10000"/>
                  <a:gd name="connsiteX74" fmla="*/ 7815 w 10000"/>
                  <a:gd name="connsiteY74" fmla="*/ 3545 h 10000"/>
                  <a:gd name="connsiteX75" fmla="*/ 7327 w 10000"/>
                  <a:gd name="connsiteY75" fmla="*/ 3678 h 10000"/>
                  <a:gd name="connsiteX76" fmla="*/ 6863 w 10000"/>
                  <a:gd name="connsiteY76" fmla="*/ 3840 h 10000"/>
                  <a:gd name="connsiteX77" fmla="*/ 6632 w 10000"/>
                  <a:gd name="connsiteY77" fmla="*/ 3914 h 10000"/>
                  <a:gd name="connsiteX78" fmla="*/ 6427 w 10000"/>
                  <a:gd name="connsiteY78" fmla="*/ 4003 h 10000"/>
                  <a:gd name="connsiteX79" fmla="*/ 6222 w 10000"/>
                  <a:gd name="connsiteY79" fmla="*/ 4106 h 10000"/>
                  <a:gd name="connsiteX80" fmla="*/ 6014 w 10000"/>
                  <a:gd name="connsiteY80" fmla="*/ 4195 h 10000"/>
                  <a:gd name="connsiteX81" fmla="*/ 6169 w 10000"/>
                  <a:gd name="connsiteY81" fmla="*/ 4417 h 10000"/>
                  <a:gd name="connsiteX82" fmla="*/ 6273 w 10000"/>
                  <a:gd name="connsiteY82" fmla="*/ 4623 h 10000"/>
                  <a:gd name="connsiteX83" fmla="*/ 6375 w 10000"/>
                  <a:gd name="connsiteY83" fmla="*/ 4845 h 10000"/>
                  <a:gd name="connsiteX84" fmla="*/ 6451 w 10000"/>
                  <a:gd name="connsiteY84" fmla="*/ 5081 h 10000"/>
                  <a:gd name="connsiteX85" fmla="*/ 6504 w 10000"/>
                  <a:gd name="connsiteY85" fmla="*/ 5318 h 10000"/>
                  <a:gd name="connsiteX86" fmla="*/ 6530 w 10000"/>
                  <a:gd name="connsiteY86" fmla="*/ 5539 h 10000"/>
                  <a:gd name="connsiteX87" fmla="*/ 6554 w 10000"/>
                  <a:gd name="connsiteY87" fmla="*/ 5775 h 10000"/>
                  <a:gd name="connsiteX88" fmla="*/ 6554 w 10000"/>
                  <a:gd name="connsiteY88" fmla="*/ 5997 h 10000"/>
                  <a:gd name="connsiteX89" fmla="*/ 6530 w 10000"/>
                  <a:gd name="connsiteY89" fmla="*/ 6233 h 10000"/>
                  <a:gd name="connsiteX90" fmla="*/ 6478 w 10000"/>
                  <a:gd name="connsiteY90" fmla="*/ 6470 h 10000"/>
                  <a:gd name="connsiteX91" fmla="*/ 6427 w 10000"/>
                  <a:gd name="connsiteY91" fmla="*/ 6677 h 10000"/>
                  <a:gd name="connsiteX92" fmla="*/ 6350 w 10000"/>
                  <a:gd name="connsiteY92" fmla="*/ 6898 h 10000"/>
                  <a:gd name="connsiteX93" fmla="*/ 6247 w 10000"/>
                  <a:gd name="connsiteY93" fmla="*/ 7105 h 10000"/>
                  <a:gd name="connsiteX94" fmla="*/ 6119 w 10000"/>
                  <a:gd name="connsiteY94" fmla="*/ 7297 h 10000"/>
                  <a:gd name="connsiteX95" fmla="*/ 5964 w 10000"/>
                  <a:gd name="connsiteY95" fmla="*/ 7489 h 10000"/>
                  <a:gd name="connsiteX96" fmla="*/ 5809 w 10000"/>
                  <a:gd name="connsiteY96" fmla="*/ 7681 h 10000"/>
                  <a:gd name="connsiteX97" fmla="*/ 6554 w 10000"/>
                  <a:gd name="connsiteY97" fmla="*/ 7799 h 10000"/>
                  <a:gd name="connsiteX98" fmla="*/ 7327 w 10000"/>
                  <a:gd name="connsiteY98" fmla="*/ 7962 h 10000"/>
                  <a:gd name="connsiteX99" fmla="*/ 7480 w 10000"/>
                  <a:gd name="connsiteY99" fmla="*/ 8021 h 10000"/>
                  <a:gd name="connsiteX100" fmla="*/ 7609 w 10000"/>
                  <a:gd name="connsiteY100" fmla="*/ 8080 h 10000"/>
                  <a:gd name="connsiteX101" fmla="*/ 7737 w 10000"/>
                  <a:gd name="connsiteY101" fmla="*/ 8139 h 10000"/>
                  <a:gd name="connsiteX102" fmla="*/ 7815 w 10000"/>
                  <a:gd name="connsiteY102" fmla="*/ 8227 h 10000"/>
                  <a:gd name="connsiteX103" fmla="*/ 7841 w 10000"/>
                  <a:gd name="connsiteY103" fmla="*/ 8301 h 10000"/>
                  <a:gd name="connsiteX104" fmla="*/ 7841 w 10000"/>
                  <a:gd name="connsiteY104" fmla="*/ 8405 h 10000"/>
                  <a:gd name="connsiteX105" fmla="*/ 7790 w 10000"/>
                  <a:gd name="connsiteY105" fmla="*/ 8523 h 10000"/>
                  <a:gd name="connsiteX106" fmla="*/ 7712 w 10000"/>
                  <a:gd name="connsiteY106" fmla="*/ 8641 h 10000"/>
                  <a:gd name="connsiteX107" fmla="*/ 7378 w 10000"/>
                  <a:gd name="connsiteY107" fmla="*/ 8552 h 10000"/>
                  <a:gd name="connsiteX108" fmla="*/ 7069 w 10000"/>
                  <a:gd name="connsiteY108" fmla="*/ 8449 h 10000"/>
                  <a:gd name="connsiteX109" fmla="*/ 6760 w 10000"/>
                  <a:gd name="connsiteY109" fmla="*/ 8360 h 10000"/>
                  <a:gd name="connsiteX110" fmla="*/ 6451 w 10000"/>
                  <a:gd name="connsiteY110" fmla="*/ 8287 h 10000"/>
                  <a:gd name="connsiteX111" fmla="*/ 6323 w 10000"/>
                  <a:gd name="connsiteY111" fmla="*/ 8449 h 10000"/>
                  <a:gd name="connsiteX112" fmla="*/ 6222 w 10000"/>
                  <a:gd name="connsiteY112" fmla="*/ 8597 h 10000"/>
                  <a:gd name="connsiteX113" fmla="*/ 6169 w 10000"/>
                  <a:gd name="connsiteY113" fmla="*/ 8656 h 10000"/>
                  <a:gd name="connsiteX114" fmla="*/ 6066 w 10000"/>
                  <a:gd name="connsiteY114" fmla="*/ 8700 h 10000"/>
                  <a:gd name="connsiteX115" fmla="*/ 5990 w 10000"/>
                  <a:gd name="connsiteY115" fmla="*/ 8744 h 10000"/>
                  <a:gd name="connsiteX116" fmla="*/ 5913 w 10000"/>
                  <a:gd name="connsiteY116" fmla="*/ 8774 h 10000"/>
                  <a:gd name="connsiteX117" fmla="*/ 5835 w 10000"/>
                  <a:gd name="connsiteY117" fmla="*/ 8804 h 10000"/>
                  <a:gd name="connsiteX118" fmla="*/ 5733 w 10000"/>
                  <a:gd name="connsiteY118" fmla="*/ 8818 h 10000"/>
                  <a:gd name="connsiteX119" fmla="*/ 5603 w 10000"/>
                  <a:gd name="connsiteY119" fmla="*/ 8833 h 10000"/>
                  <a:gd name="connsiteX120" fmla="*/ 5476 w 10000"/>
                  <a:gd name="connsiteY120" fmla="*/ 8833 h 10000"/>
                  <a:gd name="connsiteX121" fmla="*/ 5168 w 10000"/>
                  <a:gd name="connsiteY121" fmla="*/ 8818 h 10000"/>
                  <a:gd name="connsiteX122" fmla="*/ 4781 w 10000"/>
                  <a:gd name="connsiteY122" fmla="*/ 8744 h 10000"/>
                  <a:gd name="connsiteX123" fmla="*/ 4781 w 10000"/>
                  <a:gd name="connsiteY123" fmla="*/ 8922 h 10000"/>
                  <a:gd name="connsiteX124" fmla="*/ 4755 w 10000"/>
                  <a:gd name="connsiteY124" fmla="*/ 9069 h 10000"/>
                  <a:gd name="connsiteX125" fmla="*/ 4731 w 10000"/>
                  <a:gd name="connsiteY125" fmla="*/ 9232 h 10000"/>
                  <a:gd name="connsiteX126" fmla="*/ 4704 w 10000"/>
                  <a:gd name="connsiteY126" fmla="*/ 9365 h 10000"/>
                  <a:gd name="connsiteX127" fmla="*/ 4652 w 10000"/>
                  <a:gd name="connsiteY127" fmla="*/ 9498 h 10000"/>
                  <a:gd name="connsiteX128" fmla="*/ 4551 w 10000"/>
                  <a:gd name="connsiteY128" fmla="*/ 9616 h 10000"/>
                  <a:gd name="connsiteX129" fmla="*/ 4473 w 10000"/>
                  <a:gd name="connsiteY129" fmla="*/ 9734 h 10000"/>
                  <a:gd name="connsiteX130" fmla="*/ 4344 w 10000"/>
                  <a:gd name="connsiteY130" fmla="*/ 9838 h 10000"/>
                  <a:gd name="connsiteX131" fmla="*/ 4034 w 10000"/>
                  <a:gd name="connsiteY131" fmla="*/ 9897 h 10000"/>
                  <a:gd name="connsiteX132" fmla="*/ 3779 w 10000"/>
                  <a:gd name="connsiteY132" fmla="*/ 9941 h 10000"/>
                  <a:gd name="connsiteX133" fmla="*/ 3470 w 10000"/>
                  <a:gd name="connsiteY133" fmla="*/ 9985 h 10000"/>
                  <a:gd name="connsiteX134" fmla="*/ 3239 w 10000"/>
                  <a:gd name="connsiteY134" fmla="*/ 10000 h 10000"/>
                  <a:gd name="connsiteX135" fmla="*/ 2725 w 10000"/>
                  <a:gd name="connsiteY135" fmla="*/ 10000 h 10000"/>
                  <a:gd name="connsiteX136" fmla="*/ 2236 w 10000"/>
                  <a:gd name="connsiteY136" fmla="*/ 9985 h 10000"/>
                  <a:gd name="connsiteX137" fmla="*/ 1775 w 10000"/>
                  <a:gd name="connsiteY137" fmla="*/ 9941 h 10000"/>
                  <a:gd name="connsiteX138" fmla="*/ 1286 w 10000"/>
                  <a:gd name="connsiteY138" fmla="*/ 9911 h 10000"/>
                  <a:gd name="connsiteX139" fmla="*/ 1003 w 10000"/>
                  <a:gd name="connsiteY139" fmla="*/ 9911 h 10000"/>
                  <a:gd name="connsiteX140" fmla="*/ 745 w 10000"/>
                  <a:gd name="connsiteY140" fmla="*/ 9911 h 10000"/>
                  <a:gd name="connsiteX141" fmla="*/ 463 w 10000"/>
                  <a:gd name="connsiteY141" fmla="*/ 9926 h 10000"/>
                  <a:gd name="connsiteX142" fmla="*/ 180 w 10000"/>
                  <a:gd name="connsiteY142" fmla="*/ 9970 h 10000"/>
                  <a:gd name="connsiteX143" fmla="*/ 103 w 10000"/>
                  <a:gd name="connsiteY143" fmla="*/ 9867 h 10000"/>
                  <a:gd name="connsiteX144" fmla="*/ 52 w 10000"/>
                  <a:gd name="connsiteY144" fmla="*/ 9793 h 10000"/>
                  <a:gd name="connsiteX145" fmla="*/ 0 w 10000"/>
                  <a:gd name="connsiteY145" fmla="*/ 9705 h 10000"/>
                  <a:gd name="connsiteX146" fmla="*/ 0 w 10000"/>
                  <a:gd name="connsiteY146" fmla="*/ 9601 h 10000"/>
                  <a:gd name="connsiteX147" fmla="*/ 52 w 10000"/>
                  <a:gd name="connsiteY147" fmla="*/ 9424 h 10000"/>
                  <a:gd name="connsiteX148" fmla="*/ 103 w 10000"/>
                  <a:gd name="connsiteY148" fmla="*/ 9202 h 10000"/>
                  <a:gd name="connsiteX149" fmla="*/ 153 w 10000"/>
                  <a:gd name="connsiteY149" fmla="*/ 8996 h 10000"/>
                  <a:gd name="connsiteX150" fmla="*/ 206 w 10000"/>
                  <a:gd name="connsiteY150" fmla="*/ 8759 h 10000"/>
                  <a:gd name="connsiteX151" fmla="*/ 231 w 10000"/>
                  <a:gd name="connsiteY151" fmla="*/ 8641 h 10000"/>
                  <a:gd name="connsiteX152" fmla="*/ 231 w 10000"/>
                  <a:gd name="connsiteY152" fmla="*/ 8538 h 10000"/>
                  <a:gd name="connsiteX153" fmla="*/ 206 w 10000"/>
                  <a:gd name="connsiteY153" fmla="*/ 8405 h 10000"/>
                  <a:gd name="connsiteX154" fmla="*/ 180 w 10000"/>
                  <a:gd name="connsiteY154" fmla="*/ 8287 h 10000"/>
                  <a:gd name="connsiteX155" fmla="*/ 437 w 10000"/>
                  <a:gd name="connsiteY155" fmla="*/ 8213 h 10000"/>
                  <a:gd name="connsiteX156" fmla="*/ 694 w 10000"/>
                  <a:gd name="connsiteY156" fmla="*/ 8139 h 10000"/>
                  <a:gd name="connsiteX157" fmla="*/ 951 w 10000"/>
                  <a:gd name="connsiteY157" fmla="*/ 8095 h 10000"/>
                  <a:gd name="connsiteX158" fmla="*/ 1234 w 10000"/>
                  <a:gd name="connsiteY158" fmla="*/ 8065 h 10000"/>
                  <a:gd name="connsiteX159" fmla="*/ 1747 w 10000"/>
                  <a:gd name="connsiteY159" fmla="*/ 8021 h 10000"/>
                  <a:gd name="connsiteX160" fmla="*/ 2263 w 10000"/>
                  <a:gd name="connsiteY160" fmla="*/ 7976 h 10000"/>
                  <a:gd name="connsiteX161" fmla="*/ 2494 w 10000"/>
                  <a:gd name="connsiteY161" fmla="*/ 7947 h 10000"/>
                  <a:gd name="connsiteX162" fmla="*/ 2725 w 10000"/>
                  <a:gd name="connsiteY162" fmla="*/ 7917 h 10000"/>
                  <a:gd name="connsiteX163" fmla="*/ 2929 w 10000"/>
                  <a:gd name="connsiteY163" fmla="*/ 7843 h 10000"/>
                  <a:gd name="connsiteX164" fmla="*/ 3136 w 10000"/>
                  <a:gd name="connsiteY164" fmla="*/ 7784 h 10000"/>
                  <a:gd name="connsiteX165" fmla="*/ 3316 w 10000"/>
                  <a:gd name="connsiteY165" fmla="*/ 7710 h 10000"/>
                  <a:gd name="connsiteX166" fmla="*/ 3470 w 10000"/>
                  <a:gd name="connsiteY166" fmla="*/ 7592 h 10000"/>
                  <a:gd name="connsiteX167" fmla="*/ 3625 w 10000"/>
                  <a:gd name="connsiteY167" fmla="*/ 7474 h 10000"/>
                  <a:gd name="connsiteX168" fmla="*/ 3727 w 10000"/>
                  <a:gd name="connsiteY168" fmla="*/ 7312 h 10000"/>
                  <a:gd name="connsiteX169" fmla="*/ 3522 w 10000"/>
                  <a:gd name="connsiteY169" fmla="*/ 7238 h 10000"/>
                  <a:gd name="connsiteX170" fmla="*/ 3341 w 10000"/>
                  <a:gd name="connsiteY170" fmla="*/ 7179 h 10000"/>
                  <a:gd name="connsiteX171" fmla="*/ 3187 w 10000"/>
                  <a:gd name="connsiteY171" fmla="*/ 7090 h 10000"/>
                  <a:gd name="connsiteX172" fmla="*/ 3034 w 10000"/>
                  <a:gd name="connsiteY172" fmla="*/ 6987 h 10000"/>
                  <a:gd name="connsiteX173" fmla="*/ 2929 w 10000"/>
                  <a:gd name="connsiteY173" fmla="*/ 6869 h 10000"/>
                  <a:gd name="connsiteX174" fmla="*/ 2880 w 10000"/>
                  <a:gd name="connsiteY174" fmla="*/ 6721 h 10000"/>
                  <a:gd name="connsiteX175" fmla="*/ 2853 w 10000"/>
                  <a:gd name="connsiteY175" fmla="*/ 6558 h 10000"/>
                  <a:gd name="connsiteX176" fmla="*/ 2880 w 10000"/>
                  <a:gd name="connsiteY176" fmla="*/ 6352 h 10000"/>
                  <a:gd name="connsiteX177" fmla="*/ 2751 w 10000"/>
                  <a:gd name="connsiteY177" fmla="*/ 6322 h 10000"/>
                  <a:gd name="connsiteX178" fmla="*/ 2597 w 10000"/>
                  <a:gd name="connsiteY178" fmla="*/ 6292 h 10000"/>
                  <a:gd name="connsiteX179" fmla="*/ 2417 w 10000"/>
                  <a:gd name="connsiteY179" fmla="*/ 6278 h 10000"/>
                  <a:gd name="connsiteX180" fmla="*/ 2236 w 10000"/>
                  <a:gd name="connsiteY180" fmla="*/ 6263 h 10000"/>
                  <a:gd name="connsiteX181" fmla="*/ 1877 w 10000"/>
                  <a:gd name="connsiteY181" fmla="*/ 6248 h 10000"/>
                  <a:gd name="connsiteX182" fmla="*/ 1491 w 10000"/>
                  <a:gd name="connsiteY182" fmla="*/ 6263 h 10000"/>
                  <a:gd name="connsiteX183" fmla="*/ 1158 w 10000"/>
                  <a:gd name="connsiteY183" fmla="*/ 6278 h 10000"/>
                  <a:gd name="connsiteX184" fmla="*/ 848 w 10000"/>
                  <a:gd name="connsiteY184" fmla="*/ 6278 h 10000"/>
                  <a:gd name="connsiteX185" fmla="*/ 593 w 10000"/>
                  <a:gd name="connsiteY185" fmla="*/ 6263 h 10000"/>
                  <a:gd name="connsiteX186" fmla="*/ 386 w 10000"/>
                  <a:gd name="connsiteY186" fmla="*/ 6233 h 10000"/>
                  <a:gd name="connsiteX187" fmla="*/ 641 w 10000"/>
                  <a:gd name="connsiteY187" fmla="*/ 5805 h 10000"/>
                  <a:gd name="connsiteX188" fmla="*/ 926 w 10000"/>
                  <a:gd name="connsiteY188" fmla="*/ 5391 h 10000"/>
                  <a:gd name="connsiteX189" fmla="*/ 1029 w 10000"/>
                  <a:gd name="connsiteY189" fmla="*/ 5170 h 10000"/>
                  <a:gd name="connsiteX190" fmla="*/ 1105 w 10000"/>
                  <a:gd name="connsiteY190" fmla="*/ 4963 h 10000"/>
                  <a:gd name="connsiteX191" fmla="*/ 1130 w 10000"/>
                  <a:gd name="connsiteY191" fmla="*/ 4860 h 10000"/>
                  <a:gd name="connsiteX192" fmla="*/ 1105 w 10000"/>
                  <a:gd name="connsiteY192" fmla="*/ 4756 h 10000"/>
                  <a:gd name="connsiteX193" fmla="*/ 1080 w 10000"/>
                  <a:gd name="connsiteY193" fmla="*/ 4653 h 10000"/>
                  <a:gd name="connsiteX194" fmla="*/ 1003 w 10000"/>
                  <a:gd name="connsiteY194" fmla="*/ 4549 h 10000"/>
                  <a:gd name="connsiteX195" fmla="*/ 1286 w 10000"/>
                  <a:gd name="connsiteY195" fmla="*/ 4520 h 10000"/>
                  <a:gd name="connsiteX196" fmla="*/ 1491 w 10000"/>
                  <a:gd name="connsiteY196" fmla="*/ 4505 h 10000"/>
                  <a:gd name="connsiteX197" fmla="*/ 1671 w 10000"/>
                  <a:gd name="connsiteY197" fmla="*/ 4505 h 10000"/>
                  <a:gd name="connsiteX198" fmla="*/ 1825 w 10000"/>
                  <a:gd name="connsiteY198" fmla="*/ 4520 h 10000"/>
                  <a:gd name="connsiteX199" fmla="*/ 1954 w 10000"/>
                  <a:gd name="connsiteY199" fmla="*/ 4520 h 10000"/>
                  <a:gd name="connsiteX200" fmla="*/ 2108 w 10000"/>
                  <a:gd name="connsiteY200" fmla="*/ 4520 h 10000"/>
                  <a:gd name="connsiteX201" fmla="*/ 2263 w 10000"/>
                  <a:gd name="connsiteY201" fmla="*/ 4490 h 10000"/>
                  <a:gd name="connsiteX202" fmla="*/ 2467 w 10000"/>
                  <a:gd name="connsiteY202" fmla="*/ 4446 h 10000"/>
                  <a:gd name="connsiteX203" fmla="*/ 2467 w 10000"/>
                  <a:gd name="connsiteY203" fmla="*/ 4579 h 10000"/>
                  <a:gd name="connsiteX204" fmla="*/ 2467 w 10000"/>
                  <a:gd name="connsiteY204" fmla="*/ 4742 h 10000"/>
                  <a:gd name="connsiteX205" fmla="*/ 2467 w 10000"/>
                  <a:gd name="connsiteY205" fmla="*/ 4874 h 10000"/>
                  <a:gd name="connsiteX206" fmla="*/ 2467 w 10000"/>
                  <a:gd name="connsiteY206" fmla="*/ 5037 h 10000"/>
                  <a:gd name="connsiteX207" fmla="*/ 2699 w 10000"/>
                  <a:gd name="connsiteY207" fmla="*/ 5022 h 10000"/>
                  <a:gd name="connsiteX208" fmla="*/ 2853 w 10000"/>
                  <a:gd name="connsiteY208" fmla="*/ 5037 h 10000"/>
                  <a:gd name="connsiteX209" fmla="*/ 2982 w 10000"/>
                  <a:gd name="connsiteY209" fmla="*/ 5066 h 10000"/>
                  <a:gd name="connsiteX210" fmla="*/ 3111 w 10000"/>
                  <a:gd name="connsiteY210" fmla="*/ 5096 h 10000"/>
                  <a:gd name="connsiteX211" fmla="*/ 3214 w 10000"/>
                  <a:gd name="connsiteY211" fmla="*/ 5126 h 10000"/>
                  <a:gd name="connsiteX212" fmla="*/ 3341 w 10000"/>
                  <a:gd name="connsiteY212" fmla="*/ 5155 h 10000"/>
                  <a:gd name="connsiteX213" fmla="*/ 3496 w 10000"/>
                  <a:gd name="connsiteY213" fmla="*/ 5170 h 10000"/>
                  <a:gd name="connsiteX214" fmla="*/ 3727 w 10000"/>
                  <a:gd name="connsiteY214" fmla="*/ 5155 h 10000"/>
                  <a:gd name="connsiteX215" fmla="*/ 3805 w 10000"/>
                  <a:gd name="connsiteY215" fmla="*/ 5096 h 10000"/>
                  <a:gd name="connsiteX216" fmla="*/ 3881 w 10000"/>
                  <a:gd name="connsiteY216" fmla="*/ 5022 h 10000"/>
                  <a:gd name="connsiteX217" fmla="*/ 3907 w 10000"/>
                  <a:gd name="connsiteY217" fmla="*/ 4934 h 10000"/>
                  <a:gd name="connsiteX218" fmla="*/ 3934 w 10000"/>
                  <a:gd name="connsiteY218" fmla="*/ 4860 h 10000"/>
                  <a:gd name="connsiteX219" fmla="*/ 3958 w 10000"/>
                  <a:gd name="connsiteY219" fmla="*/ 4697 h 10000"/>
                  <a:gd name="connsiteX220" fmla="*/ 3934 w 10000"/>
                  <a:gd name="connsiteY220" fmla="*/ 4520 h 10000"/>
                  <a:gd name="connsiteX221" fmla="*/ 3856 w 10000"/>
                  <a:gd name="connsiteY221" fmla="*/ 4343 h 10000"/>
                  <a:gd name="connsiteX222" fmla="*/ 3779 w 10000"/>
                  <a:gd name="connsiteY222" fmla="*/ 4195 h 10000"/>
                  <a:gd name="connsiteX223" fmla="*/ 3650 w 10000"/>
                  <a:gd name="connsiteY223" fmla="*/ 4047 h 10000"/>
                  <a:gd name="connsiteX224" fmla="*/ 3522 w 10000"/>
                  <a:gd name="connsiteY224" fmla="*/ 3959 h 10000"/>
                  <a:gd name="connsiteX225" fmla="*/ 3676 w 10000"/>
                  <a:gd name="connsiteY225" fmla="*/ 3944 h 10000"/>
                  <a:gd name="connsiteX226" fmla="*/ 3805 w 10000"/>
                  <a:gd name="connsiteY226" fmla="*/ 3914 h 10000"/>
                  <a:gd name="connsiteX227" fmla="*/ 3907 w 10000"/>
                  <a:gd name="connsiteY227" fmla="*/ 3855 h 10000"/>
                  <a:gd name="connsiteX228" fmla="*/ 4034 w 10000"/>
                  <a:gd name="connsiteY228" fmla="*/ 3752 h 10000"/>
                  <a:gd name="connsiteX229" fmla="*/ 4164 w 10000"/>
                  <a:gd name="connsiteY229" fmla="*/ 3663 h 10000"/>
                  <a:gd name="connsiteX230" fmla="*/ 4267 w 10000"/>
                  <a:gd name="connsiteY230" fmla="*/ 3560 h 10000"/>
                  <a:gd name="connsiteX231" fmla="*/ 4344 w 10000"/>
                  <a:gd name="connsiteY231" fmla="*/ 3442 h 10000"/>
                  <a:gd name="connsiteX232" fmla="*/ 4422 w 10000"/>
                  <a:gd name="connsiteY232" fmla="*/ 3323 h 10000"/>
                  <a:gd name="connsiteX233" fmla="*/ 4473 w 10000"/>
                  <a:gd name="connsiteY233" fmla="*/ 3220 h 10000"/>
                  <a:gd name="connsiteX234" fmla="*/ 4498 w 10000"/>
                  <a:gd name="connsiteY234" fmla="*/ 3102 h 10000"/>
                  <a:gd name="connsiteX235" fmla="*/ 4525 w 10000"/>
                  <a:gd name="connsiteY235" fmla="*/ 3013 h 10000"/>
                  <a:gd name="connsiteX236" fmla="*/ 4498 w 10000"/>
                  <a:gd name="connsiteY236" fmla="*/ 2939 h 10000"/>
                  <a:gd name="connsiteX237" fmla="*/ 4473 w 10000"/>
                  <a:gd name="connsiteY237" fmla="*/ 2866 h 10000"/>
                  <a:gd name="connsiteX238" fmla="*/ 4396 w 10000"/>
                  <a:gd name="connsiteY238" fmla="*/ 2836 h 10000"/>
                  <a:gd name="connsiteX239" fmla="*/ 4294 w 10000"/>
                  <a:gd name="connsiteY239" fmla="*/ 2836 h 10000"/>
                  <a:gd name="connsiteX240" fmla="*/ 4164 w 10000"/>
                  <a:gd name="connsiteY240" fmla="*/ 2866 h 10000"/>
                  <a:gd name="connsiteX241" fmla="*/ 4267 w 10000"/>
                  <a:gd name="connsiteY241" fmla="*/ 2777 h 10000"/>
                  <a:gd name="connsiteX242" fmla="*/ 4320 w 10000"/>
                  <a:gd name="connsiteY242" fmla="*/ 2674 h 10000"/>
                  <a:gd name="connsiteX243" fmla="*/ 4344 w 10000"/>
                  <a:gd name="connsiteY243" fmla="*/ 2541 h 10000"/>
                  <a:gd name="connsiteX244" fmla="*/ 4344 w 10000"/>
                  <a:gd name="connsiteY244" fmla="*/ 2393 h 10000"/>
                  <a:gd name="connsiteX245" fmla="*/ 4369 w 10000"/>
                  <a:gd name="connsiteY245" fmla="*/ 2349 h 10000"/>
                  <a:gd name="connsiteX246" fmla="*/ 4422 w 10000"/>
                  <a:gd name="connsiteY246" fmla="*/ 2304 h 10000"/>
                  <a:gd name="connsiteX247" fmla="*/ 4473 w 10000"/>
                  <a:gd name="connsiteY247" fmla="*/ 2290 h 10000"/>
                  <a:gd name="connsiteX248" fmla="*/ 4551 w 10000"/>
                  <a:gd name="connsiteY248" fmla="*/ 2275 h 10000"/>
                  <a:gd name="connsiteX249" fmla="*/ 4781 w 10000"/>
                  <a:gd name="connsiteY249" fmla="*/ 2260 h 10000"/>
                  <a:gd name="connsiteX250" fmla="*/ 4986 w 10000"/>
                  <a:gd name="connsiteY250" fmla="*/ 2275 h 10000"/>
                  <a:gd name="connsiteX251" fmla="*/ 4961 w 10000"/>
                  <a:gd name="connsiteY251" fmla="*/ 2112 h 10000"/>
                  <a:gd name="connsiteX252" fmla="*/ 4910 w 10000"/>
                  <a:gd name="connsiteY252" fmla="*/ 1950 h 10000"/>
                  <a:gd name="connsiteX253" fmla="*/ 4832 w 10000"/>
                  <a:gd name="connsiteY253" fmla="*/ 1802 h 10000"/>
                  <a:gd name="connsiteX254" fmla="*/ 4731 w 10000"/>
                  <a:gd name="connsiteY254" fmla="*/ 1640 h 10000"/>
                  <a:gd name="connsiteX255" fmla="*/ 4473 w 10000"/>
                  <a:gd name="connsiteY255" fmla="*/ 1329 h 10000"/>
                  <a:gd name="connsiteX256" fmla="*/ 4216 w 10000"/>
                  <a:gd name="connsiteY256" fmla="*/ 1034 h 10000"/>
                  <a:gd name="connsiteX257" fmla="*/ 4087 w 10000"/>
                  <a:gd name="connsiteY257" fmla="*/ 901 h 10000"/>
                  <a:gd name="connsiteX258" fmla="*/ 3986 w 10000"/>
                  <a:gd name="connsiteY258" fmla="*/ 753 h 10000"/>
                  <a:gd name="connsiteX259" fmla="*/ 3907 w 10000"/>
                  <a:gd name="connsiteY259" fmla="*/ 620 h 10000"/>
                  <a:gd name="connsiteX260" fmla="*/ 3881 w 10000"/>
                  <a:gd name="connsiteY260" fmla="*/ 487 h 10000"/>
                  <a:gd name="connsiteX261" fmla="*/ 3856 w 10000"/>
                  <a:gd name="connsiteY261" fmla="*/ 355 h 10000"/>
                  <a:gd name="connsiteX262" fmla="*/ 3907 w 10000"/>
                  <a:gd name="connsiteY262" fmla="*/ 222 h 10000"/>
                  <a:gd name="connsiteX263" fmla="*/ 3934 w 10000"/>
                  <a:gd name="connsiteY263" fmla="*/ 162 h 10000"/>
                  <a:gd name="connsiteX264" fmla="*/ 3986 w 10000"/>
                  <a:gd name="connsiteY264" fmla="*/ 103 h 10000"/>
                  <a:gd name="connsiteX265" fmla="*/ 4063 w 10000"/>
                  <a:gd name="connsiteY265" fmla="*/ 59 h 10000"/>
                  <a:gd name="connsiteX266" fmla="*/ 4164 w 10000"/>
                  <a:gd name="connsiteY266" fmla="*/ 0 h 10000"/>
                  <a:gd name="connsiteX0" fmla="*/ 7274 w 14464"/>
                  <a:gd name="connsiteY0" fmla="*/ 4431 h 10000"/>
                  <a:gd name="connsiteX1" fmla="*/ 7095 w 14464"/>
                  <a:gd name="connsiteY1" fmla="*/ 4638 h 10000"/>
                  <a:gd name="connsiteX2" fmla="*/ 7095 w 14464"/>
                  <a:gd name="connsiteY2" fmla="*/ 4697 h 10000"/>
                  <a:gd name="connsiteX3" fmla="*/ 7069 w 14464"/>
                  <a:gd name="connsiteY3" fmla="*/ 4801 h 10000"/>
                  <a:gd name="connsiteX4" fmla="*/ 7069 w 14464"/>
                  <a:gd name="connsiteY4" fmla="*/ 4904 h 10000"/>
                  <a:gd name="connsiteX5" fmla="*/ 6941 w 14464"/>
                  <a:gd name="connsiteY5" fmla="*/ 4860 h 10000"/>
                  <a:gd name="connsiteX6" fmla="*/ 6863 w 14464"/>
                  <a:gd name="connsiteY6" fmla="*/ 4801 h 10000"/>
                  <a:gd name="connsiteX7" fmla="*/ 6786 w 14464"/>
                  <a:gd name="connsiteY7" fmla="*/ 4727 h 10000"/>
                  <a:gd name="connsiteX8" fmla="*/ 6710 w 14464"/>
                  <a:gd name="connsiteY8" fmla="*/ 4638 h 10000"/>
                  <a:gd name="connsiteX9" fmla="*/ 6582 w 14464"/>
                  <a:gd name="connsiteY9" fmla="*/ 4476 h 10000"/>
                  <a:gd name="connsiteX10" fmla="*/ 6451 w 14464"/>
                  <a:gd name="connsiteY10" fmla="*/ 4313 h 10000"/>
                  <a:gd name="connsiteX11" fmla="*/ 6607 w 14464"/>
                  <a:gd name="connsiteY11" fmla="*/ 4210 h 10000"/>
                  <a:gd name="connsiteX12" fmla="*/ 9306 w 14464"/>
                  <a:gd name="connsiteY12" fmla="*/ 3338 h 10000"/>
                  <a:gd name="connsiteX13" fmla="*/ 9536 w 14464"/>
                  <a:gd name="connsiteY13" fmla="*/ 3117 h 10000"/>
                  <a:gd name="connsiteX14" fmla="*/ 9563 w 14464"/>
                  <a:gd name="connsiteY14" fmla="*/ 3072 h 10000"/>
                  <a:gd name="connsiteX15" fmla="*/ 9588 w 14464"/>
                  <a:gd name="connsiteY15" fmla="*/ 3013 h 10000"/>
                  <a:gd name="connsiteX16" fmla="*/ 9588 w 14464"/>
                  <a:gd name="connsiteY16" fmla="*/ 2954 h 10000"/>
                  <a:gd name="connsiteX17" fmla="*/ 9563 w 14464"/>
                  <a:gd name="connsiteY17" fmla="*/ 2866 h 10000"/>
                  <a:gd name="connsiteX18" fmla="*/ 9383 w 14464"/>
                  <a:gd name="connsiteY18" fmla="*/ 2984 h 10000"/>
                  <a:gd name="connsiteX19" fmla="*/ 9178 w 14464"/>
                  <a:gd name="connsiteY19" fmla="*/ 3072 h 10000"/>
                  <a:gd name="connsiteX20" fmla="*/ 8971 w 14464"/>
                  <a:gd name="connsiteY20" fmla="*/ 3161 h 10000"/>
                  <a:gd name="connsiteX21" fmla="*/ 8766 w 14464"/>
                  <a:gd name="connsiteY21" fmla="*/ 3250 h 10000"/>
                  <a:gd name="connsiteX22" fmla="*/ 8302 w 14464"/>
                  <a:gd name="connsiteY22" fmla="*/ 3397 h 10000"/>
                  <a:gd name="connsiteX23" fmla="*/ 7815 w 14464"/>
                  <a:gd name="connsiteY23" fmla="*/ 3545 h 10000"/>
                  <a:gd name="connsiteX24" fmla="*/ 7327 w 14464"/>
                  <a:gd name="connsiteY24" fmla="*/ 3678 h 10000"/>
                  <a:gd name="connsiteX25" fmla="*/ 6863 w 14464"/>
                  <a:gd name="connsiteY25" fmla="*/ 3840 h 10000"/>
                  <a:gd name="connsiteX26" fmla="*/ 6632 w 14464"/>
                  <a:gd name="connsiteY26" fmla="*/ 3914 h 10000"/>
                  <a:gd name="connsiteX27" fmla="*/ 6427 w 14464"/>
                  <a:gd name="connsiteY27" fmla="*/ 4003 h 10000"/>
                  <a:gd name="connsiteX28" fmla="*/ 6222 w 14464"/>
                  <a:gd name="connsiteY28" fmla="*/ 4106 h 10000"/>
                  <a:gd name="connsiteX29" fmla="*/ 6014 w 14464"/>
                  <a:gd name="connsiteY29" fmla="*/ 4195 h 10000"/>
                  <a:gd name="connsiteX30" fmla="*/ 6169 w 14464"/>
                  <a:gd name="connsiteY30" fmla="*/ 4417 h 10000"/>
                  <a:gd name="connsiteX31" fmla="*/ 6273 w 14464"/>
                  <a:gd name="connsiteY31" fmla="*/ 4623 h 10000"/>
                  <a:gd name="connsiteX32" fmla="*/ 6375 w 14464"/>
                  <a:gd name="connsiteY32" fmla="*/ 4845 h 10000"/>
                  <a:gd name="connsiteX33" fmla="*/ 6451 w 14464"/>
                  <a:gd name="connsiteY33" fmla="*/ 5081 h 10000"/>
                  <a:gd name="connsiteX34" fmla="*/ 6504 w 14464"/>
                  <a:gd name="connsiteY34" fmla="*/ 5318 h 10000"/>
                  <a:gd name="connsiteX35" fmla="*/ 6530 w 14464"/>
                  <a:gd name="connsiteY35" fmla="*/ 5539 h 10000"/>
                  <a:gd name="connsiteX36" fmla="*/ 6554 w 14464"/>
                  <a:gd name="connsiteY36" fmla="*/ 5775 h 10000"/>
                  <a:gd name="connsiteX37" fmla="*/ 6554 w 14464"/>
                  <a:gd name="connsiteY37" fmla="*/ 5997 h 10000"/>
                  <a:gd name="connsiteX38" fmla="*/ 6530 w 14464"/>
                  <a:gd name="connsiteY38" fmla="*/ 6233 h 10000"/>
                  <a:gd name="connsiteX39" fmla="*/ 6478 w 14464"/>
                  <a:gd name="connsiteY39" fmla="*/ 6470 h 10000"/>
                  <a:gd name="connsiteX40" fmla="*/ 6427 w 14464"/>
                  <a:gd name="connsiteY40" fmla="*/ 6677 h 10000"/>
                  <a:gd name="connsiteX41" fmla="*/ 6350 w 14464"/>
                  <a:gd name="connsiteY41" fmla="*/ 6898 h 10000"/>
                  <a:gd name="connsiteX42" fmla="*/ 6247 w 14464"/>
                  <a:gd name="connsiteY42" fmla="*/ 7105 h 10000"/>
                  <a:gd name="connsiteX43" fmla="*/ 6119 w 14464"/>
                  <a:gd name="connsiteY43" fmla="*/ 7297 h 10000"/>
                  <a:gd name="connsiteX44" fmla="*/ 5964 w 14464"/>
                  <a:gd name="connsiteY44" fmla="*/ 7489 h 10000"/>
                  <a:gd name="connsiteX45" fmla="*/ 5809 w 14464"/>
                  <a:gd name="connsiteY45" fmla="*/ 7681 h 10000"/>
                  <a:gd name="connsiteX46" fmla="*/ 6554 w 14464"/>
                  <a:gd name="connsiteY46" fmla="*/ 7799 h 10000"/>
                  <a:gd name="connsiteX47" fmla="*/ 7327 w 14464"/>
                  <a:gd name="connsiteY47" fmla="*/ 7962 h 10000"/>
                  <a:gd name="connsiteX48" fmla="*/ 7480 w 14464"/>
                  <a:gd name="connsiteY48" fmla="*/ 8021 h 10000"/>
                  <a:gd name="connsiteX49" fmla="*/ 7609 w 14464"/>
                  <a:gd name="connsiteY49" fmla="*/ 8080 h 10000"/>
                  <a:gd name="connsiteX50" fmla="*/ 7737 w 14464"/>
                  <a:gd name="connsiteY50" fmla="*/ 8139 h 10000"/>
                  <a:gd name="connsiteX51" fmla="*/ 7815 w 14464"/>
                  <a:gd name="connsiteY51" fmla="*/ 8227 h 10000"/>
                  <a:gd name="connsiteX52" fmla="*/ 7841 w 14464"/>
                  <a:gd name="connsiteY52" fmla="*/ 8301 h 10000"/>
                  <a:gd name="connsiteX53" fmla="*/ 7841 w 14464"/>
                  <a:gd name="connsiteY53" fmla="*/ 8405 h 10000"/>
                  <a:gd name="connsiteX54" fmla="*/ 7790 w 14464"/>
                  <a:gd name="connsiteY54" fmla="*/ 8523 h 10000"/>
                  <a:gd name="connsiteX55" fmla="*/ 7712 w 14464"/>
                  <a:gd name="connsiteY55" fmla="*/ 8641 h 10000"/>
                  <a:gd name="connsiteX56" fmla="*/ 7378 w 14464"/>
                  <a:gd name="connsiteY56" fmla="*/ 8552 h 10000"/>
                  <a:gd name="connsiteX57" fmla="*/ 7069 w 14464"/>
                  <a:gd name="connsiteY57" fmla="*/ 8449 h 10000"/>
                  <a:gd name="connsiteX58" fmla="*/ 6760 w 14464"/>
                  <a:gd name="connsiteY58" fmla="*/ 8360 h 10000"/>
                  <a:gd name="connsiteX59" fmla="*/ 6451 w 14464"/>
                  <a:gd name="connsiteY59" fmla="*/ 8287 h 10000"/>
                  <a:gd name="connsiteX60" fmla="*/ 6323 w 14464"/>
                  <a:gd name="connsiteY60" fmla="*/ 8449 h 10000"/>
                  <a:gd name="connsiteX61" fmla="*/ 6222 w 14464"/>
                  <a:gd name="connsiteY61" fmla="*/ 8597 h 10000"/>
                  <a:gd name="connsiteX62" fmla="*/ 6169 w 14464"/>
                  <a:gd name="connsiteY62" fmla="*/ 8656 h 10000"/>
                  <a:gd name="connsiteX63" fmla="*/ 6066 w 14464"/>
                  <a:gd name="connsiteY63" fmla="*/ 8700 h 10000"/>
                  <a:gd name="connsiteX64" fmla="*/ 5990 w 14464"/>
                  <a:gd name="connsiteY64" fmla="*/ 8744 h 10000"/>
                  <a:gd name="connsiteX65" fmla="*/ 5913 w 14464"/>
                  <a:gd name="connsiteY65" fmla="*/ 8774 h 10000"/>
                  <a:gd name="connsiteX66" fmla="*/ 5835 w 14464"/>
                  <a:gd name="connsiteY66" fmla="*/ 8804 h 10000"/>
                  <a:gd name="connsiteX67" fmla="*/ 5733 w 14464"/>
                  <a:gd name="connsiteY67" fmla="*/ 8818 h 10000"/>
                  <a:gd name="connsiteX68" fmla="*/ 5603 w 14464"/>
                  <a:gd name="connsiteY68" fmla="*/ 8833 h 10000"/>
                  <a:gd name="connsiteX69" fmla="*/ 5476 w 14464"/>
                  <a:gd name="connsiteY69" fmla="*/ 8833 h 10000"/>
                  <a:gd name="connsiteX70" fmla="*/ 5168 w 14464"/>
                  <a:gd name="connsiteY70" fmla="*/ 8818 h 10000"/>
                  <a:gd name="connsiteX71" fmla="*/ 4781 w 14464"/>
                  <a:gd name="connsiteY71" fmla="*/ 8744 h 10000"/>
                  <a:gd name="connsiteX72" fmla="*/ 4781 w 14464"/>
                  <a:gd name="connsiteY72" fmla="*/ 8922 h 10000"/>
                  <a:gd name="connsiteX73" fmla="*/ 4755 w 14464"/>
                  <a:gd name="connsiteY73" fmla="*/ 9069 h 10000"/>
                  <a:gd name="connsiteX74" fmla="*/ 4731 w 14464"/>
                  <a:gd name="connsiteY74" fmla="*/ 9232 h 10000"/>
                  <a:gd name="connsiteX75" fmla="*/ 4704 w 14464"/>
                  <a:gd name="connsiteY75" fmla="*/ 9365 h 10000"/>
                  <a:gd name="connsiteX76" fmla="*/ 4652 w 14464"/>
                  <a:gd name="connsiteY76" fmla="*/ 9498 h 10000"/>
                  <a:gd name="connsiteX77" fmla="*/ 4551 w 14464"/>
                  <a:gd name="connsiteY77" fmla="*/ 9616 h 10000"/>
                  <a:gd name="connsiteX78" fmla="*/ 4473 w 14464"/>
                  <a:gd name="connsiteY78" fmla="*/ 9734 h 10000"/>
                  <a:gd name="connsiteX79" fmla="*/ 4344 w 14464"/>
                  <a:gd name="connsiteY79" fmla="*/ 9838 h 10000"/>
                  <a:gd name="connsiteX80" fmla="*/ 4034 w 14464"/>
                  <a:gd name="connsiteY80" fmla="*/ 9897 h 10000"/>
                  <a:gd name="connsiteX81" fmla="*/ 3779 w 14464"/>
                  <a:gd name="connsiteY81" fmla="*/ 9941 h 10000"/>
                  <a:gd name="connsiteX82" fmla="*/ 3470 w 14464"/>
                  <a:gd name="connsiteY82" fmla="*/ 9985 h 10000"/>
                  <a:gd name="connsiteX83" fmla="*/ 3239 w 14464"/>
                  <a:gd name="connsiteY83" fmla="*/ 10000 h 10000"/>
                  <a:gd name="connsiteX84" fmla="*/ 2725 w 14464"/>
                  <a:gd name="connsiteY84" fmla="*/ 10000 h 10000"/>
                  <a:gd name="connsiteX85" fmla="*/ 2236 w 14464"/>
                  <a:gd name="connsiteY85" fmla="*/ 9985 h 10000"/>
                  <a:gd name="connsiteX86" fmla="*/ 1775 w 14464"/>
                  <a:gd name="connsiteY86" fmla="*/ 9941 h 10000"/>
                  <a:gd name="connsiteX87" fmla="*/ 1286 w 14464"/>
                  <a:gd name="connsiteY87" fmla="*/ 9911 h 10000"/>
                  <a:gd name="connsiteX88" fmla="*/ 1003 w 14464"/>
                  <a:gd name="connsiteY88" fmla="*/ 9911 h 10000"/>
                  <a:gd name="connsiteX89" fmla="*/ 745 w 14464"/>
                  <a:gd name="connsiteY89" fmla="*/ 9911 h 10000"/>
                  <a:gd name="connsiteX90" fmla="*/ 463 w 14464"/>
                  <a:gd name="connsiteY90" fmla="*/ 9926 h 10000"/>
                  <a:gd name="connsiteX91" fmla="*/ 180 w 14464"/>
                  <a:gd name="connsiteY91" fmla="*/ 9970 h 10000"/>
                  <a:gd name="connsiteX92" fmla="*/ 103 w 14464"/>
                  <a:gd name="connsiteY92" fmla="*/ 9867 h 10000"/>
                  <a:gd name="connsiteX93" fmla="*/ 52 w 14464"/>
                  <a:gd name="connsiteY93" fmla="*/ 9793 h 10000"/>
                  <a:gd name="connsiteX94" fmla="*/ 0 w 14464"/>
                  <a:gd name="connsiteY94" fmla="*/ 9705 h 10000"/>
                  <a:gd name="connsiteX95" fmla="*/ 0 w 14464"/>
                  <a:gd name="connsiteY95" fmla="*/ 9601 h 10000"/>
                  <a:gd name="connsiteX96" fmla="*/ 52 w 14464"/>
                  <a:gd name="connsiteY96" fmla="*/ 9424 h 10000"/>
                  <a:gd name="connsiteX97" fmla="*/ 103 w 14464"/>
                  <a:gd name="connsiteY97" fmla="*/ 9202 h 10000"/>
                  <a:gd name="connsiteX98" fmla="*/ 153 w 14464"/>
                  <a:gd name="connsiteY98" fmla="*/ 8996 h 10000"/>
                  <a:gd name="connsiteX99" fmla="*/ 206 w 14464"/>
                  <a:gd name="connsiteY99" fmla="*/ 8759 h 10000"/>
                  <a:gd name="connsiteX100" fmla="*/ 231 w 14464"/>
                  <a:gd name="connsiteY100" fmla="*/ 8641 h 10000"/>
                  <a:gd name="connsiteX101" fmla="*/ 231 w 14464"/>
                  <a:gd name="connsiteY101" fmla="*/ 8538 h 10000"/>
                  <a:gd name="connsiteX102" fmla="*/ 206 w 14464"/>
                  <a:gd name="connsiteY102" fmla="*/ 8405 h 10000"/>
                  <a:gd name="connsiteX103" fmla="*/ 180 w 14464"/>
                  <a:gd name="connsiteY103" fmla="*/ 8287 h 10000"/>
                  <a:gd name="connsiteX104" fmla="*/ 437 w 14464"/>
                  <a:gd name="connsiteY104" fmla="*/ 8213 h 10000"/>
                  <a:gd name="connsiteX105" fmla="*/ 694 w 14464"/>
                  <a:gd name="connsiteY105" fmla="*/ 8139 h 10000"/>
                  <a:gd name="connsiteX106" fmla="*/ 951 w 14464"/>
                  <a:gd name="connsiteY106" fmla="*/ 8095 h 10000"/>
                  <a:gd name="connsiteX107" fmla="*/ 1234 w 14464"/>
                  <a:gd name="connsiteY107" fmla="*/ 8065 h 10000"/>
                  <a:gd name="connsiteX108" fmla="*/ 1747 w 14464"/>
                  <a:gd name="connsiteY108" fmla="*/ 8021 h 10000"/>
                  <a:gd name="connsiteX109" fmla="*/ 2263 w 14464"/>
                  <a:gd name="connsiteY109" fmla="*/ 7976 h 10000"/>
                  <a:gd name="connsiteX110" fmla="*/ 2494 w 14464"/>
                  <a:gd name="connsiteY110" fmla="*/ 7947 h 10000"/>
                  <a:gd name="connsiteX111" fmla="*/ 2725 w 14464"/>
                  <a:gd name="connsiteY111" fmla="*/ 7917 h 10000"/>
                  <a:gd name="connsiteX112" fmla="*/ 2929 w 14464"/>
                  <a:gd name="connsiteY112" fmla="*/ 7843 h 10000"/>
                  <a:gd name="connsiteX113" fmla="*/ 3136 w 14464"/>
                  <a:gd name="connsiteY113" fmla="*/ 7784 h 10000"/>
                  <a:gd name="connsiteX114" fmla="*/ 3316 w 14464"/>
                  <a:gd name="connsiteY114" fmla="*/ 7710 h 10000"/>
                  <a:gd name="connsiteX115" fmla="*/ 3470 w 14464"/>
                  <a:gd name="connsiteY115" fmla="*/ 7592 h 10000"/>
                  <a:gd name="connsiteX116" fmla="*/ 3625 w 14464"/>
                  <a:gd name="connsiteY116" fmla="*/ 7474 h 10000"/>
                  <a:gd name="connsiteX117" fmla="*/ 3727 w 14464"/>
                  <a:gd name="connsiteY117" fmla="*/ 7312 h 10000"/>
                  <a:gd name="connsiteX118" fmla="*/ 3522 w 14464"/>
                  <a:gd name="connsiteY118" fmla="*/ 7238 h 10000"/>
                  <a:gd name="connsiteX119" fmla="*/ 3341 w 14464"/>
                  <a:gd name="connsiteY119" fmla="*/ 7179 h 10000"/>
                  <a:gd name="connsiteX120" fmla="*/ 3187 w 14464"/>
                  <a:gd name="connsiteY120" fmla="*/ 7090 h 10000"/>
                  <a:gd name="connsiteX121" fmla="*/ 3034 w 14464"/>
                  <a:gd name="connsiteY121" fmla="*/ 6987 h 10000"/>
                  <a:gd name="connsiteX122" fmla="*/ 2929 w 14464"/>
                  <a:gd name="connsiteY122" fmla="*/ 6869 h 10000"/>
                  <a:gd name="connsiteX123" fmla="*/ 2880 w 14464"/>
                  <a:gd name="connsiteY123" fmla="*/ 6721 h 10000"/>
                  <a:gd name="connsiteX124" fmla="*/ 2853 w 14464"/>
                  <a:gd name="connsiteY124" fmla="*/ 6558 h 10000"/>
                  <a:gd name="connsiteX125" fmla="*/ 2880 w 14464"/>
                  <a:gd name="connsiteY125" fmla="*/ 6352 h 10000"/>
                  <a:gd name="connsiteX126" fmla="*/ 2751 w 14464"/>
                  <a:gd name="connsiteY126" fmla="*/ 6322 h 10000"/>
                  <a:gd name="connsiteX127" fmla="*/ 2597 w 14464"/>
                  <a:gd name="connsiteY127" fmla="*/ 6292 h 10000"/>
                  <a:gd name="connsiteX128" fmla="*/ 2417 w 14464"/>
                  <a:gd name="connsiteY128" fmla="*/ 6278 h 10000"/>
                  <a:gd name="connsiteX129" fmla="*/ 2236 w 14464"/>
                  <a:gd name="connsiteY129" fmla="*/ 6263 h 10000"/>
                  <a:gd name="connsiteX130" fmla="*/ 1877 w 14464"/>
                  <a:gd name="connsiteY130" fmla="*/ 6248 h 10000"/>
                  <a:gd name="connsiteX131" fmla="*/ 1491 w 14464"/>
                  <a:gd name="connsiteY131" fmla="*/ 6263 h 10000"/>
                  <a:gd name="connsiteX132" fmla="*/ 1158 w 14464"/>
                  <a:gd name="connsiteY132" fmla="*/ 6278 h 10000"/>
                  <a:gd name="connsiteX133" fmla="*/ 848 w 14464"/>
                  <a:gd name="connsiteY133" fmla="*/ 6278 h 10000"/>
                  <a:gd name="connsiteX134" fmla="*/ 593 w 14464"/>
                  <a:gd name="connsiteY134" fmla="*/ 6263 h 10000"/>
                  <a:gd name="connsiteX135" fmla="*/ 386 w 14464"/>
                  <a:gd name="connsiteY135" fmla="*/ 6233 h 10000"/>
                  <a:gd name="connsiteX136" fmla="*/ 641 w 14464"/>
                  <a:gd name="connsiteY136" fmla="*/ 5805 h 10000"/>
                  <a:gd name="connsiteX137" fmla="*/ 926 w 14464"/>
                  <a:gd name="connsiteY137" fmla="*/ 5391 h 10000"/>
                  <a:gd name="connsiteX138" fmla="*/ 1029 w 14464"/>
                  <a:gd name="connsiteY138" fmla="*/ 5170 h 10000"/>
                  <a:gd name="connsiteX139" fmla="*/ 1105 w 14464"/>
                  <a:gd name="connsiteY139" fmla="*/ 4963 h 10000"/>
                  <a:gd name="connsiteX140" fmla="*/ 1130 w 14464"/>
                  <a:gd name="connsiteY140" fmla="*/ 4860 h 10000"/>
                  <a:gd name="connsiteX141" fmla="*/ 1105 w 14464"/>
                  <a:gd name="connsiteY141" fmla="*/ 4756 h 10000"/>
                  <a:gd name="connsiteX142" fmla="*/ 1080 w 14464"/>
                  <a:gd name="connsiteY142" fmla="*/ 4653 h 10000"/>
                  <a:gd name="connsiteX143" fmla="*/ 1003 w 14464"/>
                  <a:gd name="connsiteY143" fmla="*/ 4549 h 10000"/>
                  <a:gd name="connsiteX144" fmla="*/ 1286 w 14464"/>
                  <a:gd name="connsiteY144" fmla="*/ 4520 h 10000"/>
                  <a:gd name="connsiteX145" fmla="*/ 1491 w 14464"/>
                  <a:gd name="connsiteY145" fmla="*/ 4505 h 10000"/>
                  <a:gd name="connsiteX146" fmla="*/ 1671 w 14464"/>
                  <a:gd name="connsiteY146" fmla="*/ 4505 h 10000"/>
                  <a:gd name="connsiteX147" fmla="*/ 1825 w 14464"/>
                  <a:gd name="connsiteY147" fmla="*/ 4520 h 10000"/>
                  <a:gd name="connsiteX148" fmla="*/ 1954 w 14464"/>
                  <a:gd name="connsiteY148" fmla="*/ 4520 h 10000"/>
                  <a:gd name="connsiteX149" fmla="*/ 2108 w 14464"/>
                  <a:gd name="connsiteY149" fmla="*/ 4520 h 10000"/>
                  <a:gd name="connsiteX150" fmla="*/ 2263 w 14464"/>
                  <a:gd name="connsiteY150" fmla="*/ 4490 h 10000"/>
                  <a:gd name="connsiteX151" fmla="*/ 2467 w 14464"/>
                  <a:gd name="connsiteY151" fmla="*/ 4446 h 10000"/>
                  <a:gd name="connsiteX152" fmla="*/ 2467 w 14464"/>
                  <a:gd name="connsiteY152" fmla="*/ 4579 h 10000"/>
                  <a:gd name="connsiteX153" fmla="*/ 2467 w 14464"/>
                  <a:gd name="connsiteY153" fmla="*/ 4742 h 10000"/>
                  <a:gd name="connsiteX154" fmla="*/ 2467 w 14464"/>
                  <a:gd name="connsiteY154" fmla="*/ 4874 h 10000"/>
                  <a:gd name="connsiteX155" fmla="*/ 2467 w 14464"/>
                  <a:gd name="connsiteY155" fmla="*/ 5037 h 10000"/>
                  <a:gd name="connsiteX156" fmla="*/ 2699 w 14464"/>
                  <a:gd name="connsiteY156" fmla="*/ 5022 h 10000"/>
                  <a:gd name="connsiteX157" fmla="*/ 2853 w 14464"/>
                  <a:gd name="connsiteY157" fmla="*/ 5037 h 10000"/>
                  <a:gd name="connsiteX158" fmla="*/ 2982 w 14464"/>
                  <a:gd name="connsiteY158" fmla="*/ 5066 h 10000"/>
                  <a:gd name="connsiteX159" fmla="*/ 3111 w 14464"/>
                  <a:gd name="connsiteY159" fmla="*/ 5096 h 10000"/>
                  <a:gd name="connsiteX160" fmla="*/ 3214 w 14464"/>
                  <a:gd name="connsiteY160" fmla="*/ 5126 h 10000"/>
                  <a:gd name="connsiteX161" fmla="*/ 3341 w 14464"/>
                  <a:gd name="connsiteY161" fmla="*/ 5155 h 10000"/>
                  <a:gd name="connsiteX162" fmla="*/ 3496 w 14464"/>
                  <a:gd name="connsiteY162" fmla="*/ 5170 h 10000"/>
                  <a:gd name="connsiteX163" fmla="*/ 3727 w 14464"/>
                  <a:gd name="connsiteY163" fmla="*/ 5155 h 10000"/>
                  <a:gd name="connsiteX164" fmla="*/ 3805 w 14464"/>
                  <a:gd name="connsiteY164" fmla="*/ 5096 h 10000"/>
                  <a:gd name="connsiteX165" fmla="*/ 3881 w 14464"/>
                  <a:gd name="connsiteY165" fmla="*/ 5022 h 10000"/>
                  <a:gd name="connsiteX166" fmla="*/ 3907 w 14464"/>
                  <a:gd name="connsiteY166" fmla="*/ 4934 h 10000"/>
                  <a:gd name="connsiteX167" fmla="*/ 3934 w 14464"/>
                  <a:gd name="connsiteY167" fmla="*/ 4860 h 10000"/>
                  <a:gd name="connsiteX168" fmla="*/ 3958 w 14464"/>
                  <a:gd name="connsiteY168" fmla="*/ 4697 h 10000"/>
                  <a:gd name="connsiteX169" fmla="*/ 3934 w 14464"/>
                  <a:gd name="connsiteY169" fmla="*/ 4520 h 10000"/>
                  <a:gd name="connsiteX170" fmla="*/ 3856 w 14464"/>
                  <a:gd name="connsiteY170" fmla="*/ 4343 h 10000"/>
                  <a:gd name="connsiteX171" fmla="*/ 3779 w 14464"/>
                  <a:gd name="connsiteY171" fmla="*/ 4195 h 10000"/>
                  <a:gd name="connsiteX172" fmla="*/ 3650 w 14464"/>
                  <a:gd name="connsiteY172" fmla="*/ 4047 h 10000"/>
                  <a:gd name="connsiteX173" fmla="*/ 3522 w 14464"/>
                  <a:gd name="connsiteY173" fmla="*/ 3959 h 10000"/>
                  <a:gd name="connsiteX174" fmla="*/ 3676 w 14464"/>
                  <a:gd name="connsiteY174" fmla="*/ 3944 h 10000"/>
                  <a:gd name="connsiteX175" fmla="*/ 3805 w 14464"/>
                  <a:gd name="connsiteY175" fmla="*/ 3914 h 10000"/>
                  <a:gd name="connsiteX176" fmla="*/ 3907 w 14464"/>
                  <a:gd name="connsiteY176" fmla="*/ 3855 h 10000"/>
                  <a:gd name="connsiteX177" fmla="*/ 4034 w 14464"/>
                  <a:gd name="connsiteY177" fmla="*/ 3752 h 10000"/>
                  <a:gd name="connsiteX178" fmla="*/ 4164 w 14464"/>
                  <a:gd name="connsiteY178" fmla="*/ 3663 h 10000"/>
                  <a:gd name="connsiteX179" fmla="*/ 4267 w 14464"/>
                  <a:gd name="connsiteY179" fmla="*/ 3560 h 10000"/>
                  <a:gd name="connsiteX180" fmla="*/ 4344 w 14464"/>
                  <a:gd name="connsiteY180" fmla="*/ 3442 h 10000"/>
                  <a:gd name="connsiteX181" fmla="*/ 4422 w 14464"/>
                  <a:gd name="connsiteY181" fmla="*/ 3323 h 10000"/>
                  <a:gd name="connsiteX182" fmla="*/ 4473 w 14464"/>
                  <a:gd name="connsiteY182" fmla="*/ 3220 h 10000"/>
                  <a:gd name="connsiteX183" fmla="*/ 4498 w 14464"/>
                  <a:gd name="connsiteY183" fmla="*/ 3102 h 10000"/>
                  <a:gd name="connsiteX184" fmla="*/ 4525 w 14464"/>
                  <a:gd name="connsiteY184" fmla="*/ 3013 h 10000"/>
                  <a:gd name="connsiteX185" fmla="*/ 4498 w 14464"/>
                  <a:gd name="connsiteY185" fmla="*/ 2939 h 10000"/>
                  <a:gd name="connsiteX186" fmla="*/ 4473 w 14464"/>
                  <a:gd name="connsiteY186" fmla="*/ 2866 h 10000"/>
                  <a:gd name="connsiteX187" fmla="*/ 4396 w 14464"/>
                  <a:gd name="connsiteY187" fmla="*/ 2836 h 10000"/>
                  <a:gd name="connsiteX188" fmla="*/ 4294 w 14464"/>
                  <a:gd name="connsiteY188" fmla="*/ 2836 h 10000"/>
                  <a:gd name="connsiteX189" fmla="*/ 4164 w 14464"/>
                  <a:gd name="connsiteY189" fmla="*/ 2866 h 10000"/>
                  <a:gd name="connsiteX190" fmla="*/ 4267 w 14464"/>
                  <a:gd name="connsiteY190" fmla="*/ 2777 h 10000"/>
                  <a:gd name="connsiteX191" fmla="*/ 4320 w 14464"/>
                  <a:gd name="connsiteY191" fmla="*/ 2674 h 10000"/>
                  <a:gd name="connsiteX192" fmla="*/ 4344 w 14464"/>
                  <a:gd name="connsiteY192" fmla="*/ 2541 h 10000"/>
                  <a:gd name="connsiteX193" fmla="*/ 4344 w 14464"/>
                  <a:gd name="connsiteY193" fmla="*/ 2393 h 10000"/>
                  <a:gd name="connsiteX194" fmla="*/ 4369 w 14464"/>
                  <a:gd name="connsiteY194" fmla="*/ 2349 h 10000"/>
                  <a:gd name="connsiteX195" fmla="*/ 4422 w 14464"/>
                  <a:gd name="connsiteY195" fmla="*/ 2304 h 10000"/>
                  <a:gd name="connsiteX196" fmla="*/ 4473 w 14464"/>
                  <a:gd name="connsiteY196" fmla="*/ 2290 h 10000"/>
                  <a:gd name="connsiteX197" fmla="*/ 4551 w 14464"/>
                  <a:gd name="connsiteY197" fmla="*/ 2275 h 10000"/>
                  <a:gd name="connsiteX198" fmla="*/ 4781 w 14464"/>
                  <a:gd name="connsiteY198" fmla="*/ 2260 h 10000"/>
                  <a:gd name="connsiteX199" fmla="*/ 4986 w 14464"/>
                  <a:gd name="connsiteY199" fmla="*/ 2275 h 10000"/>
                  <a:gd name="connsiteX200" fmla="*/ 4961 w 14464"/>
                  <a:gd name="connsiteY200" fmla="*/ 2112 h 10000"/>
                  <a:gd name="connsiteX201" fmla="*/ 4910 w 14464"/>
                  <a:gd name="connsiteY201" fmla="*/ 1950 h 10000"/>
                  <a:gd name="connsiteX202" fmla="*/ 4832 w 14464"/>
                  <a:gd name="connsiteY202" fmla="*/ 1802 h 10000"/>
                  <a:gd name="connsiteX203" fmla="*/ 4731 w 14464"/>
                  <a:gd name="connsiteY203" fmla="*/ 1640 h 10000"/>
                  <a:gd name="connsiteX204" fmla="*/ 4473 w 14464"/>
                  <a:gd name="connsiteY204" fmla="*/ 1329 h 10000"/>
                  <a:gd name="connsiteX205" fmla="*/ 4216 w 14464"/>
                  <a:gd name="connsiteY205" fmla="*/ 1034 h 10000"/>
                  <a:gd name="connsiteX206" fmla="*/ 4087 w 14464"/>
                  <a:gd name="connsiteY206" fmla="*/ 901 h 10000"/>
                  <a:gd name="connsiteX207" fmla="*/ 3986 w 14464"/>
                  <a:gd name="connsiteY207" fmla="*/ 753 h 10000"/>
                  <a:gd name="connsiteX208" fmla="*/ 3907 w 14464"/>
                  <a:gd name="connsiteY208" fmla="*/ 620 h 10000"/>
                  <a:gd name="connsiteX209" fmla="*/ 3881 w 14464"/>
                  <a:gd name="connsiteY209" fmla="*/ 487 h 10000"/>
                  <a:gd name="connsiteX210" fmla="*/ 3856 w 14464"/>
                  <a:gd name="connsiteY210" fmla="*/ 355 h 10000"/>
                  <a:gd name="connsiteX211" fmla="*/ 3907 w 14464"/>
                  <a:gd name="connsiteY211" fmla="*/ 222 h 10000"/>
                  <a:gd name="connsiteX212" fmla="*/ 3934 w 14464"/>
                  <a:gd name="connsiteY212" fmla="*/ 162 h 10000"/>
                  <a:gd name="connsiteX213" fmla="*/ 3986 w 14464"/>
                  <a:gd name="connsiteY213" fmla="*/ 103 h 10000"/>
                  <a:gd name="connsiteX214" fmla="*/ 4063 w 14464"/>
                  <a:gd name="connsiteY214" fmla="*/ 59 h 10000"/>
                  <a:gd name="connsiteX215" fmla="*/ 4164 w 14464"/>
                  <a:gd name="connsiteY215" fmla="*/ 0 h 10000"/>
                  <a:gd name="connsiteX216" fmla="*/ 4344 w 14464"/>
                  <a:gd name="connsiteY216" fmla="*/ 0 h 10000"/>
                  <a:gd name="connsiteX217" fmla="*/ 4525 w 14464"/>
                  <a:gd name="connsiteY217" fmla="*/ 15 h 10000"/>
                  <a:gd name="connsiteX218" fmla="*/ 4704 w 14464"/>
                  <a:gd name="connsiteY218" fmla="*/ 44 h 10000"/>
                  <a:gd name="connsiteX219" fmla="*/ 4832 w 14464"/>
                  <a:gd name="connsiteY219" fmla="*/ 89 h 10000"/>
                  <a:gd name="connsiteX220" fmla="*/ 5039 w 14464"/>
                  <a:gd name="connsiteY220" fmla="*/ 192 h 10000"/>
                  <a:gd name="connsiteX221" fmla="*/ 5244 w 14464"/>
                  <a:gd name="connsiteY221" fmla="*/ 340 h 10000"/>
                  <a:gd name="connsiteX222" fmla="*/ 5398 w 14464"/>
                  <a:gd name="connsiteY222" fmla="*/ 473 h 10000"/>
                  <a:gd name="connsiteX223" fmla="*/ 5603 w 14464"/>
                  <a:gd name="connsiteY223" fmla="*/ 591 h 10000"/>
                  <a:gd name="connsiteX224" fmla="*/ 5733 w 14464"/>
                  <a:gd name="connsiteY224" fmla="*/ 650 h 10000"/>
                  <a:gd name="connsiteX225" fmla="*/ 5887 w 14464"/>
                  <a:gd name="connsiteY225" fmla="*/ 679 h 10000"/>
                  <a:gd name="connsiteX226" fmla="*/ 6042 w 14464"/>
                  <a:gd name="connsiteY226" fmla="*/ 709 h 10000"/>
                  <a:gd name="connsiteX227" fmla="*/ 6247 w 14464"/>
                  <a:gd name="connsiteY227" fmla="*/ 709 h 10000"/>
                  <a:gd name="connsiteX228" fmla="*/ 6247 w 14464"/>
                  <a:gd name="connsiteY228" fmla="*/ 768 h 10000"/>
                  <a:gd name="connsiteX229" fmla="*/ 6273 w 14464"/>
                  <a:gd name="connsiteY229" fmla="*/ 842 h 10000"/>
                  <a:gd name="connsiteX230" fmla="*/ 6323 w 14464"/>
                  <a:gd name="connsiteY230" fmla="*/ 916 h 10000"/>
                  <a:gd name="connsiteX231" fmla="*/ 6375 w 14464"/>
                  <a:gd name="connsiteY231" fmla="*/ 990 h 10000"/>
                  <a:gd name="connsiteX232" fmla="*/ 6451 w 14464"/>
                  <a:gd name="connsiteY232" fmla="*/ 1049 h 10000"/>
                  <a:gd name="connsiteX233" fmla="*/ 6554 w 14464"/>
                  <a:gd name="connsiteY233" fmla="*/ 1108 h 10000"/>
                  <a:gd name="connsiteX234" fmla="*/ 6683 w 14464"/>
                  <a:gd name="connsiteY234" fmla="*/ 1182 h 10000"/>
                  <a:gd name="connsiteX235" fmla="*/ 6786 w 14464"/>
                  <a:gd name="connsiteY235" fmla="*/ 1226 h 10000"/>
                  <a:gd name="connsiteX236" fmla="*/ 6889 w 14464"/>
                  <a:gd name="connsiteY236" fmla="*/ 1270 h 10000"/>
                  <a:gd name="connsiteX237" fmla="*/ 6992 w 14464"/>
                  <a:gd name="connsiteY237" fmla="*/ 1300 h 10000"/>
                  <a:gd name="connsiteX238" fmla="*/ 7095 w 14464"/>
                  <a:gd name="connsiteY238" fmla="*/ 1315 h 10000"/>
                  <a:gd name="connsiteX239" fmla="*/ 7224 w 14464"/>
                  <a:gd name="connsiteY239" fmla="*/ 1300 h 10000"/>
                  <a:gd name="connsiteX240" fmla="*/ 7327 w 14464"/>
                  <a:gd name="connsiteY240" fmla="*/ 1285 h 10000"/>
                  <a:gd name="connsiteX241" fmla="*/ 7403 w 14464"/>
                  <a:gd name="connsiteY241" fmla="*/ 1241 h 10000"/>
                  <a:gd name="connsiteX242" fmla="*/ 7456 w 14464"/>
                  <a:gd name="connsiteY242" fmla="*/ 1167 h 10000"/>
                  <a:gd name="connsiteX243" fmla="*/ 7480 w 14464"/>
                  <a:gd name="connsiteY243" fmla="*/ 1064 h 10000"/>
                  <a:gd name="connsiteX244" fmla="*/ 7866 w 14464"/>
                  <a:gd name="connsiteY244" fmla="*/ 1034 h 10000"/>
                  <a:gd name="connsiteX245" fmla="*/ 8225 w 14464"/>
                  <a:gd name="connsiteY245" fmla="*/ 1004 h 10000"/>
                  <a:gd name="connsiteX246" fmla="*/ 8535 w 14464"/>
                  <a:gd name="connsiteY246" fmla="*/ 990 h 10000"/>
                  <a:gd name="connsiteX247" fmla="*/ 8818 w 14464"/>
                  <a:gd name="connsiteY247" fmla="*/ 1004 h 10000"/>
                  <a:gd name="connsiteX248" fmla="*/ 8947 w 14464"/>
                  <a:gd name="connsiteY248" fmla="*/ 1019 h 10000"/>
                  <a:gd name="connsiteX249" fmla="*/ 9073 w 14464"/>
                  <a:gd name="connsiteY249" fmla="*/ 1034 h 10000"/>
                  <a:gd name="connsiteX250" fmla="*/ 9178 w 14464"/>
                  <a:gd name="connsiteY250" fmla="*/ 1064 h 10000"/>
                  <a:gd name="connsiteX251" fmla="*/ 9306 w 14464"/>
                  <a:gd name="connsiteY251" fmla="*/ 1108 h 10000"/>
                  <a:gd name="connsiteX252" fmla="*/ 9383 w 14464"/>
                  <a:gd name="connsiteY252" fmla="*/ 1182 h 10000"/>
                  <a:gd name="connsiteX253" fmla="*/ 9459 w 14464"/>
                  <a:gd name="connsiteY253" fmla="*/ 1241 h 10000"/>
                  <a:gd name="connsiteX254" fmla="*/ 9512 w 14464"/>
                  <a:gd name="connsiteY254" fmla="*/ 1329 h 10000"/>
                  <a:gd name="connsiteX255" fmla="*/ 9563 w 14464"/>
                  <a:gd name="connsiteY255" fmla="*/ 1433 h 10000"/>
                  <a:gd name="connsiteX256" fmla="*/ 9614 w 14464"/>
                  <a:gd name="connsiteY256" fmla="*/ 1551 h 10000"/>
                  <a:gd name="connsiteX257" fmla="*/ 9588 w 14464"/>
                  <a:gd name="connsiteY257" fmla="*/ 1625 h 10000"/>
                  <a:gd name="connsiteX258" fmla="*/ 9563 w 14464"/>
                  <a:gd name="connsiteY258" fmla="*/ 1684 h 10000"/>
                  <a:gd name="connsiteX259" fmla="*/ 9512 w 14464"/>
                  <a:gd name="connsiteY259" fmla="*/ 1758 h 10000"/>
                  <a:gd name="connsiteX260" fmla="*/ 9435 w 14464"/>
                  <a:gd name="connsiteY260" fmla="*/ 1802 h 10000"/>
                  <a:gd name="connsiteX261" fmla="*/ 9383 w 14464"/>
                  <a:gd name="connsiteY261" fmla="*/ 1861 h 10000"/>
                  <a:gd name="connsiteX262" fmla="*/ 9359 w 14464"/>
                  <a:gd name="connsiteY262" fmla="*/ 1935 h 10000"/>
                  <a:gd name="connsiteX263" fmla="*/ 9383 w 14464"/>
                  <a:gd name="connsiteY263" fmla="*/ 2024 h 10000"/>
                  <a:gd name="connsiteX264" fmla="*/ 9666 w 14464"/>
                  <a:gd name="connsiteY264" fmla="*/ 2157 h 10000"/>
                  <a:gd name="connsiteX265" fmla="*/ 14464 w 14464"/>
                  <a:gd name="connsiteY265" fmla="*/ 4824 h 10000"/>
                  <a:gd name="connsiteX0" fmla="*/ 7274 w 9666"/>
                  <a:gd name="connsiteY0" fmla="*/ 4431 h 10000"/>
                  <a:gd name="connsiteX1" fmla="*/ 7095 w 9666"/>
                  <a:gd name="connsiteY1" fmla="*/ 4638 h 10000"/>
                  <a:gd name="connsiteX2" fmla="*/ 7095 w 9666"/>
                  <a:gd name="connsiteY2" fmla="*/ 4697 h 10000"/>
                  <a:gd name="connsiteX3" fmla="*/ 7069 w 9666"/>
                  <a:gd name="connsiteY3" fmla="*/ 4801 h 10000"/>
                  <a:gd name="connsiteX4" fmla="*/ 7069 w 9666"/>
                  <a:gd name="connsiteY4" fmla="*/ 4904 h 10000"/>
                  <a:gd name="connsiteX5" fmla="*/ 6941 w 9666"/>
                  <a:gd name="connsiteY5" fmla="*/ 4860 h 10000"/>
                  <a:gd name="connsiteX6" fmla="*/ 6863 w 9666"/>
                  <a:gd name="connsiteY6" fmla="*/ 4801 h 10000"/>
                  <a:gd name="connsiteX7" fmla="*/ 6786 w 9666"/>
                  <a:gd name="connsiteY7" fmla="*/ 4727 h 10000"/>
                  <a:gd name="connsiteX8" fmla="*/ 6710 w 9666"/>
                  <a:gd name="connsiteY8" fmla="*/ 4638 h 10000"/>
                  <a:gd name="connsiteX9" fmla="*/ 6582 w 9666"/>
                  <a:gd name="connsiteY9" fmla="*/ 4476 h 10000"/>
                  <a:gd name="connsiteX10" fmla="*/ 6451 w 9666"/>
                  <a:gd name="connsiteY10" fmla="*/ 4313 h 10000"/>
                  <a:gd name="connsiteX11" fmla="*/ 6607 w 9666"/>
                  <a:gd name="connsiteY11" fmla="*/ 4210 h 10000"/>
                  <a:gd name="connsiteX12" fmla="*/ 9306 w 9666"/>
                  <a:gd name="connsiteY12" fmla="*/ 3338 h 10000"/>
                  <a:gd name="connsiteX13" fmla="*/ 9536 w 9666"/>
                  <a:gd name="connsiteY13" fmla="*/ 3117 h 10000"/>
                  <a:gd name="connsiteX14" fmla="*/ 9563 w 9666"/>
                  <a:gd name="connsiteY14" fmla="*/ 3072 h 10000"/>
                  <a:gd name="connsiteX15" fmla="*/ 9588 w 9666"/>
                  <a:gd name="connsiteY15" fmla="*/ 3013 h 10000"/>
                  <a:gd name="connsiteX16" fmla="*/ 9588 w 9666"/>
                  <a:gd name="connsiteY16" fmla="*/ 2954 h 10000"/>
                  <a:gd name="connsiteX17" fmla="*/ 9563 w 9666"/>
                  <a:gd name="connsiteY17" fmla="*/ 2866 h 10000"/>
                  <a:gd name="connsiteX18" fmla="*/ 9383 w 9666"/>
                  <a:gd name="connsiteY18" fmla="*/ 2984 h 10000"/>
                  <a:gd name="connsiteX19" fmla="*/ 9178 w 9666"/>
                  <a:gd name="connsiteY19" fmla="*/ 3072 h 10000"/>
                  <a:gd name="connsiteX20" fmla="*/ 8971 w 9666"/>
                  <a:gd name="connsiteY20" fmla="*/ 3161 h 10000"/>
                  <a:gd name="connsiteX21" fmla="*/ 8766 w 9666"/>
                  <a:gd name="connsiteY21" fmla="*/ 3250 h 10000"/>
                  <a:gd name="connsiteX22" fmla="*/ 8302 w 9666"/>
                  <a:gd name="connsiteY22" fmla="*/ 3397 h 10000"/>
                  <a:gd name="connsiteX23" fmla="*/ 7815 w 9666"/>
                  <a:gd name="connsiteY23" fmla="*/ 3545 h 10000"/>
                  <a:gd name="connsiteX24" fmla="*/ 7327 w 9666"/>
                  <a:gd name="connsiteY24" fmla="*/ 3678 h 10000"/>
                  <a:gd name="connsiteX25" fmla="*/ 6863 w 9666"/>
                  <a:gd name="connsiteY25" fmla="*/ 3840 h 10000"/>
                  <a:gd name="connsiteX26" fmla="*/ 6632 w 9666"/>
                  <a:gd name="connsiteY26" fmla="*/ 3914 h 10000"/>
                  <a:gd name="connsiteX27" fmla="*/ 6427 w 9666"/>
                  <a:gd name="connsiteY27" fmla="*/ 4003 h 10000"/>
                  <a:gd name="connsiteX28" fmla="*/ 6222 w 9666"/>
                  <a:gd name="connsiteY28" fmla="*/ 4106 h 10000"/>
                  <a:gd name="connsiteX29" fmla="*/ 6014 w 9666"/>
                  <a:gd name="connsiteY29" fmla="*/ 4195 h 10000"/>
                  <a:gd name="connsiteX30" fmla="*/ 6169 w 9666"/>
                  <a:gd name="connsiteY30" fmla="*/ 4417 h 10000"/>
                  <a:gd name="connsiteX31" fmla="*/ 6273 w 9666"/>
                  <a:gd name="connsiteY31" fmla="*/ 4623 h 10000"/>
                  <a:gd name="connsiteX32" fmla="*/ 6375 w 9666"/>
                  <a:gd name="connsiteY32" fmla="*/ 4845 h 10000"/>
                  <a:gd name="connsiteX33" fmla="*/ 6451 w 9666"/>
                  <a:gd name="connsiteY33" fmla="*/ 5081 h 10000"/>
                  <a:gd name="connsiteX34" fmla="*/ 6504 w 9666"/>
                  <a:gd name="connsiteY34" fmla="*/ 5318 h 10000"/>
                  <a:gd name="connsiteX35" fmla="*/ 6530 w 9666"/>
                  <a:gd name="connsiteY35" fmla="*/ 5539 h 10000"/>
                  <a:gd name="connsiteX36" fmla="*/ 6554 w 9666"/>
                  <a:gd name="connsiteY36" fmla="*/ 5775 h 10000"/>
                  <a:gd name="connsiteX37" fmla="*/ 6554 w 9666"/>
                  <a:gd name="connsiteY37" fmla="*/ 5997 h 10000"/>
                  <a:gd name="connsiteX38" fmla="*/ 6530 w 9666"/>
                  <a:gd name="connsiteY38" fmla="*/ 6233 h 10000"/>
                  <a:gd name="connsiteX39" fmla="*/ 6478 w 9666"/>
                  <a:gd name="connsiteY39" fmla="*/ 6470 h 10000"/>
                  <a:gd name="connsiteX40" fmla="*/ 6427 w 9666"/>
                  <a:gd name="connsiteY40" fmla="*/ 6677 h 10000"/>
                  <a:gd name="connsiteX41" fmla="*/ 6350 w 9666"/>
                  <a:gd name="connsiteY41" fmla="*/ 6898 h 10000"/>
                  <a:gd name="connsiteX42" fmla="*/ 6247 w 9666"/>
                  <a:gd name="connsiteY42" fmla="*/ 7105 h 10000"/>
                  <a:gd name="connsiteX43" fmla="*/ 6119 w 9666"/>
                  <a:gd name="connsiteY43" fmla="*/ 7297 h 10000"/>
                  <a:gd name="connsiteX44" fmla="*/ 5964 w 9666"/>
                  <a:gd name="connsiteY44" fmla="*/ 7489 h 10000"/>
                  <a:gd name="connsiteX45" fmla="*/ 5809 w 9666"/>
                  <a:gd name="connsiteY45" fmla="*/ 7681 h 10000"/>
                  <a:gd name="connsiteX46" fmla="*/ 6554 w 9666"/>
                  <a:gd name="connsiteY46" fmla="*/ 7799 h 10000"/>
                  <a:gd name="connsiteX47" fmla="*/ 7327 w 9666"/>
                  <a:gd name="connsiteY47" fmla="*/ 7962 h 10000"/>
                  <a:gd name="connsiteX48" fmla="*/ 7480 w 9666"/>
                  <a:gd name="connsiteY48" fmla="*/ 8021 h 10000"/>
                  <a:gd name="connsiteX49" fmla="*/ 7609 w 9666"/>
                  <a:gd name="connsiteY49" fmla="*/ 8080 h 10000"/>
                  <a:gd name="connsiteX50" fmla="*/ 7737 w 9666"/>
                  <a:gd name="connsiteY50" fmla="*/ 8139 h 10000"/>
                  <a:gd name="connsiteX51" fmla="*/ 7815 w 9666"/>
                  <a:gd name="connsiteY51" fmla="*/ 8227 h 10000"/>
                  <a:gd name="connsiteX52" fmla="*/ 7841 w 9666"/>
                  <a:gd name="connsiteY52" fmla="*/ 8301 h 10000"/>
                  <a:gd name="connsiteX53" fmla="*/ 7841 w 9666"/>
                  <a:gd name="connsiteY53" fmla="*/ 8405 h 10000"/>
                  <a:gd name="connsiteX54" fmla="*/ 7790 w 9666"/>
                  <a:gd name="connsiteY54" fmla="*/ 8523 h 10000"/>
                  <a:gd name="connsiteX55" fmla="*/ 7712 w 9666"/>
                  <a:gd name="connsiteY55" fmla="*/ 8641 h 10000"/>
                  <a:gd name="connsiteX56" fmla="*/ 7378 w 9666"/>
                  <a:gd name="connsiteY56" fmla="*/ 8552 h 10000"/>
                  <a:gd name="connsiteX57" fmla="*/ 7069 w 9666"/>
                  <a:gd name="connsiteY57" fmla="*/ 8449 h 10000"/>
                  <a:gd name="connsiteX58" fmla="*/ 6760 w 9666"/>
                  <a:gd name="connsiteY58" fmla="*/ 8360 h 10000"/>
                  <a:gd name="connsiteX59" fmla="*/ 6451 w 9666"/>
                  <a:gd name="connsiteY59" fmla="*/ 8287 h 10000"/>
                  <a:gd name="connsiteX60" fmla="*/ 6323 w 9666"/>
                  <a:gd name="connsiteY60" fmla="*/ 8449 h 10000"/>
                  <a:gd name="connsiteX61" fmla="*/ 6222 w 9666"/>
                  <a:gd name="connsiteY61" fmla="*/ 8597 h 10000"/>
                  <a:gd name="connsiteX62" fmla="*/ 6169 w 9666"/>
                  <a:gd name="connsiteY62" fmla="*/ 8656 h 10000"/>
                  <a:gd name="connsiteX63" fmla="*/ 6066 w 9666"/>
                  <a:gd name="connsiteY63" fmla="*/ 8700 h 10000"/>
                  <a:gd name="connsiteX64" fmla="*/ 5990 w 9666"/>
                  <a:gd name="connsiteY64" fmla="*/ 8744 h 10000"/>
                  <a:gd name="connsiteX65" fmla="*/ 5913 w 9666"/>
                  <a:gd name="connsiteY65" fmla="*/ 8774 h 10000"/>
                  <a:gd name="connsiteX66" fmla="*/ 5835 w 9666"/>
                  <a:gd name="connsiteY66" fmla="*/ 8804 h 10000"/>
                  <a:gd name="connsiteX67" fmla="*/ 5733 w 9666"/>
                  <a:gd name="connsiteY67" fmla="*/ 8818 h 10000"/>
                  <a:gd name="connsiteX68" fmla="*/ 5603 w 9666"/>
                  <a:gd name="connsiteY68" fmla="*/ 8833 h 10000"/>
                  <a:gd name="connsiteX69" fmla="*/ 5476 w 9666"/>
                  <a:gd name="connsiteY69" fmla="*/ 8833 h 10000"/>
                  <a:gd name="connsiteX70" fmla="*/ 5168 w 9666"/>
                  <a:gd name="connsiteY70" fmla="*/ 8818 h 10000"/>
                  <a:gd name="connsiteX71" fmla="*/ 4781 w 9666"/>
                  <a:gd name="connsiteY71" fmla="*/ 8744 h 10000"/>
                  <a:gd name="connsiteX72" fmla="*/ 4781 w 9666"/>
                  <a:gd name="connsiteY72" fmla="*/ 8922 h 10000"/>
                  <a:gd name="connsiteX73" fmla="*/ 4755 w 9666"/>
                  <a:gd name="connsiteY73" fmla="*/ 9069 h 10000"/>
                  <a:gd name="connsiteX74" fmla="*/ 4731 w 9666"/>
                  <a:gd name="connsiteY74" fmla="*/ 9232 h 10000"/>
                  <a:gd name="connsiteX75" fmla="*/ 4704 w 9666"/>
                  <a:gd name="connsiteY75" fmla="*/ 9365 h 10000"/>
                  <a:gd name="connsiteX76" fmla="*/ 4652 w 9666"/>
                  <a:gd name="connsiteY76" fmla="*/ 9498 h 10000"/>
                  <a:gd name="connsiteX77" fmla="*/ 4551 w 9666"/>
                  <a:gd name="connsiteY77" fmla="*/ 9616 h 10000"/>
                  <a:gd name="connsiteX78" fmla="*/ 4473 w 9666"/>
                  <a:gd name="connsiteY78" fmla="*/ 9734 h 10000"/>
                  <a:gd name="connsiteX79" fmla="*/ 4344 w 9666"/>
                  <a:gd name="connsiteY79" fmla="*/ 9838 h 10000"/>
                  <a:gd name="connsiteX80" fmla="*/ 4034 w 9666"/>
                  <a:gd name="connsiteY80" fmla="*/ 9897 h 10000"/>
                  <a:gd name="connsiteX81" fmla="*/ 3779 w 9666"/>
                  <a:gd name="connsiteY81" fmla="*/ 9941 h 10000"/>
                  <a:gd name="connsiteX82" fmla="*/ 3470 w 9666"/>
                  <a:gd name="connsiteY82" fmla="*/ 9985 h 10000"/>
                  <a:gd name="connsiteX83" fmla="*/ 3239 w 9666"/>
                  <a:gd name="connsiteY83" fmla="*/ 10000 h 10000"/>
                  <a:gd name="connsiteX84" fmla="*/ 2725 w 9666"/>
                  <a:gd name="connsiteY84" fmla="*/ 10000 h 10000"/>
                  <a:gd name="connsiteX85" fmla="*/ 2236 w 9666"/>
                  <a:gd name="connsiteY85" fmla="*/ 9985 h 10000"/>
                  <a:gd name="connsiteX86" fmla="*/ 1775 w 9666"/>
                  <a:gd name="connsiteY86" fmla="*/ 9941 h 10000"/>
                  <a:gd name="connsiteX87" fmla="*/ 1286 w 9666"/>
                  <a:gd name="connsiteY87" fmla="*/ 9911 h 10000"/>
                  <a:gd name="connsiteX88" fmla="*/ 1003 w 9666"/>
                  <a:gd name="connsiteY88" fmla="*/ 9911 h 10000"/>
                  <a:gd name="connsiteX89" fmla="*/ 745 w 9666"/>
                  <a:gd name="connsiteY89" fmla="*/ 9911 h 10000"/>
                  <a:gd name="connsiteX90" fmla="*/ 463 w 9666"/>
                  <a:gd name="connsiteY90" fmla="*/ 9926 h 10000"/>
                  <a:gd name="connsiteX91" fmla="*/ 180 w 9666"/>
                  <a:gd name="connsiteY91" fmla="*/ 9970 h 10000"/>
                  <a:gd name="connsiteX92" fmla="*/ 103 w 9666"/>
                  <a:gd name="connsiteY92" fmla="*/ 9867 h 10000"/>
                  <a:gd name="connsiteX93" fmla="*/ 52 w 9666"/>
                  <a:gd name="connsiteY93" fmla="*/ 9793 h 10000"/>
                  <a:gd name="connsiteX94" fmla="*/ 0 w 9666"/>
                  <a:gd name="connsiteY94" fmla="*/ 9705 h 10000"/>
                  <a:gd name="connsiteX95" fmla="*/ 0 w 9666"/>
                  <a:gd name="connsiteY95" fmla="*/ 9601 h 10000"/>
                  <a:gd name="connsiteX96" fmla="*/ 52 w 9666"/>
                  <a:gd name="connsiteY96" fmla="*/ 9424 h 10000"/>
                  <a:gd name="connsiteX97" fmla="*/ 103 w 9666"/>
                  <a:gd name="connsiteY97" fmla="*/ 9202 h 10000"/>
                  <a:gd name="connsiteX98" fmla="*/ 153 w 9666"/>
                  <a:gd name="connsiteY98" fmla="*/ 8996 h 10000"/>
                  <a:gd name="connsiteX99" fmla="*/ 206 w 9666"/>
                  <a:gd name="connsiteY99" fmla="*/ 8759 h 10000"/>
                  <a:gd name="connsiteX100" fmla="*/ 231 w 9666"/>
                  <a:gd name="connsiteY100" fmla="*/ 8641 h 10000"/>
                  <a:gd name="connsiteX101" fmla="*/ 231 w 9666"/>
                  <a:gd name="connsiteY101" fmla="*/ 8538 h 10000"/>
                  <a:gd name="connsiteX102" fmla="*/ 206 w 9666"/>
                  <a:gd name="connsiteY102" fmla="*/ 8405 h 10000"/>
                  <a:gd name="connsiteX103" fmla="*/ 180 w 9666"/>
                  <a:gd name="connsiteY103" fmla="*/ 8287 h 10000"/>
                  <a:gd name="connsiteX104" fmla="*/ 437 w 9666"/>
                  <a:gd name="connsiteY104" fmla="*/ 8213 h 10000"/>
                  <a:gd name="connsiteX105" fmla="*/ 694 w 9666"/>
                  <a:gd name="connsiteY105" fmla="*/ 8139 h 10000"/>
                  <a:gd name="connsiteX106" fmla="*/ 951 w 9666"/>
                  <a:gd name="connsiteY106" fmla="*/ 8095 h 10000"/>
                  <a:gd name="connsiteX107" fmla="*/ 1234 w 9666"/>
                  <a:gd name="connsiteY107" fmla="*/ 8065 h 10000"/>
                  <a:gd name="connsiteX108" fmla="*/ 1747 w 9666"/>
                  <a:gd name="connsiteY108" fmla="*/ 8021 h 10000"/>
                  <a:gd name="connsiteX109" fmla="*/ 2263 w 9666"/>
                  <a:gd name="connsiteY109" fmla="*/ 7976 h 10000"/>
                  <a:gd name="connsiteX110" fmla="*/ 2494 w 9666"/>
                  <a:gd name="connsiteY110" fmla="*/ 7947 h 10000"/>
                  <a:gd name="connsiteX111" fmla="*/ 2725 w 9666"/>
                  <a:gd name="connsiteY111" fmla="*/ 7917 h 10000"/>
                  <a:gd name="connsiteX112" fmla="*/ 2929 w 9666"/>
                  <a:gd name="connsiteY112" fmla="*/ 7843 h 10000"/>
                  <a:gd name="connsiteX113" fmla="*/ 3136 w 9666"/>
                  <a:gd name="connsiteY113" fmla="*/ 7784 h 10000"/>
                  <a:gd name="connsiteX114" fmla="*/ 3316 w 9666"/>
                  <a:gd name="connsiteY114" fmla="*/ 7710 h 10000"/>
                  <a:gd name="connsiteX115" fmla="*/ 3470 w 9666"/>
                  <a:gd name="connsiteY115" fmla="*/ 7592 h 10000"/>
                  <a:gd name="connsiteX116" fmla="*/ 3625 w 9666"/>
                  <a:gd name="connsiteY116" fmla="*/ 7474 h 10000"/>
                  <a:gd name="connsiteX117" fmla="*/ 3727 w 9666"/>
                  <a:gd name="connsiteY117" fmla="*/ 7312 h 10000"/>
                  <a:gd name="connsiteX118" fmla="*/ 3522 w 9666"/>
                  <a:gd name="connsiteY118" fmla="*/ 7238 h 10000"/>
                  <a:gd name="connsiteX119" fmla="*/ 3341 w 9666"/>
                  <a:gd name="connsiteY119" fmla="*/ 7179 h 10000"/>
                  <a:gd name="connsiteX120" fmla="*/ 3187 w 9666"/>
                  <a:gd name="connsiteY120" fmla="*/ 7090 h 10000"/>
                  <a:gd name="connsiteX121" fmla="*/ 3034 w 9666"/>
                  <a:gd name="connsiteY121" fmla="*/ 6987 h 10000"/>
                  <a:gd name="connsiteX122" fmla="*/ 2929 w 9666"/>
                  <a:gd name="connsiteY122" fmla="*/ 6869 h 10000"/>
                  <a:gd name="connsiteX123" fmla="*/ 2880 w 9666"/>
                  <a:gd name="connsiteY123" fmla="*/ 6721 h 10000"/>
                  <a:gd name="connsiteX124" fmla="*/ 2853 w 9666"/>
                  <a:gd name="connsiteY124" fmla="*/ 6558 h 10000"/>
                  <a:gd name="connsiteX125" fmla="*/ 2880 w 9666"/>
                  <a:gd name="connsiteY125" fmla="*/ 6352 h 10000"/>
                  <a:gd name="connsiteX126" fmla="*/ 2751 w 9666"/>
                  <a:gd name="connsiteY126" fmla="*/ 6322 h 10000"/>
                  <a:gd name="connsiteX127" fmla="*/ 2597 w 9666"/>
                  <a:gd name="connsiteY127" fmla="*/ 6292 h 10000"/>
                  <a:gd name="connsiteX128" fmla="*/ 2417 w 9666"/>
                  <a:gd name="connsiteY128" fmla="*/ 6278 h 10000"/>
                  <a:gd name="connsiteX129" fmla="*/ 2236 w 9666"/>
                  <a:gd name="connsiteY129" fmla="*/ 6263 h 10000"/>
                  <a:gd name="connsiteX130" fmla="*/ 1877 w 9666"/>
                  <a:gd name="connsiteY130" fmla="*/ 6248 h 10000"/>
                  <a:gd name="connsiteX131" fmla="*/ 1491 w 9666"/>
                  <a:gd name="connsiteY131" fmla="*/ 6263 h 10000"/>
                  <a:gd name="connsiteX132" fmla="*/ 1158 w 9666"/>
                  <a:gd name="connsiteY132" fmla="*/ 6278 h 10000"/>
                  <a:gd name="connsiteX133" fmla="*/ 848 w 9666"/>
                  <a:gd name="connsiteY133" fmla="*/ 6278 h 10000"/>
                  <a:gd name="connsiteX134" fmla="*/ 593 w 9666"/>
                  <a:gd name="connsiteY134" fmla="*/ 6263 h 10000"/>
                  <a:gd name="connsiteX135" fmla="*/ 386 w 9666"/>
                  <a:gd name="connsiteY135" fmla="*/ 6233 h 10000"/>
                  <a:gd name="connsiteX136" fmla="*/ 641 w 9666"/>
                  <a:gd name="connsiteY136" fmla="*/ 5805 h 10000"/>
                  <a:gd name="connsiteX137" fmla="*/ 926 w 9666"/>
                  <a:gd name="connsiteY137" fmla="*/ 5391 h 10000"/>
                  <a:gd name="connsiteX138" fmla="*/ 1029 w 9666"/>
                  <a:gd name="connsiteY138" fmla="*/ 5170 h 10000"/>
                  <a:gd name="connsiteX139" fmla="*/ 1105 w 9666"/>
                  <a:gd name="connsiteY139" fmla="*/ 4963 h 10000"/>
                  <a:gd name="connsiteX140" fmla="*/ 1130 w 9666"/>
                  <a:gd name="connsiteY140" fmla="*/ 4860 h 10000"/>
                  <a:gd name="connsiteX141" fmla="*/ 1105 w 9666"/>
                  <a:gd name="connsiteY141" fmla="*/ 4756 h 10000"/>
                  <a:gd name="connsiteX142" fmla="*/ 1080 w 9666"/>
                  <a:gd name="connsiteY142" fmla="*/ 4653 h 10000"/>
                  <a:gd name="connsiteX143" fmla="*/ 1003 w 9666"/>
                  <a:gd name="connsiteY143" fmla="*/ 4549 h 10000"/>
                  <a:gd name="connsiteX144" fmla="*/ 1286 w 9666"/>
                  <a:gd name="connsiteY144" fmla="*/ 4520 h 10000"/>
                  <a:gd name="connsiteX145" fmla="*/ 1491 w 9666"/>
                  <a:gd name="connsiteY145" fmla="*/ 4505 h 10000"/>
                  <a:gd name="connsiteX146" fmla="*/ 1671 w 9666"/>
                  <a:gd name="connsiteY146" fmla="*/ 4505 h 10000"/>
                  <a:gd name="connsiteX147" fmla="*/ 1825 w 9666"/>
                  <a:gd name="connsiteY147" fmla="*/ 4520 h 10000"/>
                  <a:gd name="connsiteX148" fmla="*/ 1954 w 9666"/>
                  <a:gd name="connsiteY148" fmla="*/ 4520 h 10000"/>
                  <a:gd name="connsiteX149" fmla="*/ 2108 w 9666"/>
                  <a:gd name="connsiteY149" fmla="*/ 4520 h 10000"/>
                  <a:gd name="connsiteX150" fmla="*/ 2263 w 9666"/>
                  <a:gd name="connsiteY150" fmla="*/ 4490 h 10000"/>
                  <a:gd name="connsiteX151" fmla="*/ 2467 w 9666"/>
                  <a:gd name="connsiteY151" fmla="*/ 4446 h 10000"/>
                  <a:gd name="connsiteX152" fmla="*/ 2467 w 9666"/>
                  <a:gd name="connsiteY152" fmla="*/ 4579 h 10000"/>
                  <a:gd name="connsiteX153" fmla="*/ 2467 w 9666"/>
                  <a:gd name="connsiteY153" fmla="*/ 4742 h 10000"/>
                  <a:gd name="connsiteX154" fmla="*/ 2467 w 9666"/>
                  <a:gd name="connsiteY154" fmla="*/ 4874 h 10000"/>
                  <a:gd name="connsiteX155" fmla="*/ 2467 w 9666"/>
                  <a:gd name="connsiteY155" fmla="*/ 5037 h 10000"/>
                  <a:gd name="connsiteX156" fmla="*/ 2699 w 9666"/>
                  <a:gd name="connsiteY156" fmla="*/ 5022 h 10000"/>
                  <a:gd name="connsiteX157" fmla="*/ 2853 w 9666"/>
                  <a:gd name="connsiteY157" fmla="*/ 5037 h 10000"/>
                  <a:gd name="connsiteX158" fmla="*/ 2982 w 9666"/>
                  <a:gd name="connsiteY158" fmla="*/ 5066 h 10000"/>
                  <a:gd name="connsiteX159" fmla="*/ 3111 w 9666"/>
                  <a:gd name="connsiteY159" fmla="*/ 5096 h 10000"/>
                  <a:gd name="connsiteX160" fmla="*/ 3214 w 9666"/>
                  <a:gd name="connsiteY160" fmla="*/ 5126 h 10000"/>
                  <a:gd name="connsiteX161" fmla="*/ 3341 w 9666"/>
                  <a:gd name="connsiteY161" fmla="*/ 5155 h 10000"/>
                  <a:gd name="connsiteX162" fmla="*/ 3496 w 9666"/>
                  <a:gd name="connsiteY162" fmla="*/ 5170 h 10000"/>
                  <a:gd name="connsiteX163" fmla="*/ 3727 w 9666"/>
                  <a:gd name="connsiteY163" fmla="*/ 5155 h 10000"/>
                  <a:gd name="connsiteX164" fmla="*/ 3805 w 9666"/>
                  <a:gd name="connsiteY164" fmla="*/ 5096 h 10000"/>
                  <a:gd name="connsiteX165" fmla="*/ 3881 w 9666"/>
                  <a:gd name="connsiteY165" fmla="*/ 5022 h 10000"/>
                  <a:gd name="connsiteX166" fmla="*/ 3907 w 9666"/>
                  <a:gd name="connsiteY166" fmla="*/ 4934 h 10000"/>
                  <a:gd name="connsiteX167" fmla="*/ 3934 w 9666"/>
                  <a:gd name="connsiteY167" fmla="*/ 4860 h 10000"/>
                  <a:gd name="connsiteX168" fmla="*/ 3958 w 9666"/>
                  <a:gd name="connsiteY168" fmla="*/ 4697 h 10000"/>
                  <a:gd name="connsiteX169" fmla="*/ 3934 w 9666"/>
                  <a:gd name="connsiteY169" fmla="*/ 4520 h 10000"/>
                  <a:gd name="connsiteX170" fmla="*/ 3856 w 9666"/>
                  <a:gd name="connsiteY170" fmla="*/ 4343 h 10000"/>
                  <a:gd name="connsiteX171" fmla="*/ 3779 w 9666"/>
                  <a:gd name="connsiteY171" fmla="*/ 4195 h 10000"/>
                  <a:gd name="connsiteX172" fmla="*/ 3650 w 9666"/>
                  <a:gd name="connsiteY172" fmla="*/ 4047 h 10000"/>
                  <a:gd name="connsiteX173" fmla="*/ 3522 w 9666"/>
                  <a:gd name="connsiteY173" fmla="*/ 3959 h 10000"/>
                  <a:gd name="connsiteX174" fmla="*/ 3676 w 9666"/>
                  <a:gd name="connsiteY174" fmla="*/ 3944 h 10000"/>
                  <a:gd name="connsiteX175" fmla="*/ 3805 w 9666"/>
                  <a:gd name="connsiteY175" fmla="*/ 3914 h 10000"/>
                  <a:gd name="connsiteX176" fmla="*/ 3907 w 9666"/>
                  <a:gd name="connsiteY176" fmla="*/ 3855 h 10000"/>
                  <a:gd name="connsiteX177" fmla="*/ 4034 w 9666"/>
                  <a:gd name="connsiteY177" fmla="*/ 3752 h 10000"/>
                  <a:gd name="connsiteX178" fmla="*/ 4164 w 9666"/>
                  <a:gd name="connsiteY178" fmla="*/ 3663 h 10000"/>
                  <a:gd name="connsiteX179" fmla="*/ 4267 w 9666"/>
                  <a:gd name="connsiteY179" fmla="*/ 3560 h 10000"/>
                  <a:gd name="connsiteX180" fmla="*/ 4344 w 9666"/>
                  <a:gd name="connsiteY180" fmla="*/ 3442 h 10000"/>
                  <a:gd name="connsiteX181" fmla="*/ 4422 w 9666"/>
                  <a:gd name="connsiteY181" fmla="*/ 3323 h 10000"/>
                  <a:gd name="connsiteX182" fmla="*/ 4473 w 9666"/>
                  <a:gd name="connsiteY182" fmla="*/ 3220 h 10000"/>
                  <a:gd name="connsiteX183" fmla="*/ 4498 w 9666"/>
                  <a:gd name="connsiteY183" fmla="*/ 3102 h 10000"/>
                  <a:gd name="connsiteX184" fmla="*/ 4525 w 9666"/>
                  <a:gd name="connsiteY184" fmla="*/ 3013 h 10000"/>
                  <a:gd name="connsiteX185" fmla="*/ 4498 w 9666"/>
                  <a:gd name="connsiteY185" fmla="*/ 2939 h 10000"/>
                  <a:gd name="connsiteX186" fmla="*/ 4473 w 9666"/>
                  <a:gd name="connsiteY186" fmla="*/ 2866 h 10000"/>
                  <a:gd name="connsiteX187" fmla="*/ 4396 w 9666"/>
                  <a:gd name="connsiteY187" fmla="*/ 2836 h 10000"/>
                  <a:gd name="connsiteX188" fmla="*/ 4294 w 9666"/>
                  <a:gd name="connsiteY188" fmla="*/ 2836 h 10000"/>
                  <a:gd name="connsiteX189" fmla="*/ 4164 w 9666"/>
                  <a:gd name="connsiteY189" fmla="*/ 2866 h 10000"/>
                  <a:gd name="connsiteX190" fmla="*/ 4267 w 9666"/>
                  <a:gd name="connsiteY190" fmla="*/ 2777 h 10000"/>
                  <a:gd name="connsiteX191" fmla="*/ 4320 w 9666"/>
                  <a:gd name="connsiteY191" fmla="*/ 2674 h 10000"/>
                  <a:gd name="connsiteX192" fmla="*/ 4344 w 9666"/>
                  <a:gd name="connsiteY192" fmla="*/ 2541 h 10000"/>
                  <a:gd name="connsiteX193" fmla="*/ 4344 w 9666"/>
                  <a:gd name="connsiteY193" fmla="*/ 2393 h 10000"/>
                  <a:gd name="connsiteX194" fmla="*/ 4369 w 9666"/>
                  <a:gd name="connsiteY194" fmla="*/ 2349 h 10000"/>
                  <a:gd name="connsiteX195" fmla="*/ 4422 w 9666"/>
                  <a:gd name="connsiteY195" fmla="*/ 2304 h 10000"/>
                  <a:gd name="connsiteX196" fmla="*/ 4473 w 9666"/>
                  <a:gd name="connsiteY196" fmla="*/ 2290 h 10000"/>
                  <a:gd name="connsiteX197" fmla="*/ 4551 w 9666"/>
                  <a:gd name="connsiteY197" fmla="*/ 2275 h 10000"/>
                  <a:gd name="connsiteX198" fmla="*/ 4781 w 9666"/>
                  <a:gd name="connsiteY198" fmla="*/ 2260 h 10000"/>
                  <a:gd name="connsiteX199" fmla="*/ 4986 w 9666"/>
                  <a:gd name="connsiteY199" fmla="*/ 2275 h 10000"/>
                  <a:gd name="connsiteX200" fmla="*/ 4961 w 9666"/>
                  <a:gd name="connsiteY200" fmla="*/ 2112 h 10000"/>
                  <a:gd name="connsiteX201" fmla="*/ 4910 w 9666"/>
                  <a:gd name="connsiteY201" fmla="*/ 1950 h 10000"/>
                  <a:gd name="connsiteX202" fmla="*/ 4832 w 9666"/>
                  <a:gd name="connsiteY202" fmla="*/ 1802 h 10000"/>
                  <a:gd name="connsiteX203" fmla="*/ 4731 w 9666"/>
                  <a:gd name="connsiteY203" fmla="*/ 1640 h 10000"/>
                  <a:gd name="connsiteX204" fmla="*/ 4473 w 9666"/>
                  <a:gd name="connsiteY204" fmla="*/ 1329 h 10000"/>
                  <a:gd name="connsiteX205" fmla="*/ 4216 w 9666"/>
                  <a:gd name="connsiteY205" fmla="*/ 1034 h 10000"/>
                  <a:gd name="connsiteX206" fmla="*/ 4087 w 9666"/>
                  <a:gd name="connsiteY206" fmla="*/ 901 h 10000"/>
                  <a:gd name="connsiteX207" fmla="*/ 3986 w 9666"/>
                  <a:gd name="connsiteY207" fmla="*/ 753 h 10000"/>
                  <a:gd name="connsiteX208" fmla="*/ 3907 w 9666"/>
                  <a:gd name="connsiteY208" fmla="*/ 620 h 10000"/>
                  <a:gd name="connsiteX209" fmla="*/ 3881 w 9666"/>
                  <a:gd name="connsiteY209" fmla="*/ 487 h 10000"/>
                  <a:gd name="connsiteX210" fmla="*/ 3856 w 9666"/>
                  <a:gd name="connsiteY210" fmla="*/ 355 h 10000"/>
                  <a:gd name="connsiteX211" fmla="*/ 3907 w 9666"/>
                  <a:gd name="connsiteY211" fmla="*/ 222 h 10000"/>
                  <a:gd name="connsiteX212" fmla="*/ 3934 w 9666"/>
                  <a:gd name="connsiteY212" fmla="*/ 162 h 10000"/>
                  <a:gd name="connsiteX213" fmla="*/ 3986 w 9666"/>
                  <a:gd name="connsiteY213" fmla="*/ 103 h 10000"/>
                  <a:gd name="connsiteX214" fmla="*/ 4063 w 9666"/>
                  <a:gd name="connsiteY214" fmla="*/ 59 h 10000"/>
                  <a:gd name="connsiteX215" fmla="*/ 4164 w 9666"/>
                  <a:gd name="connsiteY215" fmla="*/ 0 h 10000"/>
                  <a:gd name="connsiteX216" fmla="*/ 4344 w 9666"/>
                  <a:gd name="connsiteY216" fmla="*/ 0 h 10000"/>
                  <a:gd name="connsiteX217" fmla="*/ 4525 w 9666"/>
                  <a:gd name="connsiteY217" fmla="*/ 15 h 10000"/>
                  <a:gd name="connsiteX218" fmla="*/ 4704 w 9666"/>
                  <a:gd name="connsiteY218" fmla="*/ 44 h 10000"/>
                  <a:gd name="connsiteX219" fmla="*/ 4832 w 9666"/>
                  <a:gd name="connsiteY219" fmla="*/ 89 h 10000"/>
                  <a:gd name="connsiteX220" fmla="*/ 5039 w 9666"/>
                  <a:gd name="connsiteY220" fmla="*/ 192 h 10000"/>
                  <a:gd name="connsiteX221" fmla="*/ 5244 w 9666"/>
                  <a:gd name="connsiteY221" fmla="*/ 340 h 10000"/>
                  <a:gd name="connsiteX222" fmla="*/ 5398 w 9666"/>
                  <a:gd name="connsiteY222" fmla="*/ 473 h 10000"/>
                  <a:gd name="connsiteX223" fmla="*/ 5603 w 9666"/>
                  <a:gd name="connsiteY223" fmla="*/ 591 h 10000"/>
                  <a:gd name="connsiteX224" fmla="*/ 5733 w 9666"/>
                  <a:gd name="connsiteY224" fmla="*/ 650 h 10000"/>
                  <a:gd name="connsiteX225" fmla="*/ 5887 w 9666"/>
                  <a:gd name="connsiteY225" fmla="*/ 679 h 10000"/>
                  <a:gd name="connsiteX226" fmla="*/ 6042 w 9666"/>
                  <a:gd name="connsiteY226" fmla="*/ 709 h 10000"/>
                  <a:gd name="connsiteX227" fmla="*/ 6247 w 9666"/>
                  <a:gd name="connsiteY227" fmla="*/ 709 h 10000"/>
                  <a:gd name="connsiteX228" fmla="*/ 6247 w 9666"/>
                  <a:gd name="connsiteY228" fmla="*/ 768 h 10000"/>
                  <a:gd name="connsiteX229" fmla="*/ 6273 w 9666"/>
                  <a:gd name="connsiteY229" fmla="*/ 842 h 10000"/>
                  <a:gd name="connsiteX230" fmla="*/ 6323 w 9666"/>
                  <a:gd name="connsiteY230" fmla="*/ 916 h 10000"/>
                  <a:gd name="connsiteX231" fmla="*/ 6375 w 9666"/>
                  <a:gd name="connsiteY231" fmla="*/ 990 h 10000"/>
                  <a:gd name="connsiteX232" fmla="*/ 6451 w 9666"/>
                  <a:gd name="connsiteY232" fmla="*/ 1049 h 10000"/>
                  <a:gd name="connsiteX233" fmla="*/ 6554 w 9666"/>
                  <a:gd name="connsiteY233" fmla="*/ 1108 h 10000"/>
                  <a:gd name="connsiteX234" fmla="*/ 6683 w 9666"/>
                  <a:gd name="connsiteY234" fmla="*/ 1182 h 10000"/>
                  <a:gd name="connsiteX235" fmla="*/ 6786 w 9666"/>
                  <a:gd name="connsiteY235" fmla="*/ 1226 h 10000"/>
                  <a:gd name="connsiteX236" fmla="*/ 6889 w 9666"/>
                  <a:gd name="connsiteY236" fmla="*/ 1270 h 10000"/>
                  <a:gd name="connsiteX237" fmla="*/ 6992 w 9666"/>
                  <a:gd name="connsiteY237" fmla="*/ 1300 h 10000"/>
                  <a:gd name="connsiteX238" fmla="*/ 7095 w 9666"/>
                  <a:gd name="connsiteY238" fmla="*/ 1315 h 10000"/>
                  <a:gd name="connsiteX239" fmla="*/ 7224 w 9666"/>
                  <a:gd name="connsiteY239" fmla="*/ 1300 h 10000"/>
                  <a:gd name="connsiteX240" fmla="*/ 7327 w 9666"/>
                  <a:gd name="connsiteY240" fmla="*/ 1285 h 10000"/>
                  <a:gd name="connsiteX241" fmla="*/ 7403 w 9666"/>
                  <a:gd name="connsiteY241" fmla="*/ 1241 h 10000"/>
                  <a:gd name="connsiteX242" fmla="*/ 7456 w 9666"/>
                  <a:gd name="connsiteY242" fmla="*/ 1167 h 10000"/>
                  <a:gd name="connsiteX243" fmla="*/ 7480 w 9666"/>
                  <a:gd name="connsiteY243" fmla="*/ 1064 h 10000"/>
                  <a:gd name="connsiteX244" fmla="*/ 7866 w 9666"/>
                  <a:gd name="connsiteY244" fmla="*/ 1034 h 10000"/>
                  <a:gd name="connsiteX245" fmla="*/ 8225 w 9666"/>
                  <a:gd name="connsiteY245" fmla="*/ 1004 h 10000"/>
                  <a:gd name="connsiteX246" fmla="*/ 8535 w 9666"/>
                  <a:gd name="connsiteY246" fmla="*/ 990 h 10000"/>
                  <a:gd name="connsiteX247" fmla="*/ 8818 w 9666"/>
                  <a:gd name="connsiteY247" fmla="*/ 1004 h 10000"/>
                  <a:gd name="connsiteX248" fmla="*/ 8947 w 9666"/>
                  <a:gd name="connsiteY248" fmla="*/ 1019 h 10000"/>
                  <a:gd name="connsiteX249" fmla="*/ 9073 w 9666"/>
                  <a:gd name="connsiteY249" fmla="*/ 1034 h 10000"/>
                  <a:gd name="connsiteX250" fmla="*/ 9178 w 9666"/>
                  <a:gd name="connsiteY250" fmla="*/ 1064 h 10000"/>
                  <a:gd name="connsiteX251" fmla="*/ 9306 w 9666"/>
                  <a:gd name="connsiteY251" fmla="*/ 1108 h 10000"/>
                  <a:gd name="connsiteX252" fmla="*/ 9383 w 9666"/>
                  <a:gd name="connsiteY252" fmla="*/ 1182 h 10000"/>
                  <a:gd name="connsiteX253" fmla="*/ 9459 w 9666"/>
                  <a:gd name="connsiteY253" fmla="*/ 1241 h 10000"/>
                  <a:gd name="connsiteX254" fmla="*/ 9512 w 9666"/>
                  <a:gd name="connsiteY254" fmla="*/ 1329 h 10000"/>
                  <a:gd name="connsiteX255" fmla="*/ 9563 w 9666"/>
                  <a:gd name="connsiteY255" fmla="*/ 1433 h 10000"/>
                  <a:gd name="connsiteX256" fmla="*/ 9614 w 9666"/>
                  <a:gd name="connsiteY256" fmla="*/ 1551 h 10000"/>
                  <a:gd name="connsiteX257" fmla="*/ 9588 w 9666"/>
                  <a:gd name="connsiteY257" fmla="*/ 1625 h 10000"/>
                  <a:gd name="connsiteX258" fmla="*/ 9563 w 9666"/>
                  <a:gd name="connsiteY258" fmla="*/ 1684 h 10000"/>
                  <a:gd name="connsiteX259" fmla="*/ 9512 w 9666"/>
                  <a:gd name="connsiteY259" fmla="*/ 1758 h 10000"/>
                  <a:gd name="connsiteX260" fmla="*/ 9435 w 9666"/>
                  <a:gd name="connsiteY260" fmla="*/ 1802 h 10000"/>
                  <a:gd name="connsiteX261" fmla="*/ 9383 w 9666"/>
                  <a:gd name="connsiteY261" fmla="*/ 1861 h 10000"/>
                  <a:gd name="connsiteX262" fmla="*/ 9359 w 9666"/>
                  <a:gd name="connsiteY262" fmla="*/ 1935 h 10000"/>
                  <a:gd name="connsiteX263" fmla="*/ 9383 w 9666"/>
                  <a:gd name="connsiteY263" fmla="*/ 2024 h 10000"/>
                  <a:gd name="connsiteX264" fmla="*/ 9666 w 9666"/>
                  <a:gd name="connsiteY264" fmla="*/ 2157 h 10000"/>
                  <a:gd name="connsiteX0" fmla="*/ 7525 w 10000"/>
                  <a:gd name="connsiteY0" fmla="*/ 4431 h 10000"/>
                  <a:gd name="connsiteX1" fmla="*/ 7340 w 10000"/>
                  <a:gd name="connsiteY1" fmla="*/ 4638 h 10000"/>
                  <a:gd name="connsiteX2" fmla="*/ 7340 w 10000"/>
                  <a:gd name="connsiteY2" fmla="*/ 4697 h 10000"/>
                  <a:gd name="connsiteX3" fmla="*/ 7313 w 10000"/>
                  <a:gd name="connsiteY3" fmla="*/ 4801 h 10000"/>
                  <a:gd name="connsiteX4" fmla="*/ 7313 w 10000"/>
                  <a:gd name="connsiteY4" fmla="*/ 4904 h 10000"/>
                  <a:gd name="connsiteX5" fmla="*/ 7181 w 10000"/>
                  <a:gd name="connsiteY5" fmla="*/ 4860 h 10000"/>
                  <a:gd name="connsiteX6" fmla="*/ 7100 w 10000"/>
                  <a:gd name="connsiteY6" fmla="*/ 4801 h 10000"/>
                  <a:gd name="connsiteX7" fmla="*/ 7020 w 10000"/>
                  <a:gd name="connsiteY7" fmla="*/ 4727 h 10000"/>
                  <a:gd name="connsiteX8" fmla="*/ 6942 w 10000"/>
                  <a:gd name="connsiteY8" fmla="*/ 4638 h 10000"/>
                  <a:gd name="connsiteX9" fmla="*/ 6674 w 10000"/>
                  <a:gd name="connsiteY9" fmla="*/ 4313 h 10000"/>
                  <a:gd name="connsiteX10" fmla="*/ 6835 w 10000"/>
                  <a:gd name="connsiteY10" fmla="*/ 4210 h 10000"/>
                  <a:gd name="connsiteX11" fmla="*/ 9628 w 10000"/>
                  <a:gd name="connsiteY11" fmla="*/ 3338 h 10000"/>
                  <a:gd name="connsiteX12" fmla="*/ 9866 w 10000"/>
                  <a:gd name="connsiteY12" fmla="*/ 3117 h 10000"/>
                  <a:gd name="connsiteX13" fmla="*/ 9893 w 10000"/>
                  <a:gd name="connsiteY13" fmla="*/ 3072 h 10000"/>
                  <a:gd name="connsiteX14" fmla="*/ 9919 w 10000"/>
                  <a:gd name="connsiteY14" fmla="*/ 3013 h 10000"/>
                  <a:gd name="connsiteX15" fmla="*/ 9919 w 10000"/>
                  <a:gd name="connsiteY15" fmla="*/ 2954 h 10000"/>
                  <a:gd name="connsiteX16" fmla="*/ 9893 w 10000"/>
                  <a:gd name="connsiteY16" fmla="*/ 2866 h 10000"/>
                  <a:gd name="connsiteX17" fmla="*/ 9707 w 10000"/>
                  <a:gd name="connsiteY17" fmla="*/ 2984 h 10000"/>
                  <a:gd name="connsiteX18" fmla="*/ 9495 w 10000"/>
                  <a:gd name="connsiteY18" fmla="*/ 3072 h 10000"/>
                  <a:gd name="connsiteX19" fmla="*/ 9281 w 10000"/>
                  <a:gd name="connsiteY19" fmla="*/ 3161 h 10000"/>
                  <a:gd name="connsiteX20" fmla="*/ 9069 w 10000"/>
                  <a:gd name="connsiteY20" fmla="*/ 3250 h 10000"/>
                  <a:gd name="connsiteX21" fmla="*/ 8589 w 10000"/>
                  <a:gd name="connsiteY21" fmla="*/ 3397 h 10000"/>
                  <a:gd name="connsiteX22" fmla="*/ 8085 w 10000"/>
                  <a:gd name="connsiteY22" fmla="*/ 3545 h 10000"/>
                  <a:gd name="connsiteX23" fmla="*/ 7580 w 10000"/>
                  <a:gd name="connsiteY23" fmla="*/ 3678 h 10000"/>
                  <a:gd name="connsiteX24" fmla="*/ 7100 w 10000"/>
                  <a:gd name="connsiteY24" fmla="*/ 3840 h 10000"/>
                  <a:gd name="connsiteX25" fmla="*/ 6861 w 10000"/>
                  <a:gd name="connsiteY25" fmla="*/ 3914 h 10000"/>
                  <a:gd name="connsiteX26" fmla="*/ 6649 w 10000"/>
                  <a:gd name="connsiteY26" fmla="*/ 4003 h 10000"/>
                  <a:gd name="connsiteX27" fmla="*/ 6437 w 10000"/>
                  <a:gd name="connsiteY27" fmla="*/ 4106 h 10000"/>
                  <a:gd name="connsiteX28" fmla="*/ 6222 w 10000"/>
                  <a:gd name="connsiteY28" fmla="*/ 4195 h 10000"/>
                  <a:gd name="connsiteX29" fmla="*/ 6382 w 10000"/>
                  <a:gd name="connsiteY29" fmla="*/ 4417 h 10000"/>
                  <a:gd name="connsiteX30" fmla="*/ 6490 w 10000"/>
                  <a:gd name="connsiteY30" fmla="*/ 4623 h 10000"/>
                  <a:gd name="connsiteX31" fmla="*/ 6595 w 10000"/>
                  <a:gd name="connsiteY31" fmla="*/ 4845 h 10000"/>
                  <a:gd name="connsiteX32" fmla="*/ 6674 w 10000"/>
                  <a:gd name="connsiteY32" fmla="*/ 5081 h 10000"/>
                  <a:gd name="connsiteX33" fmla="*/ 6729 w 10000"/>
                  <a:gd name="connsiteY33" fmla="*/ 5318 h 10000"/>
                  <a:gd name="connsiteX34" fmla="*/ 6756 w 10000"/>
                  <a:gd name="connsiteY34" fmla="*/ 5539 h 10000"/>
                  <a:gd name="connsiteX35" fmla="*/ 6780 w 10000"/>
                  <a:gd name="connsiteY35" fmla="*/ 5775 h 10000"/>
                  <a:gd name="connsiteX36" fmla="*/ 6780 w 10000"/>
                  <a:gd name="connsiteY36" fmla="*/ 5997 h 10000"/>
                  <a:gd name="connsiteX37" fmla="*/ 6756 w 10000"/>
                  <a:gd name="connsiteY37" fmla="*/ 6233 h 10000"/>
                  <a:gd name="connsiteX38" fmla="*/ 6702 w 10000"/>
                  <a:gd name="connsiteY38" fmla="*/ 6470 h 10000"/>
                  <a:gd name="connsiteX39" fmla="*/ 6649 w 10000"/>
                  <a:gd name="connsiteY39" fmla="*/ 6677 h 10000"/>
                  <a:gd name="connsiteX40" fmla="*/ 6569 w 10000"/>
                  <a:gd name="connsiteY40" fmla="*/ 6898 h 10000"/>
                  <a:gd name="connsiteX41" fmla="*/ 6463 w 10000"/>
                  <a:gd name="connsiteY41" fmla="*/ 7105 h 10000"/>
                  <a:gd name="connsiteX42" fmla="*/ 6330 w 10000"/>
                  <a:gd name="connsiteY42" fmla="*/ 7297 h 10000"/>
                  <a:gd name="connsiteX43" fmla="*/ 6170 w 10000"/>
                  <a:gd name="connsiteY43" fmla="*/ 7489 h 10000"/>
                  <a:gd name="connsiteX44" fmla="*/ 6010 w 10000"/>
                  <a:gd name="connsiteY44" fmla="*/ 7681 h 10000"/>
                  <a:gd name="connsiteX45" fmla="*/ 6780 w 10000"/>
                  <a:gd name="connsiteY45" fmla="*/ 7799 h 10000"/>
                  <a:gd name="connsiteX46" fmla="*/ 7580 w 10000"/>
                  <a:gd name="connsiteY46" fmla="*/ 7962 h 10000"/>
                  <a:gd name="connsiteX47" fmla="*/ 7738 w 10000"/>
                  <a:gd name="connsiteY47" fmla="*/ 8021 h 10000"/>
                  <a:gd name="connsiteX48" fmla="*/ 7872 w 10000"/>
                  <a:gd name="connsiteY48" fmla="*/ 8080 h 10000"/>
                  <a:gd name="connsiteX49" fmla="*/ 8004 w 10000"/>
                  <a:gd name="connsiteY49" fmla="*/ 8139 h 10000"/>
                  <a:gd name="connsiteX50" fmla="*/ 8085 w 10000"/>
                  <a:gd name="connsiteY50" fmla="*/ 8227 h 10000"/>
                  <a:gd name="connsiteX51" fmla="*/ 8112 w 10000"/>
                  <a:gd name="connsiteY51" fmla="*/ 8301 h 10000"/>
                  <a:gd name="connsiteX52" fmla="*/ 8112 w 10000"/>
                  <a:gd name="connsiteY52" fmla="*/ 8405 h 10000"/>
                  <a:gd name="connsiteX53" fmla="*/ 8059 w 10000"/>
                  <a:gd name="connsiteY53" fmla="*/ 8523 h 10000"/>
                  <a:gd name="connsiteX54" fmla="*/ 7978 w 10000"/>
                  <a:gd name="connsiteY54" fmla="*/ 8641 h 10000"/>
                  <a:gd name="connsiteX55" fmla="*/ 7633 w 10000"/>
                  <a:gd name="connsiteY55" fmla="*/ 8552 h 10000"/>
                  <a:gd name="connsiteX56" fmla="*/ 7313 w 10000"/>
                  <a:gd name="connsiteY56" fmla="*/ 8449 h 10000"/>
                  <a:gd name="connsiteX57" fmla="*/ 6994 w 10000"/>
                  <a:gd name="connsiteY57" fmla="*/ 8360 h 10000"/>
                  <a:gd name="connsiteX58" fmla="*/ 6674 w 10000"/>
                  <a:gd name="connsiteY58" fmla="*/ 8287 h 10000"/>
                  <a:gd name="connsiteX59" fmla="*/ 6541 w 10000"/>
                  <a:gd name="connsiteY59" fmla="*/ 8449 h 10000"/>
                  <a:gd name="connsiteX60" fmla="*/ 6437 w 10000"/>
                  <a:gd name="connsiteY60" fmla="*/ 8597 h 10000"/>
                  <a:gd name="connsiteX61" fmla="*/ 6382 w 10000"/>
                  <a:gd name="connsiteY61" fmla="*/ 8656 h 10000"/>
                  <a:gd name="connsiteX62" fmla="*/ 6276 w 10000"/>
                  <a:gd name="connsiteY62" fmla="*/ 8700 h 10000"/>
                  <a:gd name="connsiteX63" fmla="*/ 6197 w 10000"/>
                  <a:gd name="connsiteY63" fmla="*/ 8744 h 10000"/>
                  <a:gd name="connsiteX64" fmla="*/ 6117 w 10000"/>
                  <a:gd name="connsiteY64" fmla="*/ 8774 h 10000"/>
                  <a:gd name="connsiteX65" fmla="*/ 6037 w 10000"/>
                  <a:gd name="connsiteY65" fmla="*/ 8804 h 10000"/>
                  <a:gd name="connsiteX66" fmla="*/ 5931 w 10000"/>
                  <a:gd name="connsiteY66" fmla="*/ 8818 h 10000"/>
                  <a:gd name="connsiteX67" fmla="*/ 5797 w 10000"/>
                  <a:gd name="connsiteY67" fmla="*/ 8833 h 10000"/>
                  <a:gd name="connsiteX68" fmla="*/ 5665 w 10000"/>
                  <a:gd name="connsiteY68" fmla="*/ 8833 h 10000"/>
                  <a:gd name="connsiteX69" fmla="*/ 5347 w 10000"/>
                  <a:gd name="connsiteY69" fmla="*/ 8818 h 10000"/>
                  <a:gd name="connsiteX70" fmla="*/ 4946 w 10000"/>
                  <a:gd name="connsiteY70" fmla="*/ 8744 h 10000"/>
                  <a:gd name="connsiteX71" fmla="*/ 4946 w 10000"/>
                  <a:gd name="connsiteY71" fmla="*/ 8922 h 10000"/>
                  <a:gd name="connsiteX72" fmla="*/ 4919 w 10000"/>
                  <a:gd name="connsiteY72" fmla="*/ 9069 h 10000"/>
                  <a:gd name="connsiteX73" fmla="*/ 4894 w 10000"/>
                  <a:gd name="connsiteY73" fmla="*/ 9232 h 10000"/>
                  <a:gd name="connsiteX74" fmla="*/ 4867 w 10000"/>
                  <a:gd name="connsiteY74" fmla="*/ 9365 h 10000"/>
                  <a:gd name="connsiteX75" fmla="*/ 4813 w 10000"/>
                  <a:gd name="connsiteY75" fmla="*/ 9498 h 10000"/>
                  <a:gd name="connsiteX76" fmla="*/ 4708 w 10000"/>
                  <a:gd name="connsiteY76" fmla="*/ 9616 h 10000"/>
                  <a:gd name="connsiteX77" fmla="*/ 4628 w 10000"/>
                  <a:gd name="connsiteY77" fmla="*/ 9734 h 10000"/>
                  <a:gd name="connsiteX78" fmla="*/ 4494 w 10000"/>
                  <a:gd name="connsiteY78" fmla="*/ 9838 h 10000"/>
                  <a:gd name="connsiteX79" fmla="*/ 4173 w 10000"/>
                  <a:gd name="connsiteY79" fmla="*/ 9897 h 10000"/>
                  <a:gd name="connsiteX80" fmla="*/ 3910 w 10000"/>
                  <a:gd name="connsiteY80" fmla="*/ 9941 h 10000"/>
                  <a:gd name="connsiteX81" fmla="*/ 3590 w 10000"/>
                  <a:gd name="connsiteY81" fmla="*/ 9985 h 10000"/>
                  <a:gd name="connsiteX82" fmla="*/ 3351 w 10000"/>
                  <a:gd name="connsiteY82" fmla="*/ 10000 h 10000"/>
                  <a:gd name="connsiteX83" fmla="*/ 2819 w 10000"/>
                  <a:gd name="connsiteY83" fmla="*/ 10000 h 10000"/>
                  <a:gd name="connsiteX84" fmla="*/ 2313 w 10000"/>
                  <a:gd name="connsiteY84" fmla="*/ 9985 h 10000"/>
                  <a:gd name="connsiteX85" fmla="*/ 1836 w 10000"/>
                  <a:gd name="connsiteY85" fmla="*/ 9941 h 10000"/>
                  <a:gd name="connsiteX86" fmla="*/ 1330 w 10000"/>
                  <a:gd name="connsiteY86" fmla="*/ 9911 h 10000"/>
                  <a:gd name="connsiteX87" fmla="*/ 1038 w 10000"/>
                  <a:gd name="connsiteY87" fmla="*/ 9911 h 10000"/>
                  <a:gd name="connsiteX88" fmla="*/ 771 w 10000"/>
                  <a:gd name="connsiteY88" fmla="*/ 9911 h 10000"/>
                  <a:gd name="connsiteX89" fmla="*/ 479 w 10000"/>
                  <a:gd name="connsiteY89" fmla="*/ 9926 h 10000"/>
                  <a:gd name="connsiteX90" fmla="*/ 186 w 10000"/>
                  <a:gd name="connsiteY90" fmla="*/ 9970 h 10000"/>
                  <a:gd name="connsiteX91" fmla="*/ 107 w 10000"/>
                  <a:gd name="connsiteY91" fmla="*/ 9867 h 10000"/>
                  <a:gd name="connsiteX92" fmla="*/ 54 w 10000"/>
                  <a:gd name="connsiteY92" fmla="*/ 9793 h 10000"/>
                  <a:gd name="connsiteX93" fmla="*/ 0 w 10000"/>
                  <a:gd name="connsiteY93" fmla="*/ 9705 h 10000"/>
                  <a:gd name="connsiteX94" fmla="*/ 0 w 10000"/>
                  <a:gd name="connsiteY94" fmla="*/ 9601 h 10000"/>
                  <a:gd name="connsiteX95" fmla="*/ 54 w 10000"/>
                  <a:gd name="connsiteY95" fmla="*/ 9424 h 10000"/>
                  <a:gd name="connsiteX96" fmla="*/ 107 w 10000"/>
                  <a:gd name="connsiteY96" fmla="*/ 9202 h 10000"/>
                  <a:gd name="connsiteX97" fmla="*/ 158 w 10000"/>
                  <a:gd name="connsiteY97" fmla="*/ 8996 h 10000"/>
                  <a:gd name="connsiteX98" fmla="*/ 213 w 10000"/>
                  <a:gd name="connsiteY98" fmla="*/ 8759 h 10000"/>
                  <a:gd name="connsiteX99" fmla="*/ 239 w 10000"/>
                  <a:gd name="connsiteY99" fmla="*/ 8641 h 10000"/>
                  <a:gd name="connsiteX100" fmla="*/ 239 w 10000"/>
                  <a:gd name="connsiteY100" fmla="*/ 8538 h 10000"/>
                  <a:gd name="connsiteX101" fmla="*/ 213 w 10000"/>
                  <a:gd name="connsiteY101" fmla="*/ 8405 h 10000"/>
                  <a:gd name="connsiteX102" fmla="*/ 186 w 10000"/>
                  <a:gd name="connsiteY102" fmla="*/ 8287 h 10000"/>
                  <a:gd name="connsiteX103" fmla="*/ 452 w 10000"/>
                  <a:gd name="connsiteY103" fmla="*/ 8213 h 10000"/>
                  <a:gd name="connsiteX104" fmla="*/ 718 w 10000"/>
                  <a:gd name="connsiteY104" fmla="*/ 8139 h 10000"/>
                  <a:gd name="connsiteX105" fmla="*/ 984 w 10000"/>
                  <a:gd name="connsiteY105" fmla="*/ 8095 h 10000"/>
                  <a:gd name="connsiteX106" fmla="*/ 1277 w 10000"/>
                  <a:gd name="connsiteY106" fmla="*/ 8065 h 10000"/>
                  <a:gd name="connsiteX107" fmla="*/ 1807 w 10000"/>
                  <a:gd name="connsiteY107" fmla="*/ 8021 h 10000"/>
                  <a:gd name="connsiteX108" fmla="*/ 2341 w 10000"/>
                  <a:gd name="connsiteY108" fmla="*/ 7976 h 10000"/>
                  <a:gd name="connsiteX109" fmla="*/ 2580 w 10000"/>
                  <a:gd name="connsiteY109" fmla="*/ 7947 h 10000"/>
                  <a:gd name="connsiteX110" fmla="*/ 2819 w 10000"/>
                  <a:gd name="connsiteY110" fmla="*/ 7917 h 10000"/>
                  <a:gd name="connsiteX111" fmla="*/ 3030 w 10000"/>
                  <a:gd name="connsiteY111" fmla="*/ 7843 h 10000"/>
                  <a:gd name="connsiteX112" fmla="*/ 3244 w 10000"/>
                  <a:gd name="connsiteY112" fmla="*/ 7784 h 10000"/>
                  <a:gd name="connsiteX113" fmla="*/ 3431 w 10000"/>
                  <a:gd name="connsiteY113" fmla="*/ 7710 h 10000"/>
                  <a:gd name="connsiteX114" fmla="*/ 3590 w 10000"/>
                  <a:gd name="connsiteY114" fmla="*/ 7592 h 10000"/>
                  <a:gd name="connsiteX115" fmla="*/ 3750 w 10000"/>
                  <a:gd name="connsiteY115" fmla="*/ 7474 h 10000"/>
                  <a:gd name="connsiteX116" fmla="*/ 3856 w 10000"/>
                  <a:gd name="connsiteY116" fmla="*/ 7312 h 10000"/>
                  <a:gd name="connsiteX117" fmla="*/ 3644 w 10000"/>
                  <a:gd name="connsiteY117" fmla="*/ 7238 h 10000"/>
                  <a:gd name="connsiteX118" fmla="*/ 3456 w 10000"/>
                  <a:gd name="connsiteY118" fmla="*/ 7179 h 10000"/>
                  <a:gd name="connsiteX119" fmla="*/ 3297 w 10000"/>
                  <a:gd name="connsiteY119" fmla="*/ 7090 h 10000"/>
                  <a:gd name="connsiteX120" fmla="*/ 3139 w 10000"/>
                  <a:gd name="connsiteY120" fmla="*/ 6987 h 10000"/>
                  <a:gd name="connsiteX121" fmla="*/ 3030 w 10000"/>
                  <a:gd name="connsiteY121" fmla="*/ 6869 h 10000"/>
                  <a:gd name="connsiteX122" fmla="*/ 2980 w 10000"/>
                  <a:gd name="connsiteY122" fmla="*/ 6721 h 10000"/>
                  <a:gd name="connsiteX123" fmla="*/ 2952 w 10000"/>
                  <a:gd name="connsiteY123" fmla="*/ 6558 h 10000"/>
                  <a:gd name="connsiteX124" fmla="*/ 2980 w 10000"/>
                  <a:gd name="connsiteY124" fmla="*/ 6352 h 10000"/>
                  <a:gd name="connsiteX125" fmla="*/ 2846 w 10000"/>
                  <a:gd name="connsiteY125" fmla="*/ 6322 h 10000"/>
                  <a:gd name="connsiteX126" fmla="*/ 2687 w 10000"/>
                  <a:gd name="connsiteY126" fmla="*/ 6292 h 10000"/>
                  <a:gd name="connsiteX127" fmla="*/ 2501 w 10000"/>
                  <a:gd name="connsiteY127" fmla="*/ 6278 h 10000"/>
                  <a:gd name="connsiteX128" fmla="*/ 2313 w 10000"/>
                  <a:gd name="connsiteY128" fmla="*/ 6263 h 10000"/>
                  <a:gd name="connsiteX129" fmla="*/ 1942 w 10000"/>
                  <a:gd name="connsiteY129" fmla="*/ 6248 h 10000"/>
                  <a:gd name="connsiteX130" fmla="*/ 1543 w 10000"/>
                  <a:gd name="connsiteY130" fmla="*/ 6263 h 10000"/>
                  <a:gd name="connsiteX131" fmla="*/ 1198 w 10000"/>
                  <a:gd name="connsiteY131" fmla="*/ 6278 h 10000"/>
                  <a:gd name="connsiteX132" fmla="*/ 877 w 10000"/>
                  <a:gd name="connsiteY132" fmla="*/ 6278 h 10000"/>
                  <a:gd name="connsiteX133" fmla="*/ 613 w 10000"/>
                  <a:gd name="connsiteY133" fmla="*/ 6263 h 10000"/>
                  <a:gd name="connsiteX134" fmla="*/ 399 w 10000"/>
                  <a:gd name="connsiteY134" fmla="*/ 6233 h 10000"/>
                  <a:gd name="connsiteX135" fmla="*/ 663 w 10000"/>
                  <a:gd name="connsiteY135" fmla="*/ 5805 h 10000"/>
                  <a:gd name="connsiteX136" fmla="*/ 958 w 10000"/>
                  <a:gd name="connsiteY136" fmla="*/ 5391 h 10000"/>
                  <a:gd name="connsiteX137" fmla="*/ 1065 w 10000"/>
                  <a:gd name="connsiteY137" fmla="*/ 5170 h 10000"/>
                  <a:gd name="connsiteX138" fmla="*/ 1143 w 10000"/>
                  <a:gd name="connsiteY138" fmla="*/ 4963 h 10000"/>
                  <a:gd name="connsiteX139" fmla="*/ 1169 w 10000"/>
                  <a:gd name="connsiteY139" fmla="*/ 4860 h 10000"/>
                  <a:gd name="connsiteX140" fmla="*/ 1143 w 10000"/>
                  <a:gd name="connsiteY140" fmla="*/ 4756 h 10000"/>
                  <a:gd name="connsiteX141" fmla="*/ 1117 w 10000"/>
                  <a:gd name="connsiteY141" fmla="*/ 4653 h 10000"/>
                  <a:gd name="connsiteX142" fmla="*/ 1038 w 10000"/>
                  <a:gd name="connsiteY142" fmla="*/ 4549 h 10000"/>
                  <a:gd name="connsiteX143" fmla="*/ 1330 w 10000"/>
                  <a:gd name="connsiteY143" fmla="*/ 4520 h 10000"/>
                  <a:gd name="connsiteX144" fmla="*/ 1543 w 10000"/>
                  <a:gd name="connsiteY144" fmla="*/ 4505 h 10000"/>
                  <a:gd name="connsiteX145" fmla="*/ 1729 w 10000"/>
                  <a:gd name="connsiteY145" fmla="*/ 4505 h 10000"/>
                  <a:gd name="connsiteX146" fmla="*/ 1888 w 10000"/>
                  <a:gd name="connsiteY146" fmla="*/ 4520 h 10000"/>
                  <a:gd name="connsiteX147" fmla="*/ 2022 w 10000"/>
                  <a:gd name="connsiteY147" fmla="*/ 4520 h 10000"/>
                  <a:gd name="connsiteX148" fmla="*/ 2181 w 10000"/>
                  <a:gd name="connsiteY148" fmla="*/ 4520 h 10000"/>
                  <a:gd name="connsiteX149" fmla="*/ 2341 w 10000"/>
                  <a:gd name="connsiteY149" fmla="*/ 4490 h 10000"/>
                  <a:gd name="connsiteX150" fmla="*/ 2552 w 10000"/>
                  <a:gd name="connsiteY150" fmla="*/ 4446 h 10000"/>
                  <a:gd name="connsiteX151" fmla="*/ 2552 w 10000"/>
                  <a:gd name="connsiteY151" fmla="*/ 4579 h 10000"/>
                  <a:gd name="connsiteX152" fmla="*/ 2552 w 10000"/>
                  <a:gd name="connsiteY152" fmla="*/ 4742 h 10000"/>
                  <a:gd name="connsiteX153" fmla="*/ 2552 w 10000"/>
                  <a:gd name="connsiteY153" fmla="*/ 4874 h 10000"/>
                  <a:gd name="connsiteX154" fmla="*/ 2552 w 10000"/>
                  <a:gd name="connsiteY154" fmla="*/ 5037 h 10000"/>
                  <a:gd name="connsiteX155" fmla="*/ 2792 w 10000"/>
                  <a:gd name="connsiteY155" fmla="*/ 5022 h 10000"/>
                  <a:gd name="connsiteX156" fmla="*/ 2952 w 10000"/>
                  <a:gd name="connsiteY156" fmla="*/ 5037 h 10000"/>
                  <a:gd name="connsiteX157" fmla="*/ 3085 w 10000"/>
                  <a:gd name="connsiteY157" fmla="*/ 5066 h 10000"/>
                  <a:gd name="connsiteX158" fmla="*/ 3218 w 10000"/>
                  <a:gd name="connsiteY158" fmla="*/ 5096 h 10000"/>
                  <a:gd name="connsiteX159" fmla="*/ 3325 w 10000"/>
                  <a:gd name="connsiteY159" fmla="*/ 5126 h 10000"/>
                  <a:gd name="connsiteX160" fmla="*/ 3456 w 10000"/>
                  <a:gd name="connsiteY160" fmla="*/ 5155 h 10000"/>
                  <a:gd name="connsiteX161" fmla="*/ 3617 w 10000"/>
                  <a:gd name="connsiteY161" fmla="*/ 5170 h 10000"/>
                  <a:gd name="connsiteX162" fmla="*/ 3856 w 10000"/>
                  <a:gd name="connsiteY162" fmla="*/ 5155 h 10000"/>
                  <a:gd name="connsiteX163" fmla="*/ 3936 w 10000"/>
                  <a:gd name="connsiteY163" fmla="*/ 5096 h 10000"/>
                  <a:gd name="connsiteX164" fmla="*/ 4015 w 10000"/>
                  <a:gd name="connsiteY164" fmla="*/ 5022 h 10000"/>
                  <a:gd name="connsiteX165" fmla="*/ 4042 w 10000"/>
                  <a:gd name="connsiteY165" fmla="*/ 4934 h 10000"/>
                  <a:gd name="connsiteX166" fmla="*/ 4070 w 10000"/>
                  <a:gd name="connsiteY166" fmla="*/ 4860 h 10000"/>
                  <a:gd name="connsiteX167" fmla="*/ 4095 w 10000"/>
                  <a:gd name="connsiteY167" fmla="*/ 4697 h 10000"/>
                  <a:gd name="connsiteX168" fmla="*/ 4070 w 10000"/>
                  <a:gd name="connsiteY168" fmla="*/ 4520 h 10000"/>
                  <a:gd name="connsiteX169" fmla="*/ 3989 w 10000"/>
                  <a:gd name="connsiteY169" fmla="*/ 4343 h 10000"/>
                  <a:gd name="connsiteX170" fmla="*/ 3910 w 10000"/>
                  <a:gd name="connsiteY170" fmla="*/ 4195 h 10000"/>
                  <a:gd name="connsiteX171" fmla="*/ 3776 w 10000"/>
                  <a:gd name="connsiteY171" fmla="*/ 4047 h 10000"/>
                  <a:gd name="connsiteX172" fmla="*/ 3644 w 10000"/>
                  <a:gd name="connsiteY172" fmla="*/ 3959 h 10000"/>
                  <a:gd name="connsiteX173" fmla="*/ 3803 w 10000"/>
                  <a:gd name="connsiteY173" fmla="*/ 3944 h 10000"/>
                  <a:gd name="connsiteX174" fmla="*/ 3936 w 10000"/>
                  <a:gd name="connsiteY174" fmla="*/ 3914 h 10000"/>
                  <a:gd name="connsiteX175" fmla="*/ 4042 w 10000"/>
                  <a:gd name="connsiteY175" fmla="*/ 3855 h 10000"/>
                  <a:gd name="connsiteX176" fmla="*/ 4173 w 10000"/>
                  <a:gd name="connsiteY176" fmla="*/ 3752 h 10000"/>
                  <a:gd name="connsiteX177" fmla="*/ 4308 w 10000"/>
                  <a:gd name="connsiteY177" fmla="*/ 3663 h 10000"/>
                  <a:gd name="connsiteX178" fmla="*/ 4414 w 10000"/>
                  <a:gd name="connsiteY178" fmla="*/ 3560 h 10000"/>
                  <a:gd name="connsiteX179" fmla="*/ 4494 w 10000"/>
                  <a:gd name="connsiteY179" fmla="*/ 3442 h 10000"/>
                  <a:gd name="connsiteX180" fmla="*/ 4575 w 10000"/>
                  <a:gd name="connsiteY180" fmla="*/ 3323 h 10000"/>
                  <a:gd name="connsiteX181" fmla="*/ 4628 w 10000"/>
                  <a:gd name="connsiteY181" fmla="*/ 3220 h 10000"/>
                  <a:gd name="connsiteX182" fmla="*/ 4653 w 10000"/>
                  <a:gd name="connsiteY182" fmla="*/ 3102 h 10000"/>
                  <a:gd name="connsiteX183" fmla="*/ 4681 w 10000"/>
                  <a:gd name="connsiteY183" fmla="*/ 3013 h 10000"/>
                  <a:gd name="connsiteX184" fmla="*/ 4653 w 10000"/>
                  <a:gd name="connsiteY184" fmla="*/ 2939 h 10000"/>
                  <a:gd name="connsiteX185" fmla="*/ 4628 w 10000"/>
                  <a:gd name="connsiteY185" fmla="*/ 2866 h 10000"/>
                  <a:gd name="connsiteX186" fmla="*/ 4548 w 10000"/>
                  <a:gd name="connsiteY186" fmla="*/ 2836 h 10000"/>
                  <a:gd name="connsiteX187" fmla="*/ 4442 w 10000"/>
                  <a:gd name="connsiteY187" fmla="*/ 2836 h 10000"/>
                  <a:gd name="connsiteX188" fmla="*/ 4308 w 10000"/>
                  <a:gd name="connsiteY188" fmla="*/ 2866 h 10000"/>
                  <a:gd name="connsiteX189" fmla="*/ 4414 w 10000"/>
                  <a:gd name="connsiteY189" fmla="*/ 2777 h 10000"/>
                  <a:gd name="connsiteX190" fmla="*/ 4469 w 10000"/>
                  <a:gd name="connsiteY190" fmla="*/ 2674 h 10000"/>
                  <a:gd name="connsiteX191" fmla="*/ 4494 w 10000"/>
                  <a:gd name="connsiteY191" fmla="*/ 2541 h 10000"/>
                  <a:gd name="connsiteX192" fmla="*/ 4494 w 10000"/>
                  <a:gd name="connsiteY192" fmla="*/ 2393 h 10000"/>
                  <a:gd name="connsiteX193" fmla="*/ 4520 w 10000"/>
                  <a:gd name="connsiteY193" fmla="*/ 2349 h 10000"/>
                  <a:gd name="connsiteX194" fmla="*/ 4575 w 10000"/>
                  <a:gd name="connsiteY194" fmla="*/ 2304 h 10000"/>
                  <a:gd name="connsiteX195" fmla="*/ 4628 w 10000"/>
                  <a:gd name="connsiteY195" fmla="*/ 2290 h 10000"/>
                  <a:gd name="connsiteX196" fmla="*/ 4708 w 10000"/>
                  <a:gd name="connsiteY196" fmla="*/ 2275 h 10000"/>
                  <a:gd name="connsiteX197" fmla="*/ 4946 w 10000"/>
                  <a:gd name="connsiteY197" fmla="*/ 2260 h 10000"/>
                  <a:gd name="connsiteX198" fmla="*/ 5158 w 10000"/>
                  <a:gd name="connsiteY198" fmla="*/ 2275 h 10000"/>
                  <a:gd name="connsiteX199" fmla="*/ 5132 w 10000"/>
                  <a:gd name="connsiteY199" fmla="*/ 2112 h 10000"/>
                  <a:gd name="connsiteX200" fmla="*/ 5080 w 10000"/>
                  <a:gd name="connsiteY200" fmla="*/ 1950 h 10000"/>
                  <a:gd name="connsiteX201" fmla="*/ 4999 w 10000"/>
                  <a:gd name="connsiteY201" fmla="*/ 1802 h 10000"/>
                  <a:gd name="connsiteX202" fmla="*/ 4894 w 10000"/>
                  <a:gd name="connsiteY202" fmla="*/ 1640 h 10000"/>
                  <a:gd name="connsiteX203" fmla="*/ 4628 w 10000"/>
                  <a:gd name="connsiteY203" fmla="*/ 1329 h 10000"/>
                  <a:gd name="connsiteX204" fmla="*/ 4362 w 10000"/>
                  <a:gd name="connsiteY204" fmla="*/ 1034 h 10000"/>
                  <a:gd name="connsiteX205" fmla="*/ 4228 w 10000"/>
                  <a:gd name="connsiteY205" fmla="*/ 901 h 10000"/>
                  <a:gd name="connsiteX206" fmla="*/ 4124 w 10000"/>
                  <a:gd name="connsiteY206" fmla="*/ 753 h 10000"/>
                  <a:gd name="connsiteX207" fmla="*/ 4042 w 10000"/>
                  <a:gd name="connsiteY207" fmla="*/ 620 h 10000"/>
                  <a:gd name="connsiteX208" fmla="*/ 4015 w 10000"/>
                  <a:gd name="connsiteY208" fmla="*/ 487 h 10000"/>
                  <a:gd name="connsiteX209" fmla="*/ 3989 w 10000"/>
                  <a:gd name="connsiteY209" fmla="*/ 355 h 10000"/>
                  <a:gd name="connsiteX210" fmla="*/ 4042 w 10000"/>
                  <a:gd name="connsiteY210" fmla="*/ 222 h 10000"/>
                  <a:gd name="connsiteX211" fmla="*/ 4070 w 10000"/>
                  <a:gd name="connsiteY211" fmla="*/ 162 h 10000"/>
                  <a:gd name="connsiteX212" fmla="*/ 4124 w 10000"/>
                  <a:gd name="connsiteY212" fmla="*/ 103 h 10000"/>
                  <a:gd name="connsiteX213" fmla="*/ 4203 w 10000"/>
                  <a:gd name="connsiteY213" fmla="*/ 59 h 10000"/>
                  <a:gd name="connsiteX214" fmla="*/ 4308 w 10000"/>
                  <a:gd name="connsiteY214" fmla="*/ 0 h 10000"/>
                  <a:gd name="connsiteX215" fmla="*/ 4494 w 10000"/>
                  <a:gd name="connsiteY215" fmla="*/ 0 h 10000"/>
                  <a:gd name="connsiteX216" fmla="*/ 4681 w 10000"/>
                  <a:gd name="connsiteY216" fmla="*/ 15 h 10000"/>
                  <a:gd name="connsiteX217" fmla="*/ 4867 w 10000"/>
                  <a:gd name="connsiteY217" fmla="*/ 44 h 10000"/>
                  <a:gd name="connsiteX218" fmla="*/ 4999 w 10000"/>
                  <a:gd name="connsiteY218" fmla="*/ 89 h 10000"/>
                  <a:gd name="connsiteX219" fmla="*/ 5213 w 10000"/>
                  <a:gd name="connsiteY219" fmla="*/ 192 h 10000"/>
                  <a:gd name="connsiteX220" fmla="*/ 5425 w 10000"/>
                  <a:gd name="connsiteY220" fmla="*/ 340 h 10000"/>
                  <a:gd name="connsiteX221" fmla="*/ 5585 w 10000"/>
                  <a:gd name="connsiteY221" fmla="*/ 473 h 10000"/>
                  <a:gd name="connsiteX222" fmla="*/ 5797 w 10000"/>
                  <a:gd name="connsiteY222" fmla="*/ 591 h 10000"/>
                  <a:gd name="connsiteX223" fmla="*/ 5931 w 10000"/>
                  <a:gd name="connsiteY223" fmla="*/ 650 h 10000"/>
                  <a:gd name="connsiteX224" fmla="*/ 6090 w 10000"/>
                  <a:gd name="connsiteY224" fmla="*/ 679 h 10000"/>
                  <a:gd name="connsiteX225" fmla="*/ 6251 w 10000"/>
                  <a:gd name="connsiteY225" fmla="*/ 709 h 10000"/>
                  <a:gd name="connsiteX226" fmla="*/ 6463 w 10000"/>
                  <a:gd name="connsiteY226" fmla="*/ 709 h 10000"/>
                  <a:gd name="connsiteX227" fmla="*/ 6463 w 10000"/>
                  <a:gd name="connsiteY227" fmla="*/ 768 h 10000"/>
                  <a:gd name="connsiteX228" fmla="*/ 6490 w 10000"/>
                  <a:gd name="connsiteY228" fmla="*/ 842 h 10000"/>
                  <a:gd name="connsiteX229" fmla="*/ 6541 w 10000"/>
                  <a:gd name="connsiteY229" fmla="*/ 916 h 10000"/>
                  <a:gd name="connsiteX230" fmla="*/ 6595 w 10000"/>
                  <a:gd name="connsiteY230" fmla="*/ 990 h 10000"/>
                  <a:gd name="connsiteX231" fmla="*/ 6674 w 10000"/>
                  <a:gd name="connsiteY231" fmla="*/ 1049 h 10000"/>
                  <a:gd name="connsiteX232" fmla="*/ 6780 w 10000"/>
                  <a:gd name="connsiteY232" fmla="*/ 1108 h 10000"/>
                  <a:gd name="connsiteX233" fmla="*/ 6914 w 10000"/>
                  <a:gd name="connsiteY233" fmla="*/ 1182 h 10000"/>
                  <a:gd name="connsiteX234" fmla="*/ 7020 w 10000"/>
                  <a:gd name="connsiteY234" fmla="*/ 1226 h 10000"/>
                  <a:gd name="connsiteX235" fmla="*/ 7127 w 10000"/>
                  <a:gd name="connsiteY235" fmla="*/ 1270 h 10000"/>
                  <a:gd name="connsiteX236" fmla="*/ 7234 w 10000"/>
                  <a:gd name="connsiteY236" fmla="*/ 1300 h 10000"/>
                  <a:gd name="connsiteX237" fmla="*/ 7340 w 10000"/>
                  <a:gd name="connsiteY237" fmla="*/ 1315 h 10000"/>
                  <a:gd name="connsiteX238" fmla="*/ 7474 w 10000"/>
                  <a:gd name="connsiteY238" fmla="*/ 1300 h 10000"/>
                  <a:gd name="connsiteX239" fmla="*/ 7580 w 10000"/>
                  <a:gd name="connsiteY239" fmla="*/ 1285 h 10000"/>
                  <a:gd name="connsiteX240" fmla="*/ 7659 w 10000"/>
                  <a:gd name="connsiteY240" fmla="*/ 1241 h 10000"/>
                  <a:gd name="connsiteX241" fmla="*/ 7714 w 10000"/>
                  <a:gd name="connsiteY241" fmla="*/ 1167 h 10000"/>
                  <a:gd name="connsiteX242" fmla="*/ 7738 w 10000"/>
                  <a:gd name="connsiteY242" fmla="*/ 1064 h 10000"/>
                  <a:gd name="connsiteX243" fmla="*/ 8138 w 10000"/>
                  <a:gd name="connsiteY243" fmla="*/ 1034 h 10000"/>
                  <a:gd name="connsiteX244" fmla="*/ 8509 w 10000"/>
                  <a:gd name="connsiteY244" fmla="*/ 1004 h 10000"/>
                  <a:gd name="connsiteX245" fmla="*/ 8830 w 10000"/>
                  <a:gd name="connsiteY245" fmla="*/ 990 h 10000"/>
                  <a:gd name="connsiteX246" fmla="*/ 9123 w 10000"/>
                  <a:gd name="connsiteY246" fmla="*/ 1004 h 10000"/>
                  <a:gd name="connsiteX247" fmla="*/ 9256 w 10000"/>
                  <a:gd name="connsiteY247" fmla="*/ 1019 h 10000"/>
                  <a:gd name="connsiteX248" fmla="*/ 9387 w 10000"/>
                  <a:gd name="connsiteY248" fmla="*/ 1034 h 10000"/>
                  <a:gd name="connsiteX249" fmla="*/ 9495 w 10000"/>
                  <a:gd name="connsiteY249" fmla="*/ 1064 h 10000"/>
                  <a:gd name="connsiteX250" fmla="*/ 9628 w 10000"/>
                  <a:gd name="connsiteY250" fmla="*/ 1108 h 10000"/>
                  <a:gd name="connsiteX251" fmla="*/ 9707 w 10000"/>
                  <a:gd name="connsiteY251" fmla="*/ 1182 h 10000"/>
                  <a:gd name="connsiteX252" fmla="*/ 9786 w 10000"/>
                  <a:gd name="connsiteY252" fmla="*/ 1241 h 10000"/>
                  <a:gd name="connsiteX253" fmla="*/ 9841 w 10000"/>
                  <a:gd name="connsiteY253" fmla="*/ 1329 h 10000"/>
                  <a:gd name="connsiteX254" fmla="*/ 9893 w 10000"/>
                  <a:gd name="connsiteY254" fmla="*/ 1433 h 10000"/>
                  <a:gd name="connsiteX255" fmla="*/ 9946 w 10000"/>
                  <a:gd name="connsiteY255" fmla="*/ 1551 h 10000"/>
                  <a:gd name="connsiteX256" fmla="*/ 9919 w 10000"/>
                  <a:gd name="connsiteY256" fmla="*/ 1625 h 10000"/>
                  <a:gd name="connsiteX257" fmla="*/ 9893 w 10000"/>
                  <a:gd name="connsiteY257" fmla="*/ 1684 h 10000"/>
                  <a:gd name="connsiteX258" fmla="*/ 9841 w 10000"/>
                  <a:gd name="connsiteY258" fmla="*/ 1758 h 10000"/>
                  <a:gd name="connsiteX259" fmla="*/ 9761 w 10000"/>
                  <a:gd name="connsiteY259" fmla="*/ 1802 h 10000"/>
                  <a:gd name="connsiteX260" fmla="*/ 9707 w 10000"/>
                  <a:gd name="connsiteY260" fmla="*/ 1861 h 10000"/>
                  <a:gd name="connsiteX261" fmla="*/ 9682 w 10000"/>
                  <a:gd name="connsiteY261" fmla="*/ 1935 h 10000"/>
                  <a:gd name="connsiteX262" fmla="*/ 9707 w 10000"/>
                  <a:gd name="connsiteY262" fmla="*/ 2024 h 10000"/>
                  <a:gd name="connsiteX263" fmla="*/ 10000 w 10000"/>
                  <a:gd name="connsiteY263" fmla="*/ 2157 h 10000"/>
                  <a:gd name="connsiteX0" fmla="*/ 7525 w 10000"/>
                  <a:gd name="connsiteY0" fmla="*/ 4431 h 10000"/>
                  <a:gd name="connsiteX1" fmla="*/ 7340 w 10000"/>
                  <a:gd name="connsiteY1" fmla="*/ 4697 h 10000"/>
                  <a:gd name="connsiteX2" fmla="*/ 7313 w 10000"/>
                  <a:gd name="connsiteY2" fmla="*/ 4801 h 10000"/>
                  <a:gd name="connsiteX3" fmla="*/ 7313 w 10000"/>
                  <a:gd name="connsiteY3" fmla="*/ 4904 h 10000"/>
                  <a:gd name="connsiteX4" fmla="*/ 7181 w 10000"/>
                  <a:gd name="connsiteY4" fmla="*/ 4860 h 10000"/>
                  <a:gd name="connsiteX5" fmla="*/ 7100 w 10000"/>
                  <a:gd name="connsiteY5" fmla="*/ 4801 h 10000"/>
                  <a:gd name="connsiteX6" fmla="*/ 7020 w 10000"/>
                  <a:gd name="connsiteY6" fmla="*/ 4727 h 10000"/>
                  <a:gd name="connsiteX7" fmla="*/ 6942 w 10000"/>
                  <a:gd name="connsiteY7" fmla="*/ 4638 h 10000"/>
                  <a:gd name="connsiteX8" fmla="*/ 6674 w 10000"/>
                  <a:gd name="connsiteY8" fmla="*/ 4313 h 10000"/>
                  <a:gd name="connsiteX9" fmla="*/ 6835 w 10000"/>
                  <a:gd name="connsiteY9" fmla="*/ 4210 h 10000"/>
                  <a:gd name="connsiteX10" fmla="*/ 9628 w 10000"/>
                  <a:gd name="connsiteY10" fmla="*/ 3338 h 10000"/>
                  <a:gd name="connsiteX11" fmla="*/ 9866 w 10000"/>
                  <a:gd name="connsiteY11" fmla="*/ 3117 h 10000"/>
                  <a:gd name="connsiteX12" fmla="*/ 9893 w 10000"/>
                  <a:gd name="connsiteY12" fmla="*/ 3072 h 10000"/>
                  <a:gd name="connsiteX13" fmla="*/ 9919 w 10000"/>
                  <a:gd name="connsiteY13" fmla="*/ 3013 h 10000"/>
                  <a:gd name="connsiteX14" fmla="*/ 9919 w 10000"/>
                  <a:gd name="connsiteY14" fmla="*/ 2954 h 10000"/>
                  <a:gd name="connsiteX15" fmla="*/ 9893 w 10000"/>
                  <a:gd name="connsiteY15" fmla="*/ 2866 h 10000"/>
                  <a:gd name="connsiteX16" fmla="*/ 9707 w 10000"/>
                  <a:gd name="connsiteY16" fmla="*/ 2984 h 10000"/>
                  <a:gd name="connsiteX17" fmla="*/ 9495 w 10000"/>
                  <a:gd name="connsiteY17" fmla="*/ 3072 h 10000"/>
                  <a:gd name="connsiteX18" fmla="*/ 9281 w 10000"/>
                  <a:gd name="connsiteY18" fmla="*/ 3161 h 10000"/>
                  <a:gd name="connsiteX19" fmla="*/ 9069 w 10000"/>
                  <a:gd name="connsiteY19" fmla="*/ 3250 h 10000"/>
                  <a:gd name="connsiteX20" fmla="*/ 8589 w 10000"/>
                  <a:gd name="connsiteY20" fmla="*/ 3397 h 10000"/>
                  <a:gd name="connsiteX21" fmla="*/ 8085 w 10000"/>
                  <a:gd name="connsiteY21" fmla="*/ 3545 h 10000"/>
                  <a:gd name="connsiteX22" fmla="*/ 7580 w 10000"/>
                  <a:gd name="connsiteY22" fmla="*/ 3678 h 10000"/>
                  <a:gd name="connsiteX23" fmla="*/ 7100 w 10000"/>
                  <a:gd name="connsiteY23" fmla="*/ 3840 h 10000"/>
                  <a:gd name="connsiteX24" fmla="*/ 6861 w 10000"/>
                  <a:gd name="connsiteY24" fmla="*/ 3914 h 10000"/>
                  <a:gd name="connsiteX25" fmla="*/ 6649 w 10000"/>
                  <a:gd name="connsiteY25" fmla="*/ 4003 h 10000"/>
                  <a:gd name="connsiteX26" fmla="*/ 6437 w 10000"/>
                  <a:gd name="connsiteY26" fmla="*/ 4106 h 10000"/>
                  <a:gd name="connsiteX27" fmla="*/ 6222 w 10000"/>
                  <a:gd name="connsiteY27" fmla="*/ 4195 h 10000"/>
                  <a:gd name="connsiteX28" fmla="*/ 6382 w 10000"/>
                  <a:gd name="connsiteY28" fmla="*/ 4417 h 10000"/>
                  <a:gd name="connsiteX29" fmla="*/ 6490 w 10000"/>
                  <a:gd name="connsiteY29" fmla="*/ 4623 h 10000"/>
                  <a:gd name="connsiteX30" fmla="*/ 6595 w 10000"/>
                  <a:gd name="connsiteY30" fmla="*/ 4845 h 10000"/>
                  <a:gd name="connsiteX31" fmla="*/ 6674 w 10000"/>
                  <a:gd name="connsiteY31" fmla="*/ 5081 h 10000"/>
                  <a:gd name="connsiteX32" fmla="*/ 6729 w 10000"/>
                  <a:gd name="connsiteY32" fmla="*/ 5318 h 10000"/>
                  <a:gd name="connsiteX33" fmla="*/ 6756 w 10000"/>
                  <a:gd name="connsiteY33" fmla="*/ 5539 h 10000"/>
                  <a:gd name="connsiteX34" fmla="*/ 6780 w 10000"/>
                  <a:gd name="connsiteY34" fmla="*/ 5775 h 10000"/>
                  <a:gd name="connsiteX35" fmla="*/ 6780 w 10000"/>
                  <a:gd name="connsiteY35" fmla="*/ 5997 h 10000"/>
                  <a:gd name="connsiteX36" fmla="*/ 6756 w 10000"/>
                  <a:gd name="connsiteY36" fmla="*/ 6233 h 10000"/>
                  <a:gd name="connsiteX37" fmla="*/ 6702 w 10000"/>
                  <a:gd name="connsiteY37" fmla="*/ 6470 h 10000"/>
                  <a:gd name="connsiteX38" fmla="*/ 6649 w 10000"/>
                  <a:gd name="connsiteY38" fmla="*/ 6677 h 10000"/>
                  <a:gd name="connsiteX39" fmla="*/ 6569 w 10000"/>
                  <a:gd name="connsiteY39" fmla="*/ 6898 h 10000"/>
                  <a:gd name="connsiteX40" fmla="*/ 6463 w 10000"/>
                  <a:gd name="connsiteY40" fmla="*/ 7105 h 10000"/>
                  <a:gd name="connsiteX41" fmla="*/ 6330 w 10000"/>
                  <a:gd name="connsiteY41" fmla="*/ 7297 h 10000"/>
                  <a:gd name="connsiteX42" fmla="*/ 6170 w 10000"/>
                  <a:gd name="connsiteY42" fmla="*/ 7489 h 10000"/>
                  <a:gd name="connsiteX43" fmla="*/ 6010 w 10000"/>
                  <a:gd name="connsiteY43" fmla="*/ 7681 h 10000"/>
                  <a:gd name="connsiteX44" fmla="*/ 6780 w 10000"/>
                  <a:gd name="connsiteY44" fmla="*/ 7799 h 10000"/>
                  <a:gd name="connsiteX45" fmla="*/ 7580 w 10000"/>
                  <a:gd name="connsiteY45" fmla="*/ 7962 h 10000"/>
                  <a:gd name="connsiteX46" fmla="*/ 7738 w 10000"/>
                  <a:gd name="connsiteY46" fmla="*/ 8021 h 10000"/>
                  <a:gd name="connsiteX47" fmla="*/ 7872 w 10000"/>
                  <a:gd name="connsiteY47" fmla="*/ 8080 h 10000"/>
                  <a:gd name="connsiteX48" fmla="*/ 8004 w 10000"/>
                  <a:gd name="connsiteY48" fmla="*/ 8139 h 10000"/>
                  <a:gd name="connsiteX49" fmla="*/ 8085 w 10000"/>
                  <a:gd name="connsiteY49" fmla="*/ 8227 h 10000"/>
                  <a:gd name="connsiteX50" fmla="*/ 8112 w 10000"/>
                  <a:gd name="connsiteY50" fmla="*/ 8301 h 10000"/>
                  <a:gd name="connsiteX51" fmla="*/ 8112 w 10000"/>
                  <a:gd name="connsiteY51" fmla="*/ 8405 h 10000"/>
                  <a:gd name="connsiteX52" fmla="*/ 8059 w 10000"/>
                  <a:gd name="connsiteY52" fmla="*/ 8523 h 10000"/>
                  <a:gd name="connsiteX53" fmla="*/ 7978 w 10000"/>
                  <a:gd name="connsiteY53" fmla="*/ 8641 h 10000"/>
                  <a:gd name="connsiteX54" fmla="*/ 7633 w 10000"/>
                  <a:gd name="connsiteY54" fmla="*/ 8552 h 10000"/>
                  <a:gd name="connsiteX55" fmla="*/ 7313 w 10000"/>
                  <a:gd name="connsiteY55" fmla="*/ 8449 h 10000"/>
                  <a:gd name="connsiteX56" fmla="*/ 6994 w 10000"/>
                  <a:gd name="connsiteY56" fmla="*/ 8360 h 10000"/>
                  <a:gd name="connsiteX57" fmla="*/ 6674 w 10000"/>
                  <a:gd name="connsiteY57" fmla="*/ 8287 h 10000"/>
                  <a:gd name="connsiteX58" fmla="*/ 6541 w 10000"/>
                  <a:gd name="connsiteY58" fmla="*/ 8449 h 10000"/>
                  <a:gd name="connsiteX59" fmla="*/ 6437 w 10000"/>
                  <a:gd name="connsiteY59" fmla="*/ 8597 h 10000"/>
                  <a:gd name="connsiteX60" fmla="*/ 6382 w 10000"/>
                  <a:gd name="connsiteY60" fmla="*/ 8656 h 10000"/>
                  <a:gd name="connsiteX61" fmla="*/ 6276 w 10000"/>
                  <a:gd name="connsiteY61" fmla="*/ 8700 h 10000"/>
                  <a:gd name="connsiteX62" fmla="*/ 6197 w 10000"/>
                  <a:gd name="connsiteY62" fmla="*/ 8744 h 10000"/>
                  <a:gd name="connsiteX63" fmla="*/ 6117 w 10000"/>
                  <a:gd name="connsiteY63" fmla="*/ 8774 h 10000"/>
                  <a:gd name="connsiteX64" fmla="*/ 6037 w 10000"/>
                  <a:gd name="connsiteY64" fmla="*/ 8804 h 10000"/>
                  <a:gd name="connsiteX65" fmla="*/ 5931 w 10000"/>
                  <a:gd name="connsiteY65" fmla="*/ 8818 h 10000"/>
                  <a:gd name="connsiteX66" fmla="*/ 5797 w 10000"/>
                  <a:gd name="connsiteY66" fmla="*/ 8833 h 10000"/>
                  <a:gd name="connsiteX67" fmla="*/ 5665 w 10000"/>
                  <a:gd name="connsiteY67" fmla="*/ 8833 h 10000"/>
                  <a:gd name="connsiteX68" fmla="*/ 5347 w 10000"/>
                  <a:gd name="connsiteY68" fmla="*/ 8818 h 10000"/>
                  <a:gd name="connsiteX69" fmla="*/ 4946 w 10000"/>
                  <a:gd name="connsiteY69" fmla="*/ 8744 h 10000"/>
                  <a:gd name="connsiteX70" fmla="*/ 4946 w 10000"/>
                  <a:gd name="connsiteY70" fmla="*/ 8922 h 10000"/>
                  <a:gd name="connsiteX71" fmla="*/ 4919 w 10000"/>
                  <a:gd name="connsiteY71" fmla="*/ 9069 h 10000"/>
                  <a:gd name="connsiteX72" fmla="*/ 4894 w 10000"/>
                  <a:gd name="connsiteY72" fmla="*/ 9232 h 10000"/>
                  <a:gd name="connsiteX73" fmla="*/ 4867 w 10000"/>
                  <a:gd name="connsiteY73" fmla="*/ 9365 h 10000"/>
                  <a:gd name="connsiteX74" fmla="*/ 4813 w 10000"/>
                  <a:gd name="connsiteY74" fmla="*/ 9498 h 10000"/>
                  <a:gd name="connsiteX75" fmla="*/ 4708 w 10000"/>
                  <a:gd name="connsiteY75" fmla="*/ 9616 h 10000"/>
                  <a:gd name="connsiteX76" fmla="*/ 4628 w 10000"/>
                  <a:gd name="connsiteY76" fmla="*/ 9734 h 10000"/>
                  <a:gd name="connsiteX77" fmla="*/ 4494 w 10000"/>
                  <a:gd name="connsiteY77" fmla="*/ 9838 h 10000"/>
                  <a:gd name="connsiteX78" fmla="*/ 4173 w 10000"/>
                  <a:gd name="connsiteY78" fmla="*/ 9897 h 10000"/>
                  <a:gd name="connsiteX79" fmla="*/ 3910 w 10000"/>
                  <a:gd name="connsiteY79" fmla="*/ 9941 h 10000"/>
                  <a:gd name="connsiteX80" fmla="*/ 3590 w 10000"/>
                  <a:gd name="connsiteY80" fmla="*/ 9985 h 10000"/>
                  <a:gd name="connsiteX81" fmla="*/ 3351 w 10000"/>
                  <a:gd name="connsiteY81" fmla="*/ 10000 h 10000"/>
                  <a:gd name="connsiteX82" fmla="*/ 2819 w 10000"/>
                  <a:gd name="connsiteY82" fmla="*/ 10000 h 10000"/>
                  <a:gd name="connsiteX83" fmla="*/ 2313 w 10000"/>
                  <a:gd name="connsiteY83" fmla="*/ 9985 h 10000"/>
                  <a:gd name="connsiteX84" fmla="*/ 1836 w 10000"/>
                  <a:gd name="connsiteY84" fmla="*/ 9941 h 10000"/>
                  <a:gd name="connsiteX85" fmla="*/ 1330 w 10000"/>
                  <a:gd name="connsiteY85" fmla="*/ 9911 h 10000"/>
                  <a:gd name="connsiteX86" fmla="*/ 1038 w 10000"/>
                  <a:gd name="connsiteY86" fmla="*/ 9911 h 10000"/>
                  <a:gd name="connsiteX87" fmla="*/ 771 w 10000"/>
                  <a:gd name="connsiteY87" fmla="*/ 9911 h 10000"/>
                  <a:gd name="connsiteX88" fmla="*/ 479 w 10000"/>
                  <a:gd name="connsiteY88" fmla="*/ 9926 h 10000"/>
                  <a:gd name="connsiteX89" fmla="*/ 186 w 10000"/>
                  <a:gd name="connsiteY89" fmla="*/ 9970 h 10000"/>
                  <a:gd name="connsiteX90" fmla="*/ 107 w 10000"/>
                  <a:gd name="connsiteY90" fmla="*/ 9867 h 10000"/>
                  <a:gd name="connsiteX91" fmla="*/ 54 w 10000"/>
                  <a:gd name="connsiteY91" fmla="*/ 9793 h 10000"/>
                  <a:gd name="connsiteX92" fmla="*/ 0 w 10000"/>
                  <a:gd name="connsiteY92" fmla="*/ 9705 h 10000"/>
                  <a:gd name="connsiteX93" fmla="*/ 0 w 10000"/>
                  <a:gd name="connsiteY93" fmla="*/ 9601 h 10000"/>
                  <a:gd name="connsiteX94" fmla="*/ 54 w 10000"/>
                  <a:gd name="connsiteY94" fmla="*/ 9424 h 10000"/>
                  <a:gd name="connsiteX95" fmla="*/ 107 w 10000"/>
                  <a:gd name="connsiteY95" fmla="*/ 9202 h 10000"/>
                  <a:gd name="connsiteX96" fmla="*/ 158 w 10000"/>
                  <a:gd name="connsiteY96" fmla="*/ 8996 h 10000"/>
                  <a:gd name="connsiteX97" fmla="*/ 213 w 10000"/>
                  <a:gd name="connsiteY97" fmla="*/ 8759 h 10000"/>
                  <a:gd name="connsiteX98" fmla="*/ 239 w 10000"/>
                  <a:gd name="connsiteY98" fmla="*/ 8641 h 10000"/>
                  <a:gd name="connsiteX99" fmla="*/ 239 w 10000"/>
                  <a:gd name="connsiteY99" fmla="*/ 8538 h 10000"/>
                  <a:gd name="connsiteX100" fmla="*/ 213 w 10000"/>
                  <a:gd name="connsiteY100" fmla="*/ 8405 h 10000"/>
                  <a:gd name="connsiteX101" fmla="*/ 186 w 10000"/>
                  <a:gd name="connsiteY101" fmla="*/ 8287 h 10000"/>
                  <a:gd name="connsiteX102" fmla="*/ 452 w 10000"/>
                  <a:gd name="connsiteY102" fmla="*/ 8213 h 10000"/>
                  <a:gd name="connsiteX103" fmla="*/ 718 w 10000"/>
                  <a:gd name="connsiteY103" fmla="*/ 8139 h 10000"/>
                  <a:gd name="connsiteX104" fmla="*/ 984 w 10000"/>
                  <a:gd name="connsiteY104" fmla="*/ 8095 h 10000"/>
                  <a:gd name="connsiteX105" fmla="*/ 1277 w 10000"/>
                  <a:gd name="connsiteY105" fmla="*/ 8065 h 10000"/>
                  <a:gd name="connsiteX106" fmla="*/ 1807 w 10000"/>
                  <a:gd name="connsiteY106" fmla="*/ 8021 h 10000"/>
                  <a:gd name="connsiteX107" fmla="*/ 2341 w 10000"/>
                  <a:gd name="connsiteY107" fmla="*/ 7976 h 10000"/>
                  <a:gd name="connsiteX108" fmla="*/ 2580 w 10000"/>
                  <a:gd name="connsiteY108" fmla="*/ 7947 h 10000"/>
                  <a:gd name="connsiteX109" fmla="*/ 2819 w 10000"/>
                  <a:gd name="connsiteY109" fmla="*/ 7917 h 10000"/>
                  <a:gd name="connsiteX110" fmla="*/ 3030 w 10000"/>
                  <a:gd name="connsiteY110" fmla="*/ 7843 h 10000"/>
                  <a:gd name="connsiteX111" fmla="*/ 3244 w 10000"/>
                  <a:gd name="connsiteY111" fmla="*/ 7784 h 10000"/>
                  <a:gd name="connsiteX112" fmla="*/ 3431 w 10000"/>
                  <a:gd name="connsiteY112" fmla="*/ 7710 h 10000"/>
                  <a:gd name="connsiteX113" fmla="*/ 3590 w 10000"/>
                  <a:gd name="connsiteY113" fmla="*/ 7592 h 10000"/>
                  <a:gd name="connsiteX114" fmla="*/ 3750 w 10000"/>
                  <a:gd name="connsiteY114" fmla="*/ 7474 h 10000"/>
                  <a:gd name="connsiteX115" fmla="*/ 3856 w 10000"/>
                  <a:gd name="connsiteY115" fmla="*/ 7312 h 10000"/>
                  <a:gd name="connsiteX116" fmla="*/ 3644 w 10000"/>
                  <a:gd name="connsiteY116" fmla="*/ 7238 h 10000"/>
                  <a:gd name="connsiteX117" fmla="*/ 3456 w 10000"/>
                  <a:gd name="connsiteY117" fmla="*/ 7179 h 10000"/>
                  <a:gd name="connsiteX118" fmla="*/ 3297 w 10000"/>
                  <a:gd name="connsiteY118" fmla="*/ 7090 h 10000"/>
                  <a:gd name="connsiteX119" fmla="*/ 3139 w 10000"/>
                  <a:gd name="connsiteY119" fmla="*/ 6987 h 10000"/>
                  <a:gd name="connsiteX120" fmla="*/ 3030 w 10000"/>
                  <a:gd name="connsiteY120" fmla="*/ 6869 h 10000"/>
                  <a:gd name="connsiteX121" fmla="*/ 2980 w 10000"/>
                  <a:gd name="connsiteY121" fmla="*/ 6721 h 10000"/>
                  <a:gd name="connsiteX122" fmla="*/ 2952 w 10000"/>
                  <a:gd name="connsiteY122" fmla="*/ 6558 h 10000"/>
                  <a:gd name="connsiteX123" fmla="*/ 2980 w 10000"/>
                  <a:gd name="connsiteY123" fmla="*/ 6352 h 10000"/>
                  <a:gd name="connsiteX124" fmla="*/ 2846 w 10000"/>
                  <a:gd name="connsiteY124" fmla="*/ 6322 h 10000"/>
                  <a:gd name="connsiteX125" fmla="*/ 2687 w 10000"/>
                  <a:gd name="connsiteY125" fmla="*/ 6292 h 10000"/>
                  <a:gd name="connsiteX126" fmla="*/ 2501 w 10000"/>
                  <a:gd name="connsiteY126" fmla="*/ 6278 h 10000"/>
                  <a:gd name="connsiteX127" fmla="*/ 2313 w 10000"/>
                  <a:gd name="connsiteY127" fmla="*/ 6263 h 10000"/>
                  <a:gd name="connsiteX128" fmla="*/ 1942 w 10000"/>
                  <a:gd name="connsiteY128" fmla="*/ 6248 h 10000"/>
                  <a:gd name="connsiteX129" fmla="*/ 1543 w 10000"/>
                  <a:gd name="connsiteY129" fmla="*/ 6263 h 10000"/>
                  <a:gd name="connsiteX130" fmla="*/ 1198 w 10000"/>
                  <a:gd name="connsiteY130" fmla="*/ 6278 h 10000"/>
                  <a:gd name="connsiteX131" fmla="*/ 877 w 10000"/>
                  <a:gd name="connsiteY131" fmla="*/ 6278 h 10000"/>
                  <a:gd name="connsiteX132" fmla="*/ 613 w 10000"/>
                  <a:gd name="connsiteY132" fmla="*/ 6263 h 10000"/>
                  <a:gd name="connsiteX133" fmla="*/ 399 w 10000"/>
                  <a:gd name="connsiteY133" fmla="*/ 6233 h 10000"/>
                  <a:gd name="connsiteX134" fmla="*/ 663 w 10000"/>
                  <a:gd name="connsiteY134" fmla="*/ 5805 h 10000"/>
                  <a:gd name="connsiteX135" fmla="*/ 958 w 10000"/>
                  <a:gd name="connsiteY135" fmla="*/ 5391 h 10000"/>
                  <a:gd name="connsiteX136" fmla="*/ 1065 w 10000"/>
                  <a:gd name="connsiteY136" fmla="*/ 5170 h 10000"/>
                  <a:gd name="connsiteX137" fmla="*/ 1143 w 10000"/>
                  <a:gd name="connsiteY137" fmla="*/ 4963 h 10000"/>
                  <a:gd name="connsiteX138" fmla="*/ 1169 w 10000"/>
                  <a:gd name="connsiteY138" fmla="*/ 4860 h 10000"/>
                  <a:gd name="connsiteX139" fmla="*/ 1143 w 10000"/>
                  <a:gd name="connsiteY139" fmla="*/ 4756 h 10000"/>
                  <a:gd name="connsiteX140" fmla="*/ 1117 w 10000"/>
                  <a:gd name="connsiteY140" fmla="*/ 4653 h 10000"/>
                  <a:gd name="connsiteX141" fmla="*/ 1038 w 10000"/>
                  <a:gd name="connsiteY141" fmla="*/ 4549 h 10000"/>
                  <a:gd name="connsiteX142" fmla="*/ 1330 w 10000"/>
                  <a:gd name="connsiteY142" fmla="*/ 4520 h 10000"/>
                  <a:gd name="connsiteX143" fmla="*/ 1543 w 10000"/>
                  <a:gd name="connsiteY143" fmla="*/ 4505 h 10000"/>
                  <a:gd name="connsiteX144" fmla="*/ 1729 w 10000"/>
                  <a:gd name="connsiteY144" fmla="*/ 4505 h 10000"/>
                  <a:gd name="connsiteX145" fmla="*/ 1888 w 10000"/>
                  <a:gd name="connsiteY145" fmla="*/ 4520 h 10000"/>
                  <a:gd name="connsiteX146" fmla="*/ 2022 w 10000"/>
                  <a:gd name="connsiteY146" fmla="*/ 4520 h 10000"/>
                  <a:gd name="connsiteX147" fmla="*/ 2181 w 10000"/>
                  <a:gd name="connsiteY147" fmla="*/ 4520 h 10000"/>
                  <a:gd name="connsiteX148" fmla="*/ 2341 w 10000"/>
                  <a:gd name="connsiteY148" fmla="*/ 4490 h 10000"/>
                  <a:gd name="connsiteX149" fmla="*/ 2552 w 10000"/>
                  <a:gd name="connsiteY149" fmla="*/ 4446 h 10000"/>
                  <a:gd name="connsiteX150" fmla="*/ 2552 w 10000"/>
                  <a:gd name="connsiteY150" fmla="*/ 4579 h 10000"/>
                  <a:gd name="connsiteX151" fmla="*/ 2552 w 10000"/>
                  <a:gd name="connsiteY151" fmla="*/ 4742 h 10000"/>
                  <a:gd name="connsiteX152" fmla="*/ 2552 w 10000"/>
                  <a:gd name="connsiteY152" fmla="*/ 4874 h 10000"/>
                  <a:gd name="connsiteX153" fmla="*/ 2552 w 10000"/>
                  <a:gd name="connsiteY153" fmla="*/ 5037 h 10000"/>
                  <a:gd name="connsiteX154" fmla="*/ 2792 w 10000"/>
                  <a:gd name="connsiteY154" fmla="*/ 5022 h 10000"/>
                  <a:gd name="connsiteX155" fmla="*/ 2952 w 10000"/>
                  <a:gd name="connsiteY155" fmla="*/ 5037 h 10000"/>
                  <a:gd name="connsiteX156" fmla="*/ 3085 w 10000"/>
                  <a:gd name="connsiteY156" fmla="*/ 5066 h 10000"/>
                  <a:gd name="connsiteX157" fmla="*/ 3218 w 10000"/>
                  <a:gd name="connsiteY157" fmla="*/ 5096 h 10000"/>
                  <a:gd name="connsiteX158" fmla="*/ 3325 w 10000"/>
                  <a:gd name="connsiteY158" fmla="*/ 5126 h 10000"/>
                  <a:gd name="connsiteX159" fmla="*/ 3456 w 10000"/>
                  <a:gd name="connsiteY159" fmla="*/ 5155 h 10000"/>
                  <a:gd name="connsiteX160" fmla="*/ 3617 w 10000"/>
                  <a:gd name="connsiteY160" fmla="*/ 5170 h 10000"/>
                  <a:gd name="connsiteX161" fmla="*/ 3856 w 10000"/>
                  <a:gd name="connsiteY161" fmla="*/ 5155 h 10000"/>
                  <a:gd name="connsiteX162" fmla="*/ 3936 w 10000"/>
                  <a:gd name="connsiteY162" fmla="*/ 5096 h 10000"/>
                  <a:gd name="connsiteX163" fmla="*/ 4015 w 10000"/>
                  <a:gd name="connsiteY163" fmla="*/ 5022 h 10000"/>
                  <a:gd name="connsiteX164" fmla="*/ 4042 w 10000"/>
                  <a:gd name="connsiteY164" fmla="*/ 4934 h 10000"/>
                  <a:gd name="connsiteX165" fmla="*/ 4070 w 10000"/>
                  <a:gd name="connsiteY165" fmla="*/ 4860 h 10000"/>
                  <a:gd name="connsiteX166" fmla="*/ 4095 w 10000"/>
                  <a:gd name="connsiteY166" fmla="*/ 4697 h 10000"/>
                  <a:gd name="connsiteX167" fmla="*/ 4070 w 10000"/>
                  <a:gd name="connsiteY167" fmla="*/ 4520 h 10000"/>
                  <a:gd name="connsiteX168" fmla="*/ 3989 w 10000"/>
                  <a:gd name="connsiteY168" fmla="*/ 4343 h 10000"/>
                  <a:gd name="connsiteX169" fmla="*/ 3910 w 10000"/>
                  <a:gd name="connsiteY169" fmla="*/ 4195 h 10000"/>
                  <a:gd name="connsiteX170" fmla="*/ 3776 w 10000"/>
                  <a:gd name="connsiteY170" fmla="*/ 4047 h 10000"/>
                  <a:gd name="connsiteX171" fmla="*/ 3644 w 10000"/>
                  <a:gd name="connsiteY171" fmla="*/ 3959 h 10000"/>
                  <a:gd name="connsiteX172" fmla="*/ 3803 w 10000"/>
                  <a:gd name="connsiteY172" fmla="*/ 3944 h 10000"/>
                  <a:gd name="connsiteX173" fmla="*/ 3936 w 10000"/>
                  <a:gd name="connsiteY173" fmla="*/ 3914 h 10000"/>
                  <a:gd name="connsiteX174" fmla="*/ 4042 w 10000"/>
                  <a:gd name="connsiteY174" fmla="*/ 3855 h 10000"/>
                  <a:gd name="connsiteX175" fmla="*/ 4173 w 10000"/>
                  <a:gd name="connsiteY175" fmla="*/ 3752 h 10000"/>
                  <a:gd name="connsiteX176" fmla="*/ 4308 w 10000"/>
                  <a:gd name="connsiteY176" fmla="*/ 3663 h 10000"/>
                  <a:gd name="connsiteX177" fmla="*/ 4414 w 10000"/>
                  <a:gd name="connsiteY177" fmla="*/ 3560 h 10000"/>
                  <a:gd name="connsiteX178" fmla="*/ 4494 w 10000"/>
                  <a:gd name="connsiteY178" fmla="*/ 3442 h 10000"/>
                  <a:gd name="connsiteX179" fmla="*/ 4575 w 10000"/>
                  <a:gd name="connsiteY179" fmla="*/ 3323 h 10000"/>
                  <a:gd name="connsiteX180" fmla="*/ 4628 w 10000"/>
                  <a:gd name="connsiteY180" fmla="*/ 3220 h 10000"/>
                  <a:gd name="connsiteX181" fmla="*/ 4653 w 10000"/>
                  <a:gd name="connsiteY181" fmla="*/ 3102 h 10000"/>
                  <a:gd name="connsiteX182" fmla="*/ 4681 w 10000"/>
                  <a:gd name="connsiteY182" fmla="*/ 3013 h 10000"/>
                  <a:gd name="connsiteX183" fmla="*/ 4653 w 10000"/>
                  <a:gd name="connsiteY183" fmla="*/ 2939 h 10000"/>
                  <a:gd name="connsiteX184" fmla="*/ 4628 w 10000"/>
                  <a:gd name="connsiteY184" fmla="*/ 2866 h 10000"/>
                  <a:gd name="connsiteX185" fmla="*/ 4548 w 10000"/>
                  <a:gd name="connsiteY185" fmla="*/ 2836 h 10000"/>
                  <a:gd name="connsiteX186" fmla="*/ 4442 w 10000"/>
                  <a:gd name="connsiteY186" fmla="*/ 2836 h 10000"/>
                  <a:gd name="connsiteX187" fmla="*/ 4308 w 10000"/>
                  <a:gd name="connsiteY187" fmla="*/ 2866 h 10000"/>
                  <a:gd name="connsiteX188" fmla="*/ 4414 w 10000"/>
                  <a:gd name="connsiteY188" fmla="*/ 2777 h 10000"/>
                  <a:gd name="connsiteX189" fmla="*/ 4469 w 10000"/>
                  <a:gd name="connsiteY189" fmla="*/ 2674 h 10000"/>
                  <a:gd name="connsiteX190" fmla="*/ 4494 w 10000"/>
                  <a:gd name="connsiteY190" fmla="*/ 2541 h 10000"/>
                  <a:gd name="connsiteX191" fmla="*/ 4494 w 10000"/>
                  <a:gd name="connsiteY191" fmla="*/ 2393 h 10000"/>
                  <a:gd name="connsiteX192" fmla="*/ 4520 w 10000"/>
                  <a:gd name="connsiteY192" fmla="*/ 2349 h 10000"/>
                  <a:gd name="connsiteX193" fmla="*/ 4575 w 10000"/>
                  <a:gd name="connsiteY193" fmla="*/ 2304 h 10000"/>
                  <a:gd name="connsiteX194" fmla="*/ 4628 w 10000"/>
                  <a:gd name="connsiteY194" fmla="*/ 2290 h 10000"/>
                  <a:gd name="connsiteX195" fmla="*/ 4708 w 10000"/>
                  <a:gd name="connsiteY195" fmla="*/ 2275 h 10000"/>
                  <a:gd name="connsiteX196" fmla="*/ 4946 w 10000"/>
                  <a:gd name="connsiteY196" fmla="*/ 2260 h 10000"/>
                  <a:gd name="connsiteX197" fmla="*/ 5158 w 10000"/>
                  <a:gd name="connsiteY197" fmla="*/ 2275 h 10000"/>
                  <a:gd name="connsiteX198" fmla="*/ 5132 w 10000"/>
                  <a:gd name="connsiteY198" fmla="*/ 2112 h 10000"/>
                  <a:gd name="connsiteX199" fmla="*/ 5080 w 10000"/>
                  <a:gd name="connsiteY199" fmla="*/ 1950 h 10000"/>
                  <a:gd name="connsiteX200" fmla="*/ 4999 w 10000"/>
                  <a:gd name="connsiteY200" fmla="*/ 1802 h 10000"/>
                  <a:gd name="connsiteX201" fmla="*/ 4894 w 10000"/>
                  <a:gd name="connsiteY201" fmla="*/ 1640 h 10000"/>
                  <a:gd name="connsiteX202" fmla="*/ 4628 w 10000"/>
                  <a:gd name="connsiteY202" fmla="*/ 1329 h 10000"/>
                  <a:gd name="connsiteX203" fmla="*/ 4362 w 10000"/>
                  <a:gd name="connsiteY203" fmla="*/ 1034 h 10000"/>
                  <a:gd name="connsiteX204" fmla="*/ 4228 w 10000"/>
                  <a:gd name="connsiteY204" fmla="*/ 901 h 10000"/>
                  <a:gd name="connsiteX205" fmla="*/ 4124 w 10000"/>
                  <a:gd name="connsiteY205" fmla="*/ 753 h 10000"/>
                  <a:gd name="connsiteX206" fmla="*/ 4042 w 10000"/>
                  <a:gd name="connsiteY206" fmla="*/ 620 h 10000"/>
                  <a:gd name="connsiteX207" fmla="*/ 4015 w 10000"/>
                  <a:gd name="connsiteY207" fmla="*/ 487 h 10000"/>
                  <a:gd name="connsiteX208" fmla="*/ 3989 w 10000"/>
                  <a:gd name="connsiteY208" fmla="*/ 355 h 10000"/>
                  <a:gd name="connsiteX209" fmla="*/ 4042 w 10000"/>
                  <a:gd name="connsiteY209" fmla="*/ 222 h 10000"/>
                  <a:gd name="connsiteX210" fmla="*/ 4070 w 10000"/>
                  <a:gd name="connsiteY210" fmla="*/ 162 h 10000"/>
                  <a:gd name="connsiteX211" fmla="*/ 4124 w 10000"/>
                  <a:gd name="connsiteY211" fmla="*/ 103 h 10000"/>
                  <a:gd name="connsiteX212" fmla="*/ 4203 w 10000"/>
                  <a:gd name="connsiteY212" fmla="*/ 59 h 10000"/>
                  <a:gd name="connsiteX213" fmla="*/ 4308 w 10000"/>
                  <a:gd name="connsiteY213" fmla="*/ 0 h 10000"/>
                  <a:gd name="connsiteX214" fmla="*/ 4494 w 10000"/>
                  <a:gd name="connsiteY214" fmla="*/ 0 h 10000"/>
                  <a:gd name="connsiteX215" fmla="*/ 4681 w 10000"/>
                  <a:gd name="connsiteY215" fmla="*/ 15 h 10000"/>
                  <a:gd name="connsiteX216" fmla="*/ 4867 w 10000"/>
                  <a:gd name="connsiteY216" fmla="*/ 44 h 10000"/>
                  <a:gd name="connsiteX217" fmla="*/ 4999 w 10000"/>
                  <a:gd name="connsiteY217" fmla="*/ 89 h 10000"/>
                  <a:gd name="connsiteX218" fmla="*/ 5213 w 10000"/>
                  <a:gd name="connsiteY218" fmla="*/ 192 h 10000"/>
                  <a:gd name="connsiteX219" fmla="*/ 5425 w 10000"/>
                  <a:gd name="connsiteY219" fmla="*/ 340 h 10000"/>
                  <a:gd name="connsiteX220" fmla="*/ 5585 w 10000"/>
                  <a:gd name="connsiteY220" fmla="*/ 473 h 10000"/>
                  <a:gd name="connsiteX221" fmla="*/ 5797 w 10000"/>
                  <a:gd name="connsiteY221" fmla="*/ 591 h 10000"/>
                  <a:gd name="connsiteX222" fmla="*/ 5931 w 10000"/>
                  <a:gd name="connsiteY222" fmla="*/ 650 h 10000"/>
                  <a:gd name="connsiteX223" fmla="*/ 6090 w 10000"/>
                  <a:gd name="connsiteY223" fmla="*/ 679 h 10000"/>
                  <a:gd name="connsiteX224" fmla="*/ 6251 w 10000"/>
                  <a:gd name="connsiteY224" fmla="*/ 709 h 10000"/>
                  <a:gd name="connsiteX225" fmla="*/ 6463 w 10000"/>
                  <a:gd name="connsiteY225" fmla="*/ 709 h 10000"/>
                  <a:gd name="connsiteX226" fmla="*/ 6463 w 10000"/>
                  <a:gd name="connsiteY226" fmla="*/ 768 h 10000"/>
                  <a:gd name="connsiteX227" fmla="*/ 6490 w 10000"/>
                  <a:gd name="connsiteY227" fmla="*/ 842 h 10000"/>
                  <a:gd name="connsiteX228" fmla="*/ 6541 w 10000"/>
                  <a:gd name="connsiteY228" fmla="*/ 916 h 10000"/>
                  <a:gd name="connsiteX229" fmla="*/ 6595 w 10000"/>
                  <a:gd name="connsiteY229" fmla="*/ 990 h 10000"/>
                  <a:gd name="connsiteX230" fmla="*/ 6674 w 10000"/>
                  <a:gd name="connsiteY230" fmla="*/ 1049 h 10000"/>
                  <a:gd name="connsiteX231" fmla="*/ 6780 w 10000"/>
                  <a:gd name="connsiteY231" fmla="*/ 1108 h 10000"/>
                  <a:gd name="connsiteX232" fmla="*/ 6914 w 10000"/>
                  <a:gd name="connsiteY232" fmla="*/ 1182 h 10000"/>
                  <a:gd name="connsiteX233" fmla="*/ 7020 w 10000"/>
                  <a:gd name="connsiteY233" fmla="*/ 1226 h 10000"/>
                  <a:gd name="connsiteX234" fmla="*/ 7127 w 10000"/>
                  <a:gd name="connsiteY234" fmla="*/ 1270 h 10000"/>
                  <a:gd name="connsiteX235" fmla="*/ 7234 w 10000"/>
                  <a:gd name="connsiteY235" fmla="*/ 1300 h 10000"/>
                  <a:gd name="connsiteX236" fmla="*/ 7340 w 10000"/>
                  <a:gd name="connsiteY236" fmla="*/ 1315 h 10000"/>
                  <a:gd name="connsiteX237" fmla="*/ 7474 w 10000"/>
                  <a:gd name="connsiteY237" fmla="*/ 1300 h 10000"/>
                  <a:gd name="connsiteX238" fmla="*/ 7580 w 10000"/>
                  <a:gd name="connsiteY238" fmla="*/ 1285 h 10000"/>
                  <a:gd name="connsiteX239" fmla="*/ 7659 w 10000"/>
                  <a:gd name="connsiteY239" fmla="*/ 1241 h 10000"/>
                  <a:gd name="connsiteX240" fmla="*/ 7714 w 10000"/>
                  <a:gd name="connsiteY240" fmla="*/ 1167 h 10000"/>
                  <a:gd name="connsiteX241" fmla="*/ 7738 w 10000"/>
                  <a:gd name="connsiteY241" fmla="*/ 1064 h 10000"/>
                  <a:gd name="connsiteX242" fmla="*/ 8138 w 10000"/>
                  <a:gd name="connsiteY242" fmla="*/ 1034 h 10000"/>
                  <a:gd name="connsiteX243" fmla="*/ 8509 w 10000"/>
                  <a:gd name="connsiteY243" fmla="*/ 1004 h 10000"/>
                  <a:gd name="connsiteX244" fmla="*/ 8830 w 10000"/>
                  <a:gd name="connsiteY244" fmla="*/ 990 h 10000"/>
                  <a:gd name="connsiteX245" fmla="*/ 9123 w 10000"/>
                  <a:gd name="connsiteY245" fmla="*/ 1004 h 10000"/>
                  <a:gd name="connsiteX246" fmla="*/ 9256 w 10000"/>
                  <a:gd name="connsiteY246" fmla="*/ 1019 h 10000"/>
                  <a:gd name="connsiteX247" fmla="*/ 9387 w 10000"/>
                  <a:gd name="connsiteY247" fmla="*/ 1034 h 10000"/>
                  <a:gd name="connsiteX248" fmla="*/ 9495 w 10000"/>
                  <a:gd name="connsiteY248" fmla="*/ 1064 h 10000"/>
                  <a:gd name="connsiteX249" fmla="*/ 9628 w 10000"/>
                  <a:gd name="connsiteY249" fmla="*/ 1108 h 10000"/>
                  <a:gd name="connsiteX250" fmla="*/ 9707 w 10000"/>
                  <a:gd name="connsiteY250" fmla="*/ 1182 h 10000"/>
                  <a:gd name="connsiteX251" fmla="*/ 9786 w 10000"/>
                  <a:gd name="connsiteY251" fmla="*/ 1241 h 10000"/>
                  <a:gd name="connsiteX252" fmla="*/ 9841 w 10000"/>
                  <a:gd name="connsiteY252" fmla="*/ 1329 h 10000"/>
                  <a:gd name="connsiteX253" fmla="*/ 9893 w 10000"/>
                  <a:gd name="connsiteY253" fmla="*/ 1433 h 10000"/>
                  <a:gd name="connsiteX254" fmla="*/ 9946 w 10000"/>
                  <a:gd name="connsiteY254" fmla="*/ 1551 h 10000"/>
                  <a:gd name="connsiteX255" fmla="*/ 9919 w 10000"/>
                  <a:gd name="connsiteY255" fmla="*/ 1625 h 10000"/>
                  <a:gd name="connsiteX256" fmla="*/ 9893 w 10000"/>
                  <a:gd name="connsiteY256" fmla="*/ 1684 h 10000"/>
                  <a:gd name="connsiteX257" fmla="*/ 9841 w 10000"/>
                  <a:gd name="connsiteY257" fmla="*/ 1758 h 10000"/>
                  <a:gd name="connsiteX258" fmla="*/ 9761 w 10000"/>
                  <a:gd name="connsiteY258" fmla="*/ 1802 h 10000"/>
                  <a:gd name="connsiteX259" fmla="*/ 9707 w 10000"/>
                  <a:gd name="connsiteY259" fmla="*/ 1861 h 10000"/>
                  <a:gd name="connsiteX260" fmla="*/ 9682 w 10000"/>
                  <a:gd name="connsiteY260" fmla="*/ 1935 h 10000"/>
                  <a:gd name="connsiteX261" fmla="*/ 9707 w 10000"/>
                  <a:gd name="connsiteY261" fmla="*/ 2024 h 10000"/>
                  <a:gd name="connsiteX262" fmla="*/ 10000 w 10000"/>
                  <a:gd name="connsiteY262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7100 w 10000"/>
                  <a:gd name="connsiteY4" fmla="*/ 4801 h 10000"/>
                  <a:gd name="connsiteX5" fmla="*/ 7020 w 10000"/>
                  <a:gd name="connsiteY5" fmla="*/ 4727 h 10000"/>
                  <a:gd name="connsiteX6" fmla="*/ 6942 w 10000"/>
                  <a:gd name="connsiteY6" fmla="*/ 4638 h 10000"/>
                  <a:gd name="connsiteX7" fmla="*/ 6674 w 10000"/>
                  <a:gd name="connsiteY7" fmla="*/ 4313 h 10000"/>
                  <a:gd name="connsiteX8" fmla="*/ 6835 w 10000"/>
                  <a:gd name="connsiteY8" fmla="*/ 4210 h 10000"/>
                  <a:gd name="connsiteX9" fmla="*/ 9628 w 10000"/>
                  <a:gd name="connsiteY9" fmla="*/ 3338 h 10000"/>
                  <a:gd name="connsiteX10" fmla="*/ 9866 w 10000"/>
                  <a:gd name="connsiteY10" fmla="*/ 3117 h 10000"/>
                  <a:gd name="connsiteX11" fmla="*/ 9893 w 10000"/>
                  <a:gd name="connsiteY11" fmla="*/ 3072 h 10000"/>
                  <a:gd name="connsiteX12" fmla="*/ 9919 w 10000"/>
                  <a:gd name="connsiteY12" fmla="*/ 3013 h 10000"/>
                  <a:gd name="connsiteX13" fmla="*/ 9919 w 10000"/>
                  <a:gd name="connsiteY13" fmla="*/ 2954 h 10000"/>
                  <a:gd name="connsiteX14" fmla="*/ 9893 w 10000"/>
                  <a:gd name="connsiteY14" fmla="*/ 2866 h 10000"/>
                  <a:gd name="connsiteX15" fmla="*/ 9707 w 10000"/>
                  <a:gd name="connsiteY15" fmla="*/ 2984 h 10000"/>
                  <a:gd name="connsiteX16" fmla="*/ 9495 w 10000"/>
                  <a:gd name="connsiteY16" fmla="*/ 3072 h 10000"/>
                  <a:gd name="connsiteX17" fmla="*/ 9281 w 10000"/>
                  <a:gd name="connsiteY17" fmla="*/ 3161 h 10000"/>
                  <a:gd name="connsiteX18" fmla="*/ 9069 w 10000"/>
                  <a:gd name="connsiteY18" fmla="*/ 3250 h 10000"/>
                  <a:gd name="connsiteX19" fmla="*/ 8589 w 10000"/>
                  <a:gd name="connsiteY19" fmla="*/ 3397 h 10000"/>
                  <a:gd name="connsiteX20" fmla="*/ 8085 w 10000"/>
                  <a:gd name="connsiteY20" fmla="*/ 3545 h 10000"/>
                  <a:gd name="connsiteX21" fmla="*/ 7580 w 10000"/>
                  <a:gd name="connsiteY21" fmla="*/ 3678 h 10000"/>
                  <a:gd name="connsiteX22" fmla="*/ 7100 w 10000"/>
                  <a:gd name="connsiteY22" fmla="*/ 3840 h 10000"/>
                  <a:gd name="connsiteX23" fmla="*/ 6861 w 10000"/>
                  <a:gd name="connsiteY23" fmla="*/ 3914 h 10000"/>
                  <a:gd name="connsiteX24" fmla="*/ 6649 w 10000"/>
                  <a:gd name="connsiteY24" fmla="*/ 4003 h 10000"/>
                  <a:gd name="connsiteX25" fmla="*/ 6437 w 10000"/>
                  <a:gd name="connsiteY25" fmla="*/ 4106 h 10000"/>
                  <a:gd name="connsiteX26" fmla="*/ 6222 w 10000"/>
                  <a:gd name="connsiteY26" fmla="*/ 4195 h 10000"/>
                  <a:gd name="connsiteX27" fmla="*/ 6382 w 10000"/>
                  <a:gd name="connsiteY27" fmla="*/ 4417 h 10000"/>
                  <a:gd name="connsiteX28" fmla="*/ 6490 w 10000"/>
                  <a:gd name="connsiteY28" fmla="*/ 4623 h 10000"/>
                  <a:gd name="connsiteX29" fmla="*/ 6595 w 10000"/>
                  <a:gd name="connsiteY29" fmla="*/ 4845 h 10000"/>
                  <a:gd name="connsiteX30" fmla="*/ 6674 w 10000"/>
                  <a:gd name="connsiteY30" fmla="*/ 5081 h 10000"/>
                  <a:gd name="connsiteX31" fmla="*/ 6729 w 10000"/>
                  <a:gd name="connsiteY31" fmla="*/ 5318 h 10000"/>
                  <a:gd name="connsiteX32" fmla="*/ 6756 w 10000"/>
                  <a:gd name="connsiteY32" fmla="*/ 5539 h 10000"/>
                  <a:gd name="connsiteX33" fmla="*/ 6780 w 10000"/>
                  <a:gd name="connsiteY33" fmla="*/ 5775 h 10000"/>
                  <a:gd name="connsiteX34" fmla="*/ 6780 w 10000"/>
                  <a:gd name="connsiteY34" fmla="*/ 5997 h 10000"/>
                  <a:gd name="connsiteX35" fmla="*/ 6756 w 10000"/>
                  <a:gd name="connsiteY35" fmla="*/ 6233 h 10000"/>
                  <a:gd name="connsiteX36" fmla="*/ 6702 w 10000"/>
                  <a:gd name="connsiteY36" fmla="*/ 6470 h 10000"/>
                  <a:gd name="connsiteX37" fmla="*/ 6649 w 10000"/>
                  <a:gd name="connsiteY37" fmla="*/ 6677 h 10000"/>
                  <a:gd name="connsiteX38" fmla="*/ 6569 w 10000"/>
                  <a:gd name="connsiteY38" fmla="*/ 6898 h 10000"/>
                  <a:gd name="connsiteX39" fmla="*/ 6463 w 10000"/>
                  <a:gd name="connsiteY39" fmla="*/ 7105 h 10000"/>
                  <a:gd name="connsiteX40" fmla="*/ 6330 w 10000"/>
                  <a:gd name="connsiteY40" fmla="*/ 7297 h 10000"/>
                  <a:gd name="connsiteX41" fmla="*/ 6170 w 10000"/>
                  <a:gd name="connsiteY41" fmla="*/ 7489 h 10000"/>
                  <a:gd name="connsiteX42" fmla="*/ 6010 w 10000"/>
                  <a:gd name="connsiteY42" fmla="*/ 7681 h 10000"/>
                  <a:gd name="connsiteX43" fmla="*/ 6780 w 10000"/>
                  <a:gd name="connsiteY43" fmla="*/ 7799 h 10000"/>
                  <a:gd name="connsiteX44" fmla="*/ 7580 w 10000"/>
                  <a:gd name="connsiteY44" fmla="*/ 7962 h 10000"/>
                  <a:gd name="connsiteX45" fmla="*/ 7738 w 10000"/>
                  <a:gd name="connsiteY45" fmla="*/ 8021 h 10000"/>
                  <a:gd name="connsiteX46" fmla="*/ 7872 w 10000"/>
                  <a:gd name="connsiteY46" fmla="*/ 8080 h 10000"/>
                  <a:gd name="connsiteX47" fmla="*/ 8004 w 10000"/>
                  <a:gd name="connsiteY47" fmla="*/ 8139 h 10000"/>
                  <a:gd name="connsiteX48" fmla="*/ 8085 w 10000"/>
                  <a:gd name="connsiteY48" fmla="*/ 8227 h 10000"/>
                  <a:gd name="connsiteX49" fmla="*/ 8112 w 10000"/>
                  <a:gd name="connsiteY49" fmla="*/ 8301 h 10000"/>
                  <a:gd name="connsiteX50" fmla="*/ 8112 w 10000"/>
                  <a:gd name="connsiteY50" fmla="*/ 8405 h 10000"/>
                  <a:gd name="connsiteX51" fmla="*/ 8059 w 10000"/>
                  <a:gd name="connsiteY51" fmla="*/ 8523 h 10000"/>
                  <a:gd name="connsiteX52" fmla="*/ 7978 w 10000"/>
                  <a:gd name="connsiteY52" fmla="*/ 8641 h 10000"/>
                  <a:gd name="connsiteX53" fmla="*/ 7633 w 10000"/>
                  <a:gd name="connsiteY53" fmla="*/ 8552 h 10000"/>
                  <a:gd name="connsiteX54" fmla="*/ 7313 w 10000"/>
                  <a:gd name="connsiteY54" fmla="*/ 8449 h 10000"/>
                  <a:gd name="connsiteX55" fmla="*/ 6994 w 10000"/>
                  <a:gd name="connsiteY55" fmla="*/ 8360 h 10000"/>
                  <a:gd name="connsiteX56" fmla="*/ 6674 w 10000"/>
                  <a:gd name="connsiteY56" fmla="*/ 8287 h 10000"/>
                  <a:gd name="connsiteX57" fmla="*/ 6541 w 10000"/>
                  <a:gd name="connsiteY57" fmla="*/ 8449 h 10000"/>
                  <a:gd name="connsiteX58" fmla="*/ 6437 w 10000"/>
                  <a:gd name="connsiteY58" fmla="*/ 8597 h 10000"/>
                  <a:gd name="connsiteX59" fmla="*/ 6382 w 10000"/>
                  <a:gd name="connsiteY59" fmla="*/ 8656 h 10000"/>
                  <a:gd name="connsiteX60" fmla="*/ 6276 w 10000"/>
                  <a:gd name="connsiteY60" fmla="*/ 8700 h 10000"/>
                  <a:gd name="connsiteX61" fmla="*/ 6197 w 10000"/>
                  <a:gd name="connsiteY61" fmla="*/ 8744 h 10000"/>
                  <a:gd name="connsiteX62" fmla="*/ 6117 w 10000"/>
                  <a:gd name="connsiteY62" fmla="*/ 8774 h 10000"/>
                  <a:gd name="connsiteX63" fmla="*/ 6037 w 10000"/>
                  <a:gd name="connsiteY63" fmla="*/ 8804 h 10000"/>
                  <a:gd name="connsiteX64" fmla="*/ 5931 w 10000"/>
                  <a:gd name="connsiteY64" fmla="*/ 8818 h 10000"/>
                  <a:gd name="connsiteX65" fmla="*/ 5797 w 10000"/>
                  <a:gd name="connsiteY65" fmla="*/ 8833 h 10000"/>
                  <a:gd name="connsiteX66" fmla="*/ 5665 w 10000"/>
                  <a:gd name="connsiteY66" fmla="*/ 8833 h 10000"/>
                  <a:gd name="connsiteX67" fmla="*/ 5347 w 10000"/>
                  <a:gd name="connsiteY67" fmla="*/ 8818 h 10000"/>
                  <a:gd name="connsiteX68" fmla="*/ 4946 w 10000"/>
                  <a:gd name="connsiteY68" fmla="*/ 8744 h 10000"/>
                  <a:gd name="connsiteX69" fmla="*/ 4946 w 10000"/>
                  <a:gd name="connsiteY69" fmla="*/ 8922 h 10000"/>
                  <a:gd name="connsiteX70" fmla="*/ 4919 w 10000"/>
                  <a:gd name="connsiteY70" fmla="*/ 9069 h 10000"/>
                  <a:gd name="connsiteX71" fmla="*/ 4894 w 10000"/>
                  <a:gd name="connsiteY71" fmla="*/ 9232 h 10000"/>
                  <a:gd name="connsiteX72" fmla="*/ 4867 w 10000"/>
                  <a:gd name="connsiteY72" fmla="*/ 9365 h 10000"/>
                  <a:gd name="connsiteX73" fmla="*/ 4813 w 10000"/>
                  <a:gd name="connsiteY73" fmla="*/ 9498 h 10000"/>
                  <a:gd name="connsiteX74" fmla="*/ 4708 w 10000"/>
                  <a:gd name="connsiteY74" fmla="*/ 9616 h 10000"/>
                  <a:gd name="connsiteX75" fmla="*/ 4628 w 10000"/>
                  <a:gd name="connsiteY75" fmla="*/ 9734 h 10000"/>
                  <a:gd name="connsiteX76" fmla="*/ 4494 w 10000"/>
                  <a:gd name="connsiteY76" fmla="*/ 9838 h 10000"/>
                  <a:gd name="connsiteX77" fmla="*/ 4173 w 10000"/>
                  <a:gd name="connsiteY77" fmla="*/ 9897 h 10000"/>
                  <a:gd name="connsiteX78" fmla="*/ 3910 w 10000"/>
                  <a:gd name="connsiteY78" fmla="*/ 9941 h 10000"/>
                  <a:gd name="connsiteX79" fmla="*/ 3590 w 10000"/>
                  <a:gd name="connsiteY79" fmla="*/ 9985 h 10000"/>
                  <a:gd name="connsiteX80" fmla="*/ 3351 w 10000"/>
                  <a:gd name="connsiteY80" fmla="*/ 10000 h 10000"/>
                  <a:gd name="connsiteX81" fmla="*/ 2819 w 10000"/>
                  <a:gd name="connsiteY81" fmla="*/ 10000 h 10000"/>
                  <a:gd name="connsiteX82" fmla="*/ 2313 w 10000"/>
                  <a:gd name="connsiteY82" fmla="*/ 9985 h 10000"/>
                  <a:gd name="connsiteX83" fmla="*/ 1836 w 10000"/>
                  <a:gd name="connsiteY83" fmla="*/ 9941 h 10000"/>
                  <a:gd name="connsiteX84" fmla="*/ 1330 w 10000"/>
                  <a:gd name="connsiteY84" fmla="*/ 9911 h 10000"/>
                  <a:gd name="connsiteX85" fmla="*/ 1038 w 10000"/>
                  <a:gd name="connsiteY85" fmla="*/ 9911 h 10000"/>
                  <a:gd name="connsiteX86" fmla="*/ 771 w 10000"/>
                  <a:gd name="connsiteY86" fmla="*/ 9911 h 10000"/>
                  <a:gd name="connsiteX87" fmla="*/ 479 w 10000"/>
                  <a:gd name="connsiteY87" fmla="*/ 9926 h 10000"/>
                  <a:gd name="connsiteX88" fmla="*/ 186 w 10000"/>
                  <a:gd name="connsiteY88" fmla="*/ 9970 h 10000"/>
                  <a:gd name="connsiteX89" fmla="*/ 107 w 10000"/>
                  <a:gd name="connsiteY89" fmla="*/ 9867 h 10000"/>
                  <a:gd name="connsiteX90" fmla="*/ 54 w 10000"/>
                  <a:gd name="connsiteY90" fmla="*/ 9793 h 10000"/>
                  <a:gd name="connsiteX91" fmla="*/ 0 w 10000"/>
                  <a:gd name="connsiteY91" fmla="*/ 9705 h 10000"/>
                  <a:gd name="connsiteX92" fmla="*/ 0 w 10000"/>
                  <a:gd name="connsiteY92" fmla="*/ 9601 h 10000"/>
                  <a:gd name="connsiteX93" fmla="*/ 54 w 10000"/>
                  <a:gd name="connsiteY93" fmla="*/ 9424 h 10000"/>
                  <a:gd name="connsiteX94" fmla="*/ 107 w 10000"/>
                  <a:gd name="connsiteY94" fmla="*/ 9202 h 10000"/>
                  <a:gd name="connsiteX95" fmla="*/ 158 w 10000"/>
                  <a:gd name="connsiteY95" fmla="*/ 8996 h 10000"/>
                  <a:gd name="connsiteX96" fmla="*/ 213 w 10000"/>
                  <a:gd name="connsiteY96" fmla="*/ 8759 h 10000"/>
                  <a:gd name="connsiteX97" fmla="*/ 239 w 10000"/>
                  <a:gd name="connsiteY97" fmla="*/ 8641 h 10000"/>
                  <a:gd name="connsiteX98" fmla="*/ 239 w 10000"/>
                  <a:gd name="connsiteY98" fmla="*/ 8538 h 10000"/>
                  <a:gd name="connsiteX99" fmla="*/ 213 w 10000"/>
                  <a:gd name="connsiteY99" fmla="*/ 8405 h 10000"/>
                  <a:gd name="connsiteX100" fmla="*/ 186 w 10000"/>
                  <a:gd name="connsiteY100" fmla="*/ 8287 h 10000"/>
                  <a:gd name="connsiteX101" fmla="*/ 452 w 10000"/>
                  <a:gd name="connsiteY101" fmla="*/ 8213 h 10000"/>
                  <a:gd name="connsiteX102" fmla="*/ 718 w 10000"/>
                  <a:gd name="connsiteY102" fmla="*/ 8139 h 10000"/>
                  <a:gd name="connsiteX103" fmla="*/ 984 w 10000"/>
                  <a:gd name="connsiteY103" fmla="*/ 8095 h 10000"/>
                  <a:gd name="connsiteX104" fmla="*/ 1277 w 10000"/>
                  <a:gd name="connsiteY104" fmla="*/ 8065 h 10000"/>
                  <a:gd name="connsiteX105" fmla="*/ 1807 w 10000"/>
                  <a:gd name="connsiteY105" fmla="*/ 8021 h 10000"/>
                  <a:gd name="connsiteX106" fmla="*/ 2341 w 10000"/>
                  <a:gd name="connsiteY106" fmla="*/ 7976 h 10000"/>
                  <a:gd name="connsiteX107" fmla="*/ 2580 w 10000"/>
                  <a:gd name="connsiteY107" fmla="*/ 7947 h 10000"/>
                  <a:gd name="connsiteX108" fmla="*/ 2819 w 10000"/>
                  <a:gd name="connsiteY108" fmla="*/ 7917 h 10000"/>
                  <a:gd name="connsiteX109" fmla="*/ 3030 w 10000"/>
                  <a:gd name="connsiteY109" fmla="*/ 7843 h 10000"/>
                  <a:gd name="connsiteX110" fmla="*/ 3244 w 10000"/>
                  <a:gd name="connsiteY110" fmla="*/ 7784 h 10000"/>
                  <a:gd name="connsiteX111" fmla="*/ 3431 w 10000"/>
                  <a:gd name="connsiteY111" fmla="*/ 7710 h 10000"/>
                  <a:gd name="connsiteX112" fmla="*/ 3590 w 10000"/>
                  <a:gd name="connsiteY112" fmla="*/ 7592 h 10000"/>
                  <a:gd name="connsiteX113" fmla="*/ 3750 w 10000"/>
                  <a:gd name="connsiteY113" fmla="*/ 7474 h 10000"/>
                  <a:gd name="connsiteX114" fmla="*/ 3856 w 10000"/>
                  <a:gd name="connsiteY114" fmla="*/ 7312 h 10000"/>
                  <a:gd name="connsiteX115" fmla="*/ 3644 w 10000"/>
                  <a:gd name="connsiteY115" fmla="*/ 7238 h 10000"/>
                  <a:gd name="connsiteX116" fmla="*/ 3456 w 10000"/>
                  <a:gd name="connsiteY116" fmla="*/ 7179 h 10000"/>
                  <a:gd name="connsiteX117" fmla="*/ 3297 w 10000"/>
                  <a:gd name="connsiteY117" fmla="*/ 7090 h 10000"/>
                  <a:gd name="connsiteX118" fmla="*/ 3139 w 10000"/>
                  <a:gd name="connsiteY118" fmla="*/ 6987 h 10000"/>
                  <a:gd name="connsiteX119" fmla="*/ 3030 w 10000"/>
                  <a:gd name="connsiteY119" fmla="*/ 6869 h 10000"/>
                  <a:gd name="connsiteX120" fmla="*/ 2980 w 10000"/>
                  <a:gd name="connsiteY120" fmla="*/ 6721 h 10000"/>
                  <a:gd name="connsiteX121" fmla="*/ 2952 w 10000"/>
                  <a:gd name="connsiteY121" fmla="*/ 6558 h 10000"/>
                  <a:gd name="connsiteX122" fmla="*/ 2980 w 10000"/>
                  <a:gd name="connsiteY122" fmla="*/ 6352 h 10000"/>
                  <a:gd name="connsiteX123" fmla="*/ 2846 w 10000"/>
                  <a:gd name="connsiteY123" fmla="*/ 6322 h 10000"/>
                  <a:gd name="connsiteX124" fmla="*/ 2687 w 10000"/>
                  <a:gd name="connsiteY124" fmla="*/ 6292 h 10000"/>
                  <a:gd name="connsiteX125" fmla="*/ 2501 w 10000"/>
                  <a:gd name="connsiteY125" fmla="*/ 6278 h 10000"/>
                  <a:gd name="connsiteX126" fmla="*/ 2313 w 10000"/>
                  <a:gd name="connsiteY126" fmla="*/ 6263 h 10000"/>
                  <a:gd name="connsiteX127" fmla="*/ 1942 w 10000"/>
                  <a:gd name="connsiteY127" fmla="*/ 6248 h 10000"/>
                  <a:gd name="connsiteX128" fmla="*/ 1543 w 10000"/>
                  <a:gd name="connsiteY128" fmla="*/ 6263 h 10000"/>
                  <a:gd name="connsiteX129" fmla="*/ 1198 w 10000"/>
                  <a:gd name="connsiteY129" fmla="*/ 6278 h 10000"/>
                  <a:gd name="connsiteX130" fmla="*/ 877 w 10000"/>
                  <a:gd name="connsiteY130" fmla="*/ 6278 h 10000"/>
                  <a:gd name="connsiteX131" fmla="*/ 613 w 10000"/>
                  <a:gd name="connsiteY131" fmla="*/ 6263 h 10000"/>
                  <a:gd name="connsiteX132" fmla="*/ 399 w 10000"/>
                  <a:gd name="connsiteY132" fmla="*/ 6233 h 10000"/>
                  <a:gd name="connsiteX133" fmla="*/ 663 w 10000"/>
                  <a:gd name="connsiteY133" fmla="*/ 5805 h 10000"/>
                  <a:gd name="connsiteX134" fmla="*/ 958 w 10000"/>
                  <a:gd name="connsiteY134" fmla="*/ 5391 h 10000"/>
                  <a:gd name="connsiteX135" fmla="*/ 1065 w 10000"/>
                  <a:gd name="connsiteY135" fmla="*/ 5170 h 10000"/>
                  <a:gd name="connsiteX136" fmla="*/ 1143 w 10000"/>
                  <a:gd name="connsiteY136" fmla="*/ 4963 h 10000"/>
                  <a:gd name="connsiteX137" fmla="*/ 1169 w 10000"/>
                  <a:gd name="connsiteY137" fmla="*/ 4860 h 10000"/>
                  <a:gd name="connsiteX138" fmla="*/ 1143 w 10000"/>
                  <a:gd name="connsiteY138" fmla="*/ 4756 h 10000"/>
                  <a:gd name="connsiteX139" fmla="*/ 1117 w 10000"/>
                  <a:gd name="connsiteY139" fmla="*/ 4653 h 10000"/>
                  <a:gd name="connsiteX140" fmla="*/ 1038 w 10000"/>
                  <a:gd name="connsiteY140" fmla="*/ 4549 h 10000"/>
                  <a:gd name="connsiteX141" fmla="*/ 1330 w 10000"/>
                  <a:gd name="connsiteY141" fmla="*/ 4520 h 10000"/>
                  <a:gd name="connsiteX142" fmla="*/ 1543 w 10000"/>
                  <a:gd name="connsiteY142" fmla="*/ 4505 h 10000"/>
                  <a:gd name="connsiteX143" fmla="*/ 1729 w 10000"/>
                  <a:gd name="connsiteY143" fmla="*/ 4505 h 10000"/>
                  <a:gd name="connsiteX144" fmla="*/ 1888 w 10000"/>
                  <a:gd name="connsiteY144" fmla="*/ 4520 h 10000"/>
                  <a:gd name="connsiteX145" fmla="*/ 2022 w 10000"/>
                  <a:gd name="connsiteY145" fmla="*/ 4520 h 10000"/>
                  <a:gd name="connsiteX146" fmla="*/ 2181 w 10000"/>
                  <a:gd name="connsiteY146" fmla="*/ 4520 h 10000"/>
                  <a:gd name="connsiteX147" fmla="*/ 2341 w 10000"/>
                  <a:gd name="connsiteY147" fmla="*/ 4490 h 10000"/>
                  <a:gd name="connsiteX148" fmla="*/ 2552 w 10000"/>
                  <a:gd name="connsiteY148" fmla="*/ 4446 h 10000"/>
                  <a:gd name="connsiteX149" fmla="*/ 2552 w 10000"/>
                  <a:gd name="connsiteY149" fmla="*/ 4579 h 10000"/>
                  <a:gd name="connsiteX150" fmla="*/ 2552 w 10000"/>
                  <a:gd name="connsiteY150" fmla="*/ 4742 h 10000"/>
                  <a:gd name="connsiteX151" fmla="*/ 2552 w 10000"/>
                  <a:gd name="connsiteY151" fmla="*/ 4874 h 10000"/>
                  <a:gd name="connsiteX152" fmla="*/ 2552 w 10000"/>
                  <a:gd name="connsiteY152" fmla="*/ 5037 h 10000"/>
                  <a:gd name="connsiteX153" fmla="*/ 2792 w 10000"/>
                  <a:gd name="connsiteY153" fmla="*/ 5022 h 10000"/>
                  <a:gd name="connsiteX154" fmla="*/ 2952 w 10000"/>
                  <a:gd name="connsiteY154" fmla="*/ 5037 h 10000"/>
                  <a:gd name="connsiteX155" fmla="*/ 3085 w 10000"/>
                  <a:gd name="connsiteY155" fmla="*/ 5066 h 10000"/>
                  <a:gd name="connsiteX156" fmla="*/ 3218 w 10000"/>
                  <a:gd name="connsiteY156" fmla="*/ 5096 h 10000"/>
                  <a:gd name="connsiteX157" fmla="*/ 3325 w 10000"/>
                  <a:gd name="connsiteY157" fmla="*/ 5126 h 10000"/>
                  <a:gd name="connsiteX158" fmla="*/ 3456 w 10000"/>
                  <a:gd name="connsiteY158" fmla="*/ 5155 h 10000"/>
                  <a:gd name="connsiteX159" fmla="*/ 3617 w 10000"/>
                  <a:gd name="connsiteY159" fmla="*/ 5170 h 10000"/>
                  <a:gd name="connsiteX160" fmla="*/ 3856 w 10000"/>
                  <a:gd name="connsiteY160" fmla="*/ 5155 h 10000"/>
                  <a:gd name="connsiteX161" fmla="*/ 3936 w 10000"/>
                  <a:gd name="connsiteY161" fmla="*/ 5096 h 10000"/>
                  <a:gd name="connsiteX162" fmla="*/ 4015 w 10000"/>
                  <a:gd name="connsiteY162" fmla="*/ 5022 h 10000"/>
                  <a:gd name="connsiteX163" fmla="*/ 4042 w 10000"/>
                  <a:gd name="connsiteY163" fmla="*/ 4934 h 10000"/>
                  <a:gd name="connsiteX164" fmla="*/ 4070 w 10000"/>
                  <a:gd name="connsiteY164" fmla="*/ 4860 h 10000"/>
                  <a:gd name="connsiteX165" fmla="*/ 4095 w 10000"/>
                  <a:gd name="connsiteY165" fmla="*/ 4697 h 10000"/>
                  <a:gd name="connsiteX166" fmla="*/ 4070 w 10000"/>
                  <a:gd name="connsiteY166" fmla="*/ 4520 h 10000"/>
                  <a:gd name="connsiteX167" fmla="*/ 3989 w 10000"/>
                  <a:gd name="connsiteY167" fmla="*/ 4343 h 10000"/>
                  <a:gd name="connsiteX168" fmla="*/ 3910 w 10000"/>
                  <a:gd name="connsiteY168" fmla="*/ 4195 h 10000"/>
                  <a:gd name="connsiteX169" fmla="*/ 3776 w 10000"/>
                  <a:gd name="connsiteY169" fmla="*/ 4047 h 10000"/>
                  <a:gd name="connsiteX170" fmla="*/ 3644 w 10000"/>
                  <a:gd name="connsiteY170" fmla="*/ 3959 h 10000"/>
                  <a:gd name="connsiteX171" fmla="*/ 3803 w 10000"/>
                  <a:gd name="connsiteY171" fmla="*/ 3944 h 10000"/>
                  <a:gd name="connsiteX172" fmla="*/ 3936 w 10000"/>
                  <a:gd name="connsiteY172" fmla="*/ 3914 h 10000"/>
                  <a:gd name="connsiteX173" fmla="*/ 4042 w 10000"/>
                  <a:gd name="connsiteY173" fmla="*/ 3855 h 10000"/>
                  <a:gd name="connsiteX174" fmla="*/ 4173 w 10000"/>
                  <a:gd name="connsiteY174" fmla="*/ 3752 h 10000"/>
                  <a:gd name="connsiteX175" fmla="*/ 4308 w 10000"/>
                  <a:gd name="connsiteY175" fmla="*/ 3663 h 10000"/>
                  <a:gd name="connsiteX176" fmla="*/ 4414 w 10000"/>
                  <a:gd name="connsiteY176" fmla="*/ 3560 h 10000"/>
                  <a:gd name="connsiteX177" fmla="*/ 4494 w 10000"/>
                  <a:gd name="connsiteY177" fmla="*/ 3442 h 10000"/>
                  <a:gd name="connsiteX178" fmla="*/ 4575 w 10000"/>
                  <a:gd name="connsiteY178" fmla="*/ 3323 h 10000"/>
                  <a:gd name="connsiteX179" fmla="*/ 4628 w 10000"/>
                  <a:gd name="connsiteY179" fmla="*/ 3220 h 10000"/>
                  <a:gd name="connsiteX180" fmla="*/ 4653 w 10000"/>
                  <a:gd name="connsiteY180" fmla="*/ 3102 h 10000"/>
                  <a:gd name="connsiteX181" fmla="*/ 4681 w 10000"/>
                  <a:gd name="connsiteY181" fmla="*/ 3013 h 10000"/>
                  <a:gd name="connsiteX182" fmla="*/ 4653 w 10000"/>
                  <a:gd name="connsiteY182" fmla="*/ 2939 h 10000"/>
                  <a:gd name="connsiteX183" fmla="*/ 4628 w 10000"/>
                  <a:gd name="connsiteY183" fmla="*/ 2866 h 10000"/>
                  <a:gd name="connsiteX184" fmla="*/ 4548 w 10000"/>
                  <a:gd name="connsiteY184" fmla="*/ 2836 h 10000"/>
                  <a:gd name="connsiteX185" fmla="*/ 4442 w 10000"/>
                  <a:gd name="connsiteY185" fmla="*/ 2836 h 10000"/>
                  <a:gd name="connsiteX186" fmla="*/ 4308 w 10000"/>
                  <a:gd name="connsiteY186" fmla="*/ 2866 h 10000"/>
                  <a:gd name="connsiteX187" fmla="*/ 4414 w 10000"/>
                  <a:gd name="connsiteY187" fmla="*/ 2777 h 10000"/>
                  <a:gd name="connsiteX188" fmla="*/ 4469 w 10000"/>
                  <a:gd name="connsiteY188" fmla="*/ 2674 h 10000"/>
                  <a:gd name="connsiteX189" fmla="*/ 4494 w 10000"/>
                  <a:gd name="connsiteY189" fmla="*/ 2541 h 10000"/>
                  <a:gd name="connsiteX190" fmla="*/ 4494 w 10000"/>
                  <a:gd name="connsiteY190" fmla="*/ 2393 h 10000"/>
                  <a:gd name="connsiteX191" fmla="*/ 4520 w 10000"/>
                  <a:gd name="connsiteY191" fmla="*/ 2349 h 10000"/>
                  <a:gd name="connsiteX192" fmla="*/ 4575 w 10000"/>
                  <a:gd name="connsiteY192" fmla="*/ 2304 h 10000"/>
                  <a:gd name="connsiteX193" fmla="*/ 4628 w 10000"/>
                  <a:gd name="connsiteY193" fmla="*/ 2290 h 10000"/>
                  <a:gd name="connsiteX194" fmla="*/ 4708 w 10000"/>
                  <a:gd name="connsiteY194" fmla="*/ 2275 h 10000"/>
                  <a:gd name="connsiteX195" fmla="*/ 4946 w 10000"/>
                  <a:gd name="connsiteY195" fmla="*/ 2260 h 10000"/>
                  <a:gd name="connsiteX196" fmla="*/ 5158 w 10000"/>
                  <a:gd name="connsiteY196" fmla="*/ 2275 h 10000"/>
                  <a:gd name="connsiteX197" fmla="*/ 5132 w 10000"/>
                  <a:gd name="connsiteY197" fmla="*/ 2112 h 10000"/>
                  <a:gd name="connsiteX198" fmla="*/ 5080 w 10000"/>
                  <a:gd name="connsiteY198" fmla="*/ 1950 h 10000"/>
                  <a:gd name="connsiteX199" fmla="*/ 4999 w 10000"/>
                  <a:gd name="connsiteY199" fmla="*/ 1802 h 10000"/>
                  <a:gd name="connsiteX200" fmla="*/ 4894 w 10000"/>
                  <a:gd name="connsiteY200" fmla="*/ 1640 h 10000"/>
                  <a:gd name="connsiteX201" fmla="*/ 4628 w 10000"/>
                  <a:gd name="connsiteY201" fmla="*/ 1329 h 10000"/>
                  <a:gd name="connsiteX202" fmla="*/ 4362 w 10000"/>
                  <a:gd name="connsiteY202" fmla="*/ 1034 h 10000"/>
                  <a:gd name="connsiteX203" fmla="*/ 4228 w 10000"/>
                  <a:gd name="connsiteY203" fmla="*/ 901 h 10000"/>
                  <a:gd name="connsiteX204" fmla="*/ 4124 w 10000"/>
                  <a:gd name="connsiteY204" fmla="*/ 753 h 10000"/>
                  <a:gd name="connsiteX205" fmla="*/ 4042 w 10000"/>
                  <a:gd name="connsiteY205" fmla="*/ 620 h 10000"/>
                  <a:gd name="connsiteX206" fmla="*/ 4015 w 10000"/>
                  <a:gd name="connsiteY206" fmla="*/ 487 h 10000"/>
                  <a:gd name="connsiteX207" fmla="*/ 3989 w 10000"/>
                  <a:gd name="connsiteY207" fmla="*/ 355 h 10000"/>
                  <a:gd name="connsiteX208" fmla="*/ 4042 w 10000"/>
                  <a:gd name="connsiteY208" fmla="*/ 222 h 10000"/>
                  <a:gd name="connsiteX209" fmla="*/ 4070 w 10000"/>
                  <a:gd name="connsiteY209" fmla="*/ 162 h 10000"/>
                  <a:gd name="connsiteX210" fmla="*/ 4124 w 10000"/>
                  <a:gd name="connsiteY210" fmla="*/ 103 h 10000"/>
                  <a:gd name="connsiteX211" fmla="*/ 4203 w 10000"/>
                  <a:gd name="connsiteY211" fmla="*/ 59 h 10000"/>
                  <a:gd name="connsiteX212" fmla="*/ 4308 w 10000"/>
                  <a:gd name="connsiteY212" fmla="*/ 0 h 10000"/>
                  <a:gd name="connsiteX213" fmla="*/ 4494 w 10000"/>
                  <a:gd name="connsiteY213" fmla="*/ 0 h 10000"/>
                  <a:gd name="connsiteX214" fmla="*/ 4681 w 10000"/>
                  <a:gd name="connsiteY214" fmla="*/ 15 h 10000"/>
                  <a:gd name="connsiteX215" fmla="*/ 4867 w 10000"/>
                  <a:gd name="connsiteY215" fmla="*/ 44 h 10000"/>
                  <a:gd name="connsiteX216" fmla="*/ 4999 w 10000"/>
                  <a:gd name="connsiteY216" fmla="*/ 89 h 10000"/>
                  <a:gd name="connsiteX217" fmla="*/ 5213 w 10000"/>
                  <a:gd name="connsiteY217" fmla="*/ 192 h 10000"/>
                  <a:gd name="connsiteX218" fmla="*/ 5425 w 10000"/>
                  <a:gd name="connsiteY218" fmla="*/ 340 h 10000"/>
                  <a:gd name="connsiteX219" fmla="*/ 5585 w 10000"/>
                  <a:gd name="connsiteY219" fmla="*/ 473 h 10000"/>
                  <a:gd name="connsiteX220" fmla="*/ 5797 w 10000"/>
                  <a:gd name="connsiteY220" fmla="*/ 591 h 10000"/>
                  <a:gd name="connsiteX221" fmla="*/ 5931 w 10000"/>
                  <a:gd name="connsiteY221" fmla="*/ 650 h 10000"/>
                  <a:gd name="connsiteX222" fmla="*/ 6090 w 10000"/>
                  <a:gd name="connsiteY222" fmla="*/ 679 h 10000"/>
                  <a:gd name="connsiteX223" fmla="*/ 6251 w 10000"/>
                  <a:gd name="connsiteY223" fmla="*/ 709 h 10000"/>
                  <a:gd name="connsiteX224" fmla="*/ 6463 w 10000"/>
                  <a:gd name="connsiteY224" fmla="*/ 709 h 10000"/>
                  <a:gd name="connsiteX225" fmla="*/ 6463 w 10000"/>
                  <a:gd name="connsiteY225" fmla="*/ 768 h 10000"/>
                  <a:gd name="connsiteX226" fmla="*/ 6490 w 10000"/>
                  <a:gd name="connsiteY226" fmla="*/ 842 h 10000"/>
                  <a:gd name="connsiteX227" fmla="*/ 6541 w 10000"/>
                  <a:gd name="connsiteY227" fmla="*/ 916 h 10000"/>
                  <a:gd name="connsiteX228" fmla="*/ 6595 w 10000"/>
                  <a:gd name="connsiteY228" fmla="*/ 990 h 10000"/>
                  <a:gd name="connsiteX229" fmla="*/ 6674 w 10000"/>
                  <a:gd name="connsiteY229" fmla="*/ 1049 h 10000"/>
                  <a:gd name="connsiteX230" fmla="*/ 6780 w 10000"/>
                  <a:gd name="connsiteY230" fmla="*/ 1108 h 10000"/>
                  <a:gd name="connsiteX231" fmla="*/ 6914 w 10000"/>
                  <a:gd name="connsiteY231" fmla="*/ 1182 h 10000"/>
                  <a:gd name="connsiteX232" fmla="*/ 7020 w 10000"/>
                  <a:gd name="connsiteY232" fmla="*/ 1226 h 10000"/>
                  <a:gd name="connsiteX233" fmla="*/ 7127 w 10000"/>
                  <a:gd name="connsiteY233" fmla="*/ 1270 h 10000"/>
                  <a:gd name="connsiteX234" fmla="*/ 7234 w 10000"/>
                  <a:gd name="connsiteY234" fmla="*/ 1300 h 10000"/>
                  <a:gd name="connsiteX235" fmla="*/ 7340 w 10000"/>
                  <a:gd name="connsiteY235" fmla="*/ 1315 h 10000"/>
                  <a:gd name="connsiteX236" fmla="*/ 7474 w 10000"/>
                  <a:gd name="connsiteY236" fmla="*/ 1300 h 10000"/>
                  <a:gd name="connsiteX237" fmla="*/ 7580 w 10000"/>
                  <a:gd name="connsiteY237" fmla="*/ 1285 h 10000"/>
                  <a:gd name="connsiteX238" fmla="*/ 7659 w 10000"/>
                  <a:gd name="connsiteY238" fmla="*/ 1241 h 10000"/>
                  <a:gd name="connsiteX239" fmla="*/ 7714 w 10000"/>
                  <a:gd name="connsiteY239" fmla="*/ 1167 h 10000"/>
                  <a:gd name="connsiteX240" fmla="*/ 7738 w 10000"/>
                  <a:gd name="connsiteY240" fmla="*/ 1064 h 10000"/>
                  <a:gd name="connsiteX241" fmla="*/ 8138 w 10000"/>
                  <a:gd name="connsiteY241" fmla="*/ 1034 h 10000"/>
                  <a:gd name="connsiteX242" fmla="*/ 8509 w 10000"/>
                  <a:gd name="connsiteY242" fmla="*/ 1004 h 10000"/>
                  <a:gd name="connsiteX243" fmla="*/ 8830 w 10000"/>
                  <a:gd name="connsiteY243" fmla="*/ 990 h 10000"/>
                  <a:gd name="connsiteX244" fmla="*/ 9123 w 10000"/>
                  <a:gd name="connsiteY244" fmla="*/ 1004 h 10000"/>
                  <a:gd name="connsiteX245" fmla="*/ 9256 w 10000"/>
                  <a:gd name="connsiteY245" fmla="*/ 1019 h 10000"/>
                  <a:gd name="connsiteX246" fmla="*/ 9387 w 10000"/>
                  <a:gd name="connsiteY246" fmla="*/ 1034 h 10000"/>
                  <a:gd name="connsiteX247" fmla="*/ 9495 w 10000"/>
                  <a:gd name="connsiteY247" fmla="*/ 1064 h 10000"/>
                  <a:gd name="connsiteX248" fmla="*/ 9628 w 10000"/>
                  <a:gd name="connsiteY248" fmla="*/ 1108 h 10000"/>
                  <a:gd name="connsiteX249" fmla="*/ 9707 w 10000"/>
                  <a:gd name="connsiteY249" fmla="*/ 1182 h 10000"/>
                  <a:gd name="connsiteX250" fmla="*/ 9786 w 10000"/>
                  <a:gd name="connsiteY250" fmla="*/ 1241 h 10000"/>
                  <a:gd name="connsiteX251" fmla="*/ 9841 w 10000"/>
                  <a:gd name="connsiteY251" fmla="*/ 1329 h 10000"/>
                  <a:gd name="connsiteX252" fmla="*/ 9893 w 10000"/>
                  <a:gd name="connsiteY252" fmla="*/ 1433 h 10000"/>
                  <a:gd name="connsiteX253" fmla="*/ 9946 w 10000"/>
                  <a:gd name="connsiteY253" fmla="*/ 1551 h 10000"/>
                  <a:gd name="connsiteX254" fmla="*/ 9919 w 10000"/>
                  <a:gd name="connsiteY254" fmla="*/ 1625 h 10000"/>
                  <a:gd name="connsiteX255" fmla="*/ 9893 w 10000"/>
                  <a:gd name="connsiteY255" fmla="*/ 1684 h 10000"/>
                  <a:gd name="connsiteX256" fmla="*/ 9841 w 10000"/>
                  <a:gd name="connsiteY256" fmla="*/ 1758 h 10000"/>
                  <a:gd name="connsiteX257" fmla="*/ 9761 w 10000"/>
                  <a:gd name="connsiteY257" fmla="*/ 1802 h 10000"/>
                  <a:gd name="connsiteX258" fmla="*/ 9707 w 10000"/>
                  <a:gd name="connsiteY258" fmla="*/ 1861 h 10000"/>
                  <a:gd name="connsiteX259" fmla="*/ 9682 w 10000"/>
                  <a:gd name="connsiteY259" fmla="*/ 1935 h 10000"/>
                  <a:gd name="connsiteX260" fmla="*/ 9707 w 10000"/>
                  <a:gd name="connsiteY260" fmla="*/ 2024 h 10000"/>
                  <a:gd name="connsiteX261" fmla="*/ 10000 w 10000"/>
                  <a:gd name="connsiteY261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7100 w 10000"/>
                  <a:gd name="connsiteY4" fmla="*/ 4801 h 10000"/>
                  <a:gd name="connsiteX5" fmla="*/ 7020 w 10000"/>
                  <a:gd name="connsiteY5" fmla="*/ 4727 h 10000"/>
                  <a:gd name="connsiteX6" fmla="*/ 6942 w 10000"/>
                  <a:gd name="connsiteY6" fmla="*/ 4638 h 10000"/>
                  <a:gd name="connsiteX7" fmla="*/ 6674 w 10000"/>
                  <a:gd name="connsiteY7" fmla="*/ 4313 h 10000"/>
                  <a:gd name="connsiteX8" fmla="*/ 9628 w 10000"/>
                  <a:gd name="connsiteY8" fmla="*/ 3338 h 10000"/>
                  <a:gd name="connsiteX9" fmla="*/ 9866 w 10000"/>
                  <a:gd name="connsiteY9" fmla="*/ 3117 h 10000"/>
                  <a:gd name="connsiteX10" fmla="*/ 9893 w 10000"/>
                  <a:gd name="connsiteY10" fmla="*/ 3072 h 10000"/>
                  <a:gd name="connsiteX11" fmla="*/ 9919 w 10000"/>
                  <a:gd name="connsiteY11" fmla="*/ 3013 h 10000"/>
                  <a:gd name="connsiteX12" fmla="*/ 9919 w 10000"/>
                  <a:gd name="connsiteY12" fmla="*/ 2954 h 10000"/>
                  <a:gd name="connsiteX13" fmla="*/ 9893 w 10000"/>
                  <a:gd name="connsiteY13" fmla="*/ 2866 h 10000"/>
                  <a:gd name="connsiteX14" fmla="*/ 9707 w 10000"/>
                  <a:gd name="connsiteY14" fmla="*/ 2984 h 10000"/>
                  <a:gd name="connsiteX15" fmla="*/ 9495 w 10000"/>
                  <a:gd name="connsiteY15" fmla="*/ 3072 h 10000"/>
                  <a:gd name="connsiteX16" fmla="*/ 9281 w 10000"/>
                  <a:gd name="connsiteY16" fmla="*/ 3161 h 10000"/>
                  <a:gd name="connsiteX17" fmla="*/ 9069 w 10000"/>
                  <a:gd name="connsiteY17" fmla="*/ 3250 h 10000"/>
                  <a:gd name="connsiteX18" fmla="*/ 8589 w 10000"/>
                  <a:gd name="connsiteY18" fmla="*/ 3397 h 10000"/>
                  <a:gd name="connsiteX19" fmla="*/ 8085 w 10000"/>
                  <a:gd name="connsiteY19" fmla="*/ 3545 h 10000"/>
                  <a:gd name="connsiteX20" fmla="*/ 7580 w 10000"/>
                  <a:gd name="connsiteY20" fmla="*/ 3678 h 10000"/>
                  <a:gd name="connsiteX21" fmla="*/ 7100 w 10000"/>
                  <a:gd name="connsiteY21" fmla="*/ 3840 h 10000"/>
                  <a:gd name="connsiteX22" fmla="*/ 6861 w 10000"/>
                  <a:gd name="connsiteY22" fmla="*/ 3914 h 10000"/>
                  <a:gd name="connsiteX23" fmla="*/ 6649 w 10000"/>
                  <a:gd name="connsiteY23" fmla="*/ 4003 h 10000"/>
                  <a:gd name="connsiteX24" fmla="*/ 6437 w 10000"/>
                  <a:gd name="connsiteY24" fmla="*/ 4106 h 10000"/>
                  <a:gd name="connsiteX25" fmla="*/ 6222 w 10000"/>
                  <a:gd name="connsiteY25" fmla="*/ 4195 h 10000"/>
                  <a:gd name="connsiteX26" fmla="*/ 6382 w 10000"/>
                  <a:gd name="connsiteY26" fmla="*/ 4417 h 10000"/>
                  <a:gd name="connsiteX27" fmla="*/ 6490 w 10000"/>
                  <a:gd name="connsiteY27" fmla="*/ 4623 h 10000"/>
                  <a:gd name="connsiteX28" fmla="*/ 6595 w 10000"/>
                  <a:gd name="connsiteY28" fmla="*/ 4845 h 10000"/>
                  <a:gd name="connsiteX29" fmla="*/ 6674 w 10000"/>
                  <a:gd name="connsiteY29" fmla="*/ 5081 h 10000"/>
                  <a:gd name="connsiteX30" fmla="*/ 6729 w 10000"/>
                  <a:gd name="connsiteY30" fmla="*/ 5318 h 10000"/>
                  <a:gd name="connsiteX31" fmla="*/ 6756 w 10000"/>
                  <a:gd name="connsiteY31" fmla="*/ 5539 h 10000"/>
                  <a:gd name="connsiteX32" fmla="*/ 6780 w 10000"/>
                  <a:gd name="connsiteY32" fmla="*/ 5775 h 10000"/>
                  <a:gd name="connsiteX33" fmla="*/ 6780 w 10000"/>
                  <a:gd name="connsiteY33" fmla="*/ 5997 h 10000"/>
                  <a:gd name="connsiteX34" fmla="*/ 6756 w 10000"/>
                  <a:gd name="connsiteY34" fmla="*/ 6233 h 10000"/>
                  <a:gd name="connsiteX35" fmla="*/ 6702 w 10000"/>
                  <a:gd name="connsiteY35" fmla="*/ 6470 h 10000"/>
                  <a:gd name="connsiteX36" fmla="*/ 6649 w 10000"/>
                  <a:gd name="connsiteY36" fmla="*/ 6677 h 10000"/>
                  <a:gd name="connsiteX37" fmla="*/ 6569 w 10000"/>
                  <a:gd name="connsiteY37" fmla="*/ 6898 h 10000"/>
                  <a:gd name="connsiteX38" fmla="*/ 6463 w 10000"/>
                  <a:gd name="connsiteY38" fmla="*/ 7105 h 10000"/>
                  <a:gd name="connsiteX39" fmla="*/ 6330 w 10000"/>
                  <a:gd name="connsiteY39" fmla="*/ 7297 h 10000"/>
                  <a:gd name="connsiteX40" fmla="*/ 6170 w 10000"/>
                  <a:gd name="connsiteY40" fmla="*/ 7489 h 10000"/>
                  <a:gd name="connsiteX41" fmla="*/ 6010 w 10000"/>
                  <a:gd name="connsiteY41" fmla="*/ 7681 h 10000"/>
                  <a:gd name="connsiteX42" fmla="*/ 6780 w 10000"/>
                  <a:gd name="connsiteY42" fmla="*/ 7799 h 10000"/>
                  <a:gd name="connsiteX43" fmla="*/ 7580 w 10000"/>
                  <a:gd name="connsiteY43" fmla="*/ 7962 h 10000"/>
                  <a:gd name="connsiteX44" fmla="*/ 7738 w 10000"/>
                  <a:gd name="connsiteY44" fmla="*/ 8021 h 10000"/>
                  <a:gd name="connsiteX45" fmla="*/ 7872 w 10000"/>
                  <a:gd name="connsiteY45" fmla="*/ 8080 h 10000"/>
                  <a:gd name="connsiteX46" fmla="*/ 8004 w 10000"/>
                  <a:gd name="connsiteY46" fmla="*/ 8139 h 10000"/>
                  <a:gd name="connsiteX47" fmla="*/ 8085 w 10000"/>
                  <a:gd name="connsiteY47" fmla="*/ 8227 h 10000"/>
                  <a:gd name="connsiteX48" fmla="*/ 8112 w 10000"/>
                  <a:gd name="connsiteY48" fmla="*/ 8301 h 10000"/>
                  <a:gd name="connsiteX49" fmla="*/ 8112 w 10000"/>
                  <a:gd name="connsiteY49" fmla="*/ 8405 h 10000"/>
                  <a:gd name="connsiteX50" fmla="*/ 8059 w 10000"/>
                  <a:gd name="connsiteY50" fmla="*/ 8523 h 10000"/>
                  <a:gd name="connsiteX51" fmla="*/ 7978 w 10000"/>
                  <a:gd name="connsiteY51" fmla="*/ 8641 h 10000"/>
                  <a:gd name="connsiteX52" fmla="*/ 7633 w 10000"/>
                  <a:gd name="connsiteY52" fmla="*/ 8552 h 10000"/>
                  <a:gd name="connsiteX53" fmla="*/ 7313 w 10000"/>
                  <a:gd name="connsiteY53" fmla="*/ 8449 h 10000"/>
                  <a:gd name="connsiteX54" fmla="*/ 6994 w 10000"/>
                  <a:gd name="connsiteY54" fmla="*/ 8360 h 10000"/>
                  <a:gd name="connsiteX55" fmla="*/ 6674 w 10000"/>
                  <a:gd name="connsiteY55" fmla="*/ 8287 h 10000"/>
                  <a:gd name="connsiteX56" fmla="*/ 6541 w 10000"/>
                  <a:gd name="connsiteY56" fmla="*/ 8449 h 10000"/>
                  <a:gd name="connsiteX57" fmla="*/ 6437 w 10000"/>
                  <a:gd name="connsiteY57" fmla="*/ 8597 h 10000"/>
                  <a:gd name="connsiteX58" fmla="*/ 6382 w 10000"/>
                  <a:gd name="connsiteY58" fmla="*/ 8656 h 10000"/>
                  <a:gd name="connsiteX59" fmla="*/ 6276 w 10000"/>
                  <a:gd name="connsiteY59" fmla="*/ 8700 h 10000"/>
                  <a:gd name="connsiteX60" fmla="*/ 6197 w 10000"/>
                  <a:gd name="connsiteY60" fmla="*/ 8744 h 10000"/>
                  <a:gd name="connsiteX61" fmla="*/ 6117 w 10000"/>
                  <a:gd name="connsiteY61" fmla="*/ 8774 h 10000"/>
                  <a:gd name="connsiteX62" fmla="*/ 6037 w 10000"/>
                  <a:gd name="connsiteY62" fmla="*/ 8804 h 10000"/>
                  <a:gd name="connsiteX63" fmla="*/ 5931 w 10000"/>
                  <a:gd name="connsiteY63" fmla="*/ 8818 h 10000"/>
                  <a:gd name="connsiteX64" fmla="*/ 5797 w 10000"/>
                  <a:gd name="connsiteY64" fmla="*/ 8833 h 10000"/>
                  <a:gd name="connsiteX65" fmla="*/ 5665 w 10000"/>
                  <a:gd name="connsiteY65" fmla="*/ 8833 h 10000"/>
                  <a:gd name="connsiteX66" fmla="*/ 5347 w 10000"/>
                  <a:gd name="connsiteY66" fmla="*/ 8818 h 10000"/>
                  <a:gd name="connsiteX67" fmla="*/ 4946 w 10000"/>
                  <a:gd name="connsiteY67" fmla="*/ 8744 h 10000"/>
                  <a:gd name="connsiteX68" fmla="*/ 4946 w 10000"/>
                  <a:gd name="connsiteY68" fmla="*/ 8922 h 10000"/>
                  <a:gd name="connsiteX69" fmla="*/ 4919 w 10000"/>
                  <a:gd name="connsiteY69" fmla="*/ 9069 h 10000"/>
                  <a:gd name="connsiteX70" fmla="*/ 4894 w 10000"/>
                  <a:gd name="connsiteY70" fmla="*/ 9232 h 10000"/>
                  <a:gd name="connsiteX71" fmla="*/ 4867 w 10000"/>
                  <a:gd name="connsiteY71" fmla="*/ 9365 h 10000"/>
                  <a:gd name="connsiteX72" fmla="*/ 4813 w 10000"/>
                  <a:gd name="connsiteY72" fmla="*/ 9498 h 10000"/>
                  <a:gd name="connsiteX73" fmla="*/ 4708 w 10000"/>
                  <a:gd name="connsiteY73" fmla="*/ 9616 h 10000"/>
                  <a:gd name="connsiteX74" fmla="*/ 4628 w 10000"/>
                  <a:gd name="connsiteY74" fmla="*/ 9734 h 10000"/>
                  <a:gd name="connsiteX75" fmla="*/ 4494 w 10000"/>
                  <a:gd name="connsiteY75" fmla="*/ 9838 h 10000"/>
                  <a:gd name="connsiteX76" fmla="*/ 4173 w 10000"/>
                  <a:gd name="connsiteY76" fmla="*/ 9897 h 10000"/>
                  <a:gd name="connsiteX77" fmla="*/ 3910 w 10000"/>
                  <a:gd name="connsiteY77" fmla="*/ 9941 h 10000"/>
                  <a:gd name="connsiteX78" fmla="*/ 3590 w 10000"/>
                  <a:gd name="connsiteY78" fmla="*/ 9985 h 10000"/>
                  <a:gd name="connsiteX79" fmla="*/ 3351 w 10000"/>
                  <a:gd name="connsiteY79" fmla="*/ 10000 h 10000"/>
                  <a:gd name="connsiteX80" fmla="*/ 2819 w 10000"/>
                  <a:gd name="connsiteY80" fmla="*/ 10000 h 10000"/>
                  <a:gd name="connsiteX81" fmla="*/ 2313 w 10000"/>
                  <a:gd name="connsiteY81" fmla="*/ 9985 h 10000"/>
                  <a:gd name="connsiteX82" fmla="*/ 1836 w 10000"/>
                  <a:gd name="connsiteY82" fmla="*/ 9941 h 10000"/>
                  <a:gd name="connsiteX83" fmla="*/ 1330 w 10000"/>
                  <a:gd name="connsiteY83" fmla="*/ 9911 h 10000"/>
                  <a:gd name="connsiteX84" fmla="*/ 1038 w 10000"/>
                  <a:gd name="connsiteY84" fmla="*/ 9911 h 10000"/>
                  <a:gd name="connsiteX85" fmla="*/ 771 w 10000"/>
                  <a:gd name="connsiteY85" fmla="*/ 9911 h 10000"/>
                  <a:gd name="connsiteX86" fmla="*/ 479 w 10000"/>
                  <a:gd name="connsiteY86" fmla="*/ 9926 h 10000"/>
                  <a:gd name="connsiteX87" fmla="*/ 186 w 10000"/>
                  <a:gd name="connsiteY87" fmla="*/ 9970 h 10000"/>
                  <a:gd name="connsiteX88" fmla="*/ 107 w 10000"/>
                  <a:gd name="connsiteY88" fmla="*/ 9867 h 10000"/>
                  <a:gd name="connsiteX89" fmla="*/ 54 w 10000"/>
                  <a:gd name="connsiteY89" fmla="*/ 9793 h 10000"/>
                  <a:gd name="connsiteX90" fmla="*/ 0 w 10000"/>
                  <a:gd name="connsiteY90" fmla="*/ 9705 h 10000"/>
                  <a:gd name="connsiteX91" fmla="*/ 0 w 10000"/>
                  <a:gd name="connsiteY91" fmla="*/ 9601 h 10000"/>
                  <a:gd name="connsiteX92" fmla="*/ 54 w 10000"/>
                  <a:gd name="connsiteY92" fmla="*/ 9424 h 10000"/>
                  <a:gd name="connsiteX93" fmla="*/ 107 w 10000"/>
                  <a:gd name="connsiteY93" fmla="*/ 9202 h 10000"/>
                  <a:gd name="connsiteX94" fmla="*/ 158 w 10000"/>
                  <a:gd name="connsiteY94" fmla="*/ 8996 h 10000"/>
                  <a:gd name="connsiteX95" fmla="*/ 213 w 10000"/>
                  <a:gd name="connsiteY95" fmla="*/ 8759 h 10000"/>
                  <a:gd name="connsiteX96" fmla="*/ 239 w 10000"/>
                  <a:gd name="connsiteY96" fmla="*/ 8641 h 10000"/>
                  <a:gd name="connsiteX97" fmla="*/ 239 w 10000"/>
                  <a:gd name="connsiteY97" fmla="*/ 8538 h 10000"/>
                  <a:gd name="connsiteX98" fmla="*/ 213 w 10000"/>
                  <a:gd name="connsiteY98" fmla="*/ 8405 h 10000"/>
                  <a:gd name="connsiteX99" fmla="*/ 186 w 10000"/>
                  <a:gd name="connsiteY99" fmla="*/ 8287 h 10000"/>
                  <a:gd name="connsiteX100" fmla="*/ 452 w 10000"/>
                  <a:gd name="connsiteY100" fmla="*/ 8213 h 10000"/>
                  <a:gd name="connsiteX101" fmla="*/ 718 w 10000"/>
                  <a:gd name="connsiteY101" fmla="*/ 8139 h 10000"/>
                  <a:gd name="connsiteX102" fmla="*/ 984 w 10000"/>
                  <a:gd name="connsiteY102" fmla="*/ 8095 h 10000"/>
                  <a:gd name="connsiteX103" fmla="*/ 1277 w 10000"/>
                  <a:gd name="connsiteY103" fmla="*/ 8065 h 10000"/>
                  <a:gd name="connsiteX104" fmla="*/ 1807 w 10000"/>
                  <a:gd name="connsiteY104" fmla="*/ 8021 h 10000"/>
                  <a:gd name="connsiteX105" fmla="*/ 2341 w 10000"/>
                  <a:gd name="connsiteY105" fmla="*/ 7976 h 10000"/>
                  <a:gd name="connsiteX106" fmla="*/ 2580 w 10000"/>
                  <a:gd name="connsiteY106" fmla="*/ 7947 h 10000"/>
                  <a:gd name="connsiteX107" fmla="*/ 2819 w 10000"/>
                  <a:gd name="connsiteY107" fmla="*/ 7917 h 10000"/>
                  <a:gd name="connsiteX108" fmla="*/ 3030 w 10000"/>
                  <a:gd name="connsiteY108" fmla="*/ 7843 h 10000"/>
                  <a:gd name="connsiteX109" fmla="*/ 3244 w 10000"/>
                  <a:gd name="connsiteY109" fmla="*/ 7784 h 10000"/>
                  <a:gd name="connsiteX110" fmla="*/ 3431 w 10000"/>
                  <a:gd name="connsiteY110" fmla="*/ 7710 h 10000"/>
                  <a:gd name="connsiteX111" fmla="*/ 3590 w 10000"/>
                  <a:gd name="connsiteY111" fmla="*/ 7592 h 10000"/>
                  <a:gd name="connsiteX112" fmla="*/ 3750 w 10000"/>
                  <a:gd name="connsiteY112" fmla="*/ 7474 h 10000"/>
                  <a:gd name="connsiteX113" fmla="*/ 3856 w 10000"/>
                  <a:gd name="connsiteY113" fmla="*/ 7312 h 10000"/>
                  <a:gd name="connsiteX114" fmla="*/ 3644 w 10000"/>
                  <a:gd name="connsiteY114" fmla="*/ 7238 h 10000"/>
                  <a:gd name="connsiteX115" fmla="*/ 3456 w 10000"/>
                  <a:gd name="connsiteY115" fmla="*/ 7179 h 10000"/>
                  <a:gd name="connsiteX116" fmla="*/ 3297 w 10000"/>
                  <a:gd name="connsiteY116" fmla="*/ 7090 h 10000"/>
                  <a:gd name="connsiteX117" fmla="*/ 3139 w 10000"/>
                  <a:gd name="connsiteY117" fmla="*/ 6987 h 10000"/>
                  <a:gd name="connsiteX118" fmla="*/ 3030 w 10000"/>
                  <a:gd name="connsiteY118" fmla="*/ 6869 h 10000"/>
                  <a:gd name="connsiteX119" fmla="*/ 2980 w 10000"/>
                  <a:gd name="connsiteY119" fmla="*/ 6721 h 10000"/>
                  <a:gd name="connsiteX120" fmla="*/ 2952 w 10000"/>
                  <a:gd name="connsiteY120" fmla="*/ 6558 h 10000"/>
                  <a:gd name="connsiteX121" fmla="*/ 2980 w 10000"/>
                  <a:gd name="connsiteY121" fmla="*/ 6352 h 10000"/>
                  <a:gd name="connsiteX122" fmla="*/ 2846 w 10000"/>
                  <a:gd name="connsiteY122" fmla="*/ 6322 h 10000"/>
                  <a:gd name="connsiteX123" fmla="*/ 2687 w 10000"/>
                  <a:gd name="connsiteY123" fmla="*/ 6292 h 10000"/>
                  <a:gd name="connsiteX124" fmla="*/ 2501 w 10000"/>
                  <a:gd name="connsiteY124" fmla="*/ 6278 h 10000"/>
                  <a:gd name="connsiteX125" fmla="*/ 2313 w 10000"/>
                  <a:gd name="connsiteY125" fmla="*/ 6263 h 10000"/>
                  <a:gd name="connsiteX126" fmla="*/ 1942 w 10000"/>
                  <a:gd name="connsiteY126" fmla="*/ 6248 h 10000"/>
                  <a:gd name="connsiteX127" fmla="*/ 1543 w 10000"/>
                  <a:gd name="connsiteY127" fmla="*/ 6263 h 10000"/>
                  <a:gd name="connsiteX128" fmla="*/ 1198 w 10000"/>
                  <a:gd name="connsiteY128" fmla="*/ 6278 h 10000"/>
                  <a:gd name="connsiteX129" fmla="*/ 877 w 10000"/>
                  <a:gd name="connsiteY129" fmla="*/ 6278 h 10000"/>
                  <a:gd name="connsiteX130" fmla="*/ 613 w 10000"/>
                  <a:gd name="connsiteY130" fmla="*/ 6263 h 10000"/>
                  <a:gd name="connsiteX131" fmla="*/ 399 w 10000"/>
                  <a:gd name="connsiteY131" fmla="*/ 6233 h 10000"/>
                  <a:gd name="connsiteX132" fmla="*/ 663 w 10000"/>
                  <a:gd name="connsiteY132" fmla="*/ 5805 h 10000"/>
                  <a:gd name="connsiteX133" fmla="*/ 958 w 10000"/>
                  <a:gd name="connsiteY133" fmla="*/ 5391 h 10000"/>
                  <a:gd name="connsiteX134" fmla="*/ 1065 w 10000"/>
                  <a:gd name="connsiteY134" fmla="*/ 5170 h 10000"/>
                  <a:gd name="connsiteX135" fmla="*/ 1143 w 10000"/>
                  <a:gd name="connsiteY135" fmla="*/ 4963 h 10000"/>
                  <a:gd name="connsiteX136" fmla="*/ 1169 w 10000"/>
                  <a:gd name="connsiteY136" fmla="*/ 4860 h 10000"/>
                  <a:gd name="connsiteX137" fmla="*/ 1143 w 10000"/>
                  <a:gd name="connsiteY137" fmla="*/ 4756 h 10000"/>
                  <a:gd name="connsiteX138" fmla="*/ 1117 w 10000"/>
                  <a:gd name="connsiteY138" fmla="*/ 4653 h 10000"/>
                  <a:gd name="connsiteX139" fmla="*/ 1038 w 10000"/>
                  <a:gd name="connsiteY139" fmla="*/ 4549 h 10000"/>
                  <a:gd name="connsiteX140" fmla="*/ 1330 w 10000"/>
                  <a:gd name="connsiteY140" fmla="*/ 4520 h 10000"/>
                  <a:gd name="connsiteX141" fmla="*/ 1543 w 10000"/>
                  <a:gd name="connsiteY141" fmla="*/ 4505 h 10000"/>
                  <a:gd name="connsiteX142" fmla="*/ 1729 w 10000"/>
                  <a:gd name="connsiteY142" fmla="*/ 4505 h 10000"/>
                  <a:gd name="connsiteX143" fmla="*/ 1888 w 10000"/>
                  <a:gd name="connsiteY143" fmla="*/ 4520 h 10000"/>
                  <a:gd name="connsiteX144" fmla="*/ 2022 w 10000"/>
                  <a:gd name="connsiteY144" fmla="*/ 4520 h 10000"/>
                  <a:gd name="connsiteX145" fmla="*/ 2181 w 10000"/>
                  <a:gd name="connsiteY145" fmla="*/ 4520 h 10000"/>
                  <a:gd name="connsiteX146" fmla="*/ 2341 w 10000"/>
                  <a:gd name="connsiteY146" fmla="*/ 4490 h 10000"/>
                  <a:gd name="connsiteX147" fmla="*/ 2552 w 10000"/>
                  <a:gd name="connsiteY147" fmla="*/ 4446 h 10000"/>
                  <a:gd name="connsiteX148" fmla="*/ 2552 w 10000"/>
                  <a:gd name="connsiteY148" fmla="*/ 4579 h 10000"/>
                  <a:gd name="connsiteX149" fmla="*/ 2552 w 10000"/>
                  <a:gd name="connsiteY149" fmla="*/ 4742 h 10000"/>
                  <a:gd name="connsiteX150" fmla="*/ 2552 w 10000"/>
                  <a:gd name="connsiteY150" fmla="*/ 4874 h 10000"/>
                  <a:gd name="connsiteX151" fmla="*/ 2552 w 10000"/>
                  <a:gd name="connsiteY151" fmla="*/ 5037 h 10000"/>
                  <a:gd name="connsiteX152" fmla="*/ 2792 w 10000"/>
                  <a:gd name="connsiteY152" fmla="*/ 5022 h 10000"/>
                  <a:gd name="connsiteX153" fmla="*/ 2952 w 10000"/>
                  <a:gd name="connsiteY153" fmla="*/ 5037 h 10000"/>
                  <a:gd name="connsiteX154" fmla="*/ 3085 w 10000"/>
                  <a:gd name="connsiteY154" fmla="*/ 5066 h 10000"/>
                  <a:gd name="connsiteX155" fmla="*/ 3218 w 10000"/>
                  <a:gd name="connsiteY155" fmla="*/ 5096 h 10000"/>
                  <a:gd name="connsiteX156" fmla="*/ 3325 w 10000"/>
                  <a:gd name="connsiteY156" fmla="*/ 5126 h 10000"/>
                  <a:gd name="connsiteX157" fmla="*/ 3456 w 10000"/>
                  <a:gd name="connsiteY157" fmla="*/ 5155 h 10000"/>
                  <a:gd name="connsiteX158" fmla="*/ 3617 w 10000"/>
                  <a:gd name="connsiteY158" fmla="*/ 5170 h 10000"/>
                  <a:gd name="connsiteX159" fmla="*/ 3856 w 10000"/>
                  <a:gd name="connsiteY159" fmla="*/ 5155 h 10000"/>
                  <a:gd name="connsiteX160" fmla="*/ 3936 w 10000"/>
                  <a:gd name="connsiteY160" fmla="*/ 5096 h 10000"/>
                  <a:gd name="connsiteX161" fmla="*/ 4015 w 10000"/>
                  <a:gd name="connsiteY161" fmla="*/ 5022 h 10000"/>
                  <a:gd name="connsiteX162" fmla="*/ 4042 w 10000"/>
                  <a:gd name="connsiteY162" fmla="*/ 4934 h 10000"/>
                  <a:gd name="connsiteX163" fmla="*/ 4070 w 10000"/>
                  <a:gd name="connsiteY163" fmla="*/ 4860 h 10000"/>
                  <a:gd name="connsiteX164" fmla="*/ 4095 w 10000"/>
                  <a:gd name="connsiteY164" fmla="*/ 4697 h 10000"/>
                  <a:gd name="connsiteX165" fmla="*/ 4070 w 10000"/>
                  <a:gd name="connsiteY165" fmla="*/ 4520 h 10000"/>
                  <a:gd name="connsiteX166" fmla="*/ 3989 w 10000"/>
                  <a:gd name="connsiteY166" fmla="*/ 4343 h 10000"/>
                  <a:gd name="connsiteX167" fmla="*/ 3910 w 10000"/>
                  <a:gd name="connsiteY167" fmla="*/ 4195 h 10000"/>
                  <a:gd name="connsiteX168" fmla="*/ 3776 w 10000"/>
                  <a:gd name="connsiteY168" fmla="*/ 4047 h 10000"/>
                  <a:gd name="connsiteX169" fmla="*/ 3644 w 10000"/>
                  <a:gd name="connsiteY169" fmla="*/ 3959 h 10000"/>
                  <a:gd name="connsiteX170" fmla="*/ 3803 w 10000"/>
                  <a:gd name="connsiteY170" fmla="*/ 3944 h 10000"/>
                  <a:gd name="connsiteX171" fmla="*/ 3936 w 10000"/>
                  <a:gd name="connsiteY171" fmla="*/ 3914 h 10000"/>
                  <a:gd name="connsiteX172" fmla="*/ 4042 w 10000"/>
                  <a:gd name="connsiteY172" fmla="*/ 3855 h 10000"/>
                  <a:gd name="connsiteX173" fmla="*/ 4173 w 10000"/>
                  <a:gd name="connsiteY173" fmla="*/ 3752 h 10000"/>
                  <a:gd name="connsiteX174" fmla="*/ 4308 w 10000"/>
                  <a:gd name="connsiteY174" fmla="*/ 3663 h 10000"/>
                  <a:gd name="connsiteX175" fmla="*/ 4414 w 10000"/>
                  <a:gd name="connsiteY175" fmla="*/ 3560 h 10000"/>
                  <a:gd name="connsiteX176" fmla="*/ 4494 w 10000"/>
                  <a:gd name="connsiteY176" fmla="*/ 3442 h 10000"/>
                  <a:gd name="connsiteX177" fmla="*/ 4575 w 10000"/>
                  <a:gd name="connsiteY177" fmla="*/ 3323 h 10000"/>
                  <a:gd name="connsiteX178" fmla="*/ 4628 w 10000"/>
                  <a:gd name="connsiteY178" fmla="*/ 3220 h 10000"/>
                  <a:gd name="connsiteX179" fmla="*/ 4653 w 10000"/>
                  <a:gd name="connsiteY179" fmla="*/ 3102 h 10000"/>
                  <a:gd name="connsiteX180" fmla="*/ 4681 w 10000"/>
                  <a:gd name="connsiteY180" fmla="*/ 3013 h 10000"/>
                  <a:gd name="connsiteX181" fmla="*/ 4653 w 10000"/>
                  <a:gd name="connsiteY181" fmla="*/ 2939 h 10000"/>
                  <a:gd name="connsiteX182" fmla="*/ 4628 w 10000"/>
                  <a:gd name="connsiteY182" fmla="*/ 2866 h 10000"/>
                  <a:gd name="connsiteX183" fmla="*/ 4548 w 10000"/>
                  <a:gd name="connsiteY183" fmla="*/ 2836 h 10000"/>
                  <a:gd name="connsiteX184" fmla="*/ 4442 w 10000"/>
                  <a:gd name="connsiteY184" fmla="*/ 2836 h 10000"/>
                  <a:gd name="connsiteX185" fmla="*/ 4308 w 10000"/>
                  <a:gd name="connsiteY185" fmla="*/ 2866 h 10000"/>
                  <a:gd name="connsiteX186" fmla="*/ 4414 w 10000"/>
                  <a:gd name="connsiteY186" fmla="*/ 2777 h 10000"/>
                  <a:gd name="connsiteX187" fmla="*/ 4469 w 10000"/>
                  <a:gd name="connsiteY187" fmla="*/ 2674 h 10000"/>
                  <a:gd name="connsiteX188" fmla="*/ 4494 w 10000"/>
                  <a:gd name="connsiteY188" fmla="*/ 2541 h 10000"/>
                  <a:gd name="connsiteX189" fmla="*/ 4494 w 10000"/>
                  <a:gd name="connsiteY189" fmla="*/ 2393 h 10000"/>
                  <a:gd name="connsiteX190" fmla="*/ 4520 w 10000"/>
                  <a:gd name="connsiteY190" fmla="*/ 2349 h 10000"/>
                  <a:gd name="connsiteX191" fmla="*/ 4575 w 10000"/>
                  <a:gd name="connsiteY191" fmla="*/ 2304 h 10000"/>
                  <a:gd name="connsiteX192" fmla="*/ 4628 w 10000"/>
                  <a:gd name="connsiteY192" fmla="*/ 2290 h 10000"/>
                  <a:gd name="connsiteX193" fmla="*/ 4708 w 10000"/>
                  <a:gd name="connsiteY193" fmla="*/ 2275 h 10000"/>
                  <a:gd name="connsiteX194" fmla="*/ 4946 w 10000"/>
                  <a:gd name="connsiteY194" fmla="*/ 2260 h 10000"/>
                  <a:gd name="connsiteX195" fmla="*/ 5158 w 10000"/>
                  <a:gd name="connsiteY195" fmla="*/ 2275 h 10000"/>
                  <a:gd name="connsiteX196" fmla="*/ 5132 w 10000"/>
                  <a:gd name="connsiteY196" fmla="*/ 2112 h 10000"/>
                  <a:gd name="connsiteX197" fmla="*/ 5080 w 10000"/>
                  <a:gd name="connsiteY197" fmla="*/ 1950 h 10000"/>
                  <a:gd name="connsiteX198" fmla="*/ 4999 w 10000"/>
                  <a:gd name="connsiteY198" fmla="*/ 1802 h 10000"/>
                  <a:gd name="connsiteX199" fmla="*/ 4894 w 10000"/>
                  <a:gd name="connsiteY199" fmla="*/ 1640 h 10000"/>
                  <a:gd name="connsiteX200" fmla="*/ 4628 w 10000"/>
                  <a:gd name="connsiteY200" fmla="*/ 1329 h 10000"/>
                  <a:gd name="connsiteX201" fmla="*/ 4362 w 10000"/>
                  <a:gd name="connsiteY201" fmla="*/ 1034 h 10000"/>
                  <a:gd name="connsiteX202" fmla="*/ 4228 w 10000"/>
                  <a:gd name="connsiteY202" fmla="*/ 901 h 10000"/>
                  <a:gd name="connsiteX203" fmla="*/ 4124 w 10000"/>
                  <a:gd name="connsiteY203" fmla="*/ 753 h 10000"/>
                  <a:gd name="connsiteX204" fmla="*/ 4042 w 10000"/>
                  <a:gd name="connsiteY204" fmla="*/ 620 h 10000"/>
                  <a:gd name="connsiteX205" fmla="*/ 4015 w 10000"/>
                  <a:gd name="connsiteY205" fmla="*/ 487 h 10000"/>
                  <a:gd name="connsiteX206" fmla="*/ 3989 w 10000"/>
                  <a:gd name="connsiteY206" fmla="*/ 355 h 10000"/>
                  <a:gd name="connsiteX207" fmla="*/ 4042 w 10000"/>
                  <a:gd name="connsiteY207" fmla="*/ 222 h 10000"/>
                  <a:gd name="connsiteX208" fmla="*/ 4070 w 10000"/>
                  <a:gd name="connsiteY208" fmla="*/ 162 h 10000"/>
                  <a:gd name="connsiteX209" fmla="*/ 4124 w 10000"/>
                  <a:gd name="connsiteY209" fmla="*/ 103 h 10000"/>
                  <a:gd name="connsiteX210" fmla="*/ 4203 w 10000"/>
                  <a:gd name="connsiteY210" fmla="*/ 59 h 10000"/>
                  <a:gd name="connsiteX211" fmla="*/ 4308 w 10000"/>
                  <a:gd name="connsiteY211" fmla="*/ 0 h 10000"/>
                  <a:gd name="connsiteX212" fmla="*/ 4494 w 10000"/>
                  <a:gd name="connsiteY212" fmla="*/ 0 h 10000"/>
                  <a:gd name="connsiteX213" fmla="*/ 4681 w 10000"/>
                  <a:gd name="connsiteY213" fmla="*/ 15 h 10000"/>
                  <a:gd name="connsiteX214" fmla="*/ 4867 w 10000"/>
                  <a:gd name="connsiteY214" fmla="*/ 44 h 10000"/>
                  <a:gd name="connsiteX215" fmla="*/ 4999 w 10000"/>
                  <a:gd name="connsiteY215" fmla="*/ 89 h 10000"/>
                  <a:gd name="connsiteX216" fmla="*/ 5213 w 10000"/>
                  <a:gd name="connsiteY216" fmla="*/ 192 h 10000"/>
                  <a:gd name="connsiteX217" fmla="*/ 5425 w 10000"/>
                  <a:gd name="connsiteY217" fmla="*/ 340 h 10000"/>
                  <a:gd name="connsiteX218" fmla="*/ 5585 w 10000"/>
                  <a:gd name="connsiteY218" fmla="*/ 473 h 10000"/>
                  <a:gd name="connsiteX219" fmla="*/ 5797 w 10000"/>
                  <a:gd name="connsiteY219" fmla="*/ 591 h 10000"/>
                  <a:gd name="connsiteX220" fmla="*/ 5931 w 10000"/>
                  <a:gd name="connsiteY220" fmla="*/ 650 h 10000"/>
                  <a:gd name="connsiteX221" fmla="*/ 6090 w 10000"/>
                  <a:gd name="connsiteY221" fmla="*/ 679 h 10000"/>
                  <a:gd name="connsiteX222" fmla="*/ 6251 w 10000"/>
                  <a:gd name="connsiteY222" fmla="*/ 709 h 10000"/>
                  <a:gd name="connsiteX223" fmla="*/ 6463 w 10000"/>
                  <a:gd name="connsiteY223" fmla="*/ 709 h 10000"/>
                  <a:gd name="connsiteX224" fmla="*/ 6463 w 10000"/>
                  <a:gd name="connsiteY224" fmla="*/ 768 h 10000"/>
                  <a:gd name="connsiteX225" fmla="*/ 6490 w 10000"/>
                  <a:gd name="connsiteY225" fmla="*/ 842 h 10000"/>
                  <a:gd name="connsiteX226" fmla="*/ 6541 w 10000"/>
                  <a:gd name="connsiteY226" fmla="*/ 916 h 10000"/>
                  <a:gd name="connsiteX227" fmla="*/ 6595 w 10000"/>
                  <a:gd name="connsiteY227" fmla="*/ 990 h 10000"/>
                  <a:gd name="connsiteX228" fmla="*/ 6674 w 10000"/>
                  <a:gd name="connsiteY228" fmla="*/ 1049 h 10000"/>
                  <a:gd name="connsiteX229" fmla="*/ 6780 w 10000"/>
                  <a:gd name="connsiteY229" fmla="*/ 1108 h 10000"/>
                  <a:gd name="connsiteX230" fmla="*/ 6914 w 10000"/>
                  <a:gd name="connsiteY230" fmla="*/ 1182 h 10000"/>
                  <a:gd name="connsiteX231" fmla="*/ 7020 w 10000"/>
                  <a:gd name="connsiteY231" fmla="*/ 1226 h 10000"/>
                  <a:gd name="connsiteX232" fmla="*/ 7127 w 10000"/>
                  <a:gd name="connsiteY232" fmla="*/ 1270 h 10000"/>
                  <a:gd name="connsiteX233" fmla="*/ 7234 w 10000"/>
                  <a:gd name="connsiteY233" fmla="*/ 1300 h 10000"/>
                  <a:gd name="connsiteX234" fmla="*/ 7340 w 10000"/>
                  <a:gd name="connsiteY234" fmla="*/ 1315 h 10000"/>
                  <a:gd name="connsiteX235" fmla="*/ 7474 w 10000"/>
                  <a:gd name="connsiteY235" fmla="*/ 1300 h 10000"/>
                  <a:gd name="connsiteX236" fmla="*/ 7580 w 10000"/>
                  <a:gd name="connsiteY236" fmla="*/ 1285 h 10000"/>
                  <a:gd name="connsiteX237" fmla="*/ 7659 w 10000"/>
                  <a:gd name="connsiteY237" fmla="*/ 1241 h 10000"/>
                  <a:gd name="connsiteX238" fmla="*/ 7714 w 10000"/>
                  <a:gd name="connsiteY238" fmla="*/ 1167 h 10000"/>
                  <a:gd name="connsiteX239" fmla="*/ 7738 w 10000"/>
                  <a:gd name="connsiteY239" fmla="*/ 1064 h 10000"/>
                  <a:gd name="connsiteX240" fmla="*/ 8138 w 10000"/>
                  <a:gd name="connsiteY240" fmla="*/ 1034 h 10000"/>
                  <a:gd name="connsiteX241" fmla="*/ 8509 w 10000"/>
                  <a:gd name="connsiteY241" fmla="*/ 1004 h 10000"/>
                  <a:gd name="connsiteX242" fmla="*/ 8830 w 10000"/>
                  <a:gd name="connsiteY242" fmla="*/ 990 h 10000"/>
                  <a:gd name="connsiteX243" fmla="*/ 9123 w 10000"/>
                  <a:gd name="connsiteY243" fmla="*/ 1004 h 10000"/>
                  <a:gd name="connsiteX244" fmla="*/ 9256 w 10000"/>
                  <a:gd name="connsiteY244" fmla="*/ 1019 h 10000"/>
                  <a:gd name="connsiteX245" fmla="*/ 9387 w 10000"/>
                  <a:gd name="connsiteY245" fmla="*/ 1034 h 10000"/>
                  <a:gd name="connsiteX246" fmla="*/ 9495 w 10000"/>
                  <a:gd name="connsiteY246" fmla="*/ 1064 h 10000"/>
                  <a:gd name="connsiteX247" fmla="*/ 9628 w 10000"/>
                  <a:gd name="connsiteY247" fmla="*/ 1108 h 10000"/>
                  <a:gd name="connsiteX248" fmla="*/ 9707 w 10000"/>
                  <a:gd name="connsiteY248" fmla="*/ 1182 h 10000"/>
                  <a:gd name="connsiteX249" fmla="*/ 9786 w 10000"/>
                  <a:gd name="connsiteY249" fmla="*/ 1241 h 10000"/>
                  <a:gd name="connsiteX250" fmla="*/ 9841 w 10000"/>
                  <a:gd name="connsiteY250" fmla="*/ 1329 h 10000"/>
                  <a:gd name="connsiteX251" fmla="*/ 9893 w 10000"/>
                  <a:gd name="connsiteY251" fmla="*/ 1433 h 10000"/>
                  <a:gd name="connsiteX252" fmla="*/ 9946 w 10000"/>
                  <a:gd name="connsiteY252" fmla="*/ 1551 h 10000"/>
                  <a:gd name="connsiteX253" fmla="*/ 9919 w 10000"/>
                  <a:gd name="connsiteY253" fmla="*/ 1625 h 10000"/>
                  <a:gd name="connsiteX254" fmla="*/ 9893 w 10000"/>
                  <a:gd name="connsiteY254" fmla="*/ 1684 h 10000"/>
                  <a:gd name="connsiteX255" fmla="*/ 9841 w 10000"/>
                  <a:gd name="connsiteY255" fmla="*/ 1758 h 10000"/>
                  <a:gd name="connsiteX256" fmla="*/ 9761 w 10000"/>
                  <a:gd name="connsiteY256" fmla="*/ 1802 h 10000"/>
                  <a:gd name="connsiteX257" fmla="*/ 9707 w 10000"/>
                  <a:gd name="connsiteY257" fmla="*/ 1861 h 10000"/>
                  <a:gd name="connsiteX258" fmla="*/ 9682 w 10000"/>
                  <a:gd name="connsiteY258" fmla="*/ 1935 h 10000"/>
                  <a:gd name="connsiteX259" fmla="*/ 9707 w 10000"/>
                  <a:gd name="connsiteY259" fmla="*/ 2024 h 10000"/>
                  <a:gd name="connsiteX260" fmla="*/ 10000 w 10000"/>
                  <a:gd name="connsiteY260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7100 w 10000"/>
                  <a:gd name="connsiteY4" fmla="*/ 4801 h 10000"/>
                  <a:gd name="connsiteX5" fmla="*/ 7020 w 10000"/>
                  <a:gd name="connsiteY5" fmla="*/ 4727 h 10000"/>
                  <a:gd name="connsiteX6" fmla="*/ 6674 w 10000"/>
                  <a:gd name="connsiteY6" fmla="*/ 4313 h 10000"/>
                  <a:gd name="connsiteX7" fmla="*/ 9628 w 10000"/>
                  <a:gd name="connsiteY7" fmla="*/ 3338 h 10000"/>
                  <a:gd name="connsiteX8" fmla="*/ 9866 w 10000"/>
                  <a:gd name="connsiteY8" fmla="*/ 3117 h 10000"/>
                  <a:gd name="connsiteX9" fmla="*/ 9893 w 10000"/>
                  <a:gd name="connsiteY9" fmla="*/ 3072 h 10000"/>
                  <a:gd name="connsiteX10" fmla="*/ 9919 w 10000"/>
                  <a:gd name="connsiteY10" fmla="*/ 3013 h 10000"/>
                  <a:gd name="connsiteX11" fmla="*/ 9919 w 10000"/>
                  <a:gd name="connsiteY11" fmla="*/ 2954 h 10000"/>
                  <a:gd name="connsiteX12" fmla="*/ 9893 w 10000"/>
                  <a:gd name="connsiteY12" fmla="*/ 2866 h 10000"/>
                  <a:gd name="connsiteX13" fmla="*/ 9707 w 10000"/>
                  <a:gd name="connsiteY13" fmla="*/ 2984 h 10000"/>
                  <a:gd name="connsiteX14" fmla="*/ 9495 w 10000"/>
                  <a:gd name="connsiteY14" fmla="*/ 3072 h 10000"/>
                  <a:gd name="connsiteX15" fmla="*/ 9281 w 10000"/>
                  <a:gd name="connsiteY15" fmla="*/ 3161 h 10000"/>
                  <a:gd name="connsiteX16" fmla="*/ 9069 w 10000"/>
                  <a:gd name="connsiteY16" fmla="*/ 3250 h 10000"/>
                  <a:gd name="connsiteX17" fmla="*/ 8589 w 10000"/>
                  <a:gd name="connsiteY17" fmla="*/ 3397 h 10000"/>
                  <a:gd name="connsiteX18" fmla="*/ 8085 w 10000"/>
                  <a:gd name="connsiteY18" fmla="*/ 3545 h 10000"/>
                  <a:gd name="connsiteX19" fmla="*/ 7580 w 10000"/>
                  <a:gd name="connsiteY19" fmla="*/ 3678 h 10000"/>
                  <a:gd name="connsiteX20" fmla="*/ 7100 w 10000"/>
                  <a:gd name="connsiteY20" fmla="*/ 3840 h 10000"/>
                  <a:gd name="connsiteX21" fmla="*/ 6861 w 10000"/>
                  <a:gd name="connsiteY21" fmla="*/ 3914 h 10000"/>
                  <a:gd name="connsiteX22" fmla="*/ 6649 w 10000"/>
                  <a:gd name="connsiteY22" fmla="*/ 4003 h 10000"/>
                  <a:gd name="connsiteX23" fmla="*/ 6437 w 10000"/>
                  <a:gd name="connsiteY23" fmla="*/ 4106 h 10000"/>
                  <a:gd name="connsiteX24" fmla="*/ 6222 w 10000"/>
                  <a:gd name="connsiteY24" fmla="*/ 4195 h 10000"/>
                  <a:gd name="connsiteX25" fmla="*/ 6382 w 10000"/>
                  <a:gd name="connsiteY25" fmla="*/ 4417 h 10000"/>
                  <a:gd name="connsiteX26" fmla="*/ 6490 w 10000"/>
                  <a:gd name="connsiteY26" fmla="*/ 4623 h 10000"/>
                  <a:gd name="connsiteX27" fmla="*/ 6595 w 10000"/>
                  <a:gd name="connsiteY27" fmla="*/ 4845 h 10000"/>
                  <a:gd name="connsiteX28" fmla="*/ 6674 w 10000"/>
                  <a:gd name="connsiteY28" fmla="*/ 5081 h 10000"/>
                  <a:gd name="connsiteX29" fmla="*/ 6729 w 10000"/>
                  <a:gd name="connsiteY29" fmla="*/ 5318 h 10000"/>
                  <a:gd name="connsiteX30" fmla="*/ 6756 w 10000"/>
                  <a:gd name="connsiteY30" fmla="*/ 5539 h 10000"/>
                  <a:gd name="connsiteX31" fmla="*/ 6780 w 10000"/>
                  <a:gd name="connsiteY31" fmla="*/ 5775 h 10000"/>
                  <a:gd name="connsiteX32" fmla="*/ 6780 w 10000"/>
                  <a:gd name="connsiteY32" fmla="*/ 5997 h 10000"/>
                  <a:gd name="connsiteX33" fmla="*/ 6756 w 10000"/>
                  <a:gd name="connsiteY33" fmla="*/ 6233 h 10000"/>
                  <a:gd name="connsiteX34" fmla="*/ 6702 w 10000"/>
                  <a:gd name="connsiteY34" fmla="*/ 6470 h 10000"/>
                  <a:gd name="connsiteX35" fmla="*/ 6649 w 10000"/>
                  <a:gd name="connsiteY35" fmla="*/ 6677 h 10000"/>
                  <a:gd name="connsiteX36" fmla="*/ 6569 w 10000"/>
                  <a:gd name="connsiteY36" fmla="*/ 6898 h 10000"/>
                  <a:gd name="connsiteX37" fmla="*/ 6463 w 10000"/>
                  <a:gd name="connsiteY37" fmla="*/ 7105 h 10000"/>
                  <a:gd name="connsiteX38" fmla="*/ 6330 w 10000"/>
                  <a:gd name="connsiteY38" fmla="*/ 7297 h 10000"/>
                  <a:gd name="connsiteX39" fmla="*/ 6170 w 10000"/>
                  <a:gd name="connsiteY39" fmla="*/ 7489 h 10000"/>
                  <a:gd name="connsiteX40" fmla="*/ 6010 w 10000"/>
                  <a:gd name="connsiteY40" fmla="*/ 7681 h 10000"/>
                  <a:gd name="connsiteX41" fmla="*/ 6780 w 10000"/>
                  <a:gd name="connsiteY41" fmla="*/ 7799 h 10000"/>
                  <a:gd name="connsiteX42" fmla="*/ 7580 w 10000"/>
                  <a:gd name="connsiteY42" fmla="*/ 7962 h 10000"/>
                  <a:gd name="connsiteX43" fmla="*/ 7738 w 10000"/>
                  <a:gd name="connsiteY43" fmla="*/ 8021 h 10000"/>
                  <a:gd name="connsiteX44" fmla="*/ 7872 w 10000"/>
                  <a:gd name="connsiteY44" fmla="*/ 8080 h 10000"/>
                  <a:gd name="connsiteX45" fmla="*/ 8004 w 10000"/>
                  <a:gd name="connsiteY45" fmla="*/ 8139 h 10000"/>
                  <a:gd name="connsiteX46" fmla="*/ 8085 w 10000"/>
                  <a:gd name="connsiteY46" fmla="*/ 8227 h 10000"/>
                  <a:gd name="connsiteX47" fmla="*/ 8112 w 10000"/>
                  <a:gd name="connsiteY47" fmla="*/ 8301 h 10000"/>
                  <a:gd name="connsiteX48" fmla="*/ 8112 w 10000"/>
                  <a:gd name="connsiteY48" fmla="*/ 8405 h 10000"/>
                  <a:gd name="connsiteX49" fmla="*/ 8059 w 10000"/>
                  <a:gd name="connsiteY49" fmla="*/ 8523 h 10000"/>
                  <a:gd name="connsiteX50" fmla="*/ 7978 w 10000"/>
                  <a:gd name="connsiteY50" fmla="*/ 8641 h 10000"/>
                  <a:gd name="connsiteX51" fmla="*/ 7633 w 10000"/>
                  <a:gd name="connsiteY51" fmla="*/ 8552 h 10000"/>
                  <a:gd name="connsiteX52" fmla="*/ 7313 w 10000"/>
                  <a:gd name="connsiteY52" fmla="*/ 8449 h 10000"/>
                  <a:gd name="connsiteX53" fmla="*/ 6994 w 10000"/>
                  <a:gd name="connsiteY53" fmla="*/ 8360 h 10000"/>
                  <a:gd name="connsiteX54" fmla="*/ 6674 w 10000"/>
                  <a:gd name="connsiteY54" fmla="*/ 8287 h 10000"/>
                  <a:gd name="connsiteX55" fmla="*/ 6541 w 10000"/>
                  <a:gd name="connsiteY55" fmla="*/ 8449 h 10000"/>
                  <a:gd name="connsiteX56" fmla="*/ 6437 w 10000"/>
                  <a:gd name="connsiteY56" fmla="*/ 8597 h 10000"/>
                  <a:gd name="connsiteX57" fmla="*/ 6382 w 10000"/>
                  <a:gd name="connsiteY57" fmla="*/ 8656 h 10000"/>
                  <a:gd name="connsiteX58" fmla="*/ 6276 w 10000"/>
                  <a:gd name="connsiteY58" fmla="*/ 8700 h 10000"/>
                  <a:gd name="connsiteX59" fmla="*/ 6197 w 10000"/>
                  <a:gd name="connsiteY59" fmla="*/ 8744 h 10000"/>
                  <a:gd name="connsiteX60" fmla="*/ 6117 w 10000"/>
                  <a:gd name="connsiteY60" fmla="*/ 8774 h 10000"/>
                  <a:gd name="connsiteX61" fmla="*/ 6037 w 10000"/>
                  <a:gd name="connsiteY61" fmla="*/ 8804 h 10000"/>
                  <a:gd name="connsiteX62" fmla="*/ 5931 w 10000"/>
                  <a:gd name="connsiteY62" fmla="*/ 8818 h 10000"/>
                  <a:gd name="connsiteX63" fmla="*/ 5797 w 10000"/>
                  <a:gd name="connsiteY63" fmla="*/ 8833 h 10000"/>
                  <a:gd name="connsiteX64" fmla="*/ 5665 w 10000"/>
                  <a:gd name="connsiteY64" fmla="*/ 8833 h 10000"/>
                  <a:gd name="connsiteX65" fmla="*/ 5347 w 10000"/>
                  <a:gd name="connsiteY65" fmla="*/ 8818 h 10000"/>
                  <a:gd name="connsiteX66" fmla="*/ 4946 w 10000"/>
                  <a:gd name="connsiteY66" fmla="*/ 8744 h 10000"/>
                  <a:gd name="connsiteX67" fmla="*/ 4946 w 10000"/>
                  <a:gd name="connsiteY67" fmla="*/ 8922 h 10000"/>
                  <a:gd name="connsiteX68" fmla="*/ 4919 w 10000"/>
                  <a:gd name="connsiteY68" fmla="*/ 9069 h 10000"/>
                  <a:gd name="connsiteX69" fmla="*/ 4894 w 10000"/>
                  <a:gd name="connsiteY69" fmla="*/ 9232 h 10000"/>
                  <a:gd name="connsiteX70" fmla="*/ 4867 w 10000"/>
                  <a:gd name="connsiteY70" fmla="*/ 9365 h 10000"/>
                  <a:gd name="connsiteX71" fmla="*/ 4813 w 10000"/>
                  <a:gd name="connsiteY71" fmla="*/ 9498 h 10000"/>
                  <a:gd name="connsiteX72" fmla="*/ 4708 w 10000"/>
                  <a:gd name="connsiteY72" fmla="*/ 9616 h 10000"/>
                  <a:gd name="connsiteX73" fmla="*/ 4628 w 10000"/>
                  <a:gd name="connsiteY73" fmla="*/ 9734 h 10000"/>
                  <a:gd name="connsiteX74" fmla="*/ 4494 w 10000"/>
                  <a:gd name="connsiteY74" fmla="*/ 9838 h 10000"/>
                  <a:gd name="connsiteX75" fmla="*/ 4173 w 10000"/>
                  <a:gd name="connsiteY75" fmla="*/ 9897 h 10000"/>
                  <a:gd name="connsiteX76" fmla="*/ 3910 w 10000"/>
                  <a:gd name="connsiteY76" fmla="*/ 9941 h 10000"/>
                  <a:gd name="connsiteX77" fmla="*/ 3590 w 10000"/>
                  <a:gd name="connsiteY77" fmla="*/ 9985 h 10000"/>
                  <a:gd name="connsiteX78" fmla="*/ 3351 w 10000"/>
                  <a:gd name="connsiteY78" fmla="*/ 10000 h 10000"/>
                  <a:gd name="connsiteX79" fmla="*/ 2819 w 10000"/>
                  <a:gd name="connsiteY79" fmla="*/ 10000 h 10000"/>
                  <a:gd name="connsiteX80" fmla="*/ 2313 w 10000"/>
                  <a:gd name="connsiteY80" fmla="*/ 9985 h 10000"/>
                  <a:gd name="connsiteX81" fmla="*/ 1836 w 10000"/>
                  <a:gd name="connsiteY81" fmla="*/ 9941 h 10000"/>
                  <a:gd name="connsiteX82" fmla="*/ 1330 w 10000"/>
                  <a:gd name="connsiteY82" fmla="*/ 9911 h 10000"/>
                  <a:gd name="connsiteX83" fmla="*/ 1038 w 10000"/>
                  <a:gd name="connsiteY83" fmla="*/ 9911 h 10000"/>
                  <a:gd name="connsiteX84" fmla="*/ 771 w 10000"/>
                  <a:gd name="connsiteY84" fmla="*/ 9911 h 10000"/>
                  <a:gd name="connsiteX85" fmla="*/ 479 w 10000"/>
                  <a:gd name="connsiteY85" fmla="*/ 9926 h 10000"/>
                  <a:gd name="connsiteX86" fmla="*/ 186 w 10000"/>
                  <a:gd name="connsiteY86" fmla="*/ 9970 h 10000"/>
                  <a:gd name="connsiteX87" fmla="*/ 107 w 10000"/>
                  <a:gd name="connsiteY87" fmla="*/ 9867 h 10000"/>
                  <a:gd name="connsiteX88" fmla="*/ 54 w 10000"/>
                  <a:gd name="connsiteY88" fmla="*/ 9793 h 10000"/>
                  <a:gd name="connsiteX89" fmla="*/ 0 w 10000"/>
                  <a:gd name="connsiteY89" fmla="*/ 9705 h 10000"/>
                  <a:gd name="connsiteX90" fmla="*/ 0 w 10000"/>
                  <a:gd name="connsiteY90" fmla="*/ 9601 h 10000"/>
                  <a:gd name="connsiteX91" fmla="*/ 54 w 10000"/>
                  <a:gd name="connsiteY91" fmla="*/ 9424 h 10000"/>
                  <a:gd name="connsiteX92" fmla="*/ 107 w 10000"/>
                  <a:gd name="connsiteY92" fmla="*/ 9202 h 10000"/>
                  <a:gd name="connsiteX93" fmla="*/ 158 w 10000"/>
                  <a:gd name="connsiteY93" fmla="*/ 8996 h 10000"/>
                  <a:gd name="connsiteX94" fmla="*/ 213 w 10000"/>
                  <a:gd name="connsiteY94" fmla="*/ 8759 h 10000"/>
                  <a:gd name="connsiteX95" fmla="*/ 239 w 10000"/>
                  <a:gd name="connsiteY95" fmla="*/ 8641 h 10000"/>
                  <a:gd name="connsiteX96" fmla="*/ 239 w 10000"/>
                  <a:gd name="connsiteY96" fmla="*/ 8538 h 10000"/>
                  <a:gd name="connsiteX97" fmla="*/ 213 w 10000"/>
                  <a:gd name="connsiteY97" fmla="*/ 8405 h 10000"/>
                  <a:gd name="connsiteX98" fmla="*/ 186 w 10000"/>
                  <a:gd name="connsiteY98" fmla="*/ 8287 h 10000"/>
                  <a:gd name="connsiteX99" fmla="*/ 452 w 10000"/>
                  <a:gd name="connsiteY99" fmla="*/ 8213 h 10000"/>
                  <a:gd name="connsiteX100" fmla="*/ 718 w 10000"/>
                  <a:gd name="connsiteY100" fmla="*/ 8139 h 10000"/>
                  <a:gd name="connsiteX101" fmla="*/ 984 w 10000"/>
                  <a:gd name="connsiteY101" fmla="*/ 8095 h 10000"/>
                  <a:gd name="connsiteX102" fmla="*/ 1277 w 10000"/>
                  <a:gd name="connsiteY102" fmla="*/ 8065 h 10000"/>
                  <a:gd name="connsiteX103" fmla="*/ 1807 w 10000"/>
                  <a:gd name="connsiteY103" fmla="*/ 8021 h 10000"/>
                  <a:gd name="connsiteX104" fmla="*/ 2341 w 10000"/>
                  <a:gd name="connsiteY104" fmla="*/ 7976 h 10000"/>
                  <a:gd name="connsiteX105" fmla="*/ 2580 w 10000"/>
                  <a:gd name="connsiteY105" fmla="*/ 7947 h 10000"/>
                  <a:gd name="connsiteX106" fmla="*/ 2819 w 10000"/>
                  <a:gd name="connsiteY106" fmla="*/ 7917 h 10000"/>
                  <a:gd name="connsiteX107" fmla="*/ 3030 w 10000"/>
                  <a:gd name="connsiteY107" fmla="*/ 7843 h 10000"/>
                  <a:gd name="connsiteX108" fmla="*/ 3244 w 10000"/>
                  <a:gd name="connsiteY108" fmla="*/ 7784 h 10000"/>
                  <a:gd name="connsiteX109" fmla="*/ 3431 w 10000"/>
                  <a:gd name="connsiteY109" fmla="*/ 7710 h 10000"/>
                  <a:gd name="connsiteX110" fmla="*/ 3590 w 10000"/>
                  <a:gd name="connsiteY110" fmla="*/ 7592 h 10000"/>
                  <a:gd name="connsiteX111" fmla="*/ 3750 w 10000"/>
                  <a:gd name="connsiteY111" fmla="*/ 7474 h 10000"/>
                  <a:gd name="connsiteX112" fmla="*/ 3856 w 10000"/>
                  <a:gd name="connsiteY112" fmla="*/ 7312 h 10000"/>
                  <a:gd name="connsiteX113" fmla="*/ 3644 w 10000"/>
                  <a:gd name="connsiteY113" fmla="*/ 7238 h 10000"/>
                  <a:gd name="connsiteX114" fmla="*/ 3456 w 10000"/>
                  <a:gd name="connsiteY114" fmla="*/ 7179 h 10000"/>
                  <a:gd name="connsiteX115" fmla="*/ 3297 w 10000"/>
                  <a:gd name="connsiteY115" fmla="*/ 7090 h 10000"/>
                  <a:gd name="connsiteX116" fmla="*/ 3139 w 10000"/>
                  <a:gd name="connsiteY116" fmla="*/ 6987 h 10000"/>
                  <a:gd name="connsiteX117" fmla="*/ 3030 w 10000"/>
                  <a:gd name="connsiteY117" fmla="*/ 6869 h 10000"/>
                  <a:gd name="connsiteX118" fmla="*/ 2980 w 10000"/>
                  <a:gd name="connsiteY118" fmla="*/ 6721 h 10000"/>
                  <a:gd name="connsiteX119" fmla="*/ 2952 w 10000"/>
                  <a:gd name="connsiteY119" fmla="*/ 6558 h 10000"/>
                  <a:gd name="connsiteX120" fmla="*/ 2980 w 10000"/>
                  <a:gd name="connsiteY120" fmla="*/ 6352 h 10000"/>
                  <a:gd name="connsiteX121" fmla="*/ 2846 w 10000"/>
                  <a:gd name="connsiteY121" fmla="*/ 6322 h 10000"/>
                  <a:gd name="connsiteX122" fmla="*/ 2687 w 10000"/>
                  <a:gd name="connsiteY122" fmla="*/ 6292 h 10000"/>
                  <a:gd name="connsiteX123" fmla="*/ 2501 w 10000"/>
                  <a:gd name="connsiteY123" fmla="*/ 6278 h 10000"/>
                  <a:gd name="connsiteX124" fmla="*/ 2313 w 10000"/>
                  <a:gd name="connsiteY124" fmla="*/ 6263 h 10000"/>
                  <a:gd name="connsiteX125" fmla="*/ 1942 w 10000"/>
                  <a:gd name="connsiteY125" fmla="*/ 6248 h 10000"/>
                  <a:gd name="connsiteX126" fmla="*/ 1543 w 10000"/>
                  <a:gd name="connsiteY126" fmla="*/ 6263 h 10000"/>
                  <a:gd name="connsiteX127" fmla="*/ 1198 w 10000"/>
                  <a:gd name="connsiteY127" fmla="*/ 6278 h 10000"/>
                  <a:gd name="connsiteX128" fmla="*/ 877 w 10000"/>
                  <a:gd name="connsiteY128" fmla="*/ 6278 h 10000"/>
                  <a:gd name="connsiteX129" fmla="*/ 613 w 10000"/>
                  <a:gd name="connsiteY129" fmla="*/ 6263 h 10000"/>
                  <a:gd name="connsiteX130" fmla="*/ 399 w 10000"/>
                  <a:gd name="connsiteY130" fmla="*/ 6233 h 10000"/>
                  <a:gd name="connsiteX131" fmla="*/ 663 w 10000"/>
                  <a:gd name="connsiteY131" fmla="*/ 5805 h 10000"/>
                  <a:gd name="connsiteX132" fmla="*/ 958 w 10000"/>
                  <a:gd name="connsiteY132" fmla="*/ 5391 h 10000"/>
                  <a:gd name="connsiteX133" fmla="*/ 1065 w 10000"/>
                  <a:gd name="connsiteY133" fmla="*/ 5170 h 10000"/>
                  <a:gd name="connsiteX134" fmla="*/ 1143 w 10000"/>
                  <a:gd name="connsiteY134" fmla="*/ 4963 h 10000"/>
                  <a:gd name="connsiteX135" fmla="*/ 1169 w 10000"/>
                  <a:gd name="connsiteY135" fmla="*/ 4860 h 10000"/>
                  <a:gd name="connsiteX136" fmla="*/ 1143 w 10000"/>
                  <a:gd name="connsiteY136" fmla="*/ 4756 h 10000"/>
                  <a:gd name="connsiteX137" fmla="*/ 1117 w 10000"/>
                  <a:gd name="connsiteY137" fmla="*/ 4653 h 10000"/>
                  <a:gd name="connsiteX138" fmla="*/ 1038 w 10000"/>
                  <a:gd name="connsiteY138" fmla="*/ 4549 h 10000"/>
                  <a:gd name="connsiteX139" fmla="*/ 1330 w 10000"/>
                  <a:gd name="connsiteY139" fmla="*/ 4520 h 10000"/>
                  <a:gd name="connsiteX140" fmla="*/ 1543 w 10000"/>
                  <a:gd name="connsiteY140" fmla="*/ 4505 h 10000"/>
                  <a:gd name="connsiteX141" fmla="*/ 1729 w 10000"/>
                  <a:gd name="connsiteY141" fmla="*/ 4505 h 10000"/>
                  <a:gd name="connsiteX142" fmla="*/ 1888 w 10000"/>
                  <a:gd name="connsiteY142" fmla="*/ 4520 h 10000"/>
                  <a:gd name="connsiteX143" fmla="*/ 2022 w 10000"/>
                  <a:gd name="connsiteY143" fmla="*/ 4520 h 10000"/>
                  <a:gd name="connsiteX144" fmla="*/ 2181 w 10000"/>
                  <a:gd name="connsiteY144" fmla="*/ 4520 h 10000"/>
                  <a:gd name="connsiteX145" fmla="*/ 2341 w 10000"/>
                  <a:gd name="connsiteY145" fmla="*/ 4490 h 10000"/>
                  <a:gd name="connsiteX146" fmla="*/ 2552 w 10000"/>
                  <a:gd name="connsiteY146" fmla="*/ 4446 h 10000"/>
                  <a:gd name="connsiteX147" fmla="*/ 2552 w 10000"/>
                  <a:gd name="connsiteY147" fmla="*/ 4579 h 10000"/>
                  <a:gd name="connsiteX148" fmla="*/ 2552 w 10000"/>
                  <a:gd name="connsiteY148" fmla="*/ 4742 h 10000"/>
                  <a:gd name="connsiteX149" fmla="*/ 2552 w 10000"/>
                  <a:gd name="connsiteY149" fmla="*/ 4874 h 10000"/>
                  <a:gd name="connsiteX150" fmla="*/ 2552 w 10000"/>
                  <a:gd name="connsiteY150" fmla="*/ 5037 h 10000"/>
                  <a:gd name="connsiteX151" fmla="*/ 2792 w 10000"/>
                  <a:gd name="connsiteY151" fmla="*/ 5022 h 10000"/>
                  <a:gd name="connsiteX152" fmla="*/ 2952 w 10000"/>
                  <a:gd name="connsiteY152" fmla="*/ 5037 h 10000"/>
                  <a:gd name="connsiteX153" fmla="*/ 3085 w 10000"/>
                  <a:gd name="connsiteY153" fmla="*/ 5066 h 10000"/>
                  <a:gd name="connsiteX154" fmla="*/ 3218 w 10000"/>
                  <a:gd name="connsiteY154" fmla="*/ 5096 h 10000"/>
                  <a:gd name="connsiteX155" fmla="*/ 3325 w 10000"/>
                  <a:gd name="connsiteY155" fmla="*/ 5126 h 10000"/>
                  <a:gd name="connsiteX156" fmla="*/ 3456 w 10000"/>
                  <a:gd name="connsiteY156" fmla="*/ 5155 h 10000"/>
                  <a:gd name="connsiteX157" fmla="*/ 3617 w 10000"/>
                  <a:gd name="connsiteY157" fmla="*/ 5170 h 10000"/>
                  <a:gd name="connsiteX158" fmla="*/ 3856 w 10000"/>
                  <a:gd name="connsiteY158" fmla="*/ 5155 h 10000"/>
                  <a:gd name="connsiteX159" fmla="*/ 3936 w 10000"/>
                  <a:gd name="connsiteY159" fmla="*/ 5096 h 10000"/>
                  <a:gd name="connsiteX160" fmla="*/ 4015 w 10000"/>
                  <a:gd name="connsiteY160" fmla="*/ 5022 h 10000"/>
                  <a:gd name="connsiteX161" fmla="*/ 4042 w 10000"/>
                  <a:gd name="connsiteY161" fmla="*/ 4934 h 10000"/>
                  <a:gd name="connsiteX162" fmla="*/ 4070 w 10000"/>
                  <a:gd name="connsiteY162" fmla="*/ 4860 h 10000"/>
                  <a:gd name="connsiteX163" fmla="*/ 4095 w 10000"/>
                  <a:gd name="connsiteY163" fmla="*/ 4697 h 10000"/>
                  <a:gd name="connsiteX164" fmla="*/ 4070 w 10000"/>
                  <a:gd name="connsiteY164" fmla="*/ 4520 h 10000"/>
                  <a:gd name="connsiteX165" fmla="*/ 3989 w 10000"/>
                  <a:gd name="connsiteY165" fmla="*/ 4343 h 10000"/>
                  <a:gd name="connsiteX166" fmla="*/ 3910 w 10000"/>
                  <a:gd name="connsiteY166" fmla="*/ 4195 h 10000"/>
                  <a:gd name="connsiteX167" fmla="*/ 3776 w 10000"/>
                  <a:gd name="connsiteY167" fmla="*/ 4047 h 10000"/>
                  <a:gd name="connsiteX168" fmla="*/ 3644 w 10000"/>
                  <a:gd name="connsiteY168" fmla="*/ 3959 h 10000"/>
                  <a:gd name="connsiteX169" fmla="*/ 3803 w 10000"/>
                  <a:gd name="connsiteY169" fmla="*/ 3944 h 10000"/>
                  <a:gd name="connsiteX170" fmla="*/ 3936 w 10000"/>
                  <a:gd name="connsiteY170" fmla="*/ 3914 h 10000"/>
                  <a:gd name="connsiteX171" fmla="*/ 4042 w 10000"/>
                  <a:gd name="connsiteY171" fmla="*/ 3855 h 10000"/>
                  <a:gd name="connsiteX172" fmla="*/ 4173 w 10000"/>
                  <a:gd name="connsiteY172" fmla="*/ 3752 h 10000"/>
                  <a:gd name="connsiteX173" fmla="*/ 4308 w 10000"/>
                  <a:gd name="connsiteY173" fmla="*/ 3663 h 10000"/>
                  <a:gd name="connsiteX174" fmla="*/ 4414 w 10000"/>
                  <a:gd name="connsiteY174" fmla="*/ 3560 h 10000"/>
                  <a:gd name="connsiteX175" fmla="*/ 4494 w 10000"/>
                  <a:gd name="connsiteY175" fmla="*/ 3442 h 10000"/>
                  <a:gd name="connsiteX176" fmla="*/ 4575 w 10000"/>
                  <a:gd name="connsiteY176" fmla="*/ 3323 h 10000"/>
                  <a:gd name="connsiteX177" fmla="*/ 4628 w 10000"/>
                  <a:gd name="connsiteY177" fmla="*/ 3220 h 10000"/>
                  <a:gd name="connsiteX178" fmla="*/ 4653 w 10000"/>
                  <a:gd name="connsiteY178" fmla="*/ 3102 h 10000"/>
                  <a:gd name="connsiteX179" fmla="*/ 4681 w 10000"/>
                  <a:gd name="connsiteY179" fmla="*/ 3013 h 10000"/>
                  <a:gd name="connsiteX180" fmla="*/ 4653 w 10000"/>
                  <a:gd name="connsiteY180" fmla="*/ 2939 h 10000"/>
                  <a:gd name="connsiteX181" fmla="*/ 4628 w 10000"/>
                  <a:gd name="connsiteY181" fmla="*/ 2866 h 10000"/>
                  <a:gd name="connsiteX182" fmla="*/ 4548 w 10000"/>
                  <a:gd name="connsiteY182" fmla="*/ 2836 h 10000"/>
                  <a:gd name="connsiteX183" fmla="*/ 4442 w 10000"/>
                  <a:gd name="connsiteY183" fmla="*/ 2836 h 10000"/>
                  <a:gd name="connsiteX184" fmla="*/ 4308 w 10000"/>
                  <a:gd name="connsiteY184" fmla="*/ 2866 h 10000"/>
                  <a:gd name="connsiteX185" fmla="*/ 4414 w 10000"/>
                  <a:gd name="connsiteY185" fmla="*/ 2777 h 10000"/>
                  <a:gd name="connsiteX186" fmla="*/ 4469 w 10000"/>
                  <a:gd name="connsiteY186" fmla="*/ 2674 h 10000"/>
                  <a:gd name="connsiteX187" fmla="*/ 4494 w 10000"/>
                  <a:gd name="connsiteY187" fmla="*/ 2541 h 10000"/>
                  <a:gd name="connsiteX188" fmla="*/ 4494 w 10000"/>
                  <a:gd name="connsiteY188" fmla="*/ 2393 h 10000"/>
                  <a:gd name="connsiteX189" fmla="*/ 4520 w 10000"/>
                  <a:gd name="connsiteY189" fmla="*/ 2349 h 10000"/>
                  <a:gd name="connsiteX190" fmla="*/ 4575 w 10000"/>
                  <a:gd name="connsiteY190" fmla="*/ 2304 h 10000"/>
                  <a:gd name="connsiteX191" fmla="*/ 4628 w 10000"/>
                  <a:gd name="connsiteY191" fmla="*/ 2290 h 10000"/>
                  <a:gd name="connsiteX192" fmla="*/ 4708 w 10000"/>
                  <a:gd name="connsiteY192" fmla="*/ 2275 h 10000"/>
                  <a:gd name="connsiteX193" fmla="*/ 4946 w 10000"/>
                  <a:gd name="connsiteY193" fmla="*/ 2260 h 10000"/>
                  <a:gd name="connsiteX194" fmla="*/ 5158 w 10000"/>
                  <a:gd name="connsiteY194" fmla="*/ 2275 h 10000"/>
                  <a:gd name="connsiteX195" fmla="*/ 5132 w 10000"/>
                  <a:gd name="connsiteY195" fmla="*/ 2112 h 10000"/>
                  <a:gd name="connsiteX196" fmla="*/ 5080 w 10000"/>
                  <a:gd name="connsiteY196" fmla="*/ 1950 h 10000"/>
                  <a:gd name="connsiteX197" fmla="*/ 4999 w 10000"/>
                  <a:gd name="connsiteY197" fmla="*/ 1802 h 10000"/>
                  <a:gd name="connsiteX198" fmla="*/ 4894 w 10000"/>
                  <a:gd name="connsiteY198" fmla="*/ 1640 h 10000"/>
                  <a:gd name="connsiteX199" fmla="*/ 4628 w 10000"/>
                  <a:gd name="connsiteY199" fmla="*/ 1329 h 10000"/>
                  <a:gd name="connsiteX200" fmla="*/ 4362 w 10000"/>
                  <a:gd name="connsiteY200" fmla="*/ 1034 h 10000"/>
                  <a:gd name="connsiteX201" fmla="*/ 4228 w 10000"/>
                  <a:gd name="connsiteY201" fmla="*/ 901 h 10000"/>
                  <a:gd name="connsiteX202" fmla="*/ 4124 w 10000"/>
                  <a:gd name="connsiteY202" fmla="*/ 753 h 10000"/>
                  <a:gd name="connsiteX203" fmla="*/ 4042 w 10000"/>
                  <a:gd name="connsiteY203" fmla="*/ 620 h 10000"/>
                  <a:gd name="connsiteX204" fmla="*/ 4015 w 10000"/>
                  <a:gd name="connsiteY204" fmla="*/ 487 h 10000"/>
                  <a:gd name="connsiteX205" fmla="*/ 3989 w 10000"/>
                  <a:gd name="connsiteY205" fmla="*/ 355 h 10000"/>
                  <a:gd name="connsiteX206" fmla="*/ 4042 w 10000"/>
                  <a:gd name="connsiteY206" fmla="*/ 222 h 10000"/>
                  <a:gd name="connsiteX207" fmla="*/ 4070 w 10000"/>
                  <a:gd name="connsiteY207" fmla="*/ 162 h 10000"/>
                  <a:gd name="connsiteX208" fmla="*/ 4124 w 10000"/>
                  <a:gd name="connsiteY208" fmla="*/ 103 h 10000"/>
                  <a:gd name="connsiteX209" fmla="*/ 4203 w 10000"/>
                  <a:gd name="connsiteY209" fmla="*/ 59 h 10000"/>
                  <a:gd name="connsiteX210" fmla="*/ 4308 w 10000"/>
                  <a:gd name="connsiteY210" fmla="*/ 0 h 10000"/>
                  <a:gd name="connsiteX211" fmla="*/ 4494 w 10000"/>
                  <a:gd name="connsiteY211" fmla="*/ 0 h 10000"/>
                  <a:gd name="connsiteX212" fmla="*/ 4681 w 10000"/>
                  <a:gd name="connsiteY212" fmla="*/ 15 h 10000"/>
                  <a:gd name="connsiteX213" fmla="*/ 4867 w 10000"/>
                  <a:gd name="connsiteY213" fmla="*/ 44 h 10000"/>
                  <a:gd name="connsiteX214" fmla="*/ 4999 w 10000"/>
                  <a:gd name="connsiteY214" fmla="*/ 89 h 10000"/>
                  <a:gd name="connsiteX215" fmla="*/ 5213 w 10000"/>
                  <a:gd name="connsiteY215" fmla="*/ 192 h 10000"/>
                  <a:gd name="connsiteX216" fmla="*/ 5425 w 10000"/>
                  <a:gd name="connsiteY216" fmla="*/ 340 h 10000"/>
                  <a:gd name="connsiteX217" fmla="*/ 5585 w 10000"/>
                  <a:gd name="connsiteY217" fmla="*/ 473 h 10000"/>
                  <a:gd name="connsiteX218" fmla="*/ 5797 w 10000"/>
                  <a:gd name="connsiteY218" fmla="*/ 591 h 10000"/>
                  <a:gd name="connsiteX219" fmla="*/ 5931 w 10000"/>
                  <a:gd name="connsiteY219" fmla="*/ 650 h 10000"/>
                  <a:gd name="connsiteX220" fmla="*/ 6090 w 10000"/>
                  <a:gd name="connsiteY220" fmla="*/ 679 h 10000"/>
                  <a:gd name="connsiteX221" fmla="*/ 6251 w 10000"/>
                  <a:gd name="connsiteY221" fmla="*/ 709 h 10000"/>
                  <a:gd name="connsiteX222" fmla="*/ 6463 w 10000"/>
                  <a:gd name="connsiteY222" fmla="*/ 709 h 10000"/>
                  <a:gd name="connsiteX223" fmla="*/ 6463 w 10000"/>
                  <a:gd name="connsiteY223" fmla="*/ 768 h 10000"/>
                  <a:gd name="connsiteX224" fmla="*/ 6490 w 10000"/>
                  <a:gd name="connsiteY224" fmla="*/ 842 h 10000"/>
                  <a:gd name="connsiteX225" fmla="*/ 6541 w 10000"/>
                  <a:gd name="connsiteY225" fmla="*/ 916 h 10000"/>
                  <a:gd name="connsiteX226" fmla="*/ 6595 w 10000"/>
                  <a:gd name="connsiteY226" fmla="*/ 990 h 10000"/>
                  <a:gd name="connsiteX227" fmla="*/ 6674 w 10000"/>
                  <a:gd name="connsiteY227" fmla="*/ 1049 h 10000"/>
                  <a:gd name="connsiteX228" fmla="*/ 6780 w 10000"/>
                  <a:gd name="connsiteY228" fmla="*/ 1108 h 10000"/>
                  <a:gd name="connsiteX229" fmla="*/ 6914 w 10000"/>
                  <a:gd name="connsiteY229" fmla="*/ 1182 h 10000"/>
                  <a:gd name="connsiteX230" fmla="*/ 7020 w 10000"/>
                  <a:gd name="connsiteY230" fmla="*/ 1226 h 10000"/>
                  <a:gd name="connsiteX231" fmla="*/ 7127 w 10000"/>
                  <a:gd name="connsiteY231" fmla="*/ 1270 h 10000"/>
                  <a:gd name="connsiteX232" fmla="*/ 7234 w 10000"/>
                  <a:gd name="connsiteY232" fmla="*/ 1300 h 10000"/>
                  <a:gd name="connsiteX233" fmla="*/ 7340 w 10000"/>
                  <a:gd name="connsiteY233" fmla="*/ 1315 h 10000"/>
                  <a:gd name="connsiteX234" fmla="*/ 7474 w 10000"/>
                  <a:gd name="connsiteY234" fmla="*/ 1300 h 10000"/>
                  <a:gd name="connsiteX235" fmla="*/ 7580 w 10000"/>
                  <a:gd name="connsiteY235" fmla="*/ 1285 h 10000"/>
                  <a:gd name="connsiteX236" fmla="*/ 7659 w 10000"/>
                  <a:gd name="connsiteY236" fmla="*/ 1241 h 10000"/>
                  <a:gd name="connsiteX237" fmla="*/ 7714 w 10000"/>
                  <a:gd name="connsiteY237" fmla="*/ 1167 h 10000"/>
                  <a:gd name="connsiteX238" fmla="*/ 7738 w 10000"/>
                  <a:gd name="connsiteY238" fmla="*/ 1064 h 10000"/>
                  <a:gd name="connsiteX239" fmla="*/ 8138 w 10000"/>
                  <a:gd name="connsiteY239" fmla="*/ 1034 h 10000"/>
                  <a:gd name="connsiteX240" fmla="*/ 8509 w 10000"/>
                  <a:gd name="connsiteY240" fmla="*/ 1004 h 10000"/>
                  <a:gd name="connsiteX241" fmla="*/ 8830 w 10000"/>
                  <a:gd name="connsiteY241" fmla="*/ 990 h 10000"/>
                  <a:gd name="connsiteX242" fmla="*/ 9123 w 10000"/>
                  <a:gd name="connsiteY242" fmla="*/ 1004 h 10000"/>
                  <a:gd name="connsiteX243" fmla="*/ 9256 w 10000"/>
                  <a:gd name="connsiteY243" fmla="*/ 1019 h 10000"/>
                  <a:gd name="connsiteX244" fmla="*/ 9387 w 10000"/>
                  <a:gd name="connsiteY244" fmla="*/ 1034 h 10000"/>
                  <a:gd name="connsiteX245" fmla="*/ 9495 w 10000"/>
                  <a:gd name="connsiteY245" fmla="*/ 1064 h 10000"/>
                  <a:gd name="connsiteX246" fmla="*/ 9628 w 10000"/>
                  <a:gd name="connsiteY246" fmla="*/ 1108 h 10000"/>
                  <a:gd name="connsiteX247" fmla="*/ 9707 w 10000"/>
                  <a:gd name="connsiteY247" fmla="*/ 1182 h 10000"/>
                  <a:gd name="connsiteX248" fmla="*/ 9786 w 10000"/>
                  <a:gd name="connsiteY248" fmla="*/ 1241 h 10000"/>
                  <a:gd name="connsiteX249" fmla="*/ 9841 w 10000"/>
                  <a:gd name="connsiteY249" fmla="*/ 1329 h 10000"/>
                  <a:gd name="connsiteX250" fmla="*/ 9893 w 10000"/>
                  <a:gd name="connsiteY250" fmla="*/ 1433 h 10000"/>
                  <a:gd name="connsiteX251" fmla="*/ 9946 w 10000"/>
                  <a:gd name="connsiteY251" fmla="*/ 1551 h 10000"/>
                  <a:gd name="connsiteX252" fmla="*/ 9919 w 10000"/>
                  <a:gd name="connsiteY252" fmla="*/ 1625 h 10000"/>
                  <a:gd name="connsiteX253" fmla="*/ 9893 w 10000"/>
                  <a:gd name="connsiteY253" fmla="*/ 1684 h 10000"/>
                  <a:gd name="connsiteX254" fmla="*/ 9841 w 10000"/>
                  <a:gd name="connsiteY254" fmla="*/ 1758 h 10000"/>
                  <a:gd name="connsiteX255" fmla="*/ 9761 w 10000"/>
                  <a:gd name="connsiteY255" fmla="*/ 1802 h 10000"/>
                  <a:gd name="connsiteX256" fmla="*/ 9707 w 10000"/>
                  <a:gd name="connsiteY256" fmla="*/ 1861 h 10000"/>
                  <a:gd name="connsiteX257" fmla="*/ 9682 w 10000"/>
                  <a:gd name="connsiteY257" fmla="*/ 1935 h 10000"/>
                  <a:gd name="connsiteX258" fmla="*/ 9707 w 10000"/>
                  <a:gd name="connsiteY258" fmla="*/ 2024 h 10000"/>
                  <a:gd name="connsiteX259" fmla="*/ 10000 w 10000"/>
                  <a:gd name="connsiteY259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7100 w 10000"/>
                  <a:gd name="connsiteY4" fmla="*/ 4801 h 10000"/>
                  <a:gd name="connsiteX5" fmla="*/ 7020 w 10000"/>
                  <a:gd name="connsiteY5" fmla="*/ 4727 h 10000"/>
                  <a:gd name="connsiteX6" fmla="*/ 6674 w 10000"/>
                  <a:gd name="connsiteY6" fmla="*/ 4313 h 10000"/>
                  <a:gd name="connsiteX7" fmla="*/ 9628 w 10000"/>
                  <a:gd name="connsiteY7" fmla="*/ 3338 h 10000"/>
                  <a:gd name="connsiteX8" fmla="*/ 9866 w 10000"/>
                  <a:gd name="connsiteY8" fmla="*/ 3117 h 10000"/>
                  <a:gd name="connsiteX9" fmla="*/ 9893 w 10000"/>
                  <a:gd name="connsiteY9" fmla="*/ 3072 h 10000"/>
                  <a:gd name="connsiteX10" fmla="*/ 9919 w 10000"/>
                  <a:gd name="connsiteY10" fmla="*/ 3013 h 10000"/>
                  <a:gd name="connsiteX11" fmla="*/ 9919 w 10000"/>
                  <a:gd name="connsiteY11" fmla="*/ 2954 h 10000"/>
                  <a:gd name="connsiteX12" fmla="*/ 9893 w 10000"/>
                  <a:gd name="connsiteY12" fmla="*/ 2866 h 10000"/>
                  <a:gd name="connsiteX13" fmla="*/ 9707 w 10000"/>
                  <a:gd name="connsiteY13" fmla="*/ 2984 h 10000"/>
                  <a:gd name="connsiteX14" fmla="*/ 9495 w 10000"/>
                  <a:gd name="connsiteY14" fmla="*/ 3072 h 10000"/>
                  <a:gd name="connsiteX15" fmla="*/ 9281 w 10000"/>
                  <a:gd name="connsiteY15" fmla="*/ 3161 h 10000"/>
                  <a:gd name="connsiteX16" fmla="*/ 9069 w 10000"/>
                  <a:gd name="connsiteY16" fmla="*/ 3250 h 10000"/>
                  <a:gd name="connsiteX17" fmla="*/ 8589 w 10000"/>
                  <a:gd name="connsiteY17" fmla="*/ 3397 h 10000"/>
                  <a:gd name="connsiteX18" fmla="*/ 8085 w 10000"/>
                  <a:gd name="connsiteY18" fmla="*/ 3545 h 10000"/>
                  <a:gd name="connsiteX19" fmla="*/ 7580 w 10000"/>
                  <a:gd name="connsiteY19" fmla="*/ 3678 h 10000"/>
                  <a:gd name="connsiteX20" fmla="*/ 7100 w 10000"/>
                  <a:gd name="connsiteY20" fmla="*/ 3840 h 10000"/>
                  <a:gd name="connsiteX21" fmla="*/ 6861 w 10000"/>
                  <a:gd name="connsiteY21" fmla="*/ 3914 h 10000"/>
                  <a:gd name="connsiteX22" fmla="*/ 6649 w 10000"/>
                  <a:gd name="connsiteY22" fmla="*/ 4003 h 10000"/>
                  <a:gd name="connsiteX23" fmla="*/ 6437 w 10000"/>
                  <a:gd name="connsiteY23" fmla="*/ 4106 h 10000"/>
                  <a:gd name="connsiteX24" fmla="*/ 6222 w 10000"/>
                  <a:gd name="connsiteY24" fmla="*/ 4195 h 10000"/>
                  <a:gd name="connsiteX25" fmla="*/ 6382 w 10000"/>
                  <a:gd name="connsiteY25" fmla="*/ 4417 h 10000"/>
                  <a:gd name="connsiteX26" fmla="*/ 6490 w 10000"/>
                  <a:gd name="connsiteY26" fmla="*/ 4623 h 10000"/>
                  <a:gd name="connsiteX27" fmla="*/ 6475 w 10000"/>
                  <a:gd name="connsiteY27" fmla="*/ 4845 h 10000"/>
                  <a:gd name="connsiteX28" fmla="*/ 6674 w 10000"/>
                  <a:gd name="connsiteY28" fmla="*/ 5081 h 10000"/>
                  <a:gd name="connsiteX29" fmla="*/ 6729 w 10000"/>
                  <a:gd name="connsiteY29" fmla="*/ 5318 h 10000"/>
                  <a:gd name="connsiteX30" fmla="*/ 6756 w 10000"/>
                  <a:gd name="connsiteY30" fmla="*/ 5539 h 10000"/>
                  <a:gd name="connsiteX31" fmla="*/ 6780 w 10000"/>
                  <a:gd name="connsiteY31" fmla="*/ 5775 h 10000"/>
                  <a:gd name="connsiteX32" fmla="*/ 6780 w 10000"/>
                  <a:gd name="connsiteY32" fmla="*/ 5997 h 10000"/>
                  <a:gd name="connsiteX33" fmla="*/ 6756 w 10000"/>
                  <a:gd name="connsiteY33" fmla="*/ 6233 h 10000"/>
                  <a:gd name="connsiteX34" fmla="*/ 6702 w 10000"/>
                  <a:gd name="connsiteY34" fmla="*/ 6470 h 10000"/>
                  <a:gd name="connsiteX35" fmla="*/ 6649 w 10000"/>
                  <a:gd name="connsiteY35" fmla="*/ 6677 h 10000"/>
                  <a:gd name="connsiteX36" fmla="*/ 6569 w 10000"/>
                  <a:gd name="connsiteY36" fmla="*/ 6898 h 10000"/>
                  <a:gd name="connsiteX37" fmla="*/ 6463 w 10000"/>
                  <a:gd name="connsiteY37" fmla="*/ 7105 h 10000"/>
                  <a:gd name="connsiteX38" fmla="*/ 6330 w 10000"/>
                  <a:gd name="connsiteY38" fmla="*/ 7297 h 10000"/>
                  <a:gd name="connsiteX39" fmla="*/ 6170 w 10000"/>
                  <a:gd name="connsiteY39" fmla="*/ 7489 h 10000"/>
                  <a:gd name="connsiteX40" fmla="*/ 6010 w 10000"/>
                  <a:gd name="connsiteY40" fmla="*/ 7681 h 10000"/>
                  <a:gd name="connsiteX41" fmla="*/ 6780 w 10000"/>
                  <a:gd name="connsiteY41" fmla="*/ 7799 h 10000"/>
                  <a:gd name="connsiteX42" fmla="*/ 7580 w 10000"/>
                  <a:gd name="connsiteY42" fmla="*/ 7962 h 10000"/>
                  <a:gd name="connsiteX43" fmla="*/ 7738 w 10000"/>
                  <a:gd name="connsiteY43" fmla="*/ 8021 h 10000"/>
                  <a:gd name="connsiteX44" fmla="*/ 7872 w 10000"/>
                  <a:gd name="connsiteY44" fmla="*/ 8080 h 10000"/>
                  <a:gd name="connsiteX45" fmla="*/ 8004 w 10000"/>
                  <a:gd name="connsiteY45" fmla="*/ 8139 h 10000"/>
                  <a:gd name="connsiteX46" fmla="*/ 8085 w 10000"/>
                  <a:gd name="connsiteY46" fmla="*/ 8227 h 10000"/>
                  <a:gd name="connsiteX47" fmla="*/ 8112 w 10000"/>
                  <a:gd name="connsiteY47" fmla="*/ 8301 h 10000"/>
                  <a:gd name="connsiteX48" fmla="*/ 8112 w 10000"/>
                  <a:gd name="connsiteY48" fmla="*/ 8405 h 10000"/>
                  <a:gd name="connsiteX49" fmla="*/ 8059 w 10000"/>
                  <a:gd name="connsiteY49" fmla="*/ 8523 h 10000"/>
                  <a:gd name="connsiteX50" fmla="*/ 7978 w 10000"/>
                  <a:gd name="connsiteY50" fmla="*/ 8641 h 10000"/>
                  <a:gd name="connsiteX51" fmla="*/ 7633 w 10000"/>
                  <a:gd name="connsiteY51" fmla="*/ 8552 h 10000"/>
                  <a:gd name="connsiteX52" fmla="*/ 7313 w 10000"/>
                  <a:gd name="connsiteY52" fmla="*/ 8449 h 10000"/>
                  <a:gd name="connsiteX53" fmla="*/ 6994 w 10000"/>
                  <a:gd name="connsiteY53" fmla="*/ 8360 h 10000"/>
                  <a:gd name="connsiteX54" fmla="*/ 6674 w 10000"/>
                  <a:gd name="connsiteY54" fmla="*/ 8287 h 10000"/>
                  <a:gd name="connsiteX55" fmla="*/ 6541 w 10000"/>
                  <a:gd name="connsiteY55" fmla="*/ 8449 h 10000"/>
                  <a:gd name="connsiteX56" fmla="*/ 6437 w 10000"/>
                  <a:gd name="connsiteY56" fmla="*/ 8597 h 10000"/>
                  <a:gd name="connsiteX57" fmla="*/ 6382 w 10000"/>
                  <a:gd name="connsiteY57" fmla="*/ 8656 h 10000"/>
                  <a:gd name="connsiteX58" fmla="*/ 6276 w 10000"/>
                  <a:gd name="connsiteY58" fmla="*/ 8700 h 10000"/>
                  <a:gd name="connsiteX59" fmla="*/ 6197 w 10000"/>
                  <a:gd name="connsiteY59" fmla="*/ 8744 h 10000"/>
                  <a:gd name="connsiteX60" fmla="*/ 6117 w 10000"/>
                  <a:gd name="connsiteY60" fmla="*/ 8774 h 10000"/>
                  <a:gd name="connsiteX61" fmla="*/ 6037 w 10000"/>
                  <a:gd name="connsiteY61" fmla="*/ 8804 h 10000"/>
                  <a:gd name="connsiteX62" fmla="*/ 5931 w 10000"/>
                  <a:gd name="connsiteY62" fmla="*/ 8818 h 10000"/>
                  <a:gd name="connsiteX63" fmla="*/ 5797 w 10000"/>
                  <a:gd name="connsiteY63" fmla="*/ 8833 h 10000"/>
                  <a:gd name="connsiteX64" fmla="*/ 5665 w 10000"/>
                  <a:gd name="connsiteY64" fmla="*/ 8833 h 10000"/>
                  <a:gd name="connsiteX65" fmla="*/ 5347 w 10000"/>
                  <a:gd name="connsiteY65" fmla="*/ 8818 h 10000"/>
                  <a:gd name="connsiteX66" fmla="*/ 4946 w 10000"/>
                  <a:gd name="connsiteY66" fmla="*/ 8744 h 10000"/>
                  <a:gd name="connsiteX67" fmla="*/ 4946 w 10000"/>
                  <a:gd name="connsiteY67" fmla="*/ 8922 h 10000"/>
                  <a:gd name="connsiteX68" fmla="*/ 4919 w 10000"/>
                  <a:gd name="connsiteY68" fmla="*/ 9069 h 10000"/>
                  <a:gd name="connsiteX69" fmla="*/ 4894 w 10000"/>
                  <a:gd name="connsiteY69" fmla="*/ 9232 h 10000"/>
                  <a:gd name="connsiteX70" fmla="*/ 4867 w 10000"/>
                  <a:gd name="connsiteY70" fmla="*/ 9365 h 10000"/>
                  <a:gd name="connsiteX71" fmla="*/ 4813 w 10000"/>
                  <a:gd name="connsiteY71" fmla="*/ 9498 h 10000"/>
                  <a:gd name="connsiteX72" fmla="*/ 4708 w 10000"/>
                  <a:gd name="connsiteY72" fmla="*/ 9616 h 10000"/>
                  <a:gd name="connsiteX73" fmla="*/ 4628 w 10000"/>
                  <a:gd name="connsiteY73" fmla="*/ 9734 h 10000"/>
                  <a:gd name="connsiteX74" fmla="*/ 4494 w 10000"/>
                  <a:gd name="connsiteY74" fmla="*/ 9838 h 10000"/>
                  <a:gd name="connsiteX75" fmla="*/ 4173 w 10000"/>
                  <a:gd name="connsiteY75" fmla="*/ 9897 h 10000"/>
                  <a:gd name="connsiteX76" fmla="*/ 3910 w 10000"/>
                  <a:gd name="connsiteY76" fmla="*/ 9941 h 10000"/>
                  <a:gd name="connsiteX77" fmla="*/ 3590 w 10000"/>
                  <a:gd name="connsiteY77" fmla="*/ 9985 h 10000"/>
                  <a:gd name="connsiteX78" fmla="*/ 3351 w 10000"/>
                  <a:gd name="connsiteY78" fmla="*/ 10000 h 10000"/>
                  <a:gd name="connsiteX79" fmla="*/ 2819 w 10000"/>
                  <a:gd name="connsiteY79" fmla="*/ 10000 h 10000"/>
                  <a:gd name="connsiteX80" fmla="*/ 2313 w 10000"/>
                  <a:gd name="connsiteY80" fmla="*/ 9985 h 10000"/>
                  <a:gd name="connsiteX81" fmla="*/ 1836 w 10000"/>
                  <a:gd name="connsiteY81" fmla="*/ 9941 h 10000"/>
                  <a:gd name="connsiteX82" fmla="*/ 1330 w 10000"/>
                  <a:gd name="connsiteY82" fmla="*/ 9911 h 10000"/>
                  <a:gd name="connsiteX83" fmla="*/ 1038 w 10000"/>
                  <a:gd name="connsiteY83" fmla="*/ 9911 h 10000"/>
                  <a:gd name="connsiteX84" fmla="*/ 771 w 10000"/>
                  <a:gd name="connsiteY84" fmla="*/ 9911 h 10000"/>
                  <a:gd name="connsiteX85" fmla="*/ 479 w 10000"/>
                  <a:gd name="connsiteY85" fmla="*/ 9926 h 10000"/>
                  <a:gd name="connsiteX86" fmla="*/ 186 w 10000"/>
                  <a:gd name="connsiteY86" fmla="*/ 9970 h 10000"/>
                  <a:gd name="connsiteX87" fmla="*/ 107 w 10000"/>
                  <a:gd name="connsiteY87" fmla="*/ 9867 h 10000"/>
                  <a:gd name="connsiteX88" fmla="*/ 54 w 10000"/>
                  <a:gd name="connsiteY88" fmla="*/ 9793 h 10000"/>
                  <a:gd name="connsiteX89" fmla="*/ 0 w 10000"/>
                  <a:gd name="connsiteY89" fmla="*/ 9705 h 10000"/>
                  <a:gd name="connsiteX90" fmla="*/ 0 w 10000"/>
                  <a:gd name="connsiteY90" fmla="*/ 9601 h 10000"/>
                  <a:gd name="connsiteX91" fmla="*/ 54 w 10000"/>
                  <a:gd name="connsiteY91" fmla="*/ 9424 h 10000"/>
                  <a:gd name="connsiteX92" fmla="*/ 107 w 10000"/>
                  <a:gd name="connsiteY92" fmla="*/ 9202 h 10000"/>
                  <a:gd name="connsiteX93" fmla="*/ 158 w 10000"/>
                  <a:gd name="connsiteY93" fmla="*/ 8996 h 10000"/>
                  <a:gd name="connsiteX94" fmla="*/ 213 w 10000"/>
                  <a:gd name="connsiteY94" fmla="*/ 8759 h 10000"/>
                  <a:gd name="connsiteX95" fmla="*/ 239 w 10000"/>
                  <a:gd name="connsiteY95" fmla="*/ 8641 h 10000"/>
                  <a:gd name="connsiteX96" fmla="*/ 239 w 10000"/>
                  <a:gd name="connsiteY96" fmla="*/ 8538 h 10000"/>
                  <a:gd name="connsiteX97" fmla="*/ 213 w 10000"/>
                  <a:gd name="connsiteY97" fmla="*/ 8405 h 10000"/>
                  <a:gd name="connsiteX98" fmla="*/ 186 w 10000"/>
                  <a:gd name="connsiteY98" fmla="*/ 8287 h 10000"/>
                  <a:gd name="connsiteX99" fmla="*/ 452 w 10000"/>
                  <a:gd name="connsiteY99" fmla="*/ 8213 h 10000"/>
                  <a:gd name="connsiteX100" fmla="*/ 718 w 10000"/>
                  <a:gd name="connsiteY100" fmla="*/ 8139 h 10000"/>
                  <a:gd name="connsiteX101" fmla="*/ 984 w 10000"/>
                  <a:gd name="connsiteY101" fmla="*/ 8095 h 10000"/>
                  <a:gd name="connsiteX102" fmla="*/ 1277 w 10000"/>
                  <a:gd name="connsiteY102" fmla="*/ 8065 h 10000"/>
                  <a:gd name="connsiteX103" fmla="*/ 1807 w 10000"/>
                  <a:gd name="connsiteY103" fmla="*/ 8021 h 10000"/>
                  <a:gd name="connsiteX104" fmla="*/ 2341 w 10000"/>
                  <a:gd name="connsiteY104" fmla="*/ 7976 h 10000"/>
                  <a:gd name="connsiteX105" fmla="*/ 2580 w 10000"/>
                  <a:gd name="connsiteY105" fmla="*/ 7947 h 10000"/>
                  <a:gd name="connsiteX106" fmla="*/ 2819 w 10000"/>
                  <a:gd name="connsiteY106" fmla="*/ 7917 h 10000"/>
                  <a:gd name="connsiteX107" fmla="*/ 3030 w 10000"/>
                  <a:gd name="connsiteY107" fmla="*/ 7843 h 10000"/>
                  <a:gd name="connsiteX108" fmla="*/ 3244 w 10000"/>
                  <a:gd name="connsiteY108" fmla="*/ 7784 h 10000"/>
                  <a:gd name="connsiteX109" fmla="*/ 3431 w 10000"/>
                  <a:gd name="connsiteY109" fmla="*/ 7710 h 10000"/>
                  <a:gd name="connsiteX110" fmla="*/ 3590 w 10000"/>
                  <a:gd name="connsiteY110" fmla="*/ 7592 h 10000"/>
                  <a:gd name="connsiteX111" fmla="*/ 3750 w 10000"/>
                  <a:gd name="connsiteY111" fmla="*/ 7474 h 10000"/>
                  <a:gd name="connsiteX112" fmla="*/ 3856 w 10000"/>
                  <a:gd name="connsiteY112" fmla="*/ 7312 h 10000"/>
                  <a:gd name="connsiteX113" fmla="*/ 3644 w 10000"/>
                  <a:gd name="connsiteY113" fmla="*/ 7238 h 10000"/>
                  <a:gd name="connsiteX114" fmla="*/ 3456 w 10000"/>
                  <a:gd name="connsiteY114" fmla="*/ 7179 h 10000"/>
                  <a:gd name="connsiteX115" fmla="*/ 3297 w 10000"/>
                  <a:gd name="connsiteY115" fmla="*/ 7090 h 10000"/>
                  <a:gd name="connsiteX116" fmla="*/ 3139 w 10000"/>
                  <a:gd name="connsiteY116" fmla="*/ 6987 h 10000"/>
                  <a:gd name="connsiteX117" fmla="*/ 3030 w 10000"/>
                  <a:gd name="connsiteY117" fmla="*/ 6869 h 10000"/>
                  <a:gd name="connsiteX118" fmla="*/ 2980 w 10000"/>
                  <a:gd name="connsiteY118" fmla="*/ 6721 h 10000"/>
                  <a:gd name="connsiteX119" fmla="*/ 2952 w 10000"/>
                  <a:gd name="connsiteY119" fmla="*/ 6558 h 10000"/>
                  <a:gd name="connsiteX120" fmla="*/ 2980 w 10000"/>
                  <a:gd name="connsiteY120" fmla="*/ 6352 h 10000"/>
                  <a:gd name="connsiteX121" fmla="*/ 2846 w 10000"/>
                  <a:gd name="connsiteY121" fmla="*/ 6322 h 10000"/>
                  <a:gd name="connsiteX122" fmla="*/ 2687 w 10000"/>
                  <a:gd name="connsiteY122" fmla="*/ 6292 h 10000"/>
                  <a:gd name="connsiteX123" fmla="*/ 2501 w 10000"/>
                  <a:gd name="connsiteY123" fmla="*/ 6278 h 10000"/>
                  <a:gd name="connsiteX124" fmla="*/ 2313 w 10000"/>
                  <a:gd name="connsiteY124" fmla="*/ 6263 h 10000"/>
                  <a:gd name="connsiteX125" fmla="*/ 1942 w 10000"/>
                  <a:gd name="connsiteY125" fmla="*/ 6248 h 10000"/>
                  <a:gd name="connsiteX126" fmla="*/ 1543 w 10000"/>
                  <a:gd name="connsiteY126" fmla="*/ 6263 h 10000"/>
                  <a:gd name="connsiteX127" fmla="*/ 1198 w 10000"/>
                  <a:gd name="connsiteY127" fmla="*/ 6278 h 10000"/>
                  <a:gd name="connsiteX128" fmla="*/ 877 w 10000"/>
                  <a:gd name="connsiteY128" fmla="*/ 6278 h 10000"/>
                  <a:gd name="connsiteX129" fmla="*/ 613 w 10000"/>
                  <a:gd name="connsiteY129" fmla="*/ 6263 h 10000"/>
                  <a:gd name="connsiteX130" fmla="*/ 399 w 10000"/>
                  <a:gd name="connsiteY130" fmla="*/ 6233 h 10000"/>
                  <a:gd name="connsiteX131" fmla="*/ 663 w 10000"/>
                  <a:gd name="connsiteY131" fmla="*/ 5805 h 10000"/>
                  <a:gd name="connsiteX132" fmla="*/ 958 w 10000"/>
                  <a:gd name="connsiteY132" fmla="*/ 5391 h 10000"/>
                  <a:gd name="connsiteX133" fmla="*/ 1065 w 10000"/>
                  <a:gd name="connsiteY133" fmla="*/ 5170 h 10000"/>
                  <a:gd name="connsiteX134" fmla="*/ 1143 w 10000"/>
                  <a:gd name="connsiteY134" fmla="*/ 4963 h 10000"/>
                  <a:gd name="connsiteX135" fmla="*/ 1169 w 10000"/>
                  <a:gd name="connsiteY135" fmla="*/ 4860 h 10000"/>
                  <a:gd name="connsiteX136" fmla="*/ 1143 w 10000"/>
                  <a:gd name="connsiteY136" fmla="*/ 4756 h 10000"/>
                  <a:gd name="connsiteX137" fmla="*/ 1117 w 10000"/>
                  <a:gd name="connsiteY137" fmla="*/ 4653 h 10000"/>
                  <a:gd name="connsiteX138" fmla="*/ 1038 w 10000"/>
                  <a:gd name="connsiteY138" fmla="*/ 4549 h 10000"/>
                  <a:gd name="connsiteX139" fmla="*/ 1330 w 10000"/>
                  <a:gd name="connsiteY139" fmla="*/ 4520 h 10000"/>
                  <a:gd name="connsiteX140" fmla="*/ 1543 w 10000"/>
                  <a:gd name="connsiteY140" fmla="*/ 4505 h 10000"/>
                  <a:gd name="connsiteX141" fmla="*/ 1729 w 10000"/>
                  <a:gd name="connsiteY141" fmla="*/ 4505 h 10000"/>
                  <a:gd name="connsiteX142" fmla="*/ 1888 w 10000"/>
                  <a:gd name="connsiteY142" fmla="*/ 4520 h 10000"/>
                  <a:gd name="connsiteX143" fmla="*/ 2022 w 10000"/>
                  <a:gd name="connsiteY143" fmla="*/ 4520 h 10000"/>
                  <a:gd name="connsiteX144" fmla="*/ 2181 w 10000"/>
                  <a:gd name="connsiteY144" fmla="*/ 4520 h 10000"/>
                  <a:gd name="connsiteX145" fmla="*/ 2341 w 10000"/>
                  <a:gd name="connsiteY145" fmla="*/ 4490 h 10000"/>
                  <a:gd name="connsiteX146" fmla="*/ 2552 w 10000"/>
                  <a:gd name="connsiteY146" fmla="*/ 4446 h 10000"/>
                  <a:gd name="connsiteX147" fmla="*/ 2552 w 10000"/>
                  <a:gd name="connsiteY147" fmla="*/ 4579 h 10000"/>
                  <a:gd name="connsiteX148" fmla="*/ 2552 w 10000"/>
                  <a:gd name="connsiteY148" fmla="*/ 4742 h 10000"/>
                  <a:gd name="connsiteX149" fmla="*/ 2552 w 10000"/>
                  <a:gd name="connsiteY149" fmla="*/ 4874 h 10000"/>
                  <a:gd name="connsiteX150" fmla="*/ 2552 w 10000"/>
                  <a:gd name="connsiteY150" fmla="*/ 5037 h 10000"/>
                  <a:gd name="connsiteX151" fmla="*/ 2792 w 10000"/>
                  <a:gd name="connsiteY151" fmla="*/ 5022 h 10000"/>
                  <a:gd name="connsiteX152" fmla="*/ 2952 w 10000"/>
                  <a:gd name="connsiteY152" fmla="*/ 5037 h 10000"/>
                  <a:gd name="connsiteX153" fmla="*/ 3085 w 10000"/>
                  <a:gd name="connsiteY153" fmla="*/ 5066 h 10000"/>
                  <a:gd name="connsiteX154" fmla="*/ 3218 w 10000"/>
                  <a:gd name="connsiteY154" fmla="*/ 5096 h 10000"/>
                  <a:gd name="connsiteX155" fmla="*/ 3325 w 10000"/>
                  <a:gd name="connsiteY155" fmla="*/ 5126 h 10000"/>
                  <a:gd name="connsiteX156" fmla="*/ 3456 w 10000"/>
                  <a:gd name="connsiteY156" fmla="*/ 5155 h 10000"/>
                  <a:gd name="connsiteX157" fmla="*/ 3617 w 10000"/>
                  <a:gd name="connsiteY157" fmla="*/ 5170 h 10000"/>
                  <a:gd name="connsiteX158" fmla="*/ 3856 w 10000"/>
                  <a:gd name="connsiteY158" fmla="*/ 5155 h 10000"/>
                  <a:gd name="connsiteX159" fmla="*/ 3936 w 10000"/>
                  <a:gd name="connsiteY159" fmla="*/ 5096 h 10000"/>
                  <a:gd name="connsiteX160" fmla="*/ 4015 w 10000"/>
                  <a:gd name="connsiteY160" fmla="*/ 5022 h 10000"/>
                  <a:gd name="connsiteX161" fmla="*/ 4042 w 10000"/>
                  <a:gd name="connsiteY161" fmla="*/ 4934 h 10000"/>
                  <a:gd name="connsiteX162" fmla="*/ 4070 w 10000"/>
                  <a:gd name="connsiteY162" fmla="*/ 4860 h 10000"/>
                  <a:gd name="connsiteX163" fmla="*/ 4095 w 10000"/>
                  <a:gd name="connsiteY163" fmla="*/ 4697 h 10000"/>
                  <a:gd name="connsiteX164" fmla="*/ 4070 w 10000"/>
                  <a:gd name="connsiteY164" fmla="*/ 4520 h 10000"/>
                  <a:gd name="connsiteX165" fmla="*/ 3989 w 10000"/>
                  <a:gd name="connsiteY165" fmla="*/ 4343 h 10000"/>
                  <a:gd name="connsiteX166" fmla="*/ 3910 w 10000"/>
                  <a:gd name="connsiteY166" fmla="*/ 4195 h 10000"/>
                  <a:gd name="connsiteX167" fmla="*/ 3776 w 10000"/>
                  <a:gd name="connsiteY167" fmla="*/ 4047 h 10000"/>
                  <a:gd name="connsiteX168" fmla="*/ 3644 w 10000"/>
                  <a:gd name="connsiteY168" fmla="*/ 3959 h 10000"/>
                  <a:gd name="connsiteX169" fmla="*/ 3803 w 10000"/>
                  <a:gd name="connsiteY169" fmla="*/ 3944 h 10000"/>
                  <a:gd name="connsiteX170" fmla="*/ 3936 w 10000"/>
                  <a:gd name="connsiteY170" fmla="*/ 3914 h 10000"/>
                  <a:gd name="connsiteX171" fmla="*/ 4042 w 10000"/>
                  <a:gd name="connsiteY171" fmla="*/ 3855 h 10000"/>
                  <a:gd name="connsiteX172" fmla="*/ 4173 w 10000"/>
                  <a:gd name="connsiteY172" fmla="*/ 3752 h 10000"/>
                  <a:gd name="connsiteX173" fmla="*/ 4308 w 10000"/>
                  <a:gd name="connsiteY173" fmla="*/ 3663 h 10000"/>
                  <a:gd name="connsiteX174" fmla="*/ 4414 w 10000"/>
                  <a:gd name="connsiteY174" fmla="*/ 3560 h 10000"/>
                  <a:gd name="connsiteX175" fmla="*/ 4494 w 10000"/>
                  <a:gd name="connsiteY175" fmla="*/ 3442 h 10000"/>
                  <a:gd name="connsiteX176" fmla="*/ 4575 w 10000"/>
                  <a:gd name="connsiteY176" fmla="*/ 3323 h 10000"/>
                  <a:gd name="connsiteX177" fmla="*/ 4628 w 10000"/>
                  <a:gd name="connsiteY177" fmla="*/ 3220 h 10000"/>
                  <a:gd name="connsiteX178" fmla="*/ 4653 w 10000"/>
                  <a:gd name="connsiteY178" fmla="*/ 3102 h 10000"/>
                  <a:gd name="connsiteX179" fmla="*/ 4681 w 10000"/>
                  <a:gd name="connsiteY179" fmla="*/ 3013 h 10000"/>
                  <a:gd name="connsiteX180" fmla="*/ 4653 w 10000"/>
                  <a:gd name="connsiteY180" fmla="*/ 2939 h 10000"/>
                  <a:gd name="connsiteX181" fmla="*/ 4628 w 10000"/>
                  <a:gd name="connsiteY181" fmla="*/ 2866 h 10000"/>
                  <a:gd name="connsiteX182" fmla="*/ 4548 w 10000"/>
                  <a:gd name="connsiteY182" fmla="*/ 2836 h 10000"/>
                  <a:gd name="connsiteX183" fmla="*/ 4442 w 10000"/>
                  <a:gd name="connsiteY183" fmla="*/ 2836 h 10000"/>
                  <a:gd name="connsiteX184" fmla="*/ 4308 w 10000"/>
                  <a:gd name="connsiteY184" fmla="*/ 2866 h 10000"/>
                  <a:gd name="connsiteX185" fmla="*/ 4414 w 10000"/>
                  <a:gd name="connsiteY185" fmla="*/ 2777 h 10000"/>
                  <a:gd name="connsiteX186" fmla="*/ 4469 w 10000"/>
                  <a:gd name="connsiteY186" fmla="*/ 2674 h 10000"/>
                  <a:gd name="connsiteX187" fmla="*/ 4494 w 10000"/>
                  <a:gd name="connsiteY187" fmla="*/ 2541 h 10000"/>
                  <a:gd name="connsiteX188" fmla="*/ 4494 w 10000"/>
                  <a:gd name="connsiteY188" fmla="*/ 2393 h 10000"/>
                  <a:gd name="connsiteX189" fmla="*/ 4520 w 10000"/>
                  <a:gd name="connsiteY189" fmla="*/ 2349 h 10000"/>
                  <a:gd name="connsiteX190" fmla="*/ 4575 w 10000"/>
                  <a:gd name="connsiteY190" fmla="*/ 2304 h 10000"/>
                  <a:gd name="connsiteX191" fmla="*/ 4628 w 10000"/>
                  <a:gd name="connsiteY191" fmla="*/ 2290 h 10000"/>
                  <a:gd name="connsiteX192" fmla="*/ 4708 w 10000"/>
                  <a:gd name="connsiteY192" fmla="*/ 2275 h 10000"/>
                  <a:gd name="connsiteX193" fmla="*/ 4946 w 10000"/>
                  <a:gd name="connsiteY193" fmla="*/ 2260 h 10000"/>
                  <a:gd name="connsiteX194" fmla="*/ 5158 w 10000"/>
                  <a:gd name="connsiteY194" fmla="*/ 2275 h 10000"/>
                  <a:gd name="connsiteX195" fmla="*/ 5132 w 10000"/>
                  <a:gd name="connsiteY195" fmla="*/ 2112 h 10000"/>
                  <a:gd name="connsiteX196" fmla="*/ 5080 w 10000"/>
                  <a:gd name="connsiteY196" fmla="*/ 1950 h 10000"/>
                  <a:gd name="connsiteX197" fmla="*/ 4999 w 10000"/>
                  <a:gd name="connsiteY197" fmla="*/ 1802 h 10000"/>
                  <a:gd name="connsiteX198" fmla="*/ 4894 w 10000"/>
                  <a:gd name="connsiteY198" fmla="*/ 1640 h 10000"/>
                  <a:gd name="connsiteX199" fmla="*/ 4628 w 10000"/>
                  <a:gd name="connsiteY199" fmla="*/ 1329 h 10000"/>
                  <a:gd name="connsiteX200" fmla="*/ 4362 w 10000"/>
                  <a:gd name="connsiteY200" fmla="*/ 1034 h 10000"/>
                  <a:gd name="connsiteX201" fmla="*/ 4228 w 10000"/>
                  <a:gd name="connsiteY201" fmla="*/ 901 h 10000"/>
                  <a:gd name="connsiteX202" fmla="*/ 4124 w 10000"/>
                  <a:gd name="connsiteY202" fmla="*/ 753 h 10000"/>
                  <a:gd name="connsiteX203" fmla="*/ 4042 w 10000"/>
                  <a:gd name="connsiteY203" fmla="*/ 620 h 10000"/>
                  <a:gd name="connsiteX204" fmla="*/ 4015 w 10000"/>
                  <a:gd name="connsiteY204" fmla="*/ 487 h 10000"/>
                  <a:gd name="connsiteX205" fmla="*/ 3989 w 10000"/>
                  <a:gd name="connsiteY205" fmla="*/ 355 h 10000"/>
                  <a:gd name="connsiteX206" fmla="*/ 4042 w 10000"/>
                  <a:gd name="connsiteY206" fmla="*/ 222 h 10000"/>
                  <a:gd name="connsiteX207" fmla="*/ 4070 w 10000"/>
                  <a:gd name="connsiteY207" fmla="*/ 162 h 10000"/>
                  <a:gd name="connsiteX208" fmla="*/ 4124 w 10000"/>
                  <a:gd name="connsiteY208" fmla="*/ 103 h 10000"/>
                  <a:gd name="connsiteX209" fmla="*/ 4203 w 10000"/>
                  <a:gd name="connsiteY209" fmla="*/ 59 h 10000"/>
                  <a:gd name="connsiteX210" fmla="*/ 4308 w 10000"/>
                  <a:gd name="connsiteY210" fmla="*/ 0 h 10000"/>
                  <a:gd name="connsiteX211" fmla="*/ 4494 w 10000"/>
                  <a:gd name="connsiteY211" fmla="*/ 0 h 10000"/>
                  <a:gd name="connsiteX212" fmla="*/ 4681 w 10000"/>
                  <a:gd name="connsiteY212" fmla="*/ 15 h 10000"/>
                  <a:gd name="connsiteX213" fmla="*/ 4867 w 10000"/>
                  <a:gd name="connsiteY213" fmla="*/ 44 h 10000"/>
                  <a:gd name="connsiteX214" fmla="*/ 4999 w 10000"/>
                  <a:gd name="connsiteY214" fmla="*/ 89 h 10000"/>
                  <a:gd name="connsiteX215" fmla="*/ 5213 w 10000"/>
                  <a:gd name="connsiteY215" fmla="*/ 192 h 10000"/>
                  <a:gd name="connsiteX216" fmla="*/ 5425 w 10000"/>
                  <a:gd name="connsiteY216" fmla="*/ 340 h 10000"/>
                  <a:gd name="connsiteX217" fmla="*/ 5585 w 10000"/>
                  <a:gd name="connsiteY217" fmla="*/ 473 h 10000"/>
                  <a:gd name="connsiteX218" fmla="*/ 5797 w 10000"/>
                  <a:gd name="connsiteY218" fmla="*/ 591 h 10000"/>
                  <a:gd name="connsiteX219" fmla="*/ 5931 w 10000"/>
                  <a:gd name="connsiteY219" fmla="*/ 650 h 10000"/>
                  <a:gd name="connsiteX220" fmla="*/ 6090 w 10000"/>
                  <a:gd name="connsiteY220" fmla="*/ 679 h 10000"/>
                  <a:gd name="connsiteX221" fmla="*/ 6251 w 10000"/>
                  <a:gd name="connsiteY221" fmla="*/ 709 h 10000"/>
                  <a:gd name="connsiteX222" fmla="*/ 6463 w 10000"/>
                  <a:gd name="connsiteY222" fmla="*/ 709 h 10000"/>
                  <a:gd name="connsiteX223" fmla="*/ 6463 w 10000"/>
                  <a:gd name="connsiteY223" fmla="*/ 768 h 10000"/>
                  <a:gd name="connsiteX224" fmla="*/ 6490 w 10000"/>
                  <a:gd name="connsiteY224" fmla="*/ 842 h 10000"/>
                  <a:gd name="connsiteX225" fmla="*/ 6541 w 10000"/>
                  <a:gd name="connsiteY225" fmla="*/ 916 h 10000"/>
                  <a:gd name="connsiteX226" fmla="*/ 6595 w 10000"/>
                  <a:gd name="connsiteY226" fmla="*/ 990 h 10000"/>
                  <a:gd name="connsiteX227" fmla="*/ 6674 w 10000"/>
                  <a:gd name="connsiteY227" fmla="*/ 1049 h 10000"/>
                  <a:gd name="connsiteX228" fmla="*/ 6780 w 10000"/>
                  <a:gd name="connsiteY228" fmla="*/ 1108 h 10000"/>
                  <a:gd name="connsiteX229" fmla="*/ 6914 w 10000"/>
                  <a:gd name="connsiteY229" fmla="*/ 1182 h 10000"/>
                  <a:gd name="connsiteX230" fmla="*/ 7020 w 10000"/>
                  <a:gd name="connsiteY230" fmla="*/ 1226 h 10000"/>
                  <a:gd name="connsiteX231" fmla="*/ 7127 w 10000"/>
                  <a:gd name="connsiteY231" fmla="*/ 1270 h 10000"/>
                  <a:gd name="connsiteX232" fmla="*/ 7234 w 10000"/>
                  <a:gd name="connsiteY232" fmla="*/ 1300 h 10000"/>
                  <a:gd name="connsiteX233" fmla="*/ 7340 w 10000"/>
                  <a:gd name="connsiteY233" fmla="*/ 1315 h 10000"/>
                  <a:gd name="connsiteX234" fmla="*/ 7474 w 10000"/>
                  <a:gd name="connsiteY234" fmla="*/ 1300 h 10000"/>
                  <a:gd name="connsiteX235" fmla="*/ 7580 w 10000"/>
                  <a:gd name="connsiteY235" fmla="*/ 1285 h 10000"/>
                  <a:gd name="connsiteX236" fmla="*/ 7659 w 10000"/>
                  <a:gd name="connsiteY236" fmla="*/ 1241 h 10000"/>
                  <a:gd name="connsiteX237" fmla="*/ 7714 w 10000"/>
                  <a:gd name="connsiteY237" fmla="*/ 1167 h 10000"/>
                  <a:gd name="connsiteX238" fmla="*/ 7738 w 10000"/>
                  <a:gd name="connsiteY238" fmla="*/ 1064 h 10000"/>
                  <a:gd name="connsiteX239" fmla="*/ 8138 w 10000"/>
                  <a:gd name="connsiteY239" fmla="*/ 1034 h 10000"/>
                  <a:gd name="connsiteX240" fmla="*/ 8509 w 10000"/>
                  <a:gd name="connsiteY240" fmla="*/ 1004 h 10000"/>
                  <a:gd name="connsiteX241" fmla="*/ 8830 w 10000"/>
                  <a:gd name="connsiteY241" fmla="*/ 990 h 10000"/>
                  <a:gd name="connsiteX242" fmla="*/ 9123 w 10000"/>
                  <a:gd name="connsiteY242" fmla="*/ 1004 h 10000"/>
                  <a:gd name="connsiteX243" fmla="*/ 9256 w 10000"/>
                  <a:gd name="connsiteY243" fmla="*/ 1019 h 10000"/>
                  <a:gd name="connsiteX244" fmla="*/ 9387 w 10000"/>
                  <a:gd name="connsiteY244" fmla="*/ 1034 h 10000"/>
                  <a:gd name="connsiteX245" fmla="*/ 9495 w 10000"/>
                  <a:gd name="connsiteY245" fmla="*/ 1064 h 10000"/>
                  <a:gd name="connsiteX246" fmla="*/ 9628 w 10000"/>
                  <a:gd name="connsiteY246" fmla="*/ 1108 h 10000"/>
                  <a:gd name="connsiteX247" fmla="*/ 9707 w 10000"/>
                  <a:gd name="connsiteY247" fmla="*/ 1182 h 10000"/>
                  <a:gd name="connsiteX248" fmla="*/ 9786 w 10000"/>
                  <a:gd name="connsiteY248" fmla="*/ 1241 h 10000"/>
                  <a:gd name="connsiteX249" fmla="*/ 9841 w 10000"/>
                  <a:gd name="connsiteY249" fmla="*/ 1329 h 10000"/>
                  <a:gd name="connsiteX250" fmla="*/ 9893 w 10000"/>
                  <a:gd name="connsiteY250" fmla="*/ 1433 h 10000"/>
                  <a:gd name="connsiteX251" fmla="*/ 9946 w 10000"/>
                  <a:gd name="connsiteY251" fmla="*/ 1551 h 10000"/>
                  <a:gd name="connsiteX252" fmla="*/ 9919 w 10000"/>
                  <a:gd name="connsiteY252" fmla="*/ 1625 h 10000"/>
                  <a:gd name="connsiteX253" fmla="*/ 9893 w 10000"/>
                  <a:gd name="connsiteY253" fmla="*/ 1684 h 10000"/>
                  <a:gd name="connsiteX254" fmla="*/ 9841 w 10000"/>
                  <a:gd name="connsiteY254" fmla="*/ 1758 h 10000"/>
                  <a:gd name="connsiteX255" fmla="*/ 9761 w 10000"/>
                  <a:gd name="connsiteY255" fmla="*/ 1802 h 10000"/>
                  <a:gd name="connsiteX256" fmla="*/ 9707 w 10000"/>
                  <a:gd name="connsiteY256" fmla="*/ 1861 h 10000"/>
                  <a:gd name="connsiteX257" fmla="*/ 9682 w 10000"/>
                  <a:gd name="connsiteY257" fmla="*/ 1935 h 10000"/>
                  <a:gd name="connsiteX258" fmla="*/ 9707 w 10000"/>
                  <a:gd name="connsiteY258" fmla="*/ 2024 h 10000"/>
                  <a:gd name="connsiteX259" fmla="*/ 10000 w 10000"/>
                  <a:gd name="connsiteY259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7100 w 10000"/>
                  <a:gd name="connsiteY4" fmla="*/ 4801 h 10000"/>
                  <a:gd name="connsiteX5" fmla="*/ 6674 w 10000"/>
                  <a:gd name="connsiteY5" fmla="*/ 4313 h 10000"/>
                  <a:gd name="connsiteX6" fmla="*/ 9628 w 10000"/>
                  <a:gd name="connsiteY6" fmla="*/ 3338 h 10000"/>
                  <a:gd name="connsiteX7" fmla="*/ 9866 w 10000"/>
                  <a:gd name="connsiteY7" fmla="*/ 3117 h 10000"/>
                  <a:gd name="connsiteX8" fmla="*/ 9893 w 10000"/>
                  <a:gd name="connsiteY8" fmla="*/ 3072 h 10000"/>
                  <a:gd name="connsiteX9" fmla="*/ 9919 w 10000"/>
                  <a:gd name="connsiteY9" fmla="*/ 3013 h 10000"/>
                  <a:gd name="connsiteX10" fmla="*/ 9919 w 10000"/>
                  <a:gd name="connsiteY10" fmla="*/ 2954 h 10000"/>
                  <a:gd name="connsiteX11" fmla="*/ 9893 w 10000"/>
                  <a:gd name="connsiteY11" fmla="*/ 2866 h 10000"/>
                  <a:gd name="connsiteX12" fmla="*/ 9707 w 10000"/>
                  <a:gd name="connsiteY12" fmla="*/ 2984 h 10000"/>
                  <a:gd name="connsiteX13" fmla="*/ 9495 w 10000"/>
                  <a:gd name="connsiteY13" fmla="*/ 3072 h 10000"/>
                  <a:gd name="connsiteX14" fmla="*/ 9281 w 10000"/>
                  <a:gd name="connsiteY14" fmla="*/ 3161 h 10000"/>
                  <a:gd name="connsiteX15" fmla="*/ 9069 w 10000"/>
                  <a:gd name="connsiteY15" fmla="*/ 3250 h 10000"/>
                  <a:gd name="connsiteX16" fmla="*/ 8589 w 10000"/>
                  <a:gd name="connsiteY16" fmla="*/ 3397 h 10000"/>
                  <a:gd name="connsiteX17" fmla="*/ 8085 w 10000"/>
                  <a:gd name="connsiteY17" fmla="*/ 3545 h 10000"/>
                  <a:gd name="connsiteX18" fmla="*/ 7580 w 10000"/>
                  <a:gd name="connsiteY18" fmla="*/ 3678 h 10000"/>
                  <a:gd name="connsiteX19" fmla="*/ 7100 w 10000"/>
                  <a:gd name="connsiteY19" fmla="*/ 3840 h 10000"/>
                  <a:gd name="connsiteX20" fmla="*/ 6861 w 10000"/>
                  <a:gd name="connsiteY20" fmla="*/ 3914 h 10000"/>
                  <a:gd name="connsiteX21" fmla="*/ 6649 w 10000"/>
                  <a:gd name="connsiteY21" fmla="*/ 4003 h 10000"/>
                  <a:gd name="connsiteX22" fmla="*/ 6437 w 10000"/>
                  <a:gd name="connsiteY22" fmla="*/ 4106 h 10000"/>
                  <a:gd name="connsiteX23" fmla="*/ 6222 w 10000"/>
                  <a:gd name="connsiteY23" fmla="*/ 4195 h 10000"/>
                  <a:gd name="connsiteX24" fmla="*/ 6382 w 10000"/>
                  <a:gd name="connsiteY24" fmla="*/ 4417 h 10000"/>
                  <a:gd name="connsiteX25" fmla="*/ 6490 w 10000"/>
                  <a:gd name="connsiteY25" fmla="*/ 4623 h 10000"/>
                  <a:gd name="connsiteX26" fmla="*/ 6475 w 10000"/>
                  <a:gd name="connsiteY26" fmla="*/ 4845 h 10000"/>
                  <a:gd name="connsiteX27" fmla="*/ 6674 w 10000"/>
                  <a:gd name="connsiteY27" fmla="*/ 5081 h 10000"/>
                  <a:gd name="connsiteX28" fmla="*/ 6729 w 10000"/>
                  <a:gd name="connsiteY28" fmla="*/ 5318 h 10000"/>
                  <a:gd name="connsiteX29" fmla="*/ 6756 w 10000"/>
                  <a:gd name="connsiteY29" fmla="*/ 5539 h 10000"/>
                  <a:gd name="connsiteX30" fmla="*/ 6780 w 10000"/>
                  <a:gd name="connsiteY30" fmla="*/ 5775 h 10000"/>
                  <a:gd name="connsiteX31" fmla="*/ 6780 w 10000"/>
                  <a:gd name="connsiteY31" fmla="*/ 5997 h 10000"/>
                  <a:gd name="connsiteX32" fmla="*/ 6756 w 10000"/>
                  <a:gd name="connsiteY32" fmla="*/ 6233 h 10000"/>
                  <a:gd name="connsiteX33" fmla="*/ 6702 w 10000"/>
                  <a:gd name="connsiteY33" fmla="*/ 6470 h 10000"/>
                  <a:gd name="connsiteX34" fmla="*/ 6649 w 10000"/>
                  <a:gd name="connsiteY34" fmla="*/ 6677 h 10000"/>
                  <a:gd name="connsiteX35" fmla="*/ 6569 w 10000"/>
                  <a:gd name="connsiteY35" fmla="*/ 6898 h 10000"/>
                  <a:gd name="connsiteX36" fmla="*/ 6463 w 10000"/>
                  <a:gd name="connsiteY36" fmla="*/ 7105 h 10000"/>
                  <a:gd name="connsiteX37" fmla="*/ 6330 w 10000"/>
                  <a:gd name="connsiteY37" fmla="*/ 7297 h 10000"/>
                  <a:gd name="connsiteX38" fmla="*/ 6170 w 10000"/>
                  <a:gd name="connsiteY38" fmla="*/ 7489 h 10000"/>
                  <a:gd name="connsiteX39" fmla="*/ 6010 w 10000"/>
                  <a:gd name="connsiteY39" fmla="*/ 7681 h 10000"/>
                  <a:gd name="connsiteX40" fmla="*/ 6780 w 10000"/>
                  <a:gd name="connsiteY40" fmla="*/ 7799 h 10000"/>
                  <a:gd name="connsiteX41" fmla="*/ 7580 w 10000"/>
                  <a:gd name="connsiteY41" fmla="*/ 7962 h 10000"/>
                  <a:gd name="connsiteX42" fmla="*/ 7738 w 10000"/>
                  <a:gd name="connsiteY42" fmla="*/ 8021 h 10000"/>
                  <a:gd name="connsiteX43" fmla="*/ 7872 w 10000"/>
                  <a:gd name="connsiteY43" fmla="*/ 8080 h 10000"/>
                  <a:gd name="connsiteX44" fmla="*/ 8004 w 10000"/>
                  <a:gd name="connsiteY44" fmla="*/ 8139 h 10000"/>
                  <a:gd name="connsiteX45" fmla="*/ 8085 w 10000"/>
                  <a:gd name="connsiteY45" fmla="*/ 8227 h 10000"/>
                  <a:gd name="connsiteX46" fmla="*/ 8112 w 10000"/>
                  <a:gd name="connsiteY46" fmla="*/ 8301 h 10000"/>
                  <a:gd name="connsiteX47" fmla="*/ 8112 w 10000"/>
                  <a:gd name="connsiteY47" fmla="*/ 8405 h 10000"/>
                  <a:gd name="connsiteX48" fmla="*/ 8059 w 10000"/>
                  <a:gd name="connsiteY48" fmla="*/ 8523 h 10000"/>
                  <a:gd name="connsiteX49" fmla="*/ 7978 w 10000"/>
                  <a:gd name="connsiteY49" fmla="*/ 8641 h 10000"/>
                  <a:gd name="connsiteX50" fmla="*/ 7633 w 10000"/>
                  <a:gd name="connsiteY50" fmla="*/ 8552 h 10000"/>
                  <a:gd name="connsiteX51" fmla="*/ 7313 w 10000"/>
                  <a:gd name="connsiteY51" fmla="*/ 8449 h 10000"/>
                  <a:gd name="connsiteX52" fmla="*/ 6994 w 10000"/>
                  <a:gd name="connsiteY52" fmla="*/ 8360 h 10000"/>
                  <a:gd name="connsiteX53" fmla="*/ 6674 w 10000"/>
                  <a:gd name="connsiteY53" fmla="*/ 8287 h 10000"/>
                  <a:gd name="connsiteX54" fmla="*/ 6541 w 10000"/>
                  <a:gd name="connsiteY54" fmla="*/ 8449 h 10000"/>
                  <a:gd name="connsiteX55" fmla="*/ 6437 w 10000"/>
                  <a:gd name="connsiteY55" fmla="*/ 8597 h 10000"/>
                  <a:gd name="connsiteX56" fmla="*/ 6382 w 10000"/>
                  <a:gd name="connsiteY56" fmla="*/ 8656 h 10000"/>
                  <a:gd name="connsiteX57" fmla="*/ 6276 w 10000"/>
                  <a:gd name="connsiteY57" fmla="*/ 8700 h 10000"/>
                  <a:gd name="connsiteX58" fmla="*/ 6197 w 10000"/>
                  <a:gd name="connsiteY58" fmla="*/ 8744 h 10000"/>
                  <a:gd name="connsiteX59" fmla="*/ 6117 w 10000"/>
                  <a:gd name="connsiteY59" fmla="*/ 8774 h 10000"/>
                  <a:gd name="connsiteX60" fmla="*/ 6037 w 10000"/>
                  <a:gd name="connsiteY60" fmla="*/ 8804 h 10000"/>
                  <a:gd name="connsiteX61" fmla="*/ 5931 w 10000"/>
                  <a:gd name="connsiteY61" fmla="*/ 8818 h 10000"/>
                  <a:gd name="connsiteX62" fmla="*/ 5797 w 10000"/>
                  <a:gd name="connsiteY62" fmla="*/ 8833 h 10000"/>
                  <a:gd name="connsiteX63" fmla="*/ 5665 w 10000"/>
                  <a:gd name="connsiteY63" fmla="*/ 8833 h 10000"/>
                  <a:gd name="connsiteX64" fmla="*/ 5347 w 10000"/>
                  <a:gd name="connsiteY64" fmla="*/ 8818 h 10000"/>
                  <a:gd name="connsiteX65" fmla="*/ 4946 w 10000"/>
                  <a:gd name="connsiteY65" fmla="*/ 8744 h 10000"/>
                  <a:gd name="connsiteX66" fmla="*/ 4946 w 10000"/>
                  <a:gd name="connsiteY66" fmla="*/ 8922 h 10000"/>
                  <a:gd name="connsiteX67" fmla="*/ 4919 w 10000"/>
                  <a:gd name="connsiteY67" fmla="*/ 9069 h 10000"/>
                  <a:gd name="connsiteX68" fmla="*/ 4894 w 10000"/>
                  <a:gd name="connsiteY68" fmla="*/ 9232 h 10000"/>
                  <a:gd name="connsiteX69" fmla="*/ 4867 w 10000"/>
                  <a:gd name="connsiteY69" fmla="*/ 9365 h 10000"/>
                  <a:gd name="connsiteX70" fmla="*/ 4813 w 10000"/>
                  <a:gd name="connsiteY70" fmla="*/ 9498 h 10000"/>
                  <a:gd name="connsiteX71" fmla="*/ 4708 w 10000"/>
                  <a:gd name="connsiteY71" fmla="*/ 9616 h 10000"/>
                  <a:gd name="connsiteX72" fmla="*/ 4628 w 10000"/>
                  <a:gd name="connsiteY72" fmla="*/ 9734 h 10000"/>
                  <a:gd name="connsiteX73" fmla="*/ 4494 w 10000"/>
                  <a:gd name="connsiteY73" fmla="*/ 9838 h 10000"/>
                  <a:gd name="connsiteX74" fmla="*/ 4173 w 10000"/>
                  <a:gd name="connsiteY74" fmla="*/ 9897 h 10000"/>
                  <a:gd name="connsiteX75" fmla="*/ 3910 w 10000"/>
                  <a:gd name="connsiteY75" fmla="*/ 9941 h 10000"/>
                  <a:gd name="connsiteX76" fmla="*/ 3590 w 10000"/>
                  <a:gd name="connsiteY76" fmla="*/ 9985 h 10000"/>
                  <a:gd name="connsiteX77" fmla="*/ 3351 w 10000"/>
                  <a:gd name="connsiteY77" fmla="*/ 10000 h 10000"/>
                  <a:gd name="connsiteX78" fmla="*/ 2819 w 10000"/>
                  <a:gd name="connsiteY78" fmla="*/ 10000 h 10000"/>
                  <a:gd name="connsiteX79" fmla="*/ 2313 w 10000"/>
                  <a:gd name="connsiteY79" fmla="*/ 9985 h 10000"/>
                  <a:gd name="connsiteX80" fmla="*/ 1836 w 10000"/>
                  <a:gd name="connsiteY80" fmla="*/ 9941 h 10000"/>
                  <a:gd name="connsiteX81" fmla="*/ 1330 w 10000"/>
                  <a:gd name="connsiteY81" fmla="*/ 9911 h 10000"/>
                  <a:gd name="connsiteX82" fmla="*/ 1038 w 10000"/>
                  <a:gd name="connsiteY82" fmla="*/ 9911 h 10000"/>
                  <a:gd name="connsiteX83" fmla="*/ 771 w 10000"/>
                  <a:gd name="connsiteY83" fmla="*/ 9911 h 10000"/>
                  <a:gd name="connsiteX84" fmla="*/ 479 w 10000"/>
                  <a:gd name="connsiteY84" fmla="*/ 9926 h 10000"/>
                  <a:gd name="connsiteX85" fmla="*/ 186 w 10000"/>
                  <a:gd name="connsiteY85" fmla="*/ 9970 h 10000"/>
                  <a:gd name="connsiteX86" fmla="*/ 107 w 10000"/>
                  <a:gd name="connsiteY86" fmla="*/ 9867 h 10000"/>
                  <a:gd name="connsiteX87" fmla="*/ 54 w 10000"/>
                  <a:gd name="connsiteY87" fmla="*/ 9793 h 10000"/>
                  <a:gd name="connsiteX88" fmla="*/ 0 w 10000"/>
                  <a:gd name="connsiteY88" fmla="*/ 9705 h 10000"/>
                  <a:gd name="connsiteX89" fmla="*/ 0 w 10000"/>
                  <a:gd name="connsiteY89" fmla="*/ 9601 h 10000"/>
                  <a:gd name="connsiteX90" fmla="*/ 54 w 10000"/>
                  <a:gd name="connsiteY90" fmla="*/ 9424 h 10000"/>
                  <a:gd name="connsiteX91" fmla="*/ 107 w 10000"/>
                  <a:gd name="connsiteY91" fmla="*/ 9202 h 10000"/>
                  <a:gd name="connsiteX92" fmla="*/ 158 w 10000"/>
                  <a:gd name="connsiteY92" fmla="*/ 8996 h 10000"/>
                  <a:gd name="connsiteX93" fmla="*/ 213 w 10000"/>
                  <a:gd name="connsiteY93" fmla="*/ 8759 h 10000"/>
                  <a:gd name="connsiteX94" fmla="*/ 239 w 10000"/>
                  <a:gd name="connsiteY94" fmla="*/ 8641 h 10000"/>
                  <a:gd name="connsiteX95" fmla="*/ 239 w 10000"/>
                  <a:gd name="connsiteY95" fmla="*/ 8538 h 10000"/>
                  <a:gd name="connsiteX96" fmla="*/ 213 w 10000"/>
                  <a:gd name="connsiteY96" fmla="*/ 8405 h 10000"/>
                  <a:gd name="connsiteX97" fmla="*/ 186 w 10000"/>
                  <a:gd name="connsiteY97" fmla="*/ 8287 h 10000"/>
                  <a:gd name="connsiteX98" fmla="*/ 452 w 10000"/>
                  <a:gd name="connsiteY98" fmla="*/ 8213 h 10000"/>
                  <a:gd name="connsiteX99" fmla="*/ 718 w 10000"/>
                  <a:gd name="connsiteY99" fmla="*/ 8139 h 10000"/>
                  <a:gd name="connsiteX100" fmla="*/ 984 w 10000"/>
                  <a:gd name="connsiteY100" fmla="*/ 8095 h 10000"/>
                  <a:gd name="connsiteX101" fmla="*/ 1277 w 10000"/>
                  <a:gd name="connsiteY101" fmla="*/ 8065 h 10000"/>
                  <a:gd name="connsiteX102" fmla="*/ 1807 w 10000"/>
                  <a:gd name="connsiteY102" fmla="*/ 8021 h 10000"/>
                  <a:gd name="connsiteX103" fmla="*/ 2341 w 10000"/>
                  <a:gd name="connsiteY103" fmla="*/ 7976 h 10000"/>
                  <a:gd name="connsiteX104" fmla="*/ 2580 w 10000"/>
                  <a:gd name="connsiteY104" fmla="*/ 7947 h 10000"/>
                  <a:gd name="connsiteX105" fmla="*/ 2819 w 10000"/>
                  <a:gd name="connsiteY105" fmla="*/ 7917 h 10000"/>
                  <a:gd name="connsiteX106" fmla="*/ 3030 w 10000"/>
                  <a:gd name="connsiteY106" fmla="*/ 7843 h 10000"/>
                  <a:gd name="connsiteX107" fmla="*/ 3244 w 10000"/>
                  <a:gd name="connsiteY107" fmla="*/ 7784 h 10000"/>
                  <a:gd name="connsiteX108" fmla="*/ 3431 w 10000"/>
                  <a:gd name="connsiteY108" fmla="*/ 7710 h 10000"/>
                  <a:gd name="connsiteX109" fmla="*/ 3590 w 10000"/>
                  <a:gd name="connsiteY109" fmla="*/ 7592 h 10000"/>
                  <a:gd name="connsiteX110" fmla="*/ 3750 w 10000"/>
                  <a:gd name="connsiteY110" fmla="*/ 7474 h 10000"/>
                  <a:gd name="connsiteX111" fmla="*/ 3856 w 10000"/>
                  <a:gd name="connsiteY111" fmla="*/ 7312 h 10000"/>
                  <a:gd name="connsiteX112" fmla="*/ 3644 w 10000"/>
                  <a:gd name="connsiteY112" fmla="*/ 7238 h 10000"/>
                  <a:gd name="connsiteX113" fmla="*/ 3456 w 10000"/>
                  <a:gd name="connsiteY113" fmla="*/ 7179 h 10000"/>
                  <a:gd name="connsiteX114" fmla="*/ 3297 w 10000"/>
                  <a:gd name="connsiteY114" fmla="*/ 7090 h 10000"/>
                  <a:gd name="connsiteX115" fmla="*/ 3139 w 10000"/>
                  <a:gd name="connsiteY115" fmla="*/ 6987 h 10000"/>
                  <a:gd name="connsiteX116" fmla="*/ 3030 w 10000"/>
                  <a:gd name="connsiteY116" fmla="*/ 6869 h 10000"/>
                  <a:gd name="connsiteX117" fmla="*/ 2980 w 10000"/>
                  <a:gd name="connsiteY117" fmla="*/ 6721 h 10000"/>
                  <a:gd name="connsiteX118" fmla="*/ 2952 w 10000"/>
                  <a:gd name="connsiteY118" fmla="*/ 6558 h 10000"/>
                  <a:gd name="connsiteX119" fmla="*/ 2980 w 10000"/>
                  <a:gd name="connsiteY119" fmla="*/ 6352 h 10000"/>
                  <a:gd name="connsiteX120" fmla="*/ 2846 w 10000"/>
                  <a:gd name="connsiteY120" fmla="*/ 6322 h 10000"/>
                  <a:gd name="connsiteX121" fmla="*/ 2687 w 10000"/>
                  <a:gd name="connsiteY121" fmla="*/ 6292 h 10000"/>
                  <a:gd name="connsiteX122" fmla="*/ 2501 w 10000"/>
                  <a:gd name="connsiteY122" fmla="*/ 6278 h 10000"/>
                  <a:gd name="connsiteX123" fmla="*/ 2313 w 10000"/>
                  <a:gd name="connsiteY123" fmla="*/ 6263 h 10000"/>
                  <a:gd name="connsiteX124" fmla="*/ 1942 w 10000"/>
                  <a:gd name="connsiteY124" fmla="*/ 6248 h 10000"/>
                  <a:gd name="connsiteX125" fmla="*/ 1543 w 10000"/>
                  <a:gd name="connsiteY125" fmla="*/ 6263 h 10000"/>
                  <a:gd name="connsiteX126" fmla="*/ 1198 w 10000"/>
                  <a:gd name="connsiteY126" fmla="*/ 6278 h 10000"/>
                  <a:gd name="connsiteX127" fmla="*/ 877 w 10000"/>
                  <a:gd name="connsiteY127" fmla="*/ 6278 h 10000"/>
                  <a:gd name="connsiteX128" fmla="*/ 613 w 10000"/>
                  <a:gd name="connsiteY128" fmla="*/ 6263 h 10000"/>
                  <a:gd name="connsiteX129" fmla="*/ 399 w 10000"/>
                  <a:gd name="connsiteY129" fmla="*/ 6233 h 10000"/>
                  <a:gd name="connsiteX130" fmla="*/ 663 w 10000"/>
                  <a:gd name="connsiteY130" fmla="*/ 5805 h 10000"/>
                  <a:gd name="connsiteX131" fmla="*/ 958 w 10000"/>
                  <a:gd name="connsiteY131" fmla="*/ 5391 h 10000"/>
                  <a:gd name="connsiteX132" fmla="*/ 1065 w 10000"/>
                  <a:gd name="connsiteY132" fmla="*/ 5170 h 10000"/>
                  <a:gd name="connsiteX133" fmla="*/ 1143 w 10000"/>
                  <a:gd name="connsiteY133" fmla="*/ 4963 h 10000"/>
                  <a:gd name="connsiteX134" fmla="*/ 1169 w 10000"/>
                  <a:gd name="connsiteY134" fmla="*/ 4860 h 10000"/>
                  <a:gd name="connsiteX135" fmla="*/ 1143 w 10000"/>
                  <a:gd name="connsiteY135" fmla="*/ 4756 h 10000"/>
                  <a:gd name="connsiteX136" fmla="*/ 1117 w 10000"/>
                  <a:gd name="connsiteY136" fmla="*/ 4653 h 10000"/>
                  <a:gd name="connsiteX137" fmla="*/ 1038 w 10000"/>
                  <a:gd name="connsiteY137" fmla="*/ 4549 h 10000"/>
                  <a:gd name="connsiteX138" fmla="*/ 1330 w 10000"/>
                  <a:gd name="connsiteY138" fmla="*/ 4520 h 10000"/>
                  <a:gd name="connsiteX139" fmla="*/ 1543 w 10000"/>
                  <a:gd name="connsiteY139" fmla="*/ 4505 h 10000"/>
                  <a:gd name="connsiteX140" fmla="*/ 1729 w 10000"/>
                  <a:gd name="connsiteY140" fmla="*/ 4505 h 10000"/>
                  <a:gd name="connsiteX141" fmla="*/ 1888 w 10000"/>
                  <a:gd name="connsiteY141" fmla="*/ 4520 h 10000"/>
                  <a:gd name="connsiteX142" fmla="*/ 2022 w 10000"/>
                  <a:gd name="connsiteY142" fmla="*/ 4520 h 10000"/>
                  <a:gd name="connsiteX143" fmla="*/ 2181 w 10000"/>
                  <a:gd name="connsiteY143" fmla="*/ 4520 h 10000"/>
                  <a:gd name="connsiteX144" fmla="*/ 2341 w 10000"/>
                  <a:gd name="connsiteY144" fmla="*/ 4490 h 10000"/>
                  <a:gd name="connsiteX145" fmla="*/ 2552 w 10000"/>
                  <a:gd name="connsiteY145" fmla="*/ 4446 h 10000"/>
                  <a:gd name="connsiteX146" fmla="*/ 2552 w 10000"/>
                  <a:gd name="connsiteY146" fmla="*/ 4579 h 10000"/>
                  <a:gd name="connsiteX147" fmla="*/ 2552 w 10000"/>
                  <a:gd name="connsiteY147" fmla="*/ 4742 h 10000"/>
                  <a:gd name="connsiteX148" fmla="*/ 2552 w 10000"/>
                  <a:gd name="connsiteY148" fmla="*/ 4874 h 10000"/>
                  <a:gd name="connsiteX149" fmla="*/ 2552 w 10000"/>
                  <a:gd name="connsiteY149" fmla="*/ 5037 h 10000"/>
                  <a:gd name="connsiteX150" fmla="*/ 2792 w 10000"/>
                  <a:gd name="connsiteY150" fmla="*/ 5022 h 10000"/>
                  <a:gd name="connsiteX151" fmla="*/ 2952 w 10000"/>
                  <a:gd name="connsiteY151" fmla="*/ 5037 h 10000"/>
                  <a:gd name="connsiteX152" fmla="*/ 3085 w 10000"/>
                  <a:gd name="connsiteY152" fmla="*/ 5066 h 10000"/>
                  <a:gd name="connsiteX153" fmla="*/ 3218 w 10000"/>
                  <a:gd name="connsiteY153" fmla="*/ 5096 h 10000"/>
                  <a:gd name="connsiteX154" fmla="*/ 3325 w 10000"/>
                  <a:gd name="connsiteY154" fmla="*/ 5126 h 10000"/>
                  <a:gd name="connsiteX155" fmla="*/ 3456 w 10000"/>
                  <a:gd name="connsiteY155" fmla="*/ 5155 h 10000"/>
                  <a:gd name="connsiteX156" fmla="*/ 3617 w 10000"/>
                  <a:gd name="connsiteY156" fmla="*/ 5170 h 10000"/>
                  <a:gd name="connsiteX157" fmla="*/ 3856 w 10000"/>
                  <a:gd name="connsiteY157" fmla="*/ 5155 h 10000"/>
                  <a:gd name="connsiteX158" fmla="*/ 3936 w 10000"/>
                  <a:gd name="connsiteY158" fmla="*/ 5096 h 10000"/>
                  <a:gd name="connsiteX159" fmla="*/ 4015 w 10000"/>
                  <a:gd name="connsiteY159" fmla="*/ 5022 h 10000"/>
                  <a:gd name="connsiteX160" fmla="*/ 4042 w 10000"/>
                  <a:gd name="connsiteY160" fmla="*/ 4934 h 10000"/>
                  <a:gd name="connsiteX161" fmla="*/ 4070 w 10000"/>
                  <a:gd name="connsiteY161" fmla="*/ 4860 h 10000"/>
                  <a:gd name="connsiteX162" fmla="*/ 4095 w 10000"/>
                  <a:gd name="connsiteY162" fmla="*/ 4697 h 10000"/>
                  <a:gd name="connsiteX163" fmla="*/ 4070 w 10000"/>
                  <a:gd name="connsiteY163" fmla="*/ 4520 h 10000"/>
                  <a:gd name="connsiteX164" fmla="*/ 3989 w 10000"/>
                  <a:gd name="connsiteY164" fmla="*/ 4343 h 10000"/>
                  <a:gd name="connsiteX165" fmla="*/ 3910 w 10000"/>
                  <a:gd name="connsiteY165" fmla="*/ 4195 h 10000"/>
                  <a:gd name="connsiteX166" fmla="*/ 3776 w 10000"/>
                  <a:gd name="connsiteY166" fmla="*/ 4047 h 10000"/>
                  <a:gd name="connsiteX167" fmla="*/ 3644 w 10000"/>
                  <a:gd name="connsiteY167" fmla="*/ 3959 h 10000"/>
                  <a:gd name="connsiteX168" fmla="*/ 3803 w 10000"/>
                  <a:gd name="connsiteY168" fmla="*/ 3944 h 10000"/>
                  <a:gd name="connsiteX169" fmla="*/ 3936 w 10000"/>
                  <a:gd name="connsiteY169" fmla="*/ 3914 h 10000"/>
                  <a:gd name="connsiteX170" fmla="*/ 4042 w 10000"/>
                  <a:gd name="connsiteY170" fmla="*/ 3855 h 10000"/>
                  <a:gd name="connsiteX171" fmla="*/ 4173 w 10000"/>
                  <a:gd name="connsiteY171" fmla="*/ 3752 h 10000"/>
                  <a:gd name="connsiteX172" fmla="*/ 4308 w 10000"/>
                  <a:gd name="connsiteY172" fmla="*/ 3663 h 10000"/>
                  <a:gd name="connsiteX173" fmla="*/ 4414 w 10000"/>
                  <a:gd name="connsiteY173" fmla="*/ 3560 h 10000"/>
                  <a:gd name="connsiteX174" fmla="*/ 4494 w 10000"/>
                  <a:gd name="connsiteY174" fmla="*/ 3442 h 10000"/>
                  <a:gd name="connsiteX175" fmla="*/ 4575 w 10000"/>
                  <a:gd name="connsiteY175" fmla="*/ 3323 h 10000"/>
                  <a:gd name="connsiteX176" fmla="*/ 4628 w 10000"/>
                  <a:gd name="connsiteY176" fmla="*/ 3220 h 10000"/>
                  <a:gd name="connsiteX177" fmla="*/ 4653 w 10000"/>
                  <a:gd name="connsiteY177" fmla="*/ 3102 h 10000"/>
                  <a:gd name="connsiteX178" fmla="*/ 4681 w 10000"/>
                  <a:gd name="connsiteY178" fmla="*/ 3013 h 10000"/>
                  <a:gd name="connsiteX179" fmla="*/ 4653 w 10000"/>
                  <a:gd name="connsiteY179" fmla="*/ 2939 h 10000"/>
                  <a:gd name="connsiteX180" fmla="*/ 4628 w 10000"/>
                  <a:gd name="connsiteY180" fmla="*/ 2866 h 10000"/>
                  <a:gd name="connsiteX181" fmla="*/ 4548 w 10000"/>
                  <a:gd name="connsiteY181" fmla="*/ 2836 h 10000"/>
                  <a:gd name="connsiteX182" fmla="*/ 4442 w 10000"/>
                  <a:gd name="connsiteY182" fmla="*/ 2836 h 10000"/>
                  <a:gd name="connsiteX183" fmla="*/ 4308 w 10000"/>
                  <a:gd name="connsiteY183" fmla="*/ 2866 h 10000"/>
                  <a:gd name="connsiteX184" fmla="*/ 4414 w 10000"/>
                  <a:gd name="connsiteY184" fmla="*/ 2777 h 10000"/>
                  <a:gd name="connsiteX185" fmla="*/ 4469 w 10000"/>
                  <a:gd name="connsiteY185" fmla="*/ 2674 h 10000"/>
                  <a:gd name="connsiteX186" fmla="*/ 4494 w 10000"/>
                  <a:gd name="connsiteY186" fmla="*/ 2541 h 10000"/>
                  <a:gd name="connsiteX187" fmla="*/ 4494 w 10000"/>
                  <a:gd name="connsiteY187" fmla="*/ 2393 h 10000"/>
                  <a:gd name="connsiteX188" fmla="*/ 4520 w 10000"/>
                  <a:gd name="connsiteY188" fmla="*/ 2349 h 10000"/>
                  <a:gd name="connsiteX189" fmla="*/ 4575 w 10000"/>
                  <a:gd name="connsiteY189" fmla="*/ 2304 h 10000"/>
                  <a:gd name="connsiteX190" fmla="*/ 4628 w 10000"/>
                  <a:gd name="connsiteY190" fmla="*/ 2290 h 10000"/>
                  <a:gd name="connsiteX191" fmla="*/ 4708 w 10000"/>
                  <a:gd name="connsiteY191" fmla="*/ 2275 h 10000"/>
                  <a:gd name="connsiteX192" fmla="*/ 4946 w 10000"/>
                  <a:gd name="connsiteY192" fmla="*/ 2260 h 10000"/>
                  <a:gd name="connsiteX193" fmla="*/ 5158 w 10000"/>
                  <a:gd name="connsiteY193" fmla="*/ 2275 h 10000"/>
                  <a:gd name="connsiteX194" fmla="*/ 5132 w 10000"/>
                  <a:gd name="connsiteY194" fmla="*/ 2112 h 10000"/>
                  <a:gd name="connsiteX195" fmla="*/ 5080 w 10000"/>
                  <a:gd name="connsiteY195" fmla="*/ 1950 h 10000"/>
                  <a:gd name="connsiteX196" fmla="*/ 4999 w 10000"/>
                  <a:gd name="connsiteY196" fmla="*/ 1802 h 10000"/>
                  <a:gd name="connsiteX197" fmla="*/ 4894 w 10000"/>
                  <a:gd name="connsiteY197" fmla="*/ 1640 h 10000"/>
                  <a:gd name="connsiteX198" fmla="*/ 4628 w 10000"/>
                  <a:gd name="connsiteY198" fmla="*/ 1329 h 10000"/>
                  <a:gd name="connsiteX199" fmla="*/ 4362 w 10000"/>
                  <a:gd name="connsiteY199" fmla="*/ 1034 h 10000"/>
                  <a:gd name="connsiteX200" fmla="*/ 4228 w 10000"/>
                  <a:gd name="connsiteY200" fmla="*/ 901 h 10000"/>
                  <a:gd name="connsiteX201" fmla="*/ 4124 w 10000"/>
                  <a:gd name="connsiteY201" fmla="*/ 753 h 10000"/>
                  <a:gd name="connsiteX202" fmla="*/ 4042 w 10000"/>
                  <a:gd name="connsiteY202" fmla="*/ 620 h 10000"/>
                  <a:gd name="connsiteX203" fmla="*/ 4015 w 10000"/>
                  <a:gd name="connsiteY203" fmla="*/ 487 h 10000"/>
                  <a:gd name="connsiteX204" fmla="*/ 3989 w 10000"/>
                  <a:gd name="connsiteY204" fmla="*/ 355 h 10000"/>
                  <a:gd name="connsiteX205" fmla="*/ 4042 w 10000"/>
                  <a:gd name="connsiteY205" fmla="*/ 222 h 10000"/>
                  <a:gd name="connsiteX206" fmla="*/ 4070 w 10000"/>
                  <a:gd name="connsiteY206" fmla="*/ 162 h 10000"/>
                  <a:gd name="connsiteX207" fmla="*/ 4124 w 10000"/>
                  <a:gd name="connsiteY207" fmla="*/ 103 h 10000"/>
                  <a:gd name="connsiteX208" fmla="*/ 4203 w 10000"/>
                  <a:gd name="connsiteY208" fmla="*/ 59 h 10000"/>
                  <a:gd name="connsiteX209" fmla="*/ 4308 w 10000"/>
                  <a:gd name="connsiteY209" fmla="*/ 0 h 10000"/>
                  <a:gd name="connsiteX210" fmla="*/ 4494 w 10000"/>
                  <a:gd name="connsiteY210" fmla="*/ 0 h 10000"/>
                  <a:gd name="connsiteX211" fmla="*/ 4681 w 10000"/>
                  <a:gd name="connsiteY211" fmla="*/ 15 h 10000"/>
                  <a:gd name="connsiteX212" fmla="*/ 4867 w 10000"/>
                  <a:gd name="connsiteY212" fmla="*/ 44 h 10000"/>
                  <a:gd name="connsiteX213" fmla="*/ 4999 w 10000"/>
                  <a:gd name="connsiteY213" fmla="*/ 89 h 10000"/>
                  <a:gd name="connsiteX214" fmla="*/ 5213 w 10000"/>
                  <a:gd name="connsiteY214" fmla="*/ 192 h 10000"/>
                  <a:gd name="connsiteX215" fmla="*/ 5425 w 10000"/>
                  <a:gd name="connsiteY215" fmla="*/ 340 h 10000"/>
                  <a:gd name="connsiteX216" fmla="*/ 5585 w 10000"/>
                  <a:gd name="connsiteY216" fmla="*/ 473 h 10000"/>
                  <a:gd name="connsiteX217" fmla="*/ 5797 w 10000"/>
                  <a:gd name="connsiteY217" fmla="*/ 591 h 10000"/>
                  <a:gd name="connsiteX218" fmla="*/ 5931 w 10000"/>
                  <a:gd name="connsiteY218" fmla="*/ 650 h 10000"/>
                  <a:gd name="connsiteX219" fmla="*/ 6090 w 10000"/>
                  <a:gd name="connsiteY219" fmla="*/ 679 h 10000"/>
                  <a:gd name="connsiteX220" fmla="*/ 6251 w 10000"/>
                  <a:gd name="connsiteY220" fmla="*/ 709 h 10000"/>
                  <a:gd name="connsiteX221" fmla="*/ 6463 w 10000"/>
                  <a:gd name="connsiteY221" fmla="*/ 709 h 10000"/>
                  <a:gd name="connsiteX222" fmla="*/ 6463 w 10000"/>
                  <a:gd name="connsiteY222" fmla="*/ 768 h 10000"/>
                  <a:gd name="connsiteX223" fmla="*/ 6490 w 10000"/>
                  <a:gd name="connsiteY223" fmla="*/ 842 h 10000"/>
                  <a:gd name="connsiteX224" fmla="*/ 6541 w 10000"/>
                  <a:gd name="connsiteY224" fmla="*/ 916 h 10000"/>
                  <a:gd name="connsiteX225" fmla="*/ 6595 w 10000"/>
                  <a:gd name="connsiteY225" fmla="*/ 990 h 10000"/>
                  <a:gd name="connsiteX226" fmla="*/ 6674 w 10000"/>
                  <a:gd name="connsiteY226" fmla="*/ 1049 h 10000"/>
                  <a:gd name="connsiteX227" fmla="*/ 6780 w 10000"/>
                  <a:gd name="connsiteY227" fmla="*/ 1108 h 10000"/>
                  <a:gd name="connsiteX228" fmla="*/ 6914 w 10000"/>
                  <a:gd name="connsiteY228" fmla="*/ 1182 h 10000"/>
                  <a:gd name="connsiteX229" fmla="*/ 7020 w 10000"/>
                  <a:gd name="connsiteY229" fmla="*/ 1226 h 10000"/>
                  <a:gd name="connsiteX230" fmla="*/ 7127 w 10000"/>
                  <a:gd name="connsiteY230" fmla="*/ 1270 h 10000"/>
                  <a:gd name="connsiteX231" fmla="*/ 7234 w 10000"/>
                  <a:gd name="connsiteY231" fmla="*/ 1300 h 10000"/>
                  <a:gd name="connsiteX232" fmla="*/ 7340 w 10000"/>
                  <a:gd name="connsiteY232" fmla="*/ 1315 h 10000"/>
                  <a:gd name="connsiteX233" fmla="*/ 7474 w 10000"/>
                  <a:gd name="connsiteY233" fmla="*/ 1300 h 10000"/>
                  <a:gd name="connsiteX234" fmla="*/ 7580 w 10000"/>
                  <a:gd name="connsiteY234" fmla="*/ 1285 h 10000"/>
                  <a:gd name="connsiteX235" fmla="*/ 7659 w 10000"/>
                  <a:gd name="connsiteY235" fmla="*/ 1241 h 10000"/>
                  <a:gd name="connsiteX236" fmla="*/ 7714 w 10000"/>
                  <a:gd name="connsiteY236" fmla="*/ 1167 h 10000"/>
                  <a:gd name="connsiteX237" fmla="*/ 7738 w 10000"/>
                  <a:gd name="connsiteY237" fmla="*/ 1064 h 10000"/>
                  <a:gd name="connsiteX238" fmla="*/ 8138 w 10000"/>
                  <a:gd name="connsiteY238" fmla="*/ 1034 h 10000"/>
                  <a:gd name="connsiteX239" fmla="*/ 8509 w 10000"/>
                  <a:gd name="connsiteY239" fmla="*/ 1004 h 10000"/>
                  <a:gd name="connsiteX240" fmla="*/ 8830 w 10000"/>
                  <a:gd name="connsiteY240" fmla="*/ 990 h 10000"/>
                  <a:gd name="connsiteX241" fmla="*/ 9123 w 10000"/>
                  <a:gd name="connsiteY241" fmla="*/ 1004 h 10000"/>
                  <a:gd name="connsiteX242" fmla="*/ 9256 w 10000"/>
                  <a:gd name="connsiteY242" fmla="*/ 1019 h 10000"/>
                  <a:gd name="connsiteX243" fmla="*/ 9387 w 10000"/>
                  <a:gd name="connsiteY243" fmla="*/ 1034 h 10000"/>
                  <a:gd name="connsiteX244" fmla="*/ 9495 w 10000"/>
                  <a:gd name="connsiteY244" fmla="*/ 1064 h 10000"/>
                  <a:gd name="connsiteX245" fmla="*/ 9628 w 10000"/>
                  <a:gd name="connsiteY245" fmla="*/ 1108 h 10000"/>
                  <a:gd name="connsiteX246" fmla="*/ 9707 w 10000"/>
                  <a:gd name="connsiteY246" fmla="*/ 1182 h 10000"/>
                  <a:gd name="connsiteX247" fmla="*/ 9786 w 10000"/>
                  <a:gd name="connsiteY247" fmla="*/ 1241 h 10000"/>
                  <a:gd name="connsiteX248" fmla="*/ 9841 w 10000"/>
                  <a:gd name="connsiteY248" fmla="*/ 1329 h 10000"/>
                  <a:gd name="connsiteX249" fmla="*/ 9893 w 10000"/>
                  <a:gd name="connsiteY249" fmla="*/ 1433 h 10000"/>
                  <a:gd name="connsiteX250" fmla="*/ 9946 w 10000"/>
                  <a:gd name="connsiteY250" fmla="*/ 1551 h 10000"/>
                  <a:gd name="connsiteX251" fmla="*/ 9919 w 10000"/>
                  <a:gd name="connsiteY251" fmla="*/ 1625 h 10000"/>
                  <a:gd name="connsiteX252" fmla="*/ 9893 w 10000"/>
                  <a:gd name="connsiteY252" fmla="*/ 1684 h 10000"/>
                  <a:gd name="connsiteX253" fmla="*/ 9841 w 10000"/>
                  <a:gd name="connsiteY253" fmla="*/ 1758 h 10000"/>
                  <a:gd name="connsiteX254" fmla="*/ 9761 w 10000"/>
                  <a:gd name="connsiteY254" fmla="*/ 1802 h 10000"/>
                  <a:gd name="connsiteX255" fmla="*/ 9707 w 10000"/>
                  <a:gd name="connsiteY255" fmla="*/ 1861 h 10000"/>
                  <a:gd name="connsiteX256" fmla="*/ 9682 w 10000"/>
                  <a:gd name="connsiteY256" fmla="*/ 1935 h 10000"/>
                  <a:gd name="connsiteX257" fmla="*/ 9707 w 10000"/>
                  <a:gd name="connsiteY257" fmla="*/ 2024 h 10000"/>
                  <a:gd name="connsiteX258" fmla="*/ 10000 w 10000"/>
                  <a:gd name="connsiteY258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6674 w 10000"/>
                  <a:gd name="connsiteY4" fmla="*/ 4313 h 10000"/>
                  <a:gd name="connsiteX5" fmla="*/ 9628 w 10000"/>
                  <a:gd name="connsiteY5" fmla="*/ 3338 h 10000"/>
                  <a:gd name="connsiteX6" fmla="*/ 9866 w 10000"/>
                  <a:gd name="connsiteY6" fmla="*/ 3117 h 10000"/>
                  <a:gd name="connsiteX7" fmla="*/ 9893 w 10000"/>
                  <a:gd name="connsiteY7" fmla="*/ 3072 h 10000"/>
                  <a:gd name="connsiteX8" fmla="*/ 9919 w 10000"/>
                  <a:gd name="connsiteY8" fmla="*/ 3013 h 10000"/>
                  <a:gd name="connsiteX9" fmla="*/ 9919 w 10000"/>
                  <a:gd name="connsiteY9" fmla="*/ 2954 h 10000"/>
                  <a:gd name="connsiteX10" fmla="*/ 9893 w 10000"/>
                  <a:gd name="connsiteY10" fmla="*/ 2866 h 10000"/>
                  <a:gd name="connsiteX11" fmla="*/ 9707 w 10000"/>
                  <a:gd name="connsiteY11" fmla="*/ 2984 h 10000"/>
                  <a:gd name="connsiteX12" fmla="*/ 9495 w 10000"/>
                  <a:gd name="connsiteY12" fmla="*/ 3072 h 10000"/>
                  <a:gd name="connsiteX13" fmla="*/ 9281 w 10000"/>
                  <a:gd name="connsiteY13" fmla="*/ 3161 h 10000"/>
                  <a:gd name="connsiteX14" fmla="*/ 9069 w 10000"/>
                  <a:gd name="connsiteY14" fmla="*/ 3250 h 10000"/>
                  <a:gd name="connsiteX15" fmla="*/ 8589 w 10000"/>
                  <a:gd name="connsiteY15" fmla="*/ 3397 h 10000"/>
                  <a:gd name="connsiteX16" fmla="*/ 8085 w 10000"/>
                  <a:gd name="connsiteY16" fmla="*/ 3545 h 10000"/>
                  <a:gd name="connsiteX17" fmla="*/ 7580 w 10000"/>
                  <a:gd name="connsiteY17" fmla="*/ 3678 h 10000"/>
                  <a:gd name="connsiteX18" fmla="*/ 7100 w 10000"/>
                  <a:gd name="connsiteY18" fmla="*/ 3840 h 10000"/>
                  <a:gd name="connsiteX19" fmla="*/ 6861 w 10000"/>
                  <a:gd name="connsiteY19" fmla="*/ 3914 h 10000"/>
                  <a:gd name="connsiteX20" fmla="*/ 6649 w 10000"/>
                  <a:gd name="connsiteY20" fmla="*/ 4003 h 10000"/>
                  <a:gd name="connsiteX21" fmla="*/ 6437 w 10000"/>
                  <a:gd name="connsiteY21" fmla="*/ 4106 h 10000"/>
                  <a:gd name="connsiteX22" fmla="*/ 6222 w 10000"/>
                  <a:gd name="connsiteY22" fmla="*/ 4195 h 10000"/>
                  <a:gd name="connsiteX23" fmla="*/ 6382 w 10000"/>
                  <a:gd name="connsiteY23" fmla="*/ 4417 h 10000"/>
                  <a:gd name="connsiteX24" fmla="*/ 6490 w 10000"/>
                  <a:gd name="connsiteY24" fmla="*/ 4623 h 10000"/>
                  <a:gd name="connsiteX25" fmla="*/ 6475 w 10000"/>
                  <a:gd name="connsiteY25" fmla="*/ 4845 h 10000"/>
                  <a:gd name="connsiteX26" fmla="*/ 6674 w 10000"/>
                  <a:gd name="connsiteY26" fmla="*/ 5081 h 10000"/>
                  <a:gd name="connsiteX27" fmla="*/ 6729 w 10000"/>
                  <a:gd name="connsiteY27" fmla="*/ 5318 h 10000"/>
                  <a:gd name="connsiteX28" fmla="*/ 6756 w 10000"/>
                  <a:gd name="connsiteY28" fmla="*/ 5539 h 10000"/>
                  <a:gd name="connsiteX29" fmla="*/ 6780 w 10000"/>
                  <a:gd name="connsiteY29" fmla="*/ 5775 h 10000"/>
                  <a:gd name="connsiteX30" fmla="*/ 6780 w 10000"/>
                  <a:gd name="connsiteY30" fmla="*/ 5997 h 10000"/>
                  <a:gd name="connsiteX31" fmla="*/ 6756 w 10000"/>
                  <a:gd name="connsiteY31" fmla="*/ 6233 h 10000"/>
                  <a:gd name="connsiteX32" fmla="*/ 6702 w 10000"/>
                  <a:gd name="connsiteY32" fmla="*/ 6470 h 10000"/>
                  <a:gd name="connsiteX33" fmla="*/ 6649 w 10000"/>
                  <a:gd name="connsiteY33" fmla="*/ 6677 h 10000"/>
                  <a:gd name="connsiteX34" fmla="*/ 6569 w 10000"/>
                  <a:gd name="connsiteY34" fmla="*/ 6898 h 10000"/>
                  <a:gd name="connsiteX35" fmla="*/ 6463 w 10000"/>
                  <a:gd name="connsiteY35" fmla="*/ 7105 h 10000"/>
                  <a:gd name="connsiteX36" fmla="*/ 6330 w 10000"/>
                  <a:gd name="connsiteY36" fmla="*/ 7297 h 10000"/>
                  <a:gd name="connsiteX37" fmla="*/ 6170 w 10000"/>
                  <a:gd name="connsiteY37" fmla="*/ 7489 h 10000"/>
                  <a:gd name="connsiteX38" fmla="*/ 6010 w 10000"/>
                  <a:gd name="connsiteY38" fmla="*/ 7681 h 10000"/>
                  <a:gd name="connsiteX39" fmla="*/ 6780 w 10000"/>
                  <a:gd name="connsiteY39" fmla="*/ 7799 h 10000"/>
                  <a:gd name="connsiteX40" fmla="*/ 7580 w 10000"/>
                  <a:gd name="connsiteY40" fmla="*/ 7962 h 10000"/>
                  <a:gd name="connsiteX41" fmla="*/ 7738 w 10000"/>
                  <a:gd name="connsiteY41" fmla="*/ 8021 h 10000"/>
                  <a:gd name="connsiteX42" fmla="*/ 7872 w 10000"/>
                  <a:gd name="connsiteY42" fmla="*/ 8080 h 10000"/>
                  <a:gd name="connsiteX43" fmla="*/ 8004 w 10000"/>
                  <a:gd name="connsiteY43" fmla="*/ 8139 h 10000"/>
                  <a:gd name="connsiteX44" fmla="*/ 8085 w 10000"/>
                  <a:gd name="connsiteY44" fmla="*/ 8227 h 10000"/>
                  <a:gd name="connsiteX45" fmla="*/ 8112 w 10000"/>
                  <a:gd name="connsiteY45" fmla="*/ 8301 h 10000"/>
                  <a:gd name="connsiteX46" fmla="*/ 8112 w 10000"/>
                  <a:gd name="connsiteY46" fmla="*/ 8405 h 10000"/>
                  <a:gd name="connsiteX47" fmla="*/ 8059 w 10000"/>
                  <a:gd name="connsiteY47" fmla="*/ 8523 h 10000"/>
                  <a:gd name="connsiteX48" fmla="*/ 7978 w 10000"/>
                  <a:gd name="connsiteY48" fmla="*/ 8641 h 10000"/>
                  <a:gd name="connsiteX49" fmla="*/ 7633 w 10000"/>
                  <a:gd name="connsiteY49" fmla="*/ 8552 h 10000"/>
                  <a:gd name="connsiteX50" fmla="*/ 7313 w 10000"/>
                  <a:gd name="connsiteY50" fmla="*/ 8449 h 10000"/>
                  <a:gd name="connsiteX51" fmla="*/ 6994 w 10000"/>
                  <a:gd name="connsiteY51" fmla="*/ 8360 h 10000"/>
                  <a:gd name="connsiteX52" fmla="*/ 6674 w 10000"/>
                  <a:gd name="connsiteY52" fmla="*/ 8287 h 10000"/>
                  <a:gd name="connsiteX53" fmla="*/ 6541 w 10000"/>
                  <a:gd name="connsiteY53" fmla="*/ 8449 h 10000"/>
                  <a:gd name="connsiteX54" fmla="*/ 6437 w 10000"/>
                  <a:gd name="connsiteY54" fmla="*/ 8597 h 10000"/>
                  <a:gd name="connsiteX55" fmla="*/ 6382 w 10000"/>
                  <a:gd name="connsiteY55" fmla="*/ 8656 h 10000"/>
                  <a:gd name="connsiteX56" fmla="*/ 6276 w 10000"/>
                  <a:gd name="connsiteY56" fmla="*/ 8700 h 10000"/>
                  <a:gd name="connsiteX57" fmla="*/ 6197 w 10000"/>
                  <a:gd name="connsiteY57" fmla="*/ 8744 h 10000"/>
                  <a:gd name="connsiteX58" fmla="*/ 6117 w 10000"/>
                  <a:gd name="connsiteY58" fmla="*/ 8774 h 10000"/>
                  <a:gd name="connsiteX59" fmla="*/ 6037 w 10000"/>
                  <a:gd name="connsiteY59" fmla="*/ 8804 h 10000"/>
                  <a:gd name="connsiteX60" fmla="*/ 5931 w 10000"/>
                  <a:gd name="connsiteY60" fmla="*/ 8818 h 10000"/>
                  <a:gd name="connsiteX61" fmla="*/ 5797 w 10000"/>
                  <a:gd name="connsiteY61" fmla="*/ 8833 h 10000"/>
                  <a:gd name="connsiteX62" fmla="*/ 5665 w 10000"/>
                  <a:gd name="connsiteY62" fmla="*/ 8833 h 10000"/>
                  <a:gd name="connsiteX63" fmla="*/ 5347 w 10000"/>
                  <a:gd name="connsiteY63" fmla="*/ 8818 h 10000"/>
                  <a:gd name="connsiteX64" fmla="*/ 4946 w 10000"/>
                  <a:gd name="connsiteY64" fmla="*/ 8744 h 10000"/>
                  <a:gd name="connsiteX65" fmla="*/ 4946 w 10000"/>
                  <a:gd name="connsiteY65" fmla="*/ 8922 h 10000"/>
                  <a:gd name="connsiteX66" fmla="*/ 4919 w 10000"/>
                  <a:gd name="connsiteY66" fmla="*/ 9069 h 10000"/>
                  <a:gd name="connsiteX67" fmla="*/ 4894 w 10000"/>
                  <a:gd name="connsiteY67" fmla="*/ 9232 h 10000"/>
                  <a:gd name="connsiteX68" fmla="*/ 4867 w 10000"/>
                  <a:gd name="connsiteY68" fmla="*/ 9365 h 10000"/>
                  <a:gd name="connsiteX69" fmla="*/ 4813 w 10000"/>
                  <a:gd name="connsiteY69" fmla="*/ 9498 h 10000"/>
                  <a:gd name="connsiteX70" fmla="*/ 4708 w 10000"/>
                  <a:gd name="connsiteY70" fmla="*/ 9616 h 10000"/>
                  <a:gd name="connsiteX71" fmla="*/ 4628 w 10000"/>
                  <a:gd name="connsiteY71" fmla="*/ 9734 h 10000"/>
                  <a:gd name="connsiteX72" fmla="*/ 4494 w 10000"/>
                  <a:gd name="connsiteY72" fmla="*/ 9838 h 10000"/>
                  <a:gd name="connsiteX73" fmla="*/ 4173 w 10000"/>
                  <a:gd name="connsiteY73" fmla="*/ 9897 h 10000"/>
                  <a:gd name="connsiteX74" fmla="*/ 3910 w 10000"/>
                  <a:gd name="connsiteY74" fmla="*/ 9941 h 10000"/>
                  <a:gd name="connsiteX75" fmla="*/ 3590 w 10000"/>
                  <a:gd name="connsiteY75" fmla="*/ 9985 h 10000"/>
                  <a:gd name="connsiteX76" fmla="*/ 3351 w 10000"/>
                  <a:gd name="connsiteY76" fmla="*/ 10000 h 10000"/>
                  <a:gd name="connsiteX77" fmla="*/ 2819 w 10000"/>
                  <a:gd name="connsiteY77" fmla="*/ 10000 h 10000"/>
                  <a:gd name="connsiteX78" fmla="*/ 2313 w 10000"/>
                  <a:gd name="connsiteY78" fmla="*/ 9985 h 10000"/>
                  <a:gd name="connsiteX79" fmla="*/ 1836 w 10000"/>
                  <a:gd name="connsiteY79" fmla="*/ 9941 h 10000"/>
                  <a:gd name="connsiteX80" fmla="*/ 1330 w 10000"/>
                  <a:gd name="connsiteY80" fmla="*/ 9911 h 10000"/>
                  <a:gd name="connsiteX81" fmla="*/ 1038 w 10000"/>
                  <a:gd name="connsiteY81" fmla="*/ 9911 h 10000"/>
                  <a:gd name="connsiteX82" fmla="*/ 771 w 10000"/>
                  <a:gd name="connsiteY82" fmla="*/ 9911 h 10000"/>
                  <a:gd name="connsiteX83" fmla="*/ 479 w 10000"/>
                  <a:gd name="connsiteY83" fmla="*/ 9926 h 10000"/>
                  <a:gd name="connsiteX84" fmla="*/ 186 w 10000"/>
                  <a:gd name="connsiteY84" fmla="*/ 9970 h 10000"/>
                  <a:gd name="connsiteX85" fmla="*/ 107 w 10000"/>
                  <a:gd name="connsiteY85" fmla="*/ 9867 h 10000"/>
                  <a:gd name="connsiteX86" fmla="*/ 54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4 w 10000"/>
                  <a:gd name="connsiteY89" fmla="*/ 9424 h 10000"/>
                  <a:gd name="connsiteX90" fmla="*/ 107 w 10000"/>
                  <a:gd name="connsiteY90" fmla="*/ 9202 h 10000"/>
                  <a:gd name="connsiteX91" fmla="*/ 158 w 10000"/>
                  <a:gd name="connsiteY91" fmla="*/ 8996 h 10000"/>
                  <a:gd name="connsiteX92" fmla="*/ 213 w 10000"/>
                  <a:gd name="connsiteY92" fmla="*/ 8759 h 10000"/>
                  <a:gd name="connsiteX93" fmla="*/ 239 w 10000"/>
                  <a:gd name="connsiteY93" fmla="*/ 8641 h 10000"/>
                  <a:gd name="connsiteX94" fmla="*/ 239 w 10000"/>
                  <a:gd name="connsiteY94" fmla="*/ 8538 h 10000"/>
                  <a:gd name="connsiteX95" fmla="*/ 213 w 10000"/>
                  <a:gd name="connsiteY95" fmla="*/ 8405 h 10000"/>
                  <a:gd name="connsiteX96" fmla="*/ 186 w 10000"/>
                  <a:gd name="connsiteY96" fmla="*/ 8287 h 10000"/>
                  <a:gd name="connsiteX97" fmla="*/ 452 w 10000"/>
                  <a:gd name="connsiteY97" fmla="*/ 8213 h 10000"/>
                  <a:gd name="connsiteX98" fmla="*/ 718 w 10000"/>
                  <a:gd name="connsiteY98" fmla="*/ 8139 h 10000"/>
                  <a:gd name="connsiteX99" fmla="*/ 984 w 10000"/>
                  <a:gd name="connsiteY99" fmla="*/ 8095 h 10000"/>
                  <a:gd name="connsiteX100" fmla="*/ 1277 w 10000"/>
                  <a:gd name="connsiteY100" fmla="*/ 8065 h 10000"/>
                  <a:gd name="connsiteX101" fmla="*/ 1807 w 10000"/>
                  <a:gd name="connsiteY101" fmla="*/ 8021 h 10000"/>
                  <a:gd name="connsiteX102" fmla="*/ 2341 w 10000"/>
                  <a:gd name="connsiteY102" fmla="*/ 7976 h 10000"/>
                  <a:gd name="connsiteX103" fmla="*/ 2580 w 10000"/>
                  <a:gd name="connsiteY103" fmla="*/ 7947 h 10000"/>
                  <a:gd name="connsiteX104" fmla="*/ 2819 w 10000"/>
                  <a:gd name="connsiteY104" fmla="*/ 7917 h 10000"/>
                  <a:gd name="connsiteX105" fmla="*/ 3030 w 10000"/>
                  <a:gd name="connsiteY105" fmla="*/ 7843 h 10000"/>
                  <a:gd name="connsiteX106" fmla="*/ 3244 w 10000"/>
                  <a:gd name="connsiteY106" fmla="*/ 7784 h 10000"/>
                  <a:gd name="connsiteX107" fmla="*/ 3431 w 10000"/>
                  <a:gd name="connsiteY107" fmla="*/ 7710 h 10000"/>
                  <a:gd name="connsiteX108" fmla="*/ 3590 w 10000"/>
                  <a:gd name="connsiteY108" fmla="*/ 7592 h 10000"/>
                  <a:gd name="connsiteX109" fmla="*/ 3750 w 10000"/>
                  <a:gd name="connsiteY109" fmla="*/ 7474 h 10000"/>
                  <a:gd name="connsiteX110" fmla="*/ 3856 w 10000"/>
                  <a:gd name="connsiteY110" fmla="*/ 7312 h 10000"/>
                  <a:gd name="connsiteX111" fmla="*/ 3644 w 10000"/>
                  <a:gd name="connsiteY111" fmla="*/ 7238 h 10000"/>
                  <a:gd name="connsiteX112" fmla="*/ 3456 w 10000"/>
                  <a:gd name="connsiteY112" fmla="*/ 7179 h 10000"/>
                  <a:gd name="connsiteX113" fmla="*/ 3297 w 10000"/>
                  <a:gd name="connsiteY113" fmla="*/ 7090 h 10000"/>
                  <a:gd name="connsiteX114" fmla="*/ 3139 w 10000"/>
                  <a:gd name="connsiteY114" fmla="*/ 6987 h 10000"/>
                  <a:gd name="connsiteX115" fmla="*/ 3030 w 10000"/>
                  <a:gd name="connsiteY115" fmla="*/ 6869 h 10000"/>
                  <a:gd name="connsiteX116" fmla="*/ 2980 w 10000"/>
                  <a:gd name="connsiteY116" fmla="*/ 6721 h 10000"/>
                  <a:gd name="connsiteX117" fmla="*/ 2952 w 10000"/>
                  <a:gd name="connsiteY117" fmla="*/ 6558 h 10000"/>
                  <a:gd name="connsiteX118" fmla="*/ 2980 w 10000"/>
                  <a:gd name="connsiteY118" fmla="*/ 6352 h 10000"/>
                  <a:gd name="connsiteX119" fmla="*/ 2846 w 10000"/>
                  <a:gd name="connsiteY119" fmla="*/ 6322 h 10000"/>
                  <a:gd name="connsiteX120" fmla="*/ 2687 w 10000"/>
                  <a:gd name="connsiteY120" fmla="*/ 6292 h 10000"/>
                  <a:gd name="connsiteX121" fmla="*/ 2501 w 10000"/>
                  <a:gd name="connsiteY121" fmla="*/ 6278 h 10000"/>
                  <a:gd name="connsiteX122" fmla="*/ 2313 w 10000"/>
                  <a:gd name="connsiteY122" fmla="*/ 6263 h 10000"/>
                  <a:gd name="connsiteX123" fmla="*/ 1942 w 10000"/>
                  <a:gd name="connsiteY123" fmla="*/ 6248 h 10000"/>
                  <a:gd name="connsiteX124" fmla="*/ 1543 w 10000"/>
                  <a:gd name="connsiteY124" fmla="*/ 6263 h 10000"/>
                  <a:gd name="connsiteX125" fmla="*/ 1198 w 10000"/>
                  <a:gd name="connsiteY125" fmla="*/ 6278 h 10000"/>
                  <a:gd name="connsiteX126" fmla="*/ 877 w 10000"/>
                  <a:gd name="connsiteY126" fmla="*/ 6278 h 10000"/>
                  <a:gd name="connsiteX127" fmla="*/ 613 w 10000"/>
                  <a:gd name="connsiteY127" fmla="*/ 6263 h 10000"/>
                  <a:gd name="connsiteX128" fmla="*/ 399 w 10000"/>
                  <a:gd name="connsiteY128" fmla="*/ 6233 h 10000"/>
                  <a:gd name="connsiteX129" fmla="*/ 663 w 10000"/>
                  <a:gd name="connsiteY129" fmla="*/ 5805 h 10000"/>
                  <a:gd name="connsiteX130" fmla="*/ 958 w 10000"/>
                  <a:gd name="connsiteY130" fmla="*/ 5391 h 10000"/>
                  <a:gd name="connsiteX131" fmla="*/ 1065 w 10000"/>
                  <a:gd name="connsiteY131" fmla="*/ 5170 h 10000"/>
                  <a:gd name="connsiteX132" fmla="*/ 1143 w 10000"/>
                  <a:gd name="connsiteY132" fmla="*/ 4963 h 10000"/>
                  <a:gd name="connsiteX133" fmla="*/ 1169 w 10000"/>
                  <a:gd name="connsiteY133" fmla="*/ 4860 h 10000"/>
                  <a:gd name="connsiteX134" fmla="*/ 1143 w 10000"/>
                  <a:gd name="connsiteY134" fmla="*/ 4756 h 10000"/>
                  <a:gd name="connsiteX135" fmla="*/ 1117 w 10000"/>
                  <a:gd name="connsiteY135" fmla="*/ 4653 h 10000"/>
                  <a:gd name="connsiteX136" fmla="*/ 1038 w 10000"/>
                  <a:gd name="connsiteY136" fmla="*/ 4549 h 10000"/>
                  <a:gd name="connsiteX137" fmla="*/ 1330 w 10000"/>
                  <a:gd name="connsiteY137" fmla="*/ 4520 h 10000"/>
                  <a:gd name="connsiteX138" fmla="*/ 1543 w 10000"/>
                  <a:gd name="connsiteY138" fmla="*/ 4505 h 10000"/>
                  <a:gd name="connsiteX139" fmla="*/ 1729 w 10000"/>
                  <a:gd name="connsiteY139" fmla="*/ 4505 h 10000"/>
                  <a:gd name="connsiteX140" fmla="*/ 1888 w 10000"/>
                  <a:gd name="connsiteY140" fmla="*/ 4520 h 10000"/>
                  <a:gd name="connsiteX141" fmla="*/ 2022 w 10000"/>
                  <a:gd name="connsiteY141" fmla="*/ 4520 h 10000"/>
                  <a:gd name="connsiteX142" fmla="*/ 2181 w 10000"/>
                  <a:gd name="connsiteY142" fmla="*/ 4520 h 10000"/>
                  <a:gd name="connsiteX143" fmla="*/ 2341 w 10000"/>
                  <a:gd name="connsiteY143" fmla="*/ 4490 h 10000"/>
                  <a:gd name="connsiteX144" fmla="*/ 2552 w 10000"/>
                  <a:gd name="connsiteY144" fmla="*/ 4446 h 10000"/>
                  <a:gd name="connsiteX145" fmla="*/ 2552 w 10000"/>
                  <a:gd name="connsiteY145" fmla="*/ 4579 h 10000"/>
                  <a:gd name="connsiteX146" fmla="*/ 2552 w 10000"/>
                  <a:gd name="connsiteY146" fmla="*/ 4742 h 10000"/>
                  <a:gd name="connsiteX147" fmla="*/ 2552 w 10000"/>
                  <a:gd name="connsiteY147" fmla="*/ 4874 h 10000"/>
                  <a:gd name="connsiteX148" fmla="*/ 2552 w 10000"/>
                  <a:gd name="connsiteY148" fmla="*/ 5037 h 10000"/>
                  <a:gd name="connsiteX149" fmla="*/ 2792 w 10000"/>
                  <a:gd name="connsiteY149" fmla="*/ 5022 h 10000"/>
                  <a:gd name="connsiteX150" fmla="*/ 2952 w 10000"/>
                  <a:gd name="connsiteY150" fmla="*/ 5037 h 10000"/>
                  <a:gd name="connsiteX151" fmla="*/ 3085 w 10000"/>
                  <a:gd name="connsiteY151" fmla="*/ 5066 h 10000"/>
                  <a:gd name="connsiteX152" fmla="*/ 3218 w 10000"/>
                  <a:gd name="connsiteY152" fmla="*/ 5096 h 10000"/>
                  <a:gd name="connsiteX153" fmla="*/ 3325 w 10000"/>
                  <a:gd name="connsiteY153" fmla="*/ 5126 h 10000"/>
                  <a:gd name="connsiteX154" fmla="*/ 3456 w 10000"/>
                  <a:gd name="connsiteY154" fmla="*/ 5155 h 10000"/>
                  <a:gd name="connsiteX155" fmla="*/ 3617 w 10000"/>
                  <a:gd name="connsiteY155" fmla="*/ 5170 h 10000"/>
                  <a:gd name="connsiteX156" fmla="*/ 3856 w 10000"/>
                  <a:gd name="connsiteY156" fmla="*/ 5155 h 10000"/>
                  <a:gd name="connsiteX157" fmla="*/ 3936 w 10000"/>
                  <a:gd name="connsiteY157" fmla="*/ 5096 h 10000"/>
                  <a:gd name="connsiteX158" fmla="*/ 4015 w 10000"/>
                  <a:gd name="connsiteY158" fmla="*/ 5022 h 10000"/>
                  <a:gd name="connsiteX159" fmla="*/ 4042 w 10000"/>
                  <a:gd name="connsiteY159" fmla="*/ 4934 h 10000"/>
                  <a:gd name="connsiteX160" fmla="*/ 4070 w 10000"/>
                  <a:gd name="connsiteY160" fmla="*/ 4860 h 10000"/>
                  <a:gd name="connsiteX161" fmla="*/ 4095 w 10000"/>
                  <a:gd name="connsiteY161" fmla="*/ 4697 h 10000"/>
                  <a:gd name="connsiteX162" fmla="*/ 4070 w 10000"/>
                  <a:gd name="connsiteY162" fmla="*/ 4520 h 10000"/>
                  <a:gd name="connsiteX163" fmla="*/ 3989 w 10000"/>
                  <a:gd name="connsiteY163" fmla="*/ 4343 h 10000"/>
                  <a:gd name="connsiteX164" fmla="*/ 3910 w 10000"/>
                  <a:gd name="connsiteY164" fmla="*/ 4195 h 10000"/>
                  <a:gd name="connsiteX165" fmla="*/ 3776 w 10000"/>
                  <a:gd name="connsiteY165" fmla="*/ 4047 h 10000"/>
                  <a:gd name="connsiteX166" fmla="*/ 3644 w 10000"/>
                  <a:gd name="connsiteY166" fmla="*/ 3959 h 10000"/>
                  <a:gd name="connsiteX167" fmla="*/ 3803 w 10000"/>
                  <a:gd name="connsiteY167" fmla="*/ 3944 h 10000"/>
                  <a:gd name="connsiteX168" fmla="*/ 3936 w 10000"/>
                  <a:gd name="connsiteY168" fmla="*/ 3914 h 10000"/>
                  <a:gd name="connsiteX169" fmla="*/ 4042 w 10000"/>
                  <a:gd name="connsiteY169" fmla="*/ 3855 h 10000"/>
                  <a:gd name="connsiteX170" fmla="*/ 4173 w 10000"/>
                  <a:gd name="connsiteY170" fmla="*/ 3752 h 10000"/>
                  <a:gd name="connsiteX171" fmla="*/ 4308 w 10000"/>
                  <a:gd name="connsiteY171" fmla="*/ 3663 h 10000"/>
                  <a:gd name="connsiteX172" fmla="*/ 4414 w 10000"/>
                  <a:gd name="connsiteY172" fmla="*/ 3560 h 10000"/>
                  <a:gd name="connsiteX173" fmla="*/ 4494 w 10000"/>
                  <a:gd name="connsiteY173" fmla="*/ 3442 h 10000"/>
                  <a:gd name="connsiteX174" fmla="*/ 4575 w 10000"/>
                  <a:gd name="connsiteY174" fmla="*/ 3323 h 10000"/>
                  <a:gd name="connsiteX175" fmla="*/ 4628 w 10000"/>
                  <a:gd name="connsiteY175" fmla="*/ 3220 h 10000"/>
                  <a:gd name="connsiteX176" fmla="*/ 4653 w 10000"/>
                  <a:gd name="connsiteY176" fmla="*/ 3102 h 10000"/>
                  <a:gd name="connsiteX177" fmla="*/ 4681 w 10000"/>
                  <a:gd name="connsiteY177" fmla="*/ 3013 h 10000"/>
                  <a:gd name="connsiteX178" fmla="*/ 4653 w 10000"/>
                  <a:gd name="connsiteY178" fmla="*/ 2939 h 10000"/>
                  <a:gd name="connsiteX179" fmla="*/ 4628 w 10000"/>
                  <a:gd name="connsiteY179" fmla="*/ 2866 h 10000"/>
                  <a:gd name="connsiteX180" fmla="*/ 4548 w 10000"/>
                  <a:gd name="connsiteY180" fmla="*/ 2836 h 10000"/>
                  <a:gd name="connsiteX181" fmla="*/ 4442 w 10000"/>
                  <a:gd name="connsiteY181" fmla="*/ 2836 h 10000"/>
                  <a:gd name="connsiteX182" fmla="*/ 4308 w 10000"/>
                  <a:gd name="connsiteY182" fmla="*/ 2866 h 10000"/>
                  <a:gd name="connsiteX183" fmla="*/ 4414 w 10000"/>
                  <a:gd name="connsiteY183" fmla="*/ 2777 h 10000"/>
                  <a:gd name="connsiteX184" fmla="*/ 4469 w 10000"/>
                  <a:gd name="connsiteY184" fmla="*/ 2674 h 10000"/>
                  <a:gd name="connsiteX185" fmla="*/ 4494 w 10000"/>
                  <a:gd name="connsiteY185" fmla="*/ 2541 h 10000"/>
                  <a:gd name="connsiteX186" fmla="*/ 4494 w 10000"/>
                  <a:gd name="connsiteY186" fmla="*/ 2393 h 10000"/>
                  <a:gd name="connsiteX187" fmla="*/ 4520 w 10000"/>
                  <a:gd name="connsiteY187" fmla="*/ 2349 h 10000"/>
                  <a:gd name="connsiteX188" fmla="*/ 4575 w 10000"/>
                  <a:gd name="connsiteY188" fmla="*/ 2304 h 10000"/>
                  <a:gd name="connsiteX189" fmla="*/ 4628 w 10000"/>
                  <a:gd name="connsiteY189" fmla="*/ 2290 h 10000"/>
                  <a:gd name="connsiteX190" fmla="*/ 4708 w 10000"/>
                  <a:gd name="connsiteY190" fmla="*/ 2275 h 10000"/>
                  <a:gd name="connsiteX191" fmla="*/ 4946 w 10000"/>
                  <a:gd name="connsiteY191" fmla="*/ 2260 h 10000"/>
                  <a:gd name="connsiteX192" fmla="*/ 5158 w 10000"/>
                  <a:gd name="connsiteY192" fmla="*/ 2275 h 10000"/>
                  <a:gd name="connsiteX193" fmla="*/ 5132 w 10000"/>
                  <a:gd name="connsiteY193" fmla="*/ 2112 h 10000"/>
                  <a:gd name="connsiteX194" fmla="*/ 5080 w 10000"/>
                  <a:gd name="connsiteY194" fmla="*/ 1950 h 10000"/>
                  <a:gd name="connsiteX195" fmla="*/ 4999 w 10000"/>
                  <a:gd name="connsiteY195" fmla="*/ 1802 h 10000"/>
                  <a:gd name="connsiteX196" fmla="*/ 4894 w 10000"/>
                  <a:gd name="connsiteY196" fmla="*/ 1640 h 10000"/>
                  <a:gd name="connsiteX197" fmla="*/ 4628 w 10000"/>
                  <a:gd name="connsiteY197" fmla="*/ 1329 h 10000"/>
                  <a:gd name="connsiteX198" fmla="*/ 4362 w 10000"/>
                  <a:gd name="connsiteY198" fmla="*/ 1034 h 10000"/>
                  <a:gd name="connsiteX199" fmla="*/ 4228 w 10000"/>
                  <a:gd name="connsiteY199" fmla="*/ 901 h 10000"/>
                  <a:gd name="connsiteX200" fmla="*/ 4124 w 10000"/>
                  <a:gd name="connsiteY200" fmla="*/ 753 h 10000"/>
                  <a:gd name="connsiteX201" fmla="*/ 4042 w 10000"/>
                  <a:gd name="connsiteY201" fmla="*/ 620 h 10000"/>
                  <a:gd name="connsiteX202" fmla="*/ 4015 w 10000"/>
                  <a:gd name="connsiteY202" fmla="*/ 487 h 10000"/>
                  <a:gd name="connsiteX203" fmla="*/ 3989 w 10000"/>
                  <a:gd name="connsiteY203" fmla="*/ 355 h 10000"/>
                  <a:gd name="connsiteX204" fmla="*/ 4042 w 10000"/>
                  <a:gd name="connsiteY204" fmla="*/ 222 h 10000"/>
                  <a:gd name="connsiteX205" fmla="*/ 4070 w 10000"/>
                  <a:gd name="connsiteY205" fmla="*/ 162 h 10000"/>
                  <a:gd name="connsiteX206" fmla="*/ 4124 w 10000"/>
                  <a:gd name="connsiteY206" fmla="*/ 103 h 10000"/>
                  <a:gd name="connsiteX207" fmla="*/ 4203 w 10000"/>
                  <a:gd name="connsiteY207" fmla="*/ 59 h 10000"/>
                  <a:gd name="connsiteX208" fmla="*/ 4308 w 10000"/>
                  <a:gd name="connsiteY208" fmla="*/ 0 h 10000"/>
                  <a:gd name="connsiteX209" fmla="*/ 4494 w 10000"/>
                  <a:gd name="connsiteY209" fmla="*/ 0 h 10000"/>
                  <a:gd name="connsiteX210" fmla="*/ 4681 w 10000"/>
                  <a:gd name="connsiteY210" fmla="*/ 15 h 10000"/>
                  <a:gd name="connsiteX211" fmla="*/ 4867 w 10000"/>
                  <a:gd name="connsiteY211" fmla="*/ 44 h 10000"/>
                  <a:gd name="connsiteX212" fmla="*/ 4999 w 10000"/>
                  <a:gd name="connsiteY212" fmla="*/ 89 h 10000"/>
                  <a:gd name="connsiteX213" fmla="*/ 5213 w 10000"/>
                  <a:gd name="connsiteY213" fmla="*/ 192 h 10000"/>
                  <a:gd name="connsiteX214" fmla="*/ 5425 w 10000"/>
                  <a:gd name="connsiteY214" fmla="*/ 340 h 10000"/>
                  <a:gd name="connsiteX215" fmla="*/ 5585 w 10000"/>
                  <a:gd name="connsiteY215" fmla="*/ 473 h 10000"/>
                  <a:gd name="connsiteX216" fmla="*/ 5797 w 10000"/>
                  <a:gd name="connsiteY216" fmla="*/ 591 h 10000"/>
                  <a:gd name="connsiteX217" fmla="*/ 5931 w 10000"/>
                  <a:gd name="connsiteY217" fmla="*/ 650 h 10000"/>
                  <a:gd name="connsiteX218" fmla="*/ 6090 w 10000"/>
                  <a:gd name="connsiteY218" fmla="*/ 679 h 10000"/>
                  <a:gd name="connsiteX219" fmla="*/ 6251 w 10000"/>
                  <a:gd name="connsiteY219" fmla="*/ 709 h 10000"/>
                  <a:gd name="connsiteX220" fmla="*/ 6463 w 10000"/>
                  <a:gd name="connsiteY220" fmla="*/ 709 h 10000"/>
                  <a:gd name="connsiteX221" fmla="*/ 6463 w 10000"/>
                  <a:gd name="connsiteY221" fmla="*/ 768 h 10000"/>
                  <a:gd name="connsiteX222" fmla="*/ 6490 w 10000"/>
                  <a:gd name="connsiteY222" fmla="*/ 842 h 10000"/>
                  <a:gd name="connsiteX223" fmla="*/ 6541 w 10000"/>
                  <a:gd name="connsiteY223" fmla="*/ 916 h 10000"/>
                  <a:gd name="connsiteX224" fmla="*/ 6595 w 10000"/>
                  <a:gd name="connsiteY224" fmla="*/ 990 h 10000"/>
                  <a:gd name="connsiteX225" fmla="*/ 6674 w 10000"/>
                  <a:gd name="connsiteY225" fmla="*/ 1049 h 10000"/>
                  <a:gd name="connsiteX226" fmla="*/ 6780 w 10000"/>
                  <a:gd name="connsiteY226" fmla="*/ 1108 h 10000"/>
                  <a:gd name="connsiteX227" fmla="*/ 6914 w 10000"/>
                  <a:gd name="connsiteY227" fmla="*/ 1182 h 10000"/>
                  <a:gd name="connsiteX228" fmla="*/ 7020 w 10000"/>
                  <a:gd name="connsiteY228" fmla="*/ 1226 h 10000"/>
                  <a:gd name="connsiteX229" fmla="*/ 7127 w 10000"/>
                  <a:gd name="connsiteY229" fmla="*/ 1270 h 10000"/>
                  <a:gd name="connsiteX230" fmla="*/ 7234 w 10000"/>
                  <a:gd name="connsiteY230" fmla="*/ 1300 h 10000"/>
                  <a:gd name="connsiteX231" fmla="*/ 7340 w 10000"/>
                  <a:gd name="connsiteY231" fmla="*/ 1315 h 10000"/>
                  <a:gd name="connsiteX232" fmla="*/ 7474 w 10000"/>
                  <a:gd name="connsiteY232" fmla="*/ 1300 h 10000"/>
                  <a:gd name="connsiteX233" fmla="*/ 7580 w 10000"/>
                  <a:gd name="connsiteY233" fmla="*/ 1285 h 10000"/>
                  <a:gd name="connsiteX234" fmla="*/ 7659 w 10000"/>
                  <a:gd name="connsiteY234" fmla="*/ 1241 h 10000"/>
                  <a:gd name="connsiteX235" fmla="*/ 7714 w 10000"/>
                  <a:gd name="connsiteY235" fmla="*/ 1167 h 10000"/>
                  <a:gd name="connsiteX236" fmla="*/ 7738 w 10000"/>
                  <a:gd name="connsiteY236" fmla="*/ 1064 h 10000"/>
                  <a:gd name="connsiteX237" fmla="*/ 8138 w 10000"/>
                  <a:gd name="connsiteY237" fmla="*/ 1034 h 10000"/>
                  <a:gd name="connsiteX238" fmla="*/ 8509 w 10000"/>
                  <a:gd name="connsiteY238" fmla="*/ 1004 h 10000"/>
                  <a:gd name="connsiteX239" fmla="*/ 8830 w 10000"/>
                  <a:gd name="connsiteY239" fmla="*/ 990 h 10000"/>
                  <a:gd name="connsiteX240" fmla="*/ 9123 w 10000"/>
                  <a:gd name="connsiteY240" fmla="*/ 1004 h 10000"/>
                  <a:gd name="connsiteX241" fmla="*/ 9256 w 10000"/>
                  <a:gd name="connsiteY241" fmla="*/ 1019 h 10000"/>
                  <a:gd name="connsiteX242" fmla="*/ 9387 w 10000"/>
                  <a:gd name="connsiteY242" fmla="*/ 1034 h 10000"/>
                  <a:gd name="connsiteX243" fmla="*/ 9495 w 10000"/>
                  <a:gd name="connsiteY243" fmla="*/ 1064 h 10000"/>
                  <a:gd name="connsiteX244" fmla="*/ 9628 w 10000"/>
                  <a:gd name="connsiteY244" fmla="*/ 1108 h 10000"/>
                  <a:gd name="connsiteX245" fmla="*/ 9707 w 10000"/>
                  <a:gd name="connsiteY245" fmla="*/ 1182 h 10000"/>
                  <a:gd name="connsiteX246" fmla="*/ 9786 w 10000"/>
                  <a:gd name="connsiteY246" fmla="*/ 1241 h 10000"/>
                  <a:gd name="connsiteX247" fmla="*/ 9841 w 10000"/>
                  <a:gd name="connsiteY247" fmla="*/ 1329 h 10000"/>
                  <a:gd name="connsiteX248" fmla="*/ 9893 w 10000"/>
                  <a:gd name="connsiteY248" fmla="*/ 1433 h 10000"/>
                  <a:gd name="connsiteX249" fmla="*/ 9946 w 10000"/>
                  <a:gd name="connsiteY249" fmla="*/ 1551 h 10000"/>
                  <a:gd name="connsiteX250" fmla="*/ 9919 w 10000"/>
                  <a:gd name="connsiteY250" fmla="*/ 1625 h 10000"/>
                  <a:gd name="connsiteX251" fmla="*/ 9893 w 10000"/>
                  <a:gd name="connsiteY251" fmla="*/ 1684 h 10000"/>
                  <a:gd name="connsiteX252" fmla="*/ 9841 w 10000"/>
                  <a:gd name="connsiteY252" fmla="*/ 1758 h 10000"/>
                  <a:gd name="connsiteX253" fmla="*/ 9761 w 10000"/>
                  <a:gd name="connsiteY253" fmla="*/ 1802 h 10000"/>
                  <a:gd name="connsiteX254" fmla="*/ 9707 w 10000"/>
                  <a:gd name="connsiteY254" fmla="*/ 1861 h 10000"/>
                  <a:gd name="connsiteX255" fmla="*/ 9682 w 10000"/>
                  <a:gd name="connsiteY255" fmla="*/ 1935 h 10000"/>
                  <a:gd name="connsiteX256" fmla="*/ 9707 w 10000"/>
                  <a:gd name="connsiteY256" fmla="*/ 2024 h 10000"/>
                  <a:gd name="connsiteX257" fmla="*/ 10000 w 10000"/>
                  <a:gd name="connsiteY257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6674 w 10000"/>
                  <a:gd name="connsiteY4" fmla="*/ 4313 h 10000"/>
                  <a:gd name="connsiteX5" fmla="*/ 9628 w 10000"/>
                  <a:gd name="connsiteY5" fmla="*/ 3338 h 10000"/>
                  <a:gd name="connsiteX6" fmla="*/ 9866 w 10000"/>
                  <a:gd name="connsiteY6" fmla="*/ 3117 h 10000"/>
                  <a:gd name="connsiteX7" fmla="*/ 9893 w 10000"/>
                  <a:gd name="connsiteY7" fmla="*/ 3072 h 10000"/>
                  <a:gd name="connsiteX8" fmla="*/ 9919 w 10000"/>
                  <a:gd name="connsiteY8" fmla="*/ 3013 h 10000"/>
                  <a:gd name="connsiteX9" fmla="*/ 9919 w 10000"/>
                  <a:gd name="connsiteY9" fmla="*/ 2954 h 10000"/>
                  <a:gd name="connsiteX10" fmla="*/ 9893 w 10000"/>
                  <a:gd name="connsiteY10" fmla="*/ 2866 h 10000"/>
                  <a:gd name="connsiteX11" fmla="*/ 9707 w 10000"/>
                  <a:gd name="connsiteY11" fmla="*/ 2984 h 10000"/>
                  <a:gd name="connsiteX12" fmla="*/ 9495 w 10000"/>
                  <a:gd name="connsiteY12" fmla="*/ 3072 h 10000"/>
                  <a:gd name="connsiteX13" fmla="*/ 9281 w 10000"/>
                  <a:gd name="connsiteY13" fmla="*/ 3161 h 10000"/>
                  <a:gd name="connsiteX14" fmla="*/ 9069 w 10000"/>
                  <a:gd name="connsiteY14" fmla="*/ 3250 h 10000"/>
                  <a:gd name="connsiteX15" fmla="*/ 8589 w 10000"/>
                  <a:gd name="connsiteY15" fmla="*/ 3397 h 10000"/>
                  <a:gd name="connsiteX16" fmla="*/ 8085 w 10000"/>
                  <a:gd name="connsiteY16" fmla="*/ 3545 h 10000"/>
                  <a:gd name="connsiteX17" fmla="*/ 7580 w 10000"/>
                  <a:gd name="connsiteY17" fmla="*/ 3678 h 10000"/>
                  <a:gd name="connsiteX18" fmla="*/ 7100 w 10000"/>
                  <a:gd name="connsiteY18" fmla="*/ 3840 h 10000"/>
                  <a:gd name="connsiteX19" fmla="*/ 6861 w 10000"/>
                  <a:gd name="connsiteY19" fmla="*/ 3914 h 10000"/>
                  <a:gd name="connsiteX20" fmla="*/ 6649 w 10000"/>
                  <a:gd name="connsiteY20" fmla="*/ 4003 h 10000"/>
                  <a:gd name="connsiteX21" fmla="*/ 6437 w 10000"/>
                  <a:gd name="connsiteY21" fmla="*/ 4106 h 10000"/>
                  <a:gd name="connsiteX22" fmla="*/ 6222 w 10000"/>
                  <a:gd name="connsiteY22" fmla="*/ 4195 h 10000"/>
                  <a:gd name="connsiteX23" fmla="*/ 6382 w 10000"/>
                  <a:gd name="connsiteY23" fmla="*/ 4417 h 10000"/>
                  <a:gd name="connsiteX24" fmla="*/ 6490 w 10000"/>
                  <a:gd name="connsiteY24" fmla="*/ 4623 h 10000"/>
                  <a:gd name="connsiteX25" fmla="*/ 6475 w 10000"/>
                  <a:gd name="connsiteY25" fmla="*/ 4845 h 10000"/>
                  <a:gd name="connsiteX26" fmla="*/ 6729 w 10000"/>
                  <a:gd name="connsiteY26" fmla="*/ 5318 h 10000"/>
                  <a:gd name="connsiteX27" fmla="*/ 6756 w 10000"/>
                  <a:gd name="connsiteY27" fmla="*/ 5539 h 10000"/>
                  <a:gd name="connsiteX28" fmla="*/ 6780 w 10000"/>
                  <a:gd name="connsiteY28" fmla="*/ 5775 h 10000"/>
                  <a:gd name="connsiteX29" fmla="*/ 6780 w 10000"/>
                  <a:gd name="connsiteY29" fmla="*/ 5997 h 10000"/>
                  <a:gd name="connsiteX30" fmla="*/ 6756 w 10000"/>
                  <a:gd name="connsiteY30" fmla="*/ 6233 h 10000"/>
                  <a:gd name="connsiteX31" fmla="*/ 6702 w 10000"/>
                  <a:gd name="connsiteY31" fmla="*/ 6470 h 10000"/>
                  <a:gd name="connsiteX32" fmla="*/ 6649 w 10000"/>
                  <a:gd name="connsiteY32" fmla="*/ 6677 h 10000"/>
                  <a:gd name="connsiteX33" fmla="*/ 6569 w 10000"/>
                  <a:gd name="connsiteY33" fmla="*/ 6898 h 10000"/>
                  <a:gd name="connsiteX34" fmla="*/ 6463 w 10000"/>
                  <a:gd name="connsiteY34" fmla="*/ 7105 h 10000"/>
                  <a:gd name="connsiteX35" fmla="*/ 6330 w 10000"/>
                  <a:gd name="connsiteY35" fmla="*/ 7297 h 10000"/>
                  <a:gd name="connsiteX36" fmla="*/ 6170 w 10000"/>
                  <a:gd name="connsiteY36" fmla="*/ 7489 h 10000"/>
                  <a:gd name="connsiteX37" fmla="*/ 6010 w 10000"/>
                  <a:gd name="connsiteY37" fmla="*/ 7681 h 10000"/>
                  <a:gd name="connsiteX38" fmla="*/ 6780 w 10000"/>
                  <a:gd name="connsiteY38" fmla="*/ 7799 h 10000"/>
                  <a:gd name="connsiteX39" fmla="*/ 7580 w 10000"/>
                  <a:gd name="connsiteY39" fmla="*/ 7962 h 10000"/>
                  <a:gd name="connsiteX40" fmla="*/ 7738 w 10000"/>
                  <a:gd name="connsiteY40" fmla="*/ 8021 h 10000"/>
                  <a:gd name="connsiteX41" fmla="*/ 7872 w 10000"/>
                  <a:gd name="connsiteY41" fmla="*/ 8080 h 10000"/>
                  <a:gd name="connsiteX42" fmla="*/ 8004 w 10000"/>
                  <a:gd name="connsiteY42" fmla="*/ 8139 h 10000"/>
                  <a:gd name="connsiteX43" fmla="*/ 8085 w 10000"/>
                  <a:gd name="connsiteY43" fmla="*/ 8227 h 10000"/>
                  <a:gd name="connsiteX44" fmla="*/ 8112 w 10000"/>
                  <a:gd name="connsiteY44" fmla="*/ 8301 h 10000"/>
                  <a:gd name="connsiteX45" fmla="*/ 8112 w 10000"/>
                  <a:gd name="connsiteY45" fmla="*/ 8405 h 10000"/>
                  <a:gd name="connsiteX46" fmla="*/ 8059 w 10000"/>
                  <a:gd name="connsiteY46" fmla="*/ 8523 h 10000"/>
                  <a:gd name="connsiteX47" fmla="*/ 7978 w 10000"/>
                  <a:gd name="connsiteY47" fmla="*/ 8641 h 10000"/>
                  <a:gd name="connsiteX48" fmla="*/ 7633 w 10000"/>
                  <a:gd name="connsiteY48" fmla="*/ 8552 h 10000"/>
                  <a:gd name="connsiteX49" fmla="*/ 7313 w 10000"/>
                  <a:gd name="connsiteY49" fmla="*/ 8449 h 10000"/>
                  <a:gd name="connsiteX50" fmla="*/ 6994 w 10000"/>
                  <a:gd name="connsiteY50" fmla="*/ 8360 h 10000"/>
                  <a:gd name="connsiteX51" fmla="*/ 6674 w 10000"/>
                  <a:gd name="connsiteY51" fmla="*/ 8287 h 10000"/>
                  <a:gd name="connsiteX52" fmla="*/ 6541 w 10000"/>
                  <a:gd name="connsiteY52" fmla="*/ 8449 h 10000"/>
                  <a:gd name="connsiteX53" fmla="*/ 6437 w 10000"/>
                  <a:gd name="connsiteY53" fmla="*/ 8597 h 10000"/>
                  <a:gd name="connsiteX54" fmla="*/ 6382 w 10000"/>
                  <a:gd name="connsiteY54" fmla="*/ 8656 h 10000"/>
                  <a:gd name="connsiteX55" fmla="*/ 6276 w 10000"/>
                  <a:gd name="connsiteY55" fmla="*/ 8700 h 10000"/>
                  <a:gd name="connsiteX56" fmla="*/ 6197 w 10000"/>
                  <a:gd name="connsiteY56" fmla="*/ 8744 h 10000"/>
                  <a:gd name="connsiteX57" fmla="*/ 6117 w 10000"/>
                  <a:gd name="connsiteY57" fmla="*/ 8774 h 10000"/>
                  <a:gd name="connsiteX58" fmla="*/ 6037 w 10000"/>
                  <a:gd name="connsiteY58" fmla="*/ 8804 h 10000"/>
                  <a:gd name="connsiteX59" fmla="*/ 5931 w 10000"/>
                  <a:gd name="connsiteY59" fmla="*/ 8818 h 10000"/>
                  <a:gd name="connsiteX60" fmla="*/ 5797 w 10000"/>
                  <a:gd name="connsiteY60" fmla="*/ 8833 h 10000"/>
                  <a:gd name="connsiteX61" fmla="*/ 5665 w 10000"/>
                  <a:gd name="connsiteY61" fmla="*/ 8833 h 10000"/>
                  <a:gd name="connsiteX62" fmla="*/ 5347 w 10000"/>
                  <a:gd name="connsiteY62" fmla="*/ 8818 h 10000"/>
                  <a:gd name="connsiteX63" fmla="*/ 4946 w 10000"/>
                  <a:gd name="connsiteY63" fmla="*/ 8744 h 10000"/>
                  <a:gd name="connsiteX64" fmla="*/ 4946 w 10000"/>
                  <a:gd name="connsiteY64" fmla="*/ 8922 h 10000"/>
                  <a:gd name="connsiteX65" fmla="*/ 4919 w 10000"/>
                  <a:gd name="connsiteY65" fmla="*/ 9069 h 10000"/>
                  <a:gd name="connsiteX66" fmla="*/ 4894 w 10000"/>
                  <a:gd name="connsiteY66" fmla="*/ 9232 h 10000"/>
                  <a:gd name="connsiteX67" fmla="*/ 4867 w 10000"/>
                  <a:gd name="connsiteY67" fmla="*/ 9365 h 10000"/>
                  <a:gd name="connsiteX68" fmla="*/ 4813 w 10000"/>
                  <a:gd name="connsiteY68" fmla="*/ 9498 h 10000"/>
                  <a:gd name="connsiteX69" fmla="*/ 4708 w 10000"/>
                  <a:gd name="connsiteY69" fmla="*/ 9616 h 10000"/>
                  <a:gd name="connsiteX70" fmla="*/ 4628 w 10000"/>
                  <a:gd name="connsiteY70" fmla="*/ 9734 h 10000"/>
                  <a:gd name="connsiteX71" fmla="*/ 4494 w 10000"/>
                  <a:gd name="connsiteY71" fmla="*/ 9838 h 10000"/>
                  <a:gd name="connsiteX72" fmla="*/ 4173 w 10000"/>
                  <a:gd name="connsiteY72" fmla="*/ 9897 h 10000"/>
                  <a:gd name="connsiteX73" fmla="*/ 3910 w 10000"/>
                  <a:gd name="connsiteY73" fmla="*/ 9941 h 10000"/>
                  <a:gd name="connsiteX74" fmla="*/ 3590 w 10000"/>
                  <a:gd name="connsiteY74" fmla="*/ 9985 h 10000"/>
                  <a:gd name="connsiteX75" fmla="*/ 3351 w 10000"/>
                  <a:gd name="connsiteY75" fmla="*/ 10000 h 10000"/>
                  <a:gd name="connsiteX76" fmla="*/ 2819 w 10000"/>
                  <a:gd name="connsiteY76" fmla="*/ 10000 h 10000"/>
                  <a:gd name="connsiteX77" fmla="*/ 2313 w 10000"/>
                  <a:gd name="connsiteY77" fmla="*/ 9985 h 10000"/>
                  <a:gd name="connsiteX78" fmla="*/ 1836 w 10000"/>
                  <a:gd name="connsiteY78" fmla="*/ 9941 h 10000"/>
                  <a:gd name="connsiteX79" fmla="*/ 1330 w 10000"/>
                  <a:gd name="connsiteY79" fmla="*/ 9911 h 10000"/>
                  <a:gd name="connsiteX80" fmla="*/ 1038 w 10000"/>
                  <a:gd name="connsiteY80" fmla="*/ 9911 h 10000"/>
                  <a:gd name="connsiteX81" fmla="*/ 771 w 10000"/>
                  <a:gd name="connsiteY81" fmla="*/ 9911 h 10000"/>
                  <a:gd name="connsiteX82" fmla="*/ 479 w 10000"/>
                  <a:gd name="connsiteY82" fmla="*/ 9926 h 10000"/>
                  <a:gd name="connsiteX83" fmla="*/ 186 w 10000"/>
                  <a:gd name="connsiteY83" fmla="*/ 9970 h 10000"/>
                  <a:gd name="connsiteX84" fmla="*/ 107 w 10000"/>
                  <a:gd name="connsiteY84" fmla="*/ 9867 h 10000"/>
                  <a:gd name="connsiteX85" fmla="*/ 54 w 10000"/>
                  <a:gd name="connsiteY85" fmla="*/ 9793 h 10000"/>
                  <a:gd name="connsiteX86" fmla="*/ 0 w 10000"/>
                  <a:gd name="connsiteY86" fmla="*/ 9705 h 10000"/>
                  <a:gd name="connsiteX87" fmla="*/ 0 w 10000"/>
                  <a:gd name="connsiteY87" fmla="*/ 9601 h 10000"/>
                  <a:gd name="connsiteX88" fmla="*/ 54 w 10000"/>
                  <a:gd name="connsiteY88" fmla="*/ 9424 h 10000"/>
                  <a:gd name="connsiteX89" fmla="*/ 107 w 10000"/>
                  <a:gd name="connsiteY89" fmla="*/ 9202 h 10000"/>
                  <a:gd name="connsiteX90" fmla="*/ 158 w 10000"/>
                  <a:gd name="connsiteY90" fmla="*/ 8996 h 10000"/>
                  <a:gd name="connsiteX91" fmla="*/ 213 w 10000"/>
                  <a:gd name="connsiteY91" fmla="*/ 8759 h 10000"/>
                  <a:gd name="connsiteX92" fmla="*/ 239 w 10000"/>
                  <a:gd name="connsiteY92" fmla="*/ 8641 h 10000"/>
                  <a:gd name="connsiteX93" fmla="*/ 239 w 10000"/>
                  <a:gd name="connsiteY93" fmla="*/ 8538 h 10000"/>
                  <a:gd name="connsiteX94" fmla="*/ 213 w 10000"/>
                  <a:gd name="connsiteY94" fmla="*/ 8405 h 10000"/>
                  <a:gd name="connsiteX95" fmla="*/ 186 w 10000"/>
                  <a:gd name="connsiteY95" fmla="*/ 8287 h 10000"/>
                  <a:gd name="connsiteX96" fmla="*/ 452 w 10000"/>
                  <a:gd name="connsiteY96" fmla="*/ 8213 h 10000"/>
                  <a:gd name="connsiteX97" fmla="*/ 718 w 10000"/>
                  <a:gd name="connsiteY97" fmla="*/ 8139 h 10000"/>
                  <a:gd name="connsiteX98" fmla="*/ 984 w 10000"/>
                  <a:gd name="connsiteY98" fmla="*/ 8095 h 10000"/>
                  <a:gd name="connsiteX99" fmla="*/ 1277 w 10000"/>
                  <a:gd name="connsiteY99" fmla="*/ 8065 h 10000"/>
                  <a:gd name="connsiteX100" fmla="*/ 1807 w 10000"/>
                  <a:gd name="connsiteY100" fmla="*/ 8021 h 10000"/>
                  <a:gd name="connsiteX101" fmla="*/ 2341 w 10000"/>
                  <a:gd name="connsiteY101" fmla="*/ 7976 h 10000"/>
                  <a:gd name="connsiteX102" fmla="*/ 2580 w 10000"/>
                  <a:gd name="connsiteY102" fmla="*/ 7947 h 10000"/>
                  <a:gd name="connsiteX103" fmla="*/ 2819 w 10000"/>
                  <a:gd name="connsiteY103" fmla="*/ 7917 h 10000"/>
                  <a:gd name="connsiteX104" fmla="*/ 3030 w 10000"/>
                  <a:gd name="connsiteY104" fmla="*/ 7843 h 10000"/>
                  <a:gd name="connsiteX105" fmla="*/ 3244 w 10000"/>
                  <a:gd name="connsiteY105" fmla="*/ 7784 h 10000"/>
                  <a:gd name="connsiteX106" fmla="*/ 3431 w 10000"/>
                  <a:gd name="connsiteY106" fmla="*/ 7710 h 10000"/>
                  <a:gd name="connsiteX107" fmla="*/ 3590 w 10000"/>
                  <a:gd name="connsiteY107" fmla="*/ 7592 h 10000"/>
                  <a:gd name="connsiteX108" fmla="*/ 3750 w 10000"/>
                  <a:gd name="connsiteY108" fmla="*/ 7474 h 10000"/>
                  <a:gd name="connsiteX109" fmla="*/ 3856 w 10000"/>
                  <a:gd name="connsiteY109" fmla="*/ 7312 h 10000"/>
                  <a:gd name="connsiteX110" fmla="*/ 3644 w 10000"/>
                  <a:gd name="connsiteY110" fmla="*/ 7238 h 10000"/>
                  <a:gd name="connsiteX111" fmla="*/ 3456 w 10000"/>
                  <a:gd name="connsiteY111" fmla="*/ 7179 h 10000"/>
                  <a:gd name="connsiteX112" fmla="*/ 3297 w 10000"/>
                  <a:gd name="connsiteY112" fmla="*/ 7090 h 10000"/>
                  <a:gd name="connsiteX113" fmla="*/ 3139 w 10000"/>
                  <a:gd name="connsiteY113" fmla="*/ 6987 h 10000"/>
                  <a:gd name="connsiteX114" fmla="*/ 3030 w 10000"/>
                  <a:gd name="connsiteY114" fmla="*/ 6869 h 10000"/>
                  <a:gd name="connsiteX115" fmla="*/ 2980 w 10000"/>
                  <a:gd name="connsiteY115" fmla="*/ 6721 h 10000"/>
                  <a:gd name="connsiteX116" fmla="*/ 2952 w 10000"/>
                  <a:gd name="connsiteY116" fmla="*/ 6558 h 10000"/>
                  <a:gd name="connsiteX117" fmla="*/ 2980 w 10000"/>
                  <a:gd name="connsiteY117" fmla="*/ 6352 h 10000"/>
                  <a:gd name="connsiteX118" fmla="*/ 2846 w 10000"/>
                  <a:gd name="connsiteY118" fmla="*/ 6322 h 10000"/>
                  <a:gd name="connsiteX119" fmla="*/ 2687 w 10000"/>
                  <a:gd name="connsiteY119" fmla="*/ 6292 h 10000"/>
                  <a:gd name="connsiteX120" fmla="*/ 2501 w 10000"/>
                  <a:gd name="connsiteY120" fmla="*/ 6278 h 10000"/>
                  <a:gd name="connsiteX121" fmla="*/ 2313 w 10000"/>
                  <a:gd name="connsiteY121" fmla="*/ 6263 h 10000"/>
                  <a:gd name="connsiteX122" fmla="*/ 1942 w 10000"/>
                  <a:gd name="connsiteY122" fmla="*/ 6248 h 10000"/>
                  <a:gd name="connsiteX123" fmla="*/ 1543 w 10000"/>
                  <a:gd name="connsiteY123" fmla="*/ 6263 h 10000"/>
                  <a:gd name="connsiteX124" fmla="*/ 1198 w 10000"/>
                  <a:gd name="connsiteY124" fmla="*/ 6278 h 10000"/>
                  <a:gd name="connsiteX125" fmla="*/ 877 w 10000"/>
                  <a:gd name="connsiteY125" fmla="*/ 6278 h 10000"/>
                  <a:gd name="connsiteX126" fmla="*/ 613 w 10000"/>
                  <a:gd name="connsiteY126" fmla="*/ 6263 h 10000"/>
                  <a:gd name="connsiteX127" fmla="*/ 399 w 10000"/>
                  <a:gd name="connsiteY127" fmla="*/ 6233 h 10000"/>
                  <a:gd name="connsiteX128" fmla="*/ 663 w 10000"/>
                  <a:gd name="connsiteY128" fmla="*/ 5805 h 10000"/>
                  <a:gd name="connsiteX129" fmla="*/ 958 w 10000"/>
                  <a:gd name="connsiteY129" fmla="*/ 5391 h 10000"/>
                  <a:gd name="connsiteX130" fmla="*/ 1065 w 10000"/>
                  <a:gd name="connsiteY130" fmla="*/ 5170 h 10000"/>
                  <a:gd name="connsiteX131" fmla="*/ 1143 w 10000"/>
                  <a:gd name="connsiteY131" fmla="*/ 4963 h 10000"/>
                  <a:gd name="connsiteX132" fmla="*/ 1169 w 10000"/>
                  <a:gd name="connsiteY132" fmla="*/ 4860 h 10000"/>
                  <a:gd name="connsiteX133" fmla="*/ 1143 w 10000"/>
                  <a:gd name="connsiteY133" fmla="*/ 4756 h 10000"/>
                  <a:gd name="connsiteX134" fmla="*/ 1117 w 10000"/>
                  <a:gd name="connsiteY134" fmla="*/ 4653 h 10000"/>
                  <a:gd name="connsiteX135" fmla="*/ 1038 w 10000"/>
                  <a:gd name="connsiteY135" fmla="*/ 4549 h 10000"/>
                  <a:gd name="connsiteX136" fmla="*/ 1330 w 10000"/>
                  <a:gd name="connsiteY136" fmla="*/ 4520 h 10000"/>
                  <a:gd name="connsiteX137" fmla="*/ 1543 w 10000"/>
                  <a:gd name="connsiteY137" fmla="*/ 4505 h 10000"/>
                  <a:gd name="connsiteX138" fmla="*/ 1729 w 10000"/>
                  <a:gd name="connsiteY138" fmla="*/ 4505 h 10000"/>
                  <a:gd name="connsiteX139" fmla="*/ 1888 w 10000"/>
                  <a:gd name="connsiteY139" fmla="*/ 4520 h 10000"/>
                  <a:gd name="connsiteX140" fmla="*/ 2022 w 10000"/>
                  <a:gd name="connsiteY140" fmla="*/ 4520 h 10000"/>
                  <a:gd name="connsiteX141" fmla="*/ 2181 w 10000"/>
                  <a:gd name="connsiteY141" fmla="*/ 4520 h 10000"/>
                  <a:gd name="connsiteX142" fmla="*/ 2341 w 10000"/>
                  <a:gd name="connsiteY142" fmla="*/ 4490 h 10000"/>
                  <a:gd name="connsiteX143" fmla="*/ 2552 w 10000"/>
                  <a:gd name="connsiteY143" fmla="*/ 4446 h 10000"/>
                  <a:gd name="connsiteX144" fmla="*/ 2552 w 10000"/>
                  <a:gd name="connsiteY144" fmla="*/ 4579 h 10000"/>
                  <a:gd name="connsiteX145" fmla="*/ 2552 w 10000"/>
                  <a:gd name="connsiteY145" fmla="*/ 4742 h 10000"/>
                  <a:gd name="connsiteX146" fmla="*/ 2552 w 10000"/>
                  <a:gd name="connsiteY146" fmla="*/ 4874 h 10000"/>
                  <a:gd name="connsiteX147" fmla="*/ 2552 w 10000"/>
                  <a:gd name="connsiteY147" fmla="*/ 5037 h 10000"/>
                  <a:gd name="connsiteX148" fmla="*/ 2792 w 10000"/>
                  <a:gd name="connsiteY148" fmla="*/ 5022 h 10000"/>
                  <a:gd name="connsiteX149" fmla="*/ 2952 w 10000"/>
                  <a:gd name="connsiteY149" fmla="*/ 5037 h 10000"/>
                  <a:gd name="connsiteX150" fmla="*/ 3085 w 10000"/>
                  <a:gd name="connsiteY150" fmla="*/ 5066 h 10000"/>
                  <a:gd name="connsiteX151" fmla="*/ 3218 w 10000"/>
                  <a:gd name="connsiteY151" fmla="*/ 5096 h 10000"/>
                  <a:gd name="connsiteX152" fmla="*/ 3325 w 10000"/>
                  <a:gd name="connsiteY152" fmla="*/ 5126 h 10000"/>
                  <a:gd name="connsiteX153" fmla="*/ 3456 w 10000"/>
                  <a:gd name="connsiteY153" fmla="*/ 5155 h 10000"/>
                  <a:gd name="connsiteX154" fmla="*/ 3617 w 10000"/>
                  <a:gd name="connsiteY154" fmla="*/ 5170 h 10000"/>
                  <a:gd name="connsiteX155" fmla="*/ 3856 w 10000"/>
                  <a:gd name="connsiteY155" fmla="*/ 5155 h 10000"/>
                  <a:gd name="connsiteX156" fmla="*/ 3936 w 10000"/>
                  <a:gd name="connsiteY156" fmla="*/ 5096 h 10000"/>
                  <a:gd name="connsiteX157" fmla="*/ 4015 w 10000"/>
                  <a:gd name="connsiteY157" fmla="*/ 5022 h 10000"/>
                  <a:gd name="connsiteX158" fmla="*/ 4042 w 10000"/>
                  <a:gd name="connsiteY158" fmla="*/ 4934 h 10000"/>
                  <a:gd name="connsiteX159" fmla="*/ 4070 w 10000"/>
                  <a:gd name="connsiteY159" fmla="*/ 4860 h 10000"/>
                  <a:gd name="connsiteX160" fmla="*/ 4095 w 10000"/>
                  <a:gd name="connsiteY160" fmla="*/ 4697 h 10000"/>
                  <a:gd name="connsiteX161" fmla="*/ 4070 w 10000"/>
                  <a:gd name="connsiteY161" fmla="*/ 4520 h 10000"/>
                  <a:gd name="connsiteX162" fmla="*/ 3989 w 10000"/>
                  <a:gd name="connsiteY162" fmla="*/ 4343 h 10000"/>
                  <a:gd name="connsiteX163" fmla="*/ 3910 w 10000"/>
                  <a:gd name="connsiteY163" fmla="*/ 4195 h 10000"/>
                  <a:gd name="connsiteX164" fmla="*/ 3776 w 10000"/>
                  <a:gd name="connsiteY164" fmla="*/ 4047 h 10000"/>
                  <a:gd name="connsiteX165" fmla="*/ 3644 w 10000"/>
                  <a:gd name="connsiteY165" fmla="*/ 3959 h 10000"/>
                  <a:gd name="connsiteX166" fmla="*/ 3803 w 10000"/>
                  <a:gd name="connsiteY166" fmla="*/ 3944 h 10000"/>
                  <a:gd name="connsiteX167" fmla="*/ 3936 w 10000"/>
                  <a:gd name="connsiteY167" fmla="*/ 3914 h 10000"/>
                  <a:gd name="connsiteX168" fmla="*/ 4042 w 10000"/>
                  <a:gd name="connsiteY168" fmla="*/ 3855 h 10000"/>
                  <a:gd name="connsiteX169" fmla="*/ 4173 w 10000"/>
                  <a:gd name="connsiteY169" fmla="*/ 3752 h 10000"/>
                  <a:gd name="connsiteX170" fmla="*/ 4308 w 10000"/>
                  <a:gd name="connsiteY170" fmla="*/ 3663 h 10000"/>
                  <a:gd name="connsiteX171" fmla="*/ 4414 w 10000"/>
                  <a:gd name="connsiteY171" fmla="*/ 3560 h 10000"/>
                  <a:gd name="connsiteX172" fmla="*/ 4494 w 10000"/>
                  <a:gd name="connsiteY172" fmla="*/ 3442 h 10000"/>
                  <a:gd name="connsiteX173" fmla="*/ 4575 w 10000"/>
                  <a:gd name="connsiteY173" fmla="*/ 3323 h 10000"/>
                  <a:gd name="connsiteX174" fmla="*/ 4628 w 10000"/>
                  <a:gd name="connsiteY174" fmla="*/ 3220 h 10000"/>
                  <a:gd name="connsiteX175" fmla="*/ 4653 w 10000"/>
                  <a:gd name="connsiteY175" fmla="*/ 3102 h 10000"/>
                  <a:gd name="connsiteX176" fmla="*/ 4681 w 10000"/>
                  <a:gd name="connsiteY176" fmla="*/ 3013 h 10000"/>
                  <a:gd name="connsiteX177" fmla="*/ 4653 w 10000"/>
                  <a:gd name="connsiteY177" fmla="*/ 2939 h 10000"/>
                  <a:gd name="connsiteX178" fmla="*/ 4628 w 10000"/>
                  <a:gd name="connsiteY178" fmla="*/ 2866 h 10000"/>
                  <a:gd name="connsiteX179" fmla="*/ 4548 w 10000"/>
                  <a:gd name="connsiteY179" fmla="*/ 2836 h 10000"/>
                  <a:gd name="connsiteX180" fmla="*/ 4442 w 10000"/>
                  <a:gd name="connsiteY180" fmla="*/ 2836 h 10000"/>
                  <a:gd name="connsiteX181" fmla="*/ 4308 w 10000"/>
                  <a:gd name="connsiteY181" fmla="*/ 2866 h 10000"/>
                  <a:gd name="connsiteX182" fmla="*/ 4414 w 10000"/>
                  <a:gd name="connsiteY182" fmla="*/ 2777 h 10000"/>
                  <a:gd name="connsiteX183" fmla="*/ 4469 w 10000"/>
                  <a:gd name="connsiteY183" fmla="*/ 2674 h 10000"/>
                  <a:gd name="connsiteX184" fmla="*/ 4494 w 10000"/>
                  <a:gd name="connsiteY184" fmla="*/ 2541 h 10000"/>
                  <a:gd name="connsiteX185" fmla="*/ 4494 w 10000"/>
                  <a:gd name="connsiteY185" fmla="*/ 2393 h 10000"/>
                  <a:gd name="connsiteX186" fmla="*/ 4520 w 10000"/>
                  <a:gd name="connsiteY186" fmla="*/ 2349 h 10000"/>
                  <a:gd name="connsiteX187" fmla="*/ 4575 w 10000"/>
                  <a:gd name="connsiteY187" fmla="*/ 2304 h 10000"/>
                  <a:gd name="connsiteX188" fmla="*/ 4628 w 10000"/>
                  <a:gd name="connsiteY188" fmla="*/ 2290 h 10000"/>
                  <a:gd name="connsiteX189" fmla="*/ 4708 w 10000"/>
                  <a:gd name="connsiteY189" fmla="*/ 2275 h 10000"/>
                  <a:gd name="connsiteX190" fmla="*/ 4946 w 10000"/>
                  <a:gd name="connsiteY190" fmla="*/ 2260 h 10000"/>
                  <a:gd name="connsiteX191" fmla="*/ 5158 w 10000"/>
                  <a:gd name="connsiteY191" fmla="*/ 2275 h 10000"/>
                  <a:gd name="connsiteX192" fmla="*/ 5132 w 10000"/>
                  <a:gd name="connsiteY192" fmla="*/ 2112 h 10000"/>
                  <a:gd name="connsiteX193" fmla="*/ 5080 w 10000"/>
                  <a:gd name="connsiteY193" fmla="*/ 1950 h 10000"/>
                  <a:gd name="connsiteX194" fmla="*/ 4999 w 10000"/>
                  <a:gd name="connsiteY194" fmla="*/ 1802 h 10000"/>
                  <a:gd name="connsiteX195" fmla="*/ 4894 w 10000"/>
                  <a:gd name="connsiteY195" fmla="*/ 1640 h 10000"/>
                  <a:gd name="connsiteX196" fmla="*/ 4628 w 10000"/>
                  <a:gd name="connsiteY196" fmla="*/ 1329 h 10000"/>
                  <a:gd name="connsiteX197" fmla="*/ 4362 w 10000"/>
                  <a:gd name="connsiteY197" fmla="*/ 1034 h 10000"/>
                  <a:gd name="connsiteX198" fmla="*/ 4228 w 10000"/>
                  <a:gd name="connsiteY198" fmla="*/ 901 h 10000"/>
                  <a:gd name="connsiteX199" fmla="*/ 4124 w 10000"/>
                  <a:gd name="connsiteY199" fmla="*/ 753 h 10000"/>
                  <a:gd name="connsiteX200" fmla="*/ 4042 w 10000"/>
                  <a:gd name="connsiteY200" fmla="*/ 620 h 10000"/>
                  <a:gd name="connsiteX201" fmla="*/ 4015 w 10000"/>
                  <a:gd name="connsiteY201" fmla="*/ 487 h 10000"/>
                  <a:gd name="connsiteX202" fmla="*/ 3989 w 10000"/>
                  <a:gd name="connsiteY202" fmla="*/ 355 h 10000"/>
                  <a:gd name="connsiteX203" fmla="*/ 4042 w 10000"/>
                  <a:gd name="connsiteY203" fmla="*/ 222 h 10000"/>
                  <a:gd name="connsiteX204" fmla="*/ 4070 w 10000"/>
                  <a:gd name="connsiteY204" fmla="*/ 162 h 10000"/>
                  <a:gd name="connsiteX205" fmla="*/ 4124 w 10000"/>
                  <a:gd name="connsiteY205" fmla="*/ 103 h 10000"/>
                  <a:gd name="connsiteX206" fmla="*/ 4203 w 10000"/>
                  <a:gd name="connsiteY206" fmla="*/ 59 h 10000"/>
                  <a:gd name="connsiteX207" fmla="*/ 4308 w 10000"/>
                  <a:gd name="connsiteY207" fmla="*/ 0 h 10000"/>
                  <a:gd name="connsiteX208" fmla="*/ 4494 w 10000"/>
                  <a:gd name="connsiteY208" fmla="*/ 0 h 10000"/>
                  <a:gd name="connsiteX209" fmla="*/ 4681 w 10000"/>
                  <a:gd name="connsiteY209" fmla="*/ 15 h 10000"/>
                  <a:gd name="connsiteX210" fmla="*/ 4867 w 10000"/>
                  <a:gd name="connsiteY210" fmla="*/ 44 h 10000"/>
                  <a:gd name="connsiteX211" fmla="*/ 4999 w 10000"/>
                  <a:gd name="connsiteY211" fmla="*/ 89 h 10000"/>
                  <a:gd name="connsiteX212" fmla="*/ 5213 w 10000"/>
                  <a:gd name="connsiteY212" fmla="*/ 192 h 10000"/>
                  <a:gd name="connsiteX213" fmla="*/ 5425 w 10000"/>
                  <a:gd name="connsiteY213" fmla="*/ 340 h 10000"/>
                  <a:gd name="connsiteX214" fmla="*/ 5585 w 10000"/>
                  <a:gd name="connsiteY214" fmla="*/ 473 h 10000"/>
                  <a:gd name="connsiteX215" fmla="*/ 5797 w 10000"/>
                  <a:gd name="connsiteY215" fmla="*/ 591 h 10000"/>
                  <a:gd name="connsiteX216" fmla="*/ 5931 w 10000"/>
                  <a:gd name="connsiteY216" fmla="*/ 650 h 10000"/>
                  <a:gd name="connsiteX217" fmla="*/ 6090 w 10000"/>
                  <a:gd name="connsiteY217" fmla="*/ 679 h 10000"/>
                  <a:gd name="connsiteX218" fmla="*/ 6251 w 10000"/>
                  <a:gd name="connsiteY218" fmla="*/ 709 h 10000"/>
                  <a:gd name="connsiteX219" fmla="*/ 6463 w 10000"/>
                  <a:gd name="connsiteY219" fmla="*/ 709 h 10000"/>
                  <a:gd name="connsiteX220" fmla="*/ 6463 w 10000"/>
                  <a:gd name="connsiteY220" fmla="*/ 768 h 10000"/>
                  <a:gd name="connsiteX221" fmla="*/ 6490 w 10000"/>
                  <a:gd name="connsiteY221" fmla="*/ 842 h 10000"/>
                  <a:gd name="connsiteX222" fmla="*/ 6541 w 10000"/>
                  <a:gd name="connsiteY222" fmla="*/ 916 h 10000"/>
                  <a:gd name="connsiteX223" fmla="*/ 6595 w 10000"/>
                  <a:gd name="connsiteY223" fmla="*/ 990 h 10000"/>
                  <a:gd name="connsiteX224" fmla="*/ 6674 w 10000"/>
                  <a:gd name="connsiteY224" fmla="*/ 1049 h 10000"/>
                  <a:gd name="connsiteX225" fmla="*/ 6780 w 10000"/>
                  <a:gd name="connsiteY225" fmla="*/ 1108 h 10000"/>
                  <a:gd name="connsiteX226" fmla="*/ 6914 w 10000"/>
                  <a:gd name="connsiteY226" fmla="*/ 1182 h 10000"/>
                  <a:gd name="connsiteX227" fmla="*/ 7020 w 10000"/>
                  <a:gd name="connsiteY227" fmla="*/ 1226 h 10000"/>
                  <a:gd name="connsiteX228" fmla="*/ 7127 w 10000"/>
                  <a:gd name="connsiteY228" fmla="*/ 1270 h 10000"/>
                  <a:gd name="connsiteX229" fmla="*/ 7234 w 10000"/>
                  <a:gd name="connsiteY229" fmla="*/ 1300 h 10000"/>
                  <a:gd name="connsiteX230" fmla="*/ 7340 w 10000"/>
                  <a:gd name="connsiteY230" fmla="*/ 1315 h 10000"/>
                  <a:gd name="connsiteX231" fmla="*/ 7474 w 10000"/>
                  <a:gd name="connsiteY231" fmla="*/ 1300 h 10000"/>
                  <a:gd name="connsiteX232" fmla="*/ 7580 w 10000"/>
                  <a:gd name="connsiteY232" fmla="*/ 1285 h 10000"/>
                  <a:gd name="connsiteX233" fmla="*/ 7659 w 10000"/>
                  <a:gd name="connsiteY233" fmla="*/ 1241 h 10000"/>
                  <a:gd name="connsiteX234" fmla="*/ 7714 w 10000"/>
                  <a:gd name="connsiteY234" fmla="*/ 1167 h 10000"/>
                  <a:gd name="connsiteX235" fmla="*/ 7738 w 10000"/>
                  <a:gd name="connsiteY235" fmla="*/ 1064 h 10000"/>
                  <a:gd name="connsiteX236" fmla="*/ 8138 w 10000"/>
                  <a:gd name="connsiteY236" fmla="*/ 1034 h 10000"/>
                  <a:gd name="connsiteX237" fmla="*/ 8509 w 10000"/>
                  <a:gd name="connsiteY237" fmla="*/ 1004 h 10000"/>
                  <a:gd name="connsiteX238" fmla="*/ 8830 w 10000"/>
                  <a:gd name="connsiteY238" fmla="*/ 990 h 10000"/>
                  <a:gd name="connsiteX239" fmla="*/ 9123 w 10000"/>
                  <a:gd name="connsiteY239" fmla="*/ 1004 h 10000"/>
                  <a:gd name="connsiteX240" fmla="*/ 9256 w 10000"/>
                  <a:gd name="connsiteY240" fmla="*/ 1019 h 10000"/>
                  <a:gd name="connsiteX241" fmla="*/ 9387 w 10000"/>
                  <a:gd name="connsiteY241" fmla="*/ 1034 h 10000"/>
                  <a:gd name="connsiteX242" fmla="*/ 9495 w 10000"/>
                  <a:gd name="connsiteY242" fmla="*/ 1064 h 10000"/>
                  <a:gd name="connsiteX243" fmla="*/ 9628 w 10000"/>
                  <a:gd name="connsiteY243" fmla="*/ 1108 h 10000"/>
                  <a:gd name="connsiteX244" fmla="*/ 9707 w 10000"/>
                  <a:gd name="connsiteY244" fmla="*/ 1182 h 10000"/>
                  <a:gd name="connsiteX245" fmla="*/ 9786 w 10000"/>
                  <a:gd name="connsiteY245" fmla="*/ 1241 h 10000"/>
                  <a:gd name="connsiteX246" fmla="*/ 9841 w 10000"/>
                  <a:gd name="connsiteY246" fmla="*/ 1329 h 10000"/>
                  <a:gd name="connsiteX247" fmla="*/ 9893 w 10000"/>
                  <a:gd name="connsiteY247" fmla="*/ 1433 h 10000"/>
                  <a:gd name="connsiteX248" fmla="*/ 9946 w 10000"/>
                  <a:gd name="connsiteY248" fmla="*/ 1551 h 10000"/>
                  <a:gd name="connsiteX249" fmla="*/ 9919 w 10000"/>
                  <a:gd name="connsiteY249" fmla="*/ 1625 h 10000"/>
                  <a:gd name="connsiteX250" fmla="*/ 9893 w 10000"/>
                  <a:gd name="connsiteY250" fmla="*/ 1684 h 10000"/>
                  <a:gd name="connsiteX251" fmla="*/ 9841 w 10000"/>
                  <a:gd name="connsiteY251" fmla="*/ 1758 h 10000"/>
                  <a:gd name="connsiteX252" fmla="*/ 9761 w 10000"/>
                  <a:gd name="connsiteY252" fmla="*/ 1802 h 10000"/>
                  <a:gd name="connsiteX253" fmla="*/ 9707 w 10000"/>
                  <a:gd name="connsiteY253" fmla="*/ 1861 h 10000"/>
                  <a:gd name="connsiteX254" fmla="*/ 9682 w 10000"/>
                  <a:gd name="connsiteY254" fmla="*/ 1935 h 10000"/>
                  <a:gd name="connsiteX255" fmla="*/ 9707 w 10000"/>
                  <a:gd name="connsiteY255" fmla="*/ 2024 h 10000"/>
                  <a:gd name="connsiteX256" fmla="*/ 10000 w 10000"/>
                  <a:gd name="connsiteY256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6674 w 10000"/>
                  <a:gd name="connsiteY4" fmla="*/ 4313 h 10000"/>
                  <a:gd name="connsiteX5" fmla="*/ 9628 w 10000"/>
                  <a:gd name="connsiteY5" fmla="*/ 3338 h 10000"/>
                  <a:gd name="connsiteX6" fmla="*/ 9866 w 10000"/>
                  <a:gd name="connsiteY6" fmla="*/ 3117 h 10000"/>
                  <a:gd name="connsiteX7" fmla="*/ 9893 w 10000"/>
                  <a:gd name="connsiteY7" fmla="*/ 3072 h 10000"/>
                  <a:gd name="connsiteX8" fmla="*/ 9919 w 10000"/>
                  <a:gd name="connsiteY8" fmla="*/ 3013 h 10000"/>
                  <a:gd name="connsiteX9" fmla="*/ 9919 w 10000"/>
                  <a:gd name="connsiteY9" fmla="*/ 2954 h 10000"/>
                  <a:gd name="connsiteX10" fmla="*/ 9893 w 10000"/>
                  <a:gd name="connsiteY10" fmla="*/ 2866 h 10000"/>
                  <a:gd name="connsiteX11" fmla="*/ 9707 w 10000"/>
                  <a:gd name="connsiteY11" fmla="*/ 2984 h 10000"/>
                  <a:gd name="connsiteX12" fmla="*/ 9495 w 10000"/>
                  <a:gd name="connsiteY12" fmla="*/ 3072 h 10000"/>
                  <a:gd name="connsiteX13" fmla="*/ 9281 w 10000"/>
                  <a:gd name="connsiteY13" fmla="*/ 3161 h 10000"/>
                  <a:gd name="connsiteX14" fmla="*/ 9069 w 10000"/>
                  <a:gd name="connsiteY14" fmla="*/ 3250 h 10000"/>
                  <a:gd name="connsiteX15" fmla="*/ 8589 w 10000"/>
                  <a:gd name="connsiteY15" fmla="*/ 3397 h 10000"/>
                  <a:gd name="connsiteX16" fmla="*/ 8085 w 10000"/>
                  <a:gd name="connsiteY16" fmla="*/ 3545 h 10000"/>
                  <a:gd name="connsiteX17" fmla="*/ 7580 w 10000"/>
                  <a:gd name="connsiteY17" fmla="*/ 3678 h 10000"/>
                  <a:gd name="connsiteX18" fmla="*/ 7100 w 10000"/>
                  <a:gd name="connsiteY18" fmla="*/ 3840 h 10000"/>
                  <a:gd name="connsiteX19" fmla="*/ 6861 w 10000"/>
                  <a:gd name="connsiteY19" fmla="*/ 3914 h 10000"/>
                  <a:gd name="connsiteX20" fmla="*/ 6649 w 10000"/>
                  <a:gd name="connsiteY20" fmla="*/ 4003 h 10000"/>
                  <a:gd name="connsiteX21" fmla="*/ 6437 w 10000"/>
                  <a:gd name="connsiteY21" fmla="*/ 4106 h 10000"/>
                  <a:gd name="connsiteX22" fmla="*/ 6222 w 10000"/>
                  <a:gd name="connsiteY22" fmla="*/ 4195 h 10000"/>
                  <a:gd name="connsiteX23" fmla="*/ 6382 w 10000"/>
                  <a:gd name="connsiteY23" fmla="*/ 4417 h 10000"/>
                  <a:gd name="connsiteX24" fmla="*/ 6490 w 10000"/>
                  <a:gd name="connsiteY24" fmla="*/ 4623 h 10000"/>
                  <a:gd name="connsiteX25" fmla="*/ 6475 w 10000"/>
                  <a:gd name="connsiteY25" fmla="*/ 4845 h 10000"/>
                  <a:gd name="connsiteX26" fmla="*/ 6729 w 10000"/>
                  <a:gd name="connsiteY26" fmla="*/ 5318 h 10000"/>
                  <a:gd name="connsiteX27" fmla="*/ 6756 w 10000"/>
                  <a:gd name="connsiteY27" fmla="*/ 5539 h 10000"/>
                  <a:gd name="connsiteX28" fmla="*/ 6780 w 10000"/>
                  <a:gd name="connsiteY28" fmla="*/ 5775 h 10000"/>
                  <a:gd name="connsiteX29" fmla="*/ 6780 w 10000"/>
                  <a:gd name="connsiteY29" fmla="*/ 5997 h 10000"/>
                  <a:gd name="connsiteX30" fmla="*/ 6756 w 10000"/>
                  <a:gd name="connsiteY30" fmla="*/ 6233 h 10000"/>
                  <a:gd name="connsiteX31" fmla="*/ 6702 w 10000"/>
                  <a:gd name="connsiteY31" fmla="*/ 6470 h 10000"/>
                  <a:gd name="connsiteX32" fmla="*/ 6649 w 10000"/>
                  <a:gd name="connsiteY32" fmla="*/ 6677 h 10000"/>
                  <a:gd name="connsiteX33" fmla="*/ 6569 w 10000"/>
                  <a:gd name="connsiteY33" fmla="*/ 6898 h 10000"/>
                  <a:gd name="connsiteX34" fmla="*/ 6463 w 10000"/>
                  <a:gd name="connsiteY34" fmla="*/ 7105 h 10000"/>
                  <a:gd name="connsiteX35" fmla="*/ 6330 w 10000"/>
                  <a:gd name="connsiteY35" fmla="*/ 7297 h 10000"/>
                  <a:gd name="connsiteX36" fmla="*/ 6170 w 10000"/>
                  <a:gd name="connsiteY36" fmla="*/ 7489 h 10000"/>
                  <a:gd name="connsiteX37" fmla="*/ 6010 w 10000"/>
                  <a:gd name="connsiteY37" fmla="*/ 7681 h 10000"/>
                  <a:gd name="connsiteX38" fmla="*/ 6780 w 10000"/>
                  <a:gd name="connsiteY38" fmla="*/ 7799 h 10000"/>
                  <a:gd name="connsiteX39" fmla="*/ 7580 w 10000"/>
                  <a:gd name="connsiteY39" fmla="*/ 7962 h 10000"/>
                  <a:gd name="connsiteX40" fmla="*/ 7738 w 10000"/>
                  <a:gd name="connsiteY40" fmla="*/ 8021 h 10000"/>
                  <a:gd name="connsiteX41" fmla="*/ 7872 w 10000"/>
                  <a:gd name="connsiteY41" fmla="*/ 8080 h 10000"/>
                  <a:gd name="connsiteX42" fmla="*/ 8004 w 10000"/>
                  <a:gd name="connsiteY42" fmla="*/ 8139 h 10000"/>
                  <a:gd name="connsiteX43" fmla="*/ 8085 w 10000"/>
                  <a:gd name="connsiteY43" fmla="*/ 8227 h 10000"/>
                  <a:gd name="connsiteX44" fmla="*/ 8112 w 10000"/>
                  <a:gd name="connsiteY44" fmla="*/ 8301 h 10000"/>
                  <a:gd name="connsiteX45" fmla="*/ 8112 w 10000"/>
                  <a:gd name="connsiteY45" fmla="*/ 8405 h 10000"/>
                  <a:gd name="connsiteX46" fmla="*/ 8059 w 10000"/>
                  <a:gd name="connsiteY46" fmla="*/ 8523 h 10000"/>
                  <a:gd name="connsiteX47" fmla="*/ 7978 w 10000"/>
                  <a:gd name="connsiteY47" fmla="*/ 8641 h 10000"/>
                  <a:gd name="connsiteX48" fmla="*/ 7633 w 10000"/>
                  <a:gd name="connsiteY48" fmla="*/ 8552 h 10000"/>
                  <a:gd name="connsiteX49" fmla="*/ 7313 w 10000"/>
                  <a:gd name="connsiteY49" fmla="*/ 8449 h 10000"/>
                  <a:gd name="connsiteX50" fmla="*/ 6994 w 10000"/>
                  <a:gd name="connsiteY50" fmla="*/ 8360 h 10000"/>
                  <a:gd name="connsiteX51" fmla="*/ 6674 w 10000"/>
                  <a:gd name="connsiteY51" fmla="*/ 8287 h 10000"/>
                  <a:gd name="connsiteX52" fmla="*/ 6541 w 10000"/>
                  <a:gd name="connsiteY52" fmla="*/ 8449 h 10000"/>
                  <a:gd name="connsiteX53" fmla="*/ 6437 w 10000"/>
                  <a:gd name="connsiteY53" fmla="*/ 8597 h 10000"/>
                  <a:gd name="connsiteX54" fmla="*/ 6382 w 10000"/>
                  <a:gd name="connsiteY54" fmla="*/ 8656 h 10000"/>
                  <a:gd name="connsiteX55" fmla="*/ 6276 w 10000"/>
                  <a:gd name="connsiteY55" fmla="*/ 8700 h 10000"/>
                  <a:gd name="connsiteX56" fmla="*/ 6197 w 10000"/>
                  <a:gd name="connsiteY56" fmla="*/ 8744 h 10000"/>
                  <a:gd name="connsiteX57" fmla="*/ 6117 w 10000"/>
                  <a:gd name="connsiteY57" fmla="*/ 8774 h 10000"/>
                  <a:gd name="connsiteX58" fmla="*/ 6037 w 10000"/>
                  <a:gd name="connsiteY58" fmla="*/ 8804 h 10000"/>
                  <a:gd name="connsiteX59" fmla="*/ 5931 w 10000"/>
                  <a:gd name="connsiteY59" fmla="*/ 8818 h 10000"/>
                  <a:gd name="connsiteX60" fmla="*/ 5797 w 10000"/>
                  <a:gd name="connsiteY60" fmla="*/ 8833 h 10000"/>
                  <a:gd name="connsiteX61" fmla="*/ 5665 w 10000"/>
                  <a:gd name="connsiteY61" fmla="*/ 8833 h 10000"/>
                  <a:gd name="connsiteX62" fmla="*/ 5347 w 10000"/>
                  <a:gd name="connsiteY62" fmla="*/ 8818 h 10000"/>
                  <a:gd name="connsiteX63" fmla="*/ 4946 w 10000"/>
                  <a:gd name="connsiteY63" fmla="*/ 8744 h 10000"/>
                  <a:gd name="connsiteX64" fmla="*/ 4946 w 10000"/>
                  <a:gd name="connsiteY64" fmla="*/ 8922 h 10000"/>
                  <a:gd name="connsiteX65" fmla="*/ 4919 w 10000"/>
                  <a:gd name="connsiteY65" fmla="*/ 9069 h 10000"/>
                  <a:gd name="connsiteX66" fmla="*/ 4894 w 10000"/>
                  <a:gd name="connsiteY66" fmla="*/ 9232 h 10000"/>
                  <a:gd name="connsiteX67" fmla="*/ 4867 w 10000"/>
                  <a:gd name="connsiteY67" fmla="*/ 9365 h 10000"/>
                  <a:gd name="connsiteX68" fmla="*/ 4813 w 10000"/>
                  <a:gd name="connsiteY68" fmla="*/ 9498 h 10000"/>
                  <a:gd name="connsiteX69" fmla="*/ 4708 w 10000"/>
                  <a:gd name="connsiteY69" fmla="*/ 9616 h 10000"/>
                  <a:gd name="connsiteX70" fmla="*/ 4628 w 10000"/>
                  <a:gd name="connsiteY70" fmla="*/ 9734 h 10000"/>
                  <a:gd name="connsiteX71" fmla="*/ 4494 w 10000"/>
                  <a:gd name="connsiteY71" fmla="*/ 9838 h 10000"/>
                  <a:gd name="connsiteX72" fmla="*/ 4173 w 10000"/>
                  <a:gd name="connsiteY72" fmla="*/ 9897 h 10000"/>
                  <a:gd name="connsiteX73" fmla="*/ 3910 w 10000"/>
                  <a:gd name="connsiteY73" fmla="*/ 9941 h 10000"/>
                  <a:gd name="connsiteX74" fmla="*/ 3590 w 10000"/>
                  <a:gd name="connsiteY74" fmla="*/ 9985 h 10000"/>
                  <a:gd name="connsiteX75" fmla="*/ 3351 w 10000"/>
                  <a:gd name="connsiteY75" fmla="*/ 10000 h 10000"/>
                  <a:gd name="connsiteX76" fmla="*/ 2819 w 10000"/>
                  <a:gd name="connsiteY76" fmla="*/ 10000 h 10000"/>
                  <a:gd name="connsiteX77" fmla="*/ 2313 w 10000"/>
                  <a:gd name="connsiteY77" fmla="*/ 9985 h 10000"/>
                  <a:gd name="connsiteX78" fmla="*/ 1836 w 10000"/>
                  <a:gd name="connsiteY78" fmla="*/ 9941 h 10000"/>
                  <a:gd name="connsiteX79" fmla="*/ 1330 w 10000"/>
                  <a:gd name="connsiteY79" fmla="*/ 9911 h 10000"/>
                  <a:gd name="connsiteX80" fmla="*/ 1038 w 10000"/>
                  <a:gd name="connsiteY80" fmla="*/ 9911 h 10000"/>
                  <a:gd name="connsiteX81" fmla="*/ 771 w 10000"/>
                  <a:gd name="connsiteY81" fmla="*/ 9911 h 10000"/>
                  <a:gd name="connsiteX82" fmla="*/ 479 w 10000"/>
                  <a:gd name="connsiteY82" fmla="*/ 9926 h 10000"/>
                  <a:gd name="connsiteX83" fmla="*/ 186 w 10000"/>
                  <a:gd name="connsiteY83" fmla="*/ 9970 h 10000"/>
                  <a:gd name="connsiteX84" fmla="*/ 107 w 10000"/>
                  <a:gd name="connsiteY84" fmla="*/ 9867 h 10000"/>
                  <a:gd name="connsiteX85" fmla="*/ 54 w 10000"/>
                  <a:gd name="connsiteY85" fmla="*/ 9793 h 10000"/>
                  <a:gd name="connsiteX86" fmla="*/ 0 w 10000"/>
                  <a:gd name="connsiteY86" fmla="*/ 9705 h 10000"/>
                  <a:gd name="connsiteX87" fmla="*/ 0 w 10000"/>
                  <a:gd name="connsiteY87" fmla="*/ 9601 h 10000"/>
                  <a:gd name="connsiteX88" fmla="*/ 54 w 10000"/>
                  <a:gd name="connsiteY88" fmla="*/ 9424 h 10000"/>
                  <a:gd name="connsiteX89" fmla="*/ 107 w 10000"/>
                  <a:gd name="connsiteY89" fmla="*/ 9202 h 10000"/>
                  <a:gd name="connsiteX90" fmla="*/ 158 w 10000"/>
                  <a:gd name="connsiteY90" fmla="*/ 8996 h 10000"/>
                  <a:gd name="connsiteX91" fmla="*/ 213 w 10000"/>
                  <a:gd name="connsiteY91" fmla="*/ 8759 h 10000"/>
                  <a:gd name="connsiteX92" fmla="*/ 239 w 10000"/>
                  <a:gd name="connsiteY92" fmla="*/ 8641 h 10000"/>
                  <a:gd name="connsiteX93" fmla="*/ 239 w 10000"/>
                  <a:gd name="connsiteY93" fmla="*/ 8538 h 10000"/>
                  <a:gd name="connsiteX94" fmla="*/ 213 w 10000"/>
                  <a:gd name="connsiteY94" fmla="*/ 8405 h 10000"/>
                  <a:gd name="connsiteX95" fmla="*/ 186 w 10000"/>
                  <a:gd name="connsiteY95" fmla="*/ 8287 h 10000"/>
                  <a:gd name="connsiteX96" fmla="*/ 452 w 10000"/>
                  <a:gd name="connsiteY96" fmla="*/ 8213 h 10000"/>
                  <a:gd name="connsiteX97" fmla="*/ 718 w 10000"/>
                  <a:gd name="connsiteY97" fmla="*/ 8139 h 10000"/>
                  <a:gd name="connsiteX98" fmla="*/ 984 w 10000"/>
                  <a:gd name="connsiteY98" fmla="*/ 8095 h 10000"/>
                  <a:gd name="connsiteX99" fmla="*/ 1277 w 10000"/>
                  <a:gd name="connsiteY99" fmla="*/ 8065 h 10000"/>
                  <a:gd name="connsiteX100" fmla="*/ 1807 w 10000"/>
                  <a:gd name="connsiteY100" fmla="*/ 8021 h 10000"/>
                  <a:gd name="connsiteX101" fmla="*/ 2341 w 10000"/>
                  <a:gd name="connsiteY101" fmla="*/ 7976 h 10000"/>
                  <a:gd name="connsiteX102" fmla="*/ 2580 w 10000"/>
                  <a:gd name="connsiteY102" fmla="*/ 7947 h 10000"/>
                  <a:gd name="connsiteX103" fmla="*/ 2819 w 10000"/>
                  <a:gd name="connsiteY103" fmla="*/ 7917 h 10000"/>
                  <a:gd name="connsiteX104" fmla="*/ 3030 w 10000"/>
                  <a:gd name="connsiteY104" fmla="*/ 7843 h 10000"/>
                  <a:gd name="connsiteX105" fmla="*/ 3244 w 10000"/>
                  <a:gd name="connsiteY105" fmla="*/ 7784 h 10000"/>
                  <a:gd name="connsiteX106" fmla="*/ 3431 w 10000"/>
                  <a:gd name="connsiteY106" fmla="*/ 7710 h 10000"/>
                  <a:gd name="connsiteX107" fmla="*/ 3590 w 10000"/>
                  <a:gd name="connsiteY107" fmla="*/ 7592 h 10000"/>
                  <a:gd name="connsiteX108" fmla="*/ 3750 w 10000"/>
                  <a:gd name="connsiteY108" fmla="*/ 7474 h 10000"/>
                  <a:gd name="connsiteX109" fmla="*/ 3856 w 10000"/>
                  <a:gd name="connsiteY109" fmla="*/ 7312 h 10000"/>
                  <a:gd name="connsiteX110" fmla="*/ 3644 w 10000"/>
                  <a:gd name="connsiteY110" fmla="*/ 7238 h 10000"/>
                  <a:gd name="connsiteX111" fmla="*/ 3456 w 10000"/>
                  <a:gd name="connsiteY111" fmla="*/ 7179 h 10000"/>
                  <a:gd name="connsiteX112" fmla="*/ 3297 w 10000"/>
                  <a:gd name="connsiteY112" fmla="*/ 7090 h 10000"/>
                  <a:gd name="connsiteX113" fmla="*/ 3139 w 10000"/>
                  <a:gd name="connsiteY113" fmla="*/ 6987 h 10000"/>
                  <a:gd name="connsiteX114" fmla="*/ 3030 w 10000"/>
                  <a:gd name="connsiteY114" fmla="*/ 6869 h 10000"/>
                  <a:gd name="connsiteX115" fmla="*/ 2980 w 10000"/>
                  <a:gd name="connsiteY115" fmla="*/ 6721 h 10000"/>
                  <a:gd name="connsiteX116" fmla="*/ 2952 w 10000"/>
                  <a:gd name="connsiteY116" fmla="*/ 6558 h 10000"/>
                  <a:gd name="connsiteX117" fmla="*/ 2980 w 10000"/>
                  <a:gd name="connsiteY117" fmla="*/ 6352 h 10000"/>
                  <a:gd name="connsiteX118" fmla="*/ 2846 w 10000"/>
                  <a:gd name="connsiteY118" fmla="*/ 6322 h 10000"/>
                  <a:gd name="connsiteX119" fmla="*/ 2687 w 10000"/>
                  <a:gd name="connsiteY119" fmla="*/ 6292 h 10000"/>
                  <a:gd name="connsiteX120" fmla="*/ 2501 w 10000"/>
                  <a:gd name="connsiteY120" fmla="*/ 6278 h 10000"/>
                  <a:gd name="connsiteX121" fmla="*/ 2313 w 10000"/>
                  <a:gd name="connsiteY121" fmla="*/ 6263 h 10000"/>
                  <a:gd name="connsiteX122" fmla="*/ 1942 w 10000"/>
                  <a:gd name="connsiteY122" fmla="*/ 6248 h 10000"/>
                  <a:gd name="connsiteX123" fmla="*/ 1543 w 10000"/>
                  <a:gd name="connsiteY123" fmla="*/ 6263 h 10000"/>
                  <a:gd name="connsiteX124" fmla="*/ 1198 w 10000"/>
                  <a:gd name="connsiteY124" fmla="*/ 6278 h 10000"/>
                  <a:gd name="connsiteX125" fmla="*/ 877 w 10000"/>
                  <a:gd name="connsiteY125" fmla="*/ 6278 h 10000"/>
                  <a:gd name="connsiteX126" fmla="*/ 613 w 10000"/>
                  <a:gd name="connsiteY126" fmla="*/ 6263 h 10000"/>
                  <a:gd name="connsiteX127" fmla="*/ 399 w 10000"/>
                  <a:gd name="connsiteY127" fmla="*/ 6233 h 10000"/>
                  <a:gd name="connsiteX128" fmla="*/ 663 w 10000"/>
                  <a:gd name="connsiteY128" fmla="*/ 5805 h 10000"/>
                  <a:gd name="connsiteX129" fmla="*/ 958 w 10000"/>
                  <a:gd name="connsiteY129" fmla="*/ 5391 h 10000"/>
                  <a:gd name="connsiteX130" fmla="*/ 1065 w 10000"/>
                  <a:gd name="connsiteY130" fmla="*/ 5170 h 10000"/>
                  <a:gd name="connsiteX131" fmla="*/ 1143 w 10000"/>
                  <a:gd name="connsiteY131" fmla="*/ 4963 h 10000"/>
                  <a:gd name="connsiteX132" fmla="*/ 1169 w 10000"/>
                  <a:gd name="connsiteY132" fmla="*/ 4860 h 10000"/>
                  <a:gd name="connsiteX133" fmla="*/ 1143 w 10000"/>
                  <a:gd name="connsiteY133" fmla="*/ 4756 h 10000"/>
                  <a:gd name="connsiteX134" fmla="*/ 1117 w 10000"/>
                  <a:gd name="connsiteY134" fmla="*/ 4653 h 10000"/>
                  <a:gd name="connsiteX135" fmla="*/ 1038 w 10000"/>
                  <a:gd name="connsiteY135" fmla="*/ 4549 h 10000"/>
                  <a:gd name="connsiteX136" fmla="*/ 1330 w 10000"/>
                  <a:gd name="connsiteY136" fmla="*/ 4520 h 10000"/>
                  <a:gd name="connsiteX137" fmla="*/ 1543 w 10000"/>
                  <a:gd name="connsiteY137" fmla="*/ 4505 h 10000"/>
                  <a:gd name="connsiteX138" fmla="*/ 1729 w 10000"/>
                  <a:gd name="connsiteY138" fmla="*/ 4505 h 10000"/>
                  <a:gd name="connsiteX139" fmla="*/ 1888 w 10000"/>
                  <a:gd name="connsiteY139" fmla="*/ 4520 h 10000"/>
                  <a:gd name="connsiteX140" fmla="*/ 2022 w 10000"/>
                  <a:gd name="connsiteY140" fmla="*/ 4520 h 10000"/>
                  <a:gd name="connsiteX141" fmla="*/ 2181 w 10000"/>
                  <a:gd name="connsiteY141" fmla="*/ 4520 h 10000"/>
                  <a:gd name="connsiteX142" fmla="*/ 2341 w 10000"/>
                  <a:gd name="connsiteY142" fmla="*/ 4490 h 10000"/>
                  <a:gd name="connsiteX143" fmla="*/ 2552 w 10000"/>
                  <a:gd name="connsiteY143" fmla="*/ 4446 h 10000"/>
                  <a:gd name="connsiteX144" fmla="*/ 2552 w 10000"/>
                  <a:gd name="connsiteY144" fmla="*/ 4579 h 10000"/>
                  <a:gd name="connsiteX145" fmla="*/ 2552 w 10000"/>
                  <a:gd name="connsiteY145" fmla="*/ 4742 h 10000"/>
                  <a:gd name="connsiteX146" fmla="*/ 2552 w 10000"/>
                  <a:gd name="connsiteY146" fmla="*/ 4874 h 10000"/>
                  <a:gd name="connsiteX147" fmla="*/ 2552 w 10000"/>
                  <a:gd name="connsiteY147" fmla="*/ 5037 h 10000"/>
                  <a:gd name="connsiteX148" fmla="*/ 2792 w 10000"/>
                  <a:gd name="connsiteY148" fmla="*/ 5022 h 10000"/>
                  <a:gd name="connsiteX149" fmla="*/ 2952 w 10000"/>
                  <a:gd name="connsiteY149" fmla="*/ 5037 h 10000"/>
                  <a:gd name="connsiteX150" fmla="*/ 3085 w 10000"/>
                  <a:gd name="connsiteY150" fmla="*/ 5066 h 10000"/>
                  <a:gd name="connsiteX151" fmla="*/ 3218 w 10000"/>
                  <a:gd name="connsiteY151" fmla="*/ 5096 h 10000"/>
                  <a:gd name="connsiteX152" fmla="*/ 3325 w 10000"/>
                  <a:gd name="connsiteY152" fmla="*/ 5126 h 10000"/>
                  <a:gd name="connsiteX153" fmla="*/ 3456 w 10000"/>
                  <a:gd name="connsiteY153" fmla="*/ 5155 h 10000"/>
                  <a:gd name="connsiteX154" fmla="*/ 3617 w 10000"/>
                  <a:gd name="connsiteY154" fmla="*/ 5170 h 10000"/>
                  <a:gd name="connsiteX155" fmla="*/ 3856 w 10000"/>
                  <a:gd name="connsiteY155" fmla="*/ 5155 h 10000"/>
                  <a:gd name="connsiteX156" fmla="*/ 3936 w 10000"/>
                  <a:gd name="connsiteY156" fmla="*/ 5096 h 10000"/>
                  <a:gd name="connsiteX157" fmla="*/ 4015 w 10000"/>
                  <a:gd name="connsiteY157" fmla="*/ 5022 h 10000"/>
                  <a:gd name="connsiteX158" fmla="*/ 4042 w 10000"/>
                  <a:gd name="connsiteY158" fmla="*/ 4934 h 10000"/>
                  <a:gd name="connsiteX159" fmla="*/ 4070 w 10000"/>
                  <a:gd name="connsiteY159" fmla="*/ 4860 h 10000"/>
                  <a:gd name="connsiteX160" fmla="*/ 4095 w 10000"/>
                  <a:gd name="connsiteY160" fmla="*/ 4697 h 10000"/>
                  <a:gd name="connsiteX161" fmla="*/ 4070 w 10000"/>
                  <a:gd name="connsiteY161" fmla="*/ 4520 h 10000"/>
                  <a:gd name="connsiteX162" fmla="*/ 3989 w 10000"/>
                  <a:gd name="connsiteY162" fmla="*/ 4343 h 10000"/>
                  <a:gd name="connsiteX163" fmla="*/ 3910 w 10000"/>
                  <a:gd name="connsiteY163" fmla="*/ 4195 h 10000"/>
                  <a:gd name="connsiteX164" fmla="*/ 3776 w 10000"/>
                  <a:gd name="connsiteY164" fmla="*/ 4047 h 10000"/>
                  <a:gd name="connsiteX165" fmla="*/ 3644 w 10000"/>
                  <a:gd name="connsiteY165" fmla="*/ 3959 h 10000"/>
                  <a:gd name="connsiteX166" fmla="*/ 3803 w 10000"/>
                  <a:gd name="connsiteY166" fmla="*/ 3944 h 10000"/>
                  <a:gd name="connsiteX167" fmla="*/ 3936 w 10000"/>
                  <a:gd name="connsiteY167" fmla="*/ 3914 h 10000"/>
                  <a:gd name="connsiteX168" fmla="*/ 4042 w 10000"/>
                  <a:gd name="connsiteY168" fmla="*/ 3855 h 10000"/>
                  <a:gd name="connsiteX169" fmla="*/ 4173 w 10000"/>
                  <a:gd name="connsiteY169" fmla="*/ 3752 h 10000"/>
                  <a:gd name="connsiteX170" fmla="*/ 4308 w 10000"/>
                  <a:gd name="connsiteY170" fmla="*/ 3663 h 10000"/>
                  <a:gd name="connsiteX171" fmla="*/ 4414 w 10000"/>
                  <a:gd name="connsiteY171" fmla="*/ 3560 h 10000"/>
                  <a:gd name="connsiteX172" fmla="*/ 4494 w 10000"/>
                  <a:gd name="connsiteY172" fmla="*/ 3442 h 10000"/>
                  <a:gd name="connsiteX173" fmla="*/ 4575 w 10000"/>
                  <a:gd name="connsiteY173" fmla="*/ 3323 h 10000"/>
                  <a:gd name="connsiteX174" fmla="*/ 4628 w 10000"/>
                  <a:gd name="connsiteY174" fmla="*/ 3220 h 10000"/>
                  <a:gd name="connsiteX175" fmla="*/ 4653 w 10000"/>
                  <a:gd name="connsiteY175" fmla="*/ 3102 h 10000"/>
                  <a:gd name="connsiteX176" fmla="*/ 4681 w 10000"/>
                  <a:gd name="connsiteY176" fmla="*/ 3013 h 10000"/>
                  <a:gd name="connsiteX177" fmla="*/ 4653 w 10000"/>
                  <a:gd name="connsiteY177" fmla="*/ 2939 h 10000"/>
                  <a:gd name="connsiteX178" fmla="*/ 4628 w 10000"/>
                  <a:gd name="connsiteY178" fmla="*/ 2866 h 10000"/>
                  <a:gd name="connsiteX179" fmla="*/ 4548 w 10000"/>
                  <a:gd name="connsiteY179" fmla="*/ 2836 h 10000"/>
                  <a:gd name="connsiteX180" fmla="*/ 4442 w 10000"/>
                  <a:gd name="connsiteY180" fmla="*/ 2836 h 10000"/>
                  <a:gd name="connsiteX181" fmla="*/ 4308 w 10000"/>
                  <a:gd name="connsiteY181" fmla="*/ 2866 h 10000"/>
                  <a:gd name="connsiteX182" fmla="*/ 4414 w 10000"/>
                  <a:gd name="connsiteY182" fmla="*/ 2777 h 10000"/>
                  <a:gd name="connsiteX183" fmla="*/ 4469 w 10000"/>
                  <a:gd name="connsiteY183" fmla="*/ 2674 h 10000"/>
                  <a:gd name="connsiteX184" fmla="*/ 4494 w 10000"/>
                  <a:gd name="connsiteY184" fmla="*/ 2541 h 10000"/>
                  <a:gd name="connsiteX185" fmla="*/ 4494 w 10000"/>
                  <a:gd name="connsiteY185" fmla="*/ 2393 h 10000"/>
                  <a:gd name="connsiteX186" fmla="*/ 4520 w 10000"/>
                  <a:gd name="connsiteY186" fmla="*/ 2349 h 10000"/>
                  <a:gd name="connsiteX187" fmla="*/ 4575 w 10000"/>
                  <a:gd name="connsiteY187" fmla="*/ 2304 h 10000"/>
                  <a:gd name="connsiteX188" fmla="*/ 4628 w 10000"/>
                  <a:gd name="connsiteY188" fmla="*/ 2290 h 10000"/>
                  <a:gd name="connsiteX189" fmla="*/ 4708 w 10000"/>
                  <a:gd name="connsiteY189" fmla="*/ 2275 h 10000"/>
                  <a:gd name="connsiteX190" fmla="*/ 4946 w 10000"/>
                  <a:gd name="connsiteY190" fmla="*/ 2260 h 10000"/>
                  <a:gd name="connsiteX191" fmla="*/ 5158 w 10000"/>
                  <a:gd name="connsiteY191" fmla="*/ 2275 h 10000"/>
                  <a:gd name="connsiteX192" fmla="*/ 5132 w 10000"/>
                  <a:gd name="connsiteY192" fmla="*/ 2112 h 10000"/>
                  <a:gd name="connsiteX193" fmla="*/ 5080 w 10000"/>
                  <a:gd name="connsiteY193" fmla="*/ 1950 h 10000"/>
                  <a:gd name="connsiteX194" fmla="*/ 4999 w 10000"/>
                  <a:gd name="connsiteY194" fmla="*/ 1802 h 10000"/>
                  <a:gd name="connsiteX195" fmla="*/ 4894 w 10000"/>
                  <a:gd name="connsiteY195" fmla="*/ 1640 h 10000"/>
                  <a:gd name="connsiteX196" fmla="*/ 4628 w 10000"/>
                  <a:gd name="connsiteY196" fmla="*/ 1329 h 10000"/>
                  <a:gd name="connsiteX197" fmla="*/ 4362 w 10000"/>
                  <a:gd name="connsiteY197" fmla="*/ 1034 h 10000"/>
                  <a:gd name="connsiteX198" fmla="*/ 4228 w 10000"/>
                  <a:gd name="connsiteY198" fmla="*/ 901 h 10000"/>
                  <a:gd name="connsiteX199" fmla="*/ 4124 w 10000"/>
                  <a:gd name="connsiteY199" fmla="*/ 753 h 10000"/>
                  <a:gd name="connsiteX200" fmla="*/ 4042 w 10000"/>
                  <a:gd name="connsiteY200" fmla="*/ 620 h 10000"/>
                  <a:gd name="connsiteX201" fmla="*/ 4015 w 10000"/>
                  <a:gd name="connsiteY201" fmla="*/ 487 h 10000"/>
                  <a:gd name="connsiteX202" fmla="*/ 3989 w 10000"/>
                  <a:gd name="connsiteY202" fmla="*/ 355 h 10000"/>
                  <a:gd name="connsiteX203" fmla="*/ 4042 w 10000"/>
                  <a:gd name="connsiteY203" fmla="*/ 222 h 10000"/>
                  <a:gd name="connsiteX204" fmla="*/ 4070 w 10000"/>
                  <a:gd name="connsiteY204" fmla="*/ 162 h 10000"/>
                  <a:gd name="connsiteX205" fmla="*/ 4124 w 10000"/>
                  <a:gd name="connsiteY205" fmla="*/ 103 h 10000"/>
                  <a:gd name="connsiteX206" fmla="*/ 4203 w 10000"/>
                  <a:gd name="connsiteY206" fmla="*/ 59 h 10000"/>
                  <a:gd name="connsiteX207" fmla="*/ 4308 w 10000"/>
                  <a:gd name="connsiteY207" fmla="*/ 0 h 10000"/>
                  <a:gd name="connsiteX208" fmla="*/ 4494 w 10000"/>
                  <a:gd name="connsiteY208" fmla="*/ 0 h 10000"/>
                  <a:gd name="connsiteX209" fmla="*/ 4681 w 10000"/>
                  <a:gd name="connsiteY209" fmla="*/ 15 h 10000"/>
                  <a:gd name="connsiteX210" fmla="*/ 4867 w 10000"/>
                  <a:gd name="connsiteY210" fmla="*/ 44 h 10000"/>
                  <a:gd name="connsiteX211" fmla="*/ 4999 w 10000"/>
                  <a:gd name="connsiteY211" fmla="*/ 89 h 10000"/>
                  <a:gd name="connsiteX212" fmla="*/ 5213 w 10000"/>
                  <a:gd name="connsiteY212" fmla="*/ 192 h 10000"/>
                  <a:gd name="connsiteX213" fmla="*/ 5425 w 10000"/>
                  <a:gd name="connsiteY213" fmla="*/ 340 h 10000"/>
                  <a:gd name="connsiteX214" fmla="*/ 5585 w 10000"/>
                  <a:gd name="connsiteY214" fmla="*/ 473 h 10000"/>
                  <a:gd name="connsiteX215" fmla="*/ 5797 w 10000"/>
                  <a:gd name="connsiteY215" fmla="*/ 591 h 10000"/>
                  <a:gd name="connsiteX216" fmla="*/ 5931 w 10000"/>
                  <a:gd name="connsiteY216" fmla="*/ 650 h 10000"/>
                  <a:gd name="connsiteX217" fmla="*/ 6090 w 10000"/>
                  <a:gd name="connsiteY217" fmla="*/ 679 h 10000"/>
                  <a:gd name="connsiteX218" fmla="*/ 6251 w 10000"/>
                  <a:gd name="connsiteY218" fmla="*/ 709 h 10000"/>
                  <a:gd name="connsiteX219" fmla="*/ 6463 w 10000"/>
                  <a:gd name="connsiteY219" fmla="*/ 709 h 10000"/>
                  <a:gd name="connsiteX220" fmla="*/ 6463 w 10000"/>
                  <a:gd name="connsiteY220" fmla="*/ 768 h 10000"/>
                  <a:gd name="connsiteX221" fmla="*/ 6490 w 10000"/>
                  <a:gd name="connsiteY221" fmla="*/ 842 h 10000"/>
                  <a:gd name="connsiteX222" fmla="*/ 6541 w 10000"/>
                  <a:gd name="connsiteY222" fmla="*/ 916 h 10000"/>
                  <a:gd name="connsiteX223" fmla="*/ 6595 w 10000"/>
                  <a:gd name="connsiteY223" fmla="*/ 990 h 10000"/>
                  <a:gd name="connsiteX224" fmla="*/ 6674 w 10000"/>
                  <a:gd name="connsiteY224" fmla="*/ 1049 h 10000"/>
                  <a:gd name="connsiteX225" fmla="*/ 6780 w 10000"/>
                  <a:gd name="connsiteY225" fmla="*/ 1108 h 10000"/>
                  <a:gd name="connsiteX226" fmla="*/ 6914 w 10000"/>
                  <a:gd name="connsiteY226" fmla="*/ 1182 h 10000"/>
                  <a:gd name="connsiteX227" fmla="*/ 7020 w 10000"/>
                  <a:gd name="connsiteY227" fmla="*/ 1226 h 10000"/>
                  <a:gd name="connsiteX228" fmla="*/ 7127 w 10000"/>
                  <a:gd name="connsiteY228" fmla="*/ 1270 h 10000"/>
                  <a:gd name="connsiteX229" fmla="*/ 7234 w 10000"/>
                  <a:gd name="connsiteY229" fmla="*/ 1300 h 10000"/>
                  <a:gd name="connsiteX230" fmla="*/ 7340 w 10000"/>
                  <a:gd name="connsiteY230" fmla="*/ 1315 h 10000"/>
                  <a:gd name="connsiteX231" fmla="*/ 7474 w 10000"/>
                  <a:gd name="connsiteY231" fmla="*/ 1300 h 10000"/>
                  <a:gd name="connsiteX232" fmla="*/ 7580 w 10000"/>
                  <a:gd name="connsiteY232" fmla="*/ 1285 h 10000"/>
                  <a:gd name="connsiteX233" fmla="*/ 7659 w 10000"/>
                  <a:gd name="connsiteY233" fmla="*/ 1241 h 10000"/>
                  <a:gd name="connsiteX234" fmla="*/ 7714 w 10000"/>
                  <a:gd name="connsiteY234" fmla="*/ 1167 h 10000"/>
                  <a:gd name="connsiteX235" fmla="*/ 7738 w 10000"/>
                  <a:gd name="connsiteY235" fmla="*/ 1064 h 10000"/>
                  <a:gd name="connsiteX236" fmla="*/ 8138 w 10000"/>
                  <a:gd name="connsiteY236" fmla="*/ 1034 h 10000"/>
                  <a:gd name="connsiteX237" fmla="*/ 8509 w 10000"/>
                  <a:gd name="connsiteY237" fmla="*/ 1004 h 10000"/>
                  <a:gd name="connsiteX238" fmla="*/ 8830 w 10000"/>
                  <a:gd name="connsiteY238" fmla="*/ 990 h 10000"/>
                  <a:gd name="connsiteX239" fmla="*/ 9123 w 10000"/>
                  <a:gd name="connsiteY239" fmla="*/ 1004 h 10000"/>
                  <a:gd name="connsiteX240" fmla="*/ 9256 w 10000"/>
                  <a:gd name="connsiteY240" fmla="*/ 1019 h 10000"/>
                  <a:gd name="connsiteX241" fmla="*/ 9387 w 10000"/>
                  <a:gd name="connsiteY241" fmla="*/ 1034 h 10000"/>
                  <a:gd name="connsiteX242" fmla="*/ 9495 w 10000"/>
                  <a:gd name="connsiteY242" fmla="*/ 1064 h 10000"/>
                  <a:gd name="connsiteX243" fmla="*/ 9628 w 10000"/>
                  <a:gd name="connsiteY243" fmla="*/ 1108 h 10000"/>
                  <a:gd name="connsiteX244" fmla="*/ 9707 w 10000"/>
                  <a:gd name="connsiteY244" fmla="*/ 1182 h 10000"/>
                  <a:gd name="connsiteX245" fmla="*/ 9786 w 10000"/>
                  <a:gd name="connsiteY245" fmla="*/ 1241 h 10000"/>
                  <a:gd name="connsiteX246" fmla="*/ 9841 w 10000"/>
                  <a:gd name="connsiteY246" fmla="*/ 1329 h 10000"/>
                  <a:gd name="connsiteX247" fmla="*/ 9893 w 10000"/>
                  <a:gd name="connsiteY247" fmla="*/ 1433 h 10000"/>
                  <a:gd name="connsiteX248" fmla="*/ 9946 w 10000"/>
                  <a:gd name="connsiteY248" fmla="*/ 1551 h 10000"/>
                  <a:gd name="connsiteX249" fmla="*/ 9919 w 10000"/>
                  <a:gd name="connsiteY249" fmla="*/ 1625 h 10000"/>
                  <a:gd name="connsiteX250" fmla="*/ 9893 w 10000"/>
                  <a:gd name="connsiteY250" fmla="*/ 1684 h 10000"/>
                  <a:gd name="connsiteX251" fmla="*/ 9841 w 10000"/>
                  <a:gd name="connsiteY251" fmla="*/ 1758 h 10000"/>
                  <a:gd name="connsiteX252" fmla="*/ 9761 w 10000"/>
                  <a:gd name="connsiteY252" fmla="*/ 1802 h 10000"/>
                  <a:gd name="connsiteX253" fmla="*/ 9707 w 10000"/>
                  <a:gd name="connsiteY253" fmla="*/ 1861 h 10000"/>
                  <a:gd name="connsiteX254" fmla="*/ 9682 w 10000"/>
                  <a:gd name="connsiteY254" fmla="*/ 1935 h 10000"/>
                  <a:gd name="connsiteX255" fmla="*/ 9707 w 10000"/>
                  <a:gd name="connsiteY255" fmla="*/ 2024 h 10000"/>
                  <a:gd name="connsiteX256" fmla="*/ 10000 w 10000"/>
                  <a:gd name="connsiteY256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6674 w 10000"/>
                  <a:gd name="connsiteY3" fmla="*/ 4313 h 10000"/>
                  <a:gd name="connsiteX4" fmla="*/ 9628 w 10000"/>
                  <a:gd name="connsiteY4" fmla="*/ 3338 h 10000"/>
                  <a:gd name="connsiteX5" fmla="*/ 9866 w 10000"/>
                  <a:gd name="connsiteY5" fmla="*/ 3117 h 10000"/>
                  <a:gd name="connsiteX6" fmla="*/ 9893 w 10000"/>
                  <a:gd name="connsiteY6" fmla="*/ 3072 h 10000"/>
                  <a:gd name="connsiteX7" fmla="*/ 9919 w 10000"/>
                  <a:gd name="connsiteY7" fmla="*/ 3013 h 10000"/>
                  <a:gd name="connsiteX8" fmla="*/ 9919 w 10000"/>
                  <a:gd name="connsiteY8" fmla="*/ 2954 h 10000"/>
                  <a:gd name="connsiteX9" fmla="*/ 9893 w 10000"/>
                  <a:gd name="connsiteY9" fmla="*/ 2866 h 10000"/>
                  <a:gd name="connsiteX10" fmla="*/ 9707 w 10000"/>
                  <a:gd name="connsiteY10" fmla="*/ 2984 h 10000"/>
                  <a:gd name="connsiteX11" fmla="*/ 9495 w 10000"/>
                  <a:gd name="connsiteY11" fmla="*/ 3072 h 10000"/>
                  <a:gd name="connsiteX12" fmla="*/ 9281 w 10000"/>
                  <a:gd name="connsiteY12" fmla="*/ 3161 h 10000"/>
                  <a:gd name="connsiteX13" fmla="*/ 9069 w 10000"/>
                  <a:gd name="connsiteY13" fmla="*/ 3250 h 10000"/>
                  <a:gd name="connsiteX14" fmla="*/ 8589 w 10000"/>
                  <a:gd name="connsiteY14" fmla="*/ 3397 h 10000"/>
                  <a:gd name="connsiteX15" fmla="*/ 8085 w 10000"/>
                  <a:gd name="connsiteY15" fmla="*/ 3545 h 10000"/>
                  <a:gd name="connsiteX16" fmla="*/ 7580 w 10000"/>
                  <a:gd name="connsiteY16" fmla="*/ 3678 h 10000"/>
                  <a:gd name="connsiteX17" fmla="*/ 7100 w 10000"/>
                  <a:gd name="connsiteY17" fmla="*/ 3840 h 10000"/>
                  <a:gd name="connsiteX18" fmla="*/ 6861 w 10000"/>
                  <a:gd name="connsiteY18" fmla="*/ 3914 h 10000"/>
                  <a:gd name="connsiteX19" fmla="*/ 6649 w 10000"/>
                  <a:gd name="connsiteY19" fmla="*/ 4003 h 10000"/>
                  <a:gd name="connsiteX20" fmla="*/ 6437 w 10000"/>
                  <a:gd name="connsiteY20" fmla="*/ 4106 h 10000"/>
                  <a:gd name="connsiteX21" fmla="*/ 6222 w 10000"/>
                  <a:gd name="connsiteY21" fmla="*/ 4195 h 10000"/>
                  <a:gd name="connsiteX22" fmla="*/ 6382 w 10000"/>
                  <a:gd name="connsiteY22" fmla="*/ 4417 h 10000"/>
                  <a:gd name="connsiteX23" fmla="*/ 6490 w 10000"/>
                  <a:gd name="connsiteY23" fmla="*/ 4623 h 10000"/>
                  <a:gd name="connsiteX24" fmla="*/ 6475 w 10000"/>
                  <a:gd name="connsiteY24" fmla="*/ 4845 h 10000"/>
                  <a:gd name="connsiteX25" fmla="*/ 6729 w 10000"/>
                  <a:gd name="connsiteY25" fmla="*/ 5318 h 10000"/>
                  <a:gd name="connsiteX26" fmla="*/ 6756 w 10000"/>
                  <a:gd name="connsiteY26" fmla="*/ 5539 h 10000"/>
                  <a:gd name="connsiteX27" fmla="*/ 6780 w 10000"/>
                  <a:gd name="connsiteY27" fmla="*/ 5775 h 10000"/>
                  <a:gd name="connsiteX28" fmla="*/ 6780 w 10000"/>
                  <a:gd name="connsiteY28" fmla="*/ 5997 h 10000"/>
                  <a:gd name="connsiteX29" fmla="*/ 6756 w 10000"/>
                  <a:gd name="connsiteY29" fmla="*/ 6233 h 10000"/>
                  <a:gd name="connsiteX30" fmla="*/ 6702 w 10000"/>
                  <a:gd name="connsiteY30" fmla="*/ 6470 h 10000"/>
                  <a:gd name="connsiteX31" fmla="*/ 6649 w 10000"/>
                  <a:gd name="connsiteY31" fmla="*/ 6677 h 10000"/>
                  <a:gd name="connsiteX32" fmla="*/ 6569 w 10000"/>
                  <a:gd name="connsiteY32" fmla="*/ 6898 h 10000"/>
                  <a:gd name="connsiteX33" fmla="*/ 6463 w 10000"/>
                  <a:gd name="connsiteY33" fmla="*/ 7105 h 10000"/>
                  <a:gd name="connsiteX34" fmla="*/ 6330 w 10000"/>
                  <a:gd name="connsiteY34" fmla="*/ 7297 h 10000"/>
                  <a:gd name="connsiteX35" fmla="*/ 6170 w 10000"/>
                  <a:gd name="connsiteY35" fmla="*/ 7489 h 10000"/>
                  <a:gd name="connsiteX36" fmla="*/ 6010 w 10000"/>
                  <a:gd name="connsiteY36" fmla="*/ 7681 h 10000"/>
                  <a:gd name="connsiteX37" fmla="*/ 6780 w 10000"/>
                  <a:gd name="connsiteY37" fmla="*/ 7799 h 10000"/>
                  <a:gd name="connsiteX38" fmla="*/ 7580 w 10000"/>
                  <a:gd name="connsiteY38" fmla="*/ 7962 h 10000"/>
                  <a:gd name="connsiteX39" fmla="*/ 7738 w 10000"/>
                  <a:gd name="connsiteY39" fmla="*/ 8021 h 10000"/>
                  <a:gd name="connsiteX40" fmla="*/ 7872 w 10000"/>
                  <a:gd name="connsiteY40" fmla="*/ 8080 h 10000"/>
                  <a:gd name="connsiteX41" fmla="*/ 8004 w 10000"/>
                  <a:gd name="connsiteY41" fmla="*/ 8139 h 10000"/>
                  <a:gd name="connsiteX42" fmla="*/ 8085 w 10000"/>
                  <a:gd name="connsiteY42" fmla="*/ 8227 h 10000"/>
                  <a:gd name="connsiteX43" fmla="*/ 8112 w 10000"/>
                  <a:gd name="connsiteY43" fmla="*/ 8301 h 10000"/>
                  <a:gd name="connsiteX44" fmla="*/ 8112 w 10000"/>
                  <a:gd name="connsiteY44" fmla="*/ 8405 h 10000"/>
                  <a:gd name="connsiteX45" fmla="*/ 8059 w 10000"/>
                  <a:gd name="connsiteY45" fmla="*/ 8523 h 10000"/>
                  <a:gd name="connsiteX46" fmla="*/ 7978 w 10000"/>
                  <a:gd name="connsiteY46" fmla="*/ 8641 h 10000"/>
                  <a:gd name="connsiteX47" fmla="*/ 7633 w 10000"/>
                  <a:gd name="connsiteY47" fmla="*/ 8552 h 10000"/>
                  <a:gd name="connsiteX48" fmla="*/ 7313 w 10000"/>
                  <a:gd name="connsiteY48" fmla="*/ 8449 h 10000"/>
                  <a:gd name="connsiteX49" fmla="*/ 6994 w 10000"/>
                  <a:gd name="connsiteY49" fmla="*/ 8360 h 10000"/>
                  <a:gd name="connsiteX50" fmla="*/ 6674 w 10000"/>
                  <a:gd name="connsiteY50" fmla="*/ 8287 h 10000"/>
                  <a:gd name="connsiteX51" fmla="*/ 6541 w 10000"/>
                  <a:gd name="connsiteY51" fmla="*/ 8449 h 10000"/>
                  <a:gd name="connsiteX52" fmla="*/ 6437 w 10000"/>
                  <a:gd name="connsiteY52" fmla="*/ 8597 h 10000"/>
                  <a:gd name="connsiteX53" fmla="*/ 6382 w 10000"/>
                  <a:gd name="connsiteY53" fmla="*/ 8656 h 10000"/>
                  <a:gd name="connsiteX54" fmla="*/ 6276 w 10000"/>
                  <a:gd name="connsiteY54" fmla="*/ 8700 h 10000"/>
                  <a:gd name="connsiteX55" fmla="*/ 6197 w 10000"/>
                  <a:gd name="connsiteY55" fmla="*/ 8744 h 10000"/>
                  <a:gd name="connsiteX56" fmla="*/ 6117 w 10000"/>
                  <a:gd name="connsiteY56" fmla="*/ 8774 h 10000"/>
                  <a:gd name="connsiteX57" fmla="*/ 6037 w 10000"/>
                  <a:gd name="connsiteY57" fmla="*/ 8804 h 10000"/>
                  <a:gd name="connsiteX58" fmla="*/ 5931 w 10000"/>
                  <a:gd name="connsiteY58" fmla="*/ 8818 h 10000"/>
                  <a:gd name="connsiteX59" fmla="*/ 5797 w 10000"/>
                  <a:gd name="connsiteY59" fmla="*/ 8833 h 10000"/>
                  <a:gd name="connsiteX60" fmla="*/ 5665 w 10000"/>
                  <a:gd name="connsiteY60" fmla="*/ 8833 h 10000"/>
                  <a:gd name="connsiteX61" fmla="*/ 5347 w 10000"/>
                  <a:gd name="connsiteY61" fmla="*/ 8818 h 10000"/>
                  <a:gd name="connsiteX62" fmla="*/ 4946 w 10000"/>
                  <a:gd name="connsiteY62" fmla="*/ 8744 h 10000"/>
                  <a:gd name="connsiteX63" fmla="*/ 4946 w 10000"/>
                  <a:gd name="connsiteY63" fmla="*/ 8922 h 10000"/>
                  <a:gd name="connsiteX64" fmla="*/ 4919 w 10000"/>
                  <a:gd name="connsiteY64" fmla="*/ 9069 h 10000"/>
                  <a:gd name="connsiteX65" fmla="*/ 4894 w 10000"/>
                  <a:gd name="connsiteY65" fmla="*/ 9232 h 10000"/>
                  <a:gd name="connsiteX66" fmla="*/ 4867 w 10000"/>
                  <a:gd name="connsiteY66" fmla="*/ 9365 h 10000"/>
                  <a:gd name="connsiteX67" fmla="*/ 4813 w 10000"/>
                  <a:gd name="connsiteY67" fmla="*/ 9498 h 10000"/>
                  <a:gd name="connsiteX68" fmla="*/ 4708 w 10000"/>
                  <a:gd name="connsiteY68" fmla="*/ 9616 h 10000"/>
                  <a:gd name="connsiteX69" fmla="*/ 4628 w 10000"/>
                  <a:gd name="connsiteY69" fmla="*/ 9734 h 10000"/>
                  <a:gd name="connsiteX70" fmla="*/ 4494 w 10000"/>
                  <a:gd name="connsiteY70" fmla="*/ 9838 h 10000"/>
                  <a:gd name="connsiteX71" fmla="*/ 4173 w 10000"/>
                  <a:gd name="connsiteY71" fmla="*/ 9897 h 10000"/>
                  <a:gd name="connsiteX72" fmla="*/ 3910 w 10000"/>
                  <a:gd name="connsiteY72" fmla="*/ 9941 h 10000"/>
                  <a:gd name="connsiteX73" fmla="*/ 3590 w 10000"/>
                  <a:gd name="connsiteY73" fmla="*/ 9985 h 10000"/>
                  <a:gd name="connsiteX74" fmla="*/ 3351 w 10000"/>
                  <a:gd name="connsiteY74" fmla="*/ 10000 h 10000"/>
                  <a:gd name="connsiteX75" fmla="*/ 2819 w 10000"/>
                  <a:gd name="connsiteY75" fmla="*/ 10000 h 10000"/>
                  <a:gd name="connsiteX76" fmla="*/ 2313 w 10000"/>
                  <a:gd name="connsiteY76" fmla="*/ 9985 h 10000"/>
                  <a:gd name="connsiteX77" fmla="*/ 1836 w 10000"/>
                  <a:gd name="connsiteY77" fmla="*/ 9941 h 10000"/>
                  <a:gd name="connsiteX78" fmla="*/ 1330 w 10000"/>
                  <a:gd name="connsiteY78" fmla="*/ 9911 h 10000"/>
                  <a:gd name="connsiteX79" fmla="*/ 1038 w 10000"/>
                  <a:gd name="connsiteY79" fmla="*/ 9911 h 10000"/>
                  <a:gd name="connsiteX80" fmla="*/ 771 w 10000"/>
                  <a:gd name="connsiteY80" fmla="*/ 9911 h 10000"/>
                  <a:gd name="connsiteX81" fmla="*/ 479 w 10000"/>
                  <a:gd name="connsiteY81" fmla="*/ 9926 h 10000"/>
                  <a:gd name="connsiteX82" fmla="*/ 186 w 10000"/>
                  <a:gd name="connsiteY82" fmla="*/ 9970 h 10000"/>
                  <a:gd name="connsiteX83" fmla="*/ 107 w 10000"/>
                  <a:gd name="connsiteY83" fmla="*/ 9867 h 10000"/>
                  <a:gd name="connsiteX84" fmla="*/ 54 w 10000"/>
                  <a:gd name="connsiteY84" fmla="*/ 9793 h 10000"/>
                  <a:gd name="connsiteX85" fmla="*/ 0 w 10000"/>
                  <a:gd name="connsiteY85" fmla="*/ 9705 h 10000"/>
                  <a:gd name="connsiteX86" fmla="*/ 0 w 10000"/>
                  <a:gd name="connsiteY86" fmla="*/ 9601 h 10000"/>
                  <a:gd name="connsiteX87" fmla="*/ 54 w 10000"/>
                  <a:gd name="connsiteY87" fmla="*/ 9424 h 10000"/>
                  <a:gd name="connsiteX88" fmla="*/ 107 w 10000"/>
                  <a:gd name="connsiteY88" fmla="*/ 9202 h 10000"/>
                  <a:gd name="connsiteX89" fmla="*/ 158 w 10000"/>
                  <a:gd name="connsiteY89" fmla="*/ 8996 h 10000"/>
                  <a:gd name="connsiteX90" fmla="*/ 213 w 10000"/>
                  <a:gd name="connsiteY90" fmla="*/ 8759 h 10000"/>
                  <a:gd name="connsiteX91" fmla="*/ 239 w 10000"/>
                  <a:gd name="connsiteY91" fmla="*/ 8641 h 10000"/>
                  <a:gd name="connsiteX92" fmla="*/ 239 w 10000"/>
                  <a:gd name="connsiteY92" fmla="*/ 8538 h 10000"/>
                  <a:gd name="connsiteX93" fmla="*/ 213 w 10000"/>
                  <a:gd name="connsiteY93" fmla="*/ 8405 h 10000"/>
                  <a:gd name="connsiteX94" fmla="*/ 186 w 10000"/>
                  <a:gd name="connsiteY94" fmla="*/ 8287 h 10000"/>
                  <a:gd name="connsiteX95" fmla="*/ 452 w 10000"/>
                  <a:gd name="connsiteY95" fmla="*/ 8213 h 10000"/>
                  <a:gd name="connsiteX96" fmla="*/ 718 w 10000"/>
                  <a:gd name="connsiteY96" fmla="*/ 8139 h 10000"/>
                  <a:gd name="connsiteX97" fmla="*/ 984 w 10000"/>
                  <a:gd name="connsiteY97" fmla="*/ 8095 h 10000"/>
                  <a:gd name="connsiteX98" fmla="*/ 1277 w 10000"/>
                  <a:gd name="connsiteY98" fmla="*/ 8065 h 10000"/>
                  <a:gd name="connsiteX99" fmla="*/ 1807 w 10000"/>
                  <a:gd name="connsiteY99" fmla="*/ 8021 h 10000"/>
                  <a:gd name="connsiteX100" fmla="*/ 2341 w 10000"/>
                  <a:gd name="connsiteY100" fmla="*/ 7976 h 10000"/>
                  <a:gd name="connsiteX101" fmla="*/ 2580 w 10000"/>
                  <a:gd name="connsiteY101" fmla="*/ 7947 h 10000"/>
                  <a:gd name="connsiteX102" fmla="*/ 2819 w 10000"/>
                  <a:gd name="connsiteY102" fmla="*/ 7917 h 10000"/>
                  <a:gd name="connsiteX103" fmla="*/ 3030 w 10000"/>
                  <a:gd name="connsiteY103" fmla="*/ 7843 h 10000"/>
                  <a:gd name="connsiteX104" fmla="*/ 3244 w 10000"/>
                  <a:gd name="connsiteY104" fmla="*/ 7784 h 10000"/>
                  <a:gd name="connsiteX105" fmla="*/ 3431 w 10000"/>
                  <a:gd name="connsiteY105" fmla="*/ 7710 h 10000"/>
                  <a:gd name="connsiteX106" fmla="*/ 3590 w 10000"/>
                  <a:gd name="connsiteY106" fmla="*/ 7592 h 10000"/>
                  <a:gd name="connsiteX107" fmla="*/ 3750 w 10000"/>
                  <a:gd name="connsiteY107" fmla="*/ 7474 h 10000"/>
                  <a:gd name="connsiteX108" fmla="*/ 3856 w 10000"/>
                  <a:gd name="connsiteY108" fmla="*/ 7312 h 10000"/>
                  <a:gd name="connsiteX109" fmla="*/ 3644 w 10000"/>
                  <a:gd name="connsiteY109" fmla="*/ 7238 h 10000"/>
                  <a:gd name="connsiteX110" fmla="*/ 3456 w 10000"/>
                  <a:gd name="connsiteY110" fmla="*/ 7179 h 10000"/>
                  <a:gd name="connsiteX111" fmla="*/ 3297 w 10000"/>
                  <a:gd name="connsiteY111" fmla="*/ 7090 h 10000"/>
                  <a:gd name="connsiteX112" fmla="*/ 3139 w 10000"/>
                  <a:gd name="connsiteY112" fmla="*/ 6987 h 10000"/>
                  <a:gd name="connsiteX113" fmla="*/ 3030 w 10000"/>
                  <a:gd name="connsiteY113" fmla="*/ 6869 h 10000"/>
                  <a:gd name="connsiteX114" fmla="*/ 2980 w 10000"/>
                  <a:gd name="connsiteY114" fmla="*/ 6721 h 10000"/>
                  <a:gd name="connsiteX115" fmla="*/ 2952 w 10000"/>
                  <a:gd name="connsiteY115" fmla="*/ 6558 h 10000"/>
                  <a:gd name="connsiteX116" fmla="*/ 2980 w 10000"/>
                  <a:gd name="connsiteY116" fmla="*/ 6352 h 10000"/>
                  <a:gd name="connsiteX117" fmla="*/ 2846 w 10000"/>
                  <a:gd name="connsiteY117" fmla="*/ 6322 h 10000"/>
                  <a:gd name="connsiteX118" fmla="*/ 2687 w 10000"/>
                  <a:gd name="connsiteY118" fmla="*/ 6292 h 10000"/>
                  <a:gd name="connsiteX119" fmla="*/ 2501 w 10000"/>
                  <a:gd name="connsiteY119" fmla="*/ 6278 h 10000"/>
                  <a:gd name="connsiteX120" fmla="*/ 2313 w 10000"/>
                  <a:gd name="connsiteY120" fmla="*/ 6263 h 10000"/>
                  <a:gd name="connsiteX121" fmla="*/ 1942 w 10000"/>
                  <a:gd name="connsiteY121" fmla="*/ 6248 h 10000"/>
                  <a:gd name="connsiteX122" fmla="*/ 1543 w 10000"/>
                  <a:gd name="connsiteY122" fmla="*/ 6263 h 10000"/>
                  <a:gd name="connsiteX123" fmla="*/ 1198 w 10000"/>
                  <a:gd name="connsiteY123" fmla="*/ 6278 h 10000"/>
                  <a:gd name="connsiteX124" fmla="*/ 877 w 10000"/>
                  <a:gd name="connsiteY124" fmla="*/ 6278 h 10000"/>
                  <a:gd name="connsiteX125" fmla="*/ 613 w 10000"/>
                  <a:gd name="connsiteY125" fmla="*/ 6263 h 10000"/>
                  <a:gd name="connsiteX126" fmla="*/ 399 w 10000"/>
                  <a:gd name="connsiteY126" fmla="*/ 6233 h 10000"/>
                  <a:gd name="connsiteX127" fmla="*/ 663 w 10000"/>
                  <a:gd name="connsiteY127" fmla="*/ 5805 h 10000"/>
                  <a:gd name="connsiteX128" fmla="*/ 958 w 10000"/>
                  <a:gd name="connsiteY128" fmla="*/ 5391 h 10000"/>
                  <a:gd name="connsiteX129" fmla="*/ 1065 w 10000"/>
                  <a:gd name="connsiteY129" fmla="*/ 5170 h 10000"/>
                  <a:gd name="connsiteX130" fmla="*/ 1143 w 10000"/>
                  <a:gd name="connsiteY130" fmla="*/ 4963 h 10000"/>
                  <a:gd name="connsiteX131" fmla="*/ 1169 w 10000"/>
                  <a:gd name="connsiteY131" fmla="*/ 4860 h 10000"/>
                  <a:gd name="connsiteX132" fmla="*/ 1143 w 10000"/>
                  <a:gd name="connsiteY132" fmla="*/ 4756 h 10000"/>
                  <a:gd name="connsiteX133" fmla="*/ 1117 w 10000"/>
                  <a:gd name="connsiteY133" fmla="*/ 4653 h 10000"/>
                  <a:gd name="connsiteX134" fmla="*/ 1038 w 10000"/>
                  <a:gd name="connsiteY134" fmla="*/ 4549 h 10000"/>
                  <a:gd name="connsiteX135" fmla="*/ 1330 w 10000"/>
                  <a:gd name="connsiteY135" fmla="*/ 4520 h 10000"/>
                  <a:gd name="connsiteX136" fmla="*/ 1543 w 10000"/>
                  <a:gd name="connsiteY136" fmla="*/ 4505 h 10000"/>
                  <a:gd name="connsiteX137" fmla="*/ 1729 w 10000"/>
                  <a:gd name="connsiteY137" fmla="*/ 4505 h 10000"/>
                  <a:gd name="connsiteX138" fmla="*/ 1888 w 10000"/>
                  <a:gd name="connsiteY138" fmla="*/ 4520 h 10000"/>
                  <a:gd name="connsiteX139" fmla="*/ 2022 w 10000"/>
                  <a:gd name="connsiteY139" fmla="*/ 4520 h 10000"/>
                  <a:gd name="connsiteX140" fmla="*/ 2181 w 10000"/>
                  <a:gd name="connsiteY140" fmla="*/ 4520 h 10000"/>
                  <a:gd name="connsiteX141" fmla="*/ 2341 w 10000"/>
                  <a:gd name="connsiteY141" fmla="*/ 4490 h 10000"/>
                  <a:gd name="connsiteX142" fmla="*/ 2552 w 10000"/>
                  <a:gd name="connsiteY142" fmla="*/ 4446 h 10000"/>
                  <a:gd name="connsiteX143" fmla="*/ 2552 w 10000"/>
                  <a:gd name="connsiteY143" fmla="*/ 4579 h 10000"/>
                  <a:gd name="connsiteX144" fmla="*/ 2552 w 10000"/>
                  <a:gd name="connsiteY144" fmla="*/ 4742 h 10000"/>
                  <a:gd name="connsiteX145" fmla="*/ 2552 w 10000"/>
                  <a:gd name="connsiteY145" fmla="*/ 4874 h 10000"/>
                  <a:gd name="connsiteX146" fmla="*/ 2552 w 10000"/>
                  <a:gd name="connsiteY146" fmla="*/ 5037 h 10000"/>
                  <a:gd name="connsiteX147" fmla="*/ 2792 w 10000"/>
                  <a:gd name="connsiteY147" fmla="*/ 5022 h 10000"/>
                  <a:gd name="connsiteX148" fmla="*/ 2952 w 10000"/>
                  <a:gd name="connsiteY148" fmla="*/ 5037 h 10000"/>
                  <a:gd name="connsiteX149" fmla="*/ 3085 w 10000"/>
                  <a:gd name="connsiteY149" fmla="*/ 5066 h 10000"/>
                  <a:gd name="connsiteX150" fmla="*/ 3218 w 10000"/>
                  <a:gd name="connsiteY150" fmla="*/ 5096 h 10000"/>
                  <a:gd name="connsiteX151" fmla="*/ 3325 w 10000"/>
                  <a:gd name="connsiteY151" fmla="*/ 5126 h 10000"/>
                  <a:gd name="connsiteX152" fmla="*/ 3456 w 10000"/>
                  <a:gd name="connsiteY152" fmla="*/ 5155 h 10000"/>
                  <a:gd name="connsiteX153" fmla="*/ 3617 w 10000"/>
                  <a:gd name="connsiteY153" fmla="*/ 5170 h 10000"/>
                  <a:gd name="connsiteX154" fmla="*/ 3856 w 10000"/>
                  <a:gd name="connsiteY154" fmla="*/ 5155 h 10000"/>
                  <a:gd name="connsiteX155" fmla="*/ 3936 w 10000"/>
                  <a:gd name="connsiteY155" fmla="*/ 5096 h 10000"/>
                  <a:gd name="connsiteX156" fmla="*/ 4015 w 10000"/>
                  <a:gd name="connsiteY156" fmla="*/ 5022 h 10000"/>
                  <a:gd name="connsiteX157" fmla="*/ 4042 w 10000"/>
                  <a:gd name="connsiteY157" fmla="*/ 4934 h 10000"/>
                  <a:gd name="connsiteX158" fmla="*/ 4070 w 10000"/>
                  <a:gd name="connsiteY158" fmla="*/ 4860 h 10000"/>
                  <a:gd name="connsiteX159" fmla="*/ 4095 w 10000"/>
                  <a:gd name="connsiteY159" fmla="*/ 4697 h 10000"/>
                  <a:gd name="connsiteX160" fmla="*/ 4070 w 10000"/>
                  <a:gd name="connsiteY160" fmla="*/ 4520 h 10000"/>
                  <a:gd name="connsiteX161" fmla="*/ 3989 w 10000"/>
                  <a:gd name="connsiteY161" fmla="*/ 4343 h 10000"/>
                  <a:gd name="connsiteX162" fmla="*/ 3910 w 10000"/>
                  <a:gd name="connsiteY162" fmla="*/ 4195 h 10000"/>
                  <a:gd name="connsiteX163" fmla="*/ 3776 w 10000"/>
                  <a:gd name="connsiteY163" fmla="*/ 4047 h 10000"/>
                  <a:gd name="connsiteX164" fmla="*/ 3644 w 10000"/>
                  <a:gd name="connsiteY164" fmla="*/ 3959 h 10000"/>
                  <a:gd name="connsiteX165" fmla="*/ 3803 w 10000"/>
                  <a:gd name="connsiteY165" fmla="*/ 3944 h 10000"/>
                  <a:gd name="connsiteX166" fmla="*/ 3936 w 10000"/>
                  <a:gd name="connsiteY166" fmla="*/ 3914 h 10000"/>
                  <a:gd name="connsiteX167" fmla="*/ 4042 w 10000"/>
                  <a:gd name="connsiteY167" fmla="*/ 3855 h 10000"/>
                  <a:gd name="connsiteX168" fmla="*/ 4173 w 10000"/>
                  <a:gd name="connsiteY168" fmla="*/ 3752 h 10000"/>
                  <a:gd name="connsiteX169" fmla="*/ 4308 w 10000"/>
                  <a:gd name="connsiteY169" fmla="*/ 3663 h 10000"/>
                  <a:gd name="connsiteX170" fmla="*/ 4414 w 10000"/>
                  <a:gd name="connsiteY170" fmla="*/ 3560 h 10000"/>
                  <a:gd name="connsiteX171" fmla="*/ 4494 w 10000"/>
                  <a:gd name="connsiteY171" fmla="*/ 3442 h 10000"/>
                  <a:gd name="connsiteX172" fmla="*/ 4575 w 10000"/>
                  <a:gd name="connsiteY172" fmla="*/ 3323 h 10000"/>
                  <a:gd name="connsiteX173" fmla="*/ 4628 w 10000"/>
                  <a:gd name="connsiteY173" fmla="*/ 3220 h 10000"/>
                  <a:gd name="connsiteX174" fmla="*/ 4653 w 10000"/>
                  <a:gd name="connsiteY174" fmla="*/ 3102 h 10000"/>
                  <a:gd name="connsiteX175" fmla="*/ 4681 w 10000"/>
                  <a:gd name="connsiteY175" fmla="*/ 3013 h 10000"/>
                  <a:gd name="connsiteX176" fmla="*/ 4653 w 10000"/>
                  <a:gd name="connsiteY176" fmla="*/ 2939 h 10000"/>
                  <a:gd name="connsiteX177" fmla="*/ 4628 w 10000"/>
                  <a:gd name="connsiteY177" fmla="*/ 2866 h 10000"/>
                  <a:gd name="connsiteX178" fmla="*/ 4548 w 10000"/>
                  <a:gd name="connsiteY178" fmla="*/ 2836 h 10000"/>
                  <a:gd name="connsiteX179" fmla="*/ 4442 w 10000"/>
                  <a:gd name="connsiteY179" fmla="*/ 2836 h 10000"/>
                  <a:gd name="connsiteX180" fmla="*/ 4308 w 10000"/>
                  <a:gd name="connsiteY180" fmla="*/ 2866 h 10000"/>
                  <a:gd name="connsiteX181" fmla="*/ 4414 w 10000"/>
                  <a:gd name="connsiteY181" fmla="*/ 2777 h 10000"/>
                  <a:gd name="connsiteX182" fmla="*/ 4469 w 10000"/>
                  <a:gd name="connsiteY182" fmla="*/ 2674 h 10000"/>
                  <a:gd name="connsiteX183" fmla="*/ 4494 w 10000"/>
                  <a:gd name="connsiteY183" fmla="*/ 2541 h 10000"/>
                  <a:gd name="connsiteX184" fmla="*/ 4494 w 10000"/>
                  <a:gd name="connsiteY184" fmla="*/ 2393 h 10000"/>
                  <a:gd name="connsiteX185" fmla="*/ 4520 w 10000"/>
                  <a:gd name="connsiteY185" fmla="*/ 2349 h 10000"/>
                  <a:gd name="connsiteX186" fmla="*/ 4575 w 10000"/>
                  <a:gd name="connsiteY186" fmla="*/ 2304 h 10000"/>
                  <a:gd name="connsiteX187" fmla="*/ 4628 w 10000"/>
                  <a:gd name="connsiteY187" fmla="*/ 2290 h 10000"/>
                  <a:gd name="connsiteX188" fmla="*/ 4708 w 10000"/>
                  <a:gd name="connsiteY188" fmla="*/ 2275 h 10000"/>
                  <a:gd name="connsiteX189" fmla="*/ 4946 w 10000"/>
                  <a:gd name="connsiteY189" fmla="*/ 2260 h 10000"/>
                  <a:gd name="connsiteX190" fmla="*/ 5158 w 10000"/>
                  <a:gd name="connsiteY190" fmla="*/ 2275 h 10000"/>
                  <a:gd name="connsiteX191" fmla="*/ 5132 w 10000"/>
                  <a:gd name="connsiteY191" fmla="*/ 2112 h 10000"/>
                  <a:gd name="connsiteX192" fmla="*/ 5080 w 10000"/>
                  <a:gd name="connsiteY192" fmla="*/ 1950 h 10000"/>
                  <a:gd name="connsiteX193" fmla="*/ 4999 w 10000"/>
                  <a:gd name="connsiteY193" fmla="*/ 1802 h 10000"/>
                  <a:gd name="connsiteX194" fmla="*/ 4894 w 10000"/>
                  <a:gd name="connsiteY194" fmla="*/ 1640 h 10000"/>
                  <a:gd name="connsiteX195" fmla="*/ 4628 w 10000"/>
                  <a:gd name="connsiteY195" fmla="*/ 1329 h 10000"/>
                  <a:gd name="connsiteX196" fmla="*/ 4362 w 10000"/>
                  <a:gd name="connsiteY196" fmla="*/ 1034 h 10000"/>
                  <a:gd name="connsiteX197" fmla="*/ 4228 w 10000"/>
                  <a:gd name="connsiteY197" fmla="*/ 901 h 10000"/>
                  <a:gd name="connsiteX198" fmla="*/ 4124 w 10000"/>
                  <a:gd name="connsiteY198" fmla="*/ 753 h 10000"/>
                  <a:gd name="connsiteX199" fmla="*/ 4042 w 10000"/>
                  <a:gd name="connsiteY199" fmla="*/ 620 h 10000"/>
                  <a:gd name="connsiteX200" fmla="*/ 4015 w 10000"/>
                  <a:gd name="connsiteY200" fmla="*/ 487 h 10000"/>
                  <a:gd name="connsiteX201" fmla="*/ 3989 w 10000"/>
                  <a:gd name="connsiteY201" fmla="*/ 355 h 10000"/>
                  <a:gd name="connsiteX202" fmla="*/ 4042 w 10000"/>
                  <a:gd name="connsiteY202" fmla="*/ 222 h 10000"/>
                  <a:gd name="connsiteX203" fmla="*/ 4070 w 10000"/>
                  <a:gd name="connsiteY203" fmla="*/ 162 h 10000"/>
                  <a:gd name="connsiteX204" fmla="*/ 4124 w 10000"/>
                  <a:gd name="connsiteY204" fmla="*/ 103 h 10000"/>
                  <a:gd name="connsiteX205" fmla="*/ 4203 w 10000"/>
                  <a:gd name="connsiteY205" fmla="*/ 59 h 10000"/>
                  <a:gd name="connsiteX206" fmla="*/ 4308 w 10000"/>
                  <a:gd name="connsiteY206" fmla="*/ 0 h 10000"/>
                  <a:gd name="connsiteX207" fmla="*/ 4494 w 10000"/>
                  <a:gd name="connsiteY207" fmla="*/ 0 h 10000"/>
                  <a:gd name="connsiteX208" fmla="*/ 4681 w 10000"/>
                  <a:gd name="connsiteY208" fmla="*/ 15 h 10000"/>
                  <a:gd name="connsiteX209" fmla="*/ 4867 w 10000"/>
                  <a:gd name="connsiteY209" fmla="*/ 44 h 10000"/>
                  <a:gd name="connsiteX210" fmla="*/ 4999 w 10000"/>
                  <a:gd name="connsiteY210" fmla="*/ 89 h 10000"/>
                  <a:gd name="connsiteX211" fmla="*/ 5213 w 10000"/>
                  <a:gd name="connsiteY211" fmla="*/ 192 h 10000"/>
                  <a:gd name="connsiteX212" fmla="*/ 5425 w 10000"/>
                  <a:gd name="connsiteY212" fmla="*/ 340 h 10000"/>
                  <a:gd name="connsiteX213" fmla="*/ 5585 w 10000"/>
                  <a:gd name="connsiteY213" fmla="*/ 473 h 10000"/>
                  <a:gd name="connsiteX214" fmla="*/ 5797 w 10000"/>
                  <a:gd name="connsiteY214" fmla="*/ 591 h 10000"/>
                  <a:gd name="connsiteX215" fmla="*/ 5931 w 10000"/>
                  <a:gd name="connsiteY215" fmla="*/ 650 h 10000"/>
                  <a:gd name="connsiteX216" fmla="*/ 6090 w 10000"/>
                  <a:gd name="connsiteY216" fmla="*/ 679 h 10000"/>
                  <a:gd name="connsiteX217" fmla="*/ 6251 w 10000"/>
                  <a:gd name="connsiteY217" fmla="*/ 709 h 10000"/>
                  <a:gd name="connsiteX218" fmla="*/ 6463 w 10000"/>
                  <a:gd name="connsiteY218" fmla="*/ 709 h 10000"/>
                  <a:gd name="connsiteX219" fmla="*/ 6463 w 10000"/>
                  <a:gd name="connsiteY219" fmla="*/ 768 h 10000"/>
                  <a:gd name="connsiteX220" fmla="*/ 6490 w 10000"/>
                  <a:gd name="connsiteY220" fmla="*/ 842 h 10000"/>
                  <a:gd name="connsiteX221" fmla="*/ 6541 w 10000"/>
                  <a:gd name="connsiteY221" fmla="*/ 916 h 10000"/>
                  <a:gd name="connsiteX222" fmla="*/ 6595 w 10000"/>
                  <a:gd name="connsiteY222" fmla="*/ 990 h 10000"/>
                  <a:gd name="connsiteX223" fmla="*/ 6674 w 10000"/>
                  <a:gd name="connsiteY223" fmla="*/ 1049 h 10000"/>
                  <a:gd name="connsiteX224" fmla="*/ 6780 w 10000"/>
                  <a:gd name="connsiteY224" fmla="*/ 1108 h 10000"/>
                  <a:gd name="connsiteX225" fmla="*/ 6914 w 10000"/>
                  <a:gd name="connsiteY225" fmla="*/ 1182 h 10000"/>
                  <a:gd name="connsiteX226" fmla="*/ 7020 w 10000"/>
                  <a:gd name="connsiteY226" fmla="*/ 1226 h 10000"/>
                  <a:gd name="connsiteX227" fmla="*/ 7127 w 10000"/>
                  <a:gd name="connsiteY227" fmla="*/ 1270 h 10000"/>
                  <a:gd name="connsiteX228" fmla="*/ 7234 w 10000"/>
                  <a:gd name="connsiteY228" fmla="*/ 1300 h 10000"/>
                  <a:gd name="connsiteX229" fmla="*/ 7340 w 10000"/>
                  <a:gd name="connsiteY229" fmla="*/ 1315 h 10000"/>
                  <a:gd name="connsiteX230" fmla="*/ 7474 w 10000"/>
                  <a:gd name="connsiteY230" fmla="*/ 1300 h 10000"/>
                  <a:gd name="connsiteX231" fmla="*/ 7580 w 10000"/>
                  <a:gd name="connsiteY231" fmla="*/ 1285 h 10000"/>
                  <a:gd name="connsiteX232" fmla="*/ 7659 w 10000"/>
                  <a:gd name="connsiteY232" fmla="*/ 1241 h 10000"/>
                  <a:gd name="connsiteX233" fmla="*/ 7714 w 10000"/>
                  <a:gd name="connsiteY233" fmla="*/ 1167 h 10000"/>
                  <a:gd name="connsiteX234" fmla="*/ 7738 w 10000"/>
                  <a:gd name="connsiteY234" fmla="*/ 1064 h 10000"/>
                  <a:gd name="connsiteX235" fmla="*/ 8138 w 10000"/>
                  <a:gd name="connsiteY235" fmla="*/ 1034 h 10000"/>
                  <a:gd name="connsiteX236" fmla="*/ 8509 w 10000"/>
                  <a:gd name="connsiteY236" fmla="*/ 1004 h 10000"/>
                  <a:gd name="connsiteX237" fmla="*/ 8830 w 10000"/>
                  <a:gd name="connsiteY237" fmla="*/ 990 h 10000"/>
                  <a:gd name="connsiteX238" fmla="*/ 9123 w 10000"/>
                  <a:gd name="connsiteY238" fmla="*/ 1004 h 10000"/>
                  <a:gd name="connsiteX239" fmla="*/ 9256 w 10000"/>
                  <a:gd name="connsiteY239" fmla="*/ 1019 h 10000"/>
                  <a:gd name="connsiteX240" fmla="*/ 9387 w 10000"/>
                  <a:gd name="connsiteY240" fmla="*/ 1034 h 10000"/>
                  <a:gd name="connsiteX241" fmla="*/ 9495 w 10000"/>
                  <a:gd name="connsiteY241" fmla="*/ 1064 h 10000"/>
                  <a:gd name="connsiteX242" fmla="*/ 9628 w 10000"/>
                  <a:gd name="connsiteY242" fmla="*/ 1108 h 10000"/>
                  <a:gd name="connsiteX243" fmla="*/ 9707 w 10000"/>
                  <a:gd name="connsiteY243" fmla="*/ 1182 h 10000"/>
                  <a:gd name="connsiteX244" fmla="*/ 9786 w 10000"/>
                  <a:gd name="connsiteY244" fmla="*/ 1241 h 10000"/>
                  <a:gd name="connsiteX245" fmla="*/ 9841 w 10000"/>
                  <a:gd name="connsiteY245" fmla="*/ 1329 h 10000"/>
                  <a:gd name="connsiteX246" fmla="*/ 9893 w 10000"/>
                  <a:gd name="connsiteY246" fmla="*/ 1433 h 10000"/>
                  <a:gd name="connsiteX247" fmla="*/ 9946 w 10000"/>
                  <a:gd name="connsiteY247" fmla="*/ 1551 h 10000"/>
                  <a:gd name="connsiteX248" fmla="*/ 9919 w 10000"/>
                  <a:gd name="connsiteY248" fmla="*/ 1625 h 10000"/>
                  <a:gd name="connsiteX249" fmla="*/ 9893 w 10000"/>
                  <a:gd name="connsiteY249" fmla="*/ 1684 h 10000"/>
                  <a:gd name="connsiteX250" fmla="*/ 9841 w 10000"/>
                  <a:gd name="connsiteY250" fmla="*/ 1758 h 10000"/>
                  <a:gd name="connsiteX251" fmla="*/ 9761 w 10000"/>
                  <a:gd name="connsiteY251" fmla="*/ 1802 h 10000"/>
                  <a:gd name="connsiteX252" fmla="*/ 9707 w 10000"/>
                  <a:gd name="connsiteY252" fmla="*/ 1861 h 10000"/>
                  <a:gd name="connsiteX253" fmla="*/ 9682 w 10000"/>
                  <a:gd name="connsiteY253" fmla="*/ 1935 h 10000"/>
                  <a:gd name="connsiteX254" fmla="*/ 9707 w 10000"/>
                  <a:gd name="connsiteY254" fmla="*/ 2024 h 10000"/>
                  <a:gd name="connsiteX255" fmla="*/ 10000 w 10000"/>
                  <a:gd name="connsiteY255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6674 w 10000"/>
                  <a:gd name="connsiteY2" fmla="*/ 4313 h 10000"/>
                  <a:gd name="connsiteX3" fmla="*/ 9628 w 10000"/>
                  <a:gd name="connsiteY3" fmla="*/ 3338 h 10000"/>
                  <a:gd name="connsiteX4" fmla="*/ 9866 w 10000"/>
                  <a:gd name="connsiteY4" fmla="*/ 3117 h 10000"/>
                  <a:gd name="connsiteX5" fmla="*/ 9893 w 10000"/>
                  <a:gd name="connsiteY5" fmla="*/ 3072 h 10000"/>
                  <a:gd name="connsiteX6" fmla="*/ 9919 w 10000"/>
                  <a:gd name="connsiteY6" fmla="*/ 3013 h 10000"/>
                  <a:gd name="connsiteX7" fmla="*/ 9919 w 10000"/>
                  <a:gd name="connsiteY7" fmla="*/ 2954 h 10000"/>
                  <a:gd name="connsiteX8" fmla="*/ 9893 w 10000"/>
                  <a:gd name="connsiteY8" fmla="*/ 2866 h 10000"/>
                  <a:gd name="connsiteX9" fmla="*/ 9707 w 10000"/>
                  <a:gd name="connsiteY9" fmla="*/ 2984 h 10000"/>
                  <a:gd name="connsiteX10" fmla="*/ 9495 w 10000"/>
                  <a:gd name="connsiteY10" fmla="*/ 3072 h 10000"/>
                  <a:gd name="connsiteX11" fmla="*/ 9281 w 10000"/>
                  <a:gd name="connsiteY11" fmla="*/ 3161 h 10000"/>
                  <a:gd name="connsiteX12" fmla="*/ 9069 w 10000"/>
                  <a:gd name="connsiteY12" fmla="*/ 3250 h 10000"/>
                  <a:gd name="connsiteX13" fmla="*/ 8589 w 10000"/>
                  <a:gd name="connsiteY13" fmla="*/ 3397 h 10000"/>
                  <a:gd name="connsiteX14" fmla="*/ 8085 w 10000"/>
                  <a:gd name="connsiteY14" fmla="*/ 3545 h 10000"/>
                  <a:gd name="connsiteX15" fmla="*/ 7580 w 10000"/>
                  <a:gd name="connsiteY15" fmla="*/ 3678 h 10000"/>
                  <a:gd name="connsiteX16" fmla="*/ 7100 w 10000"/>
                  <a:gd name="connsiteY16" fmla="*/ 3840 h 10000"/>
                  <a:gd name="connsiteX17" fmla="*/ 6861 w 10000"/>
                  <a:gd name="connsiteY17" fmla="*/ 3914 h 10000"/>
                  <a:gd name="connsiteX18" fmla="*/ 6649 w 10000"/>
                  <a:gd name="connsiteY18" fmla="*/ 4003 h 10000"/>
                  <a:gd name="connsiteX19" fmla="*/ 6437 w 10000"/>
                  <a:gd name="connsiteY19" fmla="*/ 4106 h 10000"/>
                  <a:gd name="connsiteX20" fmla="*/ 6222 w 10000"/>
                  <a:gd name="connsiteY20" fmla="*/ 4195 h 10000"/>
                  <a:gd name="connsiteX21" fmla="*/ 6382 w 10000"/>
                  <a:gd name="connsiteY21" fmla="*/ 4417 h 10000"/>
                  <a:gd name="connsiteX22" fmla="*/ 6490 w 10000"/>
                  <a:gd name="connsiteY22" fmla="*/ 4623 h 10000"/>
                  <a:gd name="connsiteX23" fmla="*/ 6475 w 10000"/>
                  <a:gd name="connsiteY23" fmla="*/ 4845 h 10000"/>
                  <a:gd name="connsiteX24" fmla="*/ 6729 w 10000"/>
                  <a:gd name="connsiteY24" fmla="*/ 5318 h 10000"/>
                  <a:gd name="connsiteX25" fmla="*/ 6756 w 10000"/>
                  <a:gd name="connsiteY25" fmla="*/ 5539 h 10000"/>
                  <a:gd name="connsiteX26" fmla="*/ 6780 w 10000"/>
                  <a:gd name="connsiteY26" fmla="*/ 5775 h 10000"/>
                  <a:gd name="connsiteX27" fmla="*/ 6780 w 10000"/>
                  <a:gd name="connsiteY27" fmla="*/ 5997 h 10000"/>
                  <a:gd name="connsiteX28" fmla="*/ 6756 w 10000"/>
                  <a:gd name="connsiteY28" fmla="*/ 6233 h 10000"/>
                  <a:gd name="connsiteX29" fmla="*/ 6702 w 10000"/>
                  <a:gd name="connsiteY29" fmla="*/ 6470 h 10000"/>
                  <a:gd name="connsiteX30" fmla="*/ 6649 w 10000"/>
                  <a:gd name="connsiteY30" fmla="*/ 6677 h 10000"/>
                  <a:gd name="connsiteX31" fmla="*/ 6569 w 10000"/>
                  <a:gd name="connsiteY31" fmla="*/ 6898 h 10000"/>
                  <a:gd name="connsiteX32" fmla="*/ 6463 w 10000"/>
                  <a:gd name="connsiteY32" fmla="*/ 7105 h 10000"/>
                  <a:gd name="connsiteX33" fmla="*/ 6330 w 10000"/>
                  <a:gd name="connsiteY33" fmla="*/ 7297 h 10000"/>
                  <a:gd name="connsiteX34" fmla="*/ 6170 w 10000"/>
                  <a:gd name="connsiteY34" fmla="*/ 7489 h 10000"/>
                  <a:gd name="connsiteX35" fmla="*/ 6010 w 10000"/>
                  <a:gd name="connsiteY35" fmla="*/ 7681 h 10000"/>
                  <a:gd name="connsiteX36" fmla="*/ 6780 w 10000"/>
                  <a:gd name="connsiteY36" fmla="*/ 7799 h 10000"/>
                  <a:gd name="connsiteX37" fmla="*/ 7580 w 10000"/>
                  <a:gd name="connsiteY37" fmla="*/ 7962 h 10000"/>
                  <a:gd name="connsiteX38" fmla="*/ 7738 w 10000"/>
                  <a:gd name="connsiteY38" fmla="*/ 8021 h 10000"/>
                  <a:gd name="connsiteX39" fmla="*/ 7872 w 10000"/>
                  <a:gd name="connsiteY39" fmla="*/ 8080 h 10000"/>
                  <a:gd name="connsiteX40" fmla="*/ 8004 w 10000"/>
                  <a:gd name="connsiteY40" fmla="*/ 8139 h 10000"/>
                  <a:gd name="connsiteX41" fmla="*/ 8085 w 10000"/>
                  <a:gd name="connsiteY41" fmla="*/ 8227 h 10000"/>
                  <a:gd name="connsiteX42" fmla="*/ 8112 w 10000"/>
                  <a:gd name="connsiteY42" fmla="*/ 8301 h 10000"/>
                  <a:gd name="connsiteX43" fmla="*/ 8112 w 10000"/>
                  <a:gd name="connsiteY43" fmla="*/ 8405 h 10000"/>
                  <a:gd name="connsiteX44" fmla="*/ 8059 w 10000"/>
                  <a:gd name="connsiteY44" fmla="*/ 8523 h 10000"/>
                  <a:gd name="connsiteX45" fmla="*/ 7978 w 10000"/>
                  <a:gd name="connsiteY45" fmla="*/ 8641 h 10000"/>
                  <a:gd name="connsiteX46" fmla="*/ 7633 w 10000"/>
                  <a:gd name="connsiteY46" fmla="*/ 8552 h 10000"/>
                  <a:gd name="connsiteX47" fmla="*/ 7313 w 10000"/>
                  <a:gd name="connsiteY47" fmla="*/ 8449 h 10000"/>
                  <a:gd name="connsiteX48" fmla="*/ 6994 w 10000"/>
                  <a:gd name="connsiteY48" fmla="*/ 8360 h 10000"/>
                  <a:gd name="connsiteX49" fmla="*/ 6674 w 10000"/>
                  <a:gd name="connsiteY49" fmla="*/ 8287 h 10000"/>
                  <a:gd name="connsiteX50" fmla="*/ 6541 w 10000"/>
                  <a:gd name="connsiteY50" fmla="*/ 8449 h 10000"/>
                  <a:gd name="connsiteX51" fmla="*/ 6437 w 10000"/>
                  <a:gd name="connsiteY51" fmla="*/ 8597 h 10000"/>
                  <a:gd name="connsiteX52" fmla="*/ 6382 w 10000"/>
                  <a:gd name="connsiteY52" fmla="*/ 8656 h 10000"/>
                  <a:gd name="connsiteX53" fmla="*/ 6276 w 10000"/>
                  <a:gd name="connsiteY53" fmla="*/ 8700 h 10000"/>
                  <a:gd name="connsiteX54" fmla="*/ 6197 w 10000"/>
                  <a:gd name="connsiteY54" fmla="*/ 8744 h 10000"/>
                  <a:gd name="connsiteX55" fmla="*/ 6117 w 10000"/>
                  <a:gd name="connsiteY55" fmla="*/ 8774 h 10000"/>
                  <a:gd name="connsiteX56" fmla="*/ 6037 w 10000"/>
                  <a:gd name="connsiteY56" fmla="*/ 8804 h 10000"/>
                  <a:gd name="connsiteX57" fmla="*/ 5931 w 10000"/>
                  <a:gd name="connsiteY57" fmla="*/ 8818 h 10000"/>
                  <a:gd name="connsiteX58" fmla="*/ 5797 w 10000"/>
                  <a:gd name="connsiteY58" fmla="*/ 8833 h 10000"/>
                  <a:gd name="connsiteX59" fmla="*/ 5665 w 10000"/>
                  <a:gd name="connsiteY59" fmla="*/ 8833 h 10000"/>
                  <a:gd name="connsiteX60" fmla="*/ 5347 w 10000"/>
                  <a:gd name="connsiteY60" fmla="*/ 8818 h 10000"/>
                  <a:gd name="connsiteX61" fmla="*/ 4946 w 10000"/>
                  <a:gd name="connsiteY61" fmla="*/ 8744 h 10000"/>
                  <a:gd name="connsiteX62" fmla="*/ 4946 w 10000"/>
                  <a:gd name="connsiteY62" fmla="*/ 8922 h 10000"/>
                  <a:gd name="connsiteX63" fmla="*/ 4919 w 10000"/>
                  <a:gd name="connsiteY63" fmla="*/ 9069 h 10000"/>
                  <a:gd name="connsiteX64" fmla="*/ 4894 w 10000"/>
                  <a:gd name="connsiteY64" fmla="*/ 9232 h 10000"/>
                  <a:gd name="connsiteX65" fmla="*/ 4867 w 10000"/>
                  <a:gd name="connsiteY65" fmla="*/ 9365 h 10000"/>
                  <a:gd name="connsiteX66" fmla="*/ 4813 w 10000"/>
                  <a:gd name="connsiteY66" fmla="*/ 9498 h 10000"/>
                  <a:gd name="connsiteX67" fmla="*/ 4708 w 10000"/>
                  <a:gd name="connsiteY67" fmla="*/ 9616 h 10000"/>
                  <a:gd name="connsiteX68" fmla="*/ 4628 w 10000"/>
                  <a:gd name="connsiteY68" fmla="*/ 9734 h 10000"/>
                  <a:gd name="connsiteX69" fmla="*/ 4494 w 10000"/>
                  <a:gd name="connsiteY69" fmla="*/ 9838 h 10000"/>
                  <a:gd name="connsiteX70" fmla="*/ 4173 w 10000"/>
                  <a:gd name="connsiteY70" fmla="*/ 9897 h 10000"/>
                  <a:gd name="connsiteX71" fmla="*/ 3910 w 10000"/>
                  <a:gd name="connsiteY71" fmla="*/ 9941 h 10000"/>
                  <a:gd name="connsiteX72" fmla="*/ 3590 w 10000"/>
                  <a:gd name="connsiteY72" fmla="*/ 9985 h 10000"/>
                  <a:gd name="connsiteX73" fmla="*/ 3351 w 10000"/>
                  <a:gd name="connsiteY73" fmla="*/ 10000 h 10000"/>
                  <a:gd name="connsiteX74" fmla="*/ 2819 w 10000"/>
                  <a:gd name="connsiteY74" fmla="*/ 10000 h 10000"/>
                  <a:gd name="connsiteX75" fmla="*/ 2313 w 10000"/>
                  <a:gd name="connsiteY75" fmla="*/ 9985 h 10000"/>
                  <a:gd name="connsiteX76" fmla="*/ 1836 w 10000"/>
                  <a:gd name="connsiteY76" fmla="*/ 9941 h 10000"/>
                  <a:gd name="connsiteX77" fmla="*/ 1330 w 10000"/>
                  <a:gd name="connsiteY77" fmla="*/ 9911 h 10000"/>
                  <a:gd name="connsiteX78" fmla="*/ 1038 w 10000"/>
                  <a:gd name="connsiteY78" fmla="*/ 9911 h 10000"/>
                  <a:gd name="connsiteX79" fmla="*/ 771 w 10000"/>
                  <a:gd name="connsiteY79" fmla="*/ 9911 h 10000"/>
                  <a:gd name="connsiteX80" fmla="*/ 479 w 10000"/>
                  <a:gd name="connsiteY80" fmla="*/ 9926 h 10000"/>
                  <a:gd name="connsiteX81" fmla="*/ 186 w 10000"/>
                  <a:gd name="connsiteY81" fmla="*/ 9970 h 10000"/>
                  <a:gd name="connsiteX82" fmla="*/ 107 w 10000"/>
                  <a:gd name="connsiteY82" fmla="*/ 9867 h 10000"/>
                  <a:gd name="connsiteX83" fmla="*/ 54 w 10000"/>
                  <a:gd name="connsiteY83" fmla="*/ 9793 h 10000"/>
                  <a:gd name="connsiteX84" fmla="*/ 0 w 10000"/>
                  <a:gd name="connsiteY84" fmla="*/ 9705 h 10000"/>
                  <a:gd name="connsiteX85" fmla="*/ 0 w 10000"/>
                  <a:gd name="connsiteY85" fmla="*/ 9601 h 10000"/>
                  <a:gd name="connsiteX86" fmla="*/ 54 w 10000"/>
                  <a:gd name="connsiteY86" fmla="*/ 9424 h 10000"/>
                  <a:gd name="connsiteX87" fmla="*/ 107 w 10000"/>
                  <a:gd name="connsiteY87" fmla="*/ 9202 h 10000"/>
                  <a:gd name="connsiteX88" fmla="*/ 158 w 10000"/>
                  <a:gd name="connsiteY88" fmla="*/ 8996 h 10000"/>
                  <a:gd name="connsiteX89" fmla="*/ 213 w 10000"/>
                  <a:gd name="connsiteY89" fmla="*/ 8759 h 10000"/>
                  <a:gd name="connsiteX90" fmla="*/ 239 w 10000"/>
                  <a:gd name="connsiteY90" fmla="*/ 8641 h 10000"/>
                  <a:gd name="connsiteX91" fmla="*/ 239 w 10000"/>
                  <a:gd name="connsiteY91" fmla="*/ 8538 h 10000"/>
                  <a:gd name="connsiteX92" fmla="*/ 213 w 10000"/>
                  <a:gd name="connsiteY92" fmla="*/ 8405 h 10000"/>
                  <a:gd name="connsiteX93" fmla="*/ 186 w 10000"/>
                  <a:gd name="connsiteY93" fmla="*/ 8287 h 10000"/>
                  <a:gd name="connsiteX94" fmla="*/ 452 w 10000"/>
                  <a:gd name="connsiteY94" fmla="*/ 8213 h 10000"/>
                  <a:gd name="connsiteX95" fmla="*/ 718 w 10000"/>
                  <a:gd name="connsiteY95" fmla="*/ 8139 h 10000"/>
                  <a:gd name="connsiteX96" fmla="*/ 984 w 10000"/>
                  <a:gd name="connsiteY96" fmla="*/ 8095 h 10000"/>
                  <a:gd name="connsiteX97" fmla="*/ 1277 w 10000"/>
                  <a:gd name="connsiteY97" fmla="*/ 8065 h 10000"/>
                  <a:gd name="connsiteX98" fmla="*/ 1807 w 10000"/>
                  <a:gd name="connsiteY98" fmla="*/ 8021 h 10000"/>
                  <a:gd name="connsiteX99" fmla="*/ 2341 w 10000"/>
                  <a:gd name="connsiteY99" fmla="*/ 7976 h 10000"/>
                  <a:gd name="connsiteX100" fmla="*/ 2580 w 10000"/>
                  <a:gd name="connsiteY100" fmla="*/ 7947 h 10000"/>
                  <a:gd name="connsiteX101" fmla="*/ 2819 w 10000"/>
                  <a:gd name="connsiteY101" fmla="*/ 7917 h 10000"/>
                  <a:gd name="connsiteX102" fmla="*/ 3030 w 10000"/>
                  <a:gd name="connsiteY102" fmla="*/ 7843 h 10000"/>
                  <a:gd name="connsiteX103" fmla="*/ 3244 w 10000"/>
                  <a:gd name="connsiteY103" fmla="*/ 7784 h 10000"/>
                  <a:gd name="connsiteX104" fmla="*/ 3431 w 10000"/>
                  <a:gd name="connsiteY104" fmla="*/ 7710 h 10000"/>
                  <a:gd name="connsiteX105" fmla="*/ 3590 w 10000"/>
                  <a:gd name="connsiteY105" fmla="*/ 7592 h 10000"/>
                  <a:gd name="connsiteX106" fmla="*/ 3750 w 10000"/>
                  <a:gd name="connsiteY106" fmla="*/ 7474 h 10000"/>
                  <a:gd name="connsiteX107" fmla="*/ 3856 w 10000"/>
                  <a:gd name="connsiteY107" fmla="*/ 7312 h 10000"/>
                  <a:gd name="connsiteX108" fmla="*/ 3644 w 10000"/>
                  <a:gd name="connsiteY108" fmla="*/ 7238 h 10000"/>
                  <a:gd name="connsiteX109" fmla="*/ 3456 w 10000"/>
                  <a:gd name="connsiteY109" fmla="*/ 7179 h 10000"/>
                  <a:gd name="connsiteX110" fmla="*/ 3297 w 10000"/>
                  <a:gd name="connsiteY110" fmla="*/ 7090 h 10000"/>
                  <a:gd name="connsiteX111" fmla="*/ 3139 w 10000"/>
                  <a:gd name="connsiteY111" fmla="*/ 6987 h 10000"/>
                  <a:gd name="connsiteX112" fmla="*/ 3030 w 10000"/>
                  <a:gd name="connsiteY112" fmla="*/ 6869 h 10000"/>
                  <a:gd name="connsiteX113" fmla="*/ 2980 w 10000"/>
                  <a:gd name="connsiteY113" fmla="*/ 6721 h 10000"/>
                  <a:gd name="connsiteX114" fmla="*/ 2952 w 10000"/>
                  <a:gd name="connsiteY114" fmla="*/ 6558 h 10000"/>
                  <a:gd name="connsiteX115" fmla="*/ 2980 w 10000"/>
                  <a:gd name="connsiteY115" fmla="*/ 6352 h 10000"/>
                  <a:gd name="connsiteX116" fmla="*/ 2846 w 10000"/>
                  <a:gd name="connsiteY116" fmla="*/ 6322 h 10000"/>
                  <a:gd name="connsiteX117" fmla="*/ 2687 w 10000"/>
                  <a:gd name="connsiteY117" fmla="*/ 6292 h 10000"/>
                  <a:gd name="connsiteX118" fmla="*/ 2501 w 10000"/>
                  <a:gd name="connsiteY118" fmla="*/ 6278 h 10000"/>
                  <a:gd name="connsiteX119" fmla="*/ 2313 w 10000"/>
                  <a:gd name="connsiteY119" fmla="*/ 6263 h 10000"/>
                  <a:gd name="connsiteX120" fmla="*/ 1942 w 10000"/>
                  <a:gd name="connsiteY120" fmla="*/ 6248 h 10000"/>
                  <a:gd name="connsiteX121" fmla="*/ 1543 w 10000"/>
                  <a:gd name="connsiteY121" fmla="*/ 6263 h 10000"/>
                  <a:gd name="connsiteX122" fmla="*/ 1198 w 10000"/>
                  <a:gd name="connsiteY122" fmla="*/ 6278 h 10000"/>
                  <a:gd name="connsiteX123" fmla="*/ 877 w 10000"/>
                  <a:gd name="connsiteY123" fmla="*/ 6278 h 10000"/>
                  <a:gd name="connsiteX124" fmla="*/ 613 w 10000"/>
                  <a:gd name="connsiteY124" fmla="*/ 6263 h 10000"/>
                  <a:gd name="connsiteX125" fmla="*/ 399 w 10000"/>
                  <a:gd name="connsiteY125" fmla="*/ 6233 h 10000"/>
                  <a:gd name="connsiteX126" fmla="*/ 663 w 10000"/>
                  <a:gd name="connsiteY126" fmla="*/ 5805 h 10000"/>
                  <a:gd name="connsiteX127" fmla="*/ 958 w 10000"/>
                  <a:gd name="connsiteY127" fmla="*/ 5391 h 10000"/>
                  <a:gd name="connsiteX128" fmla="*/ 1065 w 10000"/>
                  <a:gd name="connsiteY128" fmla="*/ 5170 h 10000"/>
                  <a:gd name="connsiteX129" fmla="*/ 1143 w 10000"/>
                  <a:gd name="connsiteY129" fmla="*/ 4963 h 10000"/>
                  <a:gd name="connsiteX130" fmla="*/ 1169 w 10000"/>
                  <a:gd name="connsiteY130" fmla="*/ 4860 h 10000"/>
                  <a:gd name="connsiteX131" fmla="*/ 1143 w 10000"/>
                  <a:gd name="connsiteY131" fmla="*/ 4756 h 10000"/>
                  <a:gd name="connsiteX132" fmla="*/ 1117 w 10000"/>
                  <a:gd name="connsiteY132" fmla="*/ 4653 h 10000"/>
                  <a:gd name="connsiteX133" fmla="*/ 1038 w 10000"/>
                  <a:gd name="connsiteY133" fmla="*/ 4549 h 10000"/>
                  <a:gd name="connsiteX134" fmla="*/ 1330 w 10000"/>
                  <a:gd name="connsiteY134" fmla="*/ 4520 h 10000"/>
                  <a:gd name="connsiteX135" fmla="*/ 1543 w 10000"/>
                  <a:gd name="connsiteY135" fmla="*/ 4505 h 10000"/>
                  <a:gd name="connsiteX136" fmla="*/ 1729 w 10000"/>
                  <a:gd name="connsiteY136" fmla="*/ 4505 h 10000"/>
                  <a:gd name="connsiteX137" fmla="*/ 1888 w 10000"/>
                  <a:gd name="connsiteY137" fmla="*/ 4520 h 10000"/>
                  <a:gd name="connsiteX138" fmla="*/ 2022 w 10000"/>
                  <a:gd name="connsiteY138" fmla="*/ 4520 h 10000"/>
                  <a:gd name="connsiteX139" fmla="*/ 2181 w 10000"/>
                  <a:gd name="connsiteY139" fmla="*/ 4520 h 10000"/>
                  <a:gd name="connsiteX140" fmla="*/ 2341 w 10000"/>
                  <a:gd name="connsiteY140" fmla="*/ 4490 h 10000"/>
                  <a:gd name="connsiteX141" fmla="*/ 2552 w 10000"/>
                  <a:gd name="connsiteY141" fmla="*/ 4446 h 10000"/>
                  <a:gd name="connsiteX142" fmla="*/ 2552 w 10000"/>
                  <a:gd name="connsiteY142" fmla="*/ 4579 h 10000"/>
                  <a:gd name="connsiteX143" fmla="*/ 2552 w 10000"/>
                  <a:gd name="connsiteY143" fmla="*/ 4742 h 10000"/>
                  <a:gd name="connsiteX144" fmla="*/ 2552 w 10000"/>
                  <a:gd name="connsiteY144" fmla="*/ 4874 h 10000"/>
                  <a:gd name="connsiteX145" fmla="*/ 2552 w 10000"/>
                  <a:gd name="connsiteY145" fmla="*/ 5037 h 10000"/>
                  <a:gd name="connsiteX146" fmla="*/ 2792 w 10000"/>
                  <a:gd name="connsiteY146" fmla="*/ 5022 h 10000"/>
                  <a:gd name="connsiteX147" fmla="*/ 2952 w 10000"/>
                  <a:gd name="connsiteY147" fmla="*/ 5037 h 10000"/>
                  <a:gd name="connsiteX148" fmla="*/ 3085 w 10000"/>
                  <a:gd name="connsiteY148" fmla="*/ 5066 h 10000"/>
                  <a:gd name="connsiteX149" fmla="*/ 3218 w 10000"/>
                  <a:gd name="connsiteY149" fmla="*/ 5096 h 10000"/>
                  <a:gd name="connsiteX150" fmla="*/ 3325 w 10000"/>
                  <a:gd name="connsiteY150" fmla="*/ 5126 h 10000"/>
                  <a:gd name="connsiteX151" fmla="*/ 3456 w 10000"/>
                  <a:gd name="connsiteY151" fmla="*/ 5155 h 10000"/>
                  <a:gd name="connsiteX152" fmla="*/ 3617 w 10000"/>
                  <a:gd name="connsiteY152" fmla="*/ 5170 h 10000"/>
                  <a:gd name="connsiteX153" fmla="*/ 3856 w 10000"/>
                  <a:gd name="connsiteY153" fmla="*/ 5155 h 10000"/>
                  <a:gd name="connsiteX154" fmla="*/ 3936 w 10000"/>
                  <a:gd name="connsiteY154" fmla="*/ 5096 h 10000"/>
                  <a:gd name="connsiteX155" fmla="*/ 4015 w 10000"/>
                  <a:gd name="connsiteY155" fmla="*/ 5022 h 10000"/>
                  <a:gd name="connsiteX156" fmla="*/ 4042 w 10000"/>
                  <a:gd name="connsiteY156" fmla="*/ 4934 h 10000"/>
                  <a:gd name="connsiteX157" fmla="*/ 4070 w 10000"/>
                  <a:gd name="connsiteY157" fmla="*/ 4860 h 10000"/>
                  <a:gd name="connsiteX158" fmla="*/ 4095 w 10000"/>
                  <a:gd name="connsiteY158" fmla="*/ 4697 h 10000"/>
                  <a:gd name="connsiteX159" fmla="*/ 4070 w 10000"/>
                  <a:gd name="connsiteY159" fmla="*/ 4520 h 10000"/>
                  <a:gd name="connsiteX160" fmla="*/ 3989 w 10000"/>
                  <a:gd name="connsiteY160" fmla="*/ 4343 h 10000"/>
                  <a:gd name="connsiteX161" fmla="*/ 3910 w 10000"/>
                  <a:gd name="connsiteY161" fmla="*/ 4195 h 10000"/>
                  <a:gd name="connsiteX162" fmla="*/ 3776 w 10000"/>
                  <a:gd name="connsiteY162" fmla="*/ 4047 h 10000"/>
                  <a:gd name="connsiteX163" fmla="*/ 3644 w 10000"/>
                  <a:gd name="connsiteY163" fmla="*/ 3959 h 10000"/>
                  <a:gd name="connsiteX164" fmla="*/ 3803 w 10000"/>
                  <a:gd name="connsiteY164" fmla="*/ 3944 h 10000"/>
                  <a:gd name="connsiteX165" fmla="*/ 3936 w 10000"/>
                  <a:gd name="connsiteY165" fmla="*/ 3914 h 10000"/>
                  <a:gd name="connsiteX166" fmla="*/ 4042 w 10000"/>
                  <a:gd name="connsiteY166" fmla="*/ 3855 h 10000"/>
                  <a:gd name="connsiteX167" fmla="*/ 4173 w 10000"/>
                  <a:gd name="connsiteY167" fmla="*/ 3752 h 10000"/>
                  <a:gd name="connsiteX168" fmla="*/ 4308 w 10000"/>
                  <a:gd name="connsiteY168" fmla="*/ 3663 h 10000"/>
                  <a:gd name="connsiteX169" fmla="*/ 4414 w 10000"/>
                  <a:gd name="connsiteY169" fmla="*/ 3560 h 10000"/>
                  <a:gd name="connsiteX170" fmla="*/ 4494 w 10000"/>
                  <a:gd name="connsiteY170" fmla="*/ 3442 h 10000"/>
                  <a:gd name="connsiteX171" fmla="*/ 4575 w 10000"/>
                  <a:gd name="connsiteY171" fmla="*/ 3323 h 10000"/>
                  <a:gd name="connsiteX172" fmla="*/ 4628 w 10000"/>
                  <a:gd name="connsiteY172" fmla="*/ 3220 h 10000"/>
                  <a:gd name="connsiteX173" fmla="*/ 4653 w 10000"/>
                  <a:gd name="connsiteY173" fmla="*/ 3102 h 10000"/>
                  <a:gd name="connsiteX174" fmla="*/ 4681 w 10000"/>
                  <a:gd name="connsiteY174" fmla="*/ 3013 h 10000"/>
                  <a:gd name="connsiteX175" fmla="*/ 4653 w 10000"/>
                  <a:gd name="connsiteY175" fmla="*/ 2939 h 10000"/>
                  <a:gd name="connsiteX176" fmla="*/ 4628 w 10000"/>
                  <a:gd name="connsiteY176" fmla="*/ 2866 h 10000"/>
                  <a:gd name="connsiteX177" fmla="*/ 4548 w 10000"/>
                  <a:gd name="connsiteY177" fmla="*/ 2836 h 10000"/>
                  <a:gd name="connsiteX178" fmla="*/ 4442 w 10000"/>
                  <a:gd name="connsiteY178" fmla="*/ 2836 h 10000"/>
                  <a:gd name="connsiteX179" fmla="*/ 4308 w 10000"/>
                  <a:gd name="connsiteY179" fmla="*/ 2866 h 10000"/>
                  <a:gd name="connsiteX180" fmla="*/ 4414 w 10000"/>
                  <a:gd name="connsiteY180" fmla="*/ 2777 h 10000"/>
                  <a:gd name="connsiteX181" fmla="*/ 4469 w 10000"/>
                  <a:gd name="connsiteY181" fmla="*/ 2674 h 10000"/>
                  <a:gd name="connsiteX182" fmla="*/ 4494 w 10000"/>
                  <a:gd name="connsiteY182" fmla="*/ 2541 h 10000"/>
                  <a:gd name="connsiteX183" fmla="*/ 4494 w 10000"/>
                  <a:gd name="connsiteY183" fmla="*/ 2393 h 10000"/>
                  <a:gd name="connsiteX184" fmla="*/ 4520 w 10000"/>
                  <a:gd name="connsiteY184" fmla="*/ 2349 h 10000"/>
                  <a:gd name="connsiteX185" fmla="*/ 4575 w 10000"/>
                  <a:gd name="connsiteY185" fmla="*/ 2304 h 10000"/>
                  <a:gd name="connsiteX186" fmla="*/ 4628 w 10000"/>
                  <a:gd name="connsiteY186" fmla="*/ 2290 h 10000"/>
                  <a:gd name="connsiteX187" fmla="*/ 4708 w 10000"/>
                  <a:gd name="connsiteY187" fmla="*/ 2275 h 10000"/>
                  <a:gd name="connsiteX188" fmla="*/ 4946 w 10000"/>
                  <a:gd name="connsiteY188" fmla="*/ 2260 h 10000"/>
                  <a:gd name="connsiteX189" fmla="*/ 5158 w 10000"/>
                  <a:gd name="connsiteY189" fmla="*/ 2275 h 10000"/>
                  <a:gd name="connsiteX190" fmla="*/ 5132 w 10000"/>
                  <a:gd name="connsiteY190" fmla="*/ 2112 h 10000"/>
                  <a:gd name="connsiteX191" fmla="*/ 5080 w 10000"/>
                  <a:gd name="connsiteY191" fmla="*/ 1950 h 10000"/>
                  <a:gd name="connsiteX192" fmla="*/ 4999 w 10000"/>
                  <a:gd name="connsiteY192" fmla="*/ 1802 h 10000"/>
                  <a:gd name="connsiteX193" fmla="*/ 4894 w 10000"/>
                  <a:gd name="connsiteY193" fmla="*/ 1640 h 10000"/>
                  <a:gd name="connsiteX194" fmla="*/ 4628 w 10000"/>
                  <a:gd name="connsiteY194" fmla="*/ 1329 h 10000"/>
                  <a:gd name="connsiteX195" fmla="*/ 4362 w 10000"/>
                  <a:gd name="connsiteY195" fmla="*/ 1034 h 10000"/>
                  <a:gd name="connsiteX196" fmla="*/ 4228 w 10000"/>
                  <a:gd name="connsiteY196" fmla="*/ 901 h 10000"/>
                  <a:gd name="connsiteX197" fmla="*/ 4124 w 10000"/>
                  <a:gd name="connsiteY197" fmla="*/ 753 h 10000"/>
                  <a:gd name="connsiteX198" fmla="*/ 4042 w 10000"/>
                  <a:gd name="connsiteY198" fmla="*/ 620 h 10000"/>
                  <a:gd name="connsiteX199" fmla="*/ 4015 w 10000"/>
                  <a:gd name="connsiteY199" fmla="*/ 487 h 10000"/>
                  <a:gd name="connsiteX200" fmla="*/ 3989 w 10000"/>
                  <a:gd name="connsiteY200" fmla="*/ 355 h 10000"/>
                  <a:gd name="connsiteX201" fmla="*/ 4042 w 10000"/>
                  <a:gd name="connsiteY201" fmla="*/ 222 h 10000"/>
                  <a:gd name="connsiteX202" fmla="*/ 4070 w 10000"/>
                  <a:gd name="connsiteY202" fmla="*/ 162 h 10000"/>
                  <a:gd name="connsiteX203" fmla="*/ 4124 w 10000"/>
                  <a:gd name="connsiteY203" fmla="*/ 103 h 10000"/>
                  <a:gd name="connsiteX204" fmla="*/ 4203 w 10000"/>
                  <a:gd name="connsiteY204" fmla="*/ 59 h 10000"/>
                  <a:gd name="connsiteX205" fmla="*/ 4308 w 10000"/>
                  <a:gd name="connsiteY205" fmla="*/ 0 h 10000"/>
                  <a:gd name="connsiteX206" fmla="*/ 4494 w 10000"/>
                  <a:gd name="connsiteY206" fmla="*/ 0 h 10000"/>
                  <a:gd name="connsiteX207" fmla="*/ 4681 w 10000"/>
                  <a:gd name="connsiteY207" fmla="*/ 15 h 10000"/>
                  <a:gd name="connsiteX208" fmla="*/ 4867 w 10000"/>
                  <a:gd name="connsiteY208" fmla="*/ 44 h 10000"/>
                  <a:gd name="connsiteX209" fmla="*/ 4999 w 10000"/>
                  <a:gd name="connsiteY209" fmla="*/ 89 h 10000"/>
                  <a:gd name="connsiteX210" fmla="*/ 5213 w 10000"/>
                  <a:gd name="connsiteY210" fmla="*/ 192 h 10000"/>
                  <a:gd name="connsiteX211" fmla="*/ 5425 w 10000"/>
                  <a:gd name="connsiteY211" fmla="*/ 340 h 10000"/>
                  <a:gd name="connsiteX212" fmla="*/ 5585 w 10000"/>
                  <a:gd name="connsiteY212" fmla="*/ 473 h 10000"/>
                  <a:gd name="connsiteX213" fmla="*/ 5797 w 10000"/>
                  <a:gd name="connsiteY213" fmla="*/ 591 h 10000"/>
                  <a:gd name="connsiteX214" fmla="*/ 5931 w 10000"/>
                  <a:gd name="connsiteY214" fmla="*/ 650 h 10000"/>
                  <a:gd name="connsiteX215" fmla="*/ 6090 w 10000"/>
                  <a:gd name="connsiteY215" fmla="*/ 679 h 10000"/>
                  <a:gd name="connsiteX216" fmla="*/ 6251 w 10000"/>
                  <a:gd name="connsiteY216" fmla="*/ 709 h 10000"/>
                  <a:gd name="connsiteX217" fmla="*/ 6463 w 10000"/>
                  <a:gd name="connsiteY217" fmla="*/ 709 h 10000"/>
                  <a:gd name="connsiteX218" fmla="*/ 6463 w 10000"/>
                  <a:gd name="connsiteY218" fmla="*/ 768 h 10000"/>
                  <a:gd name="connsiteX219" fmla="*/ 6490 w 10000"/>
                  <a:gd name="connsiteY219" fmla="*/ 842 h 10000"/>
                  <a:gd name="connsiteX220" fmla="*/ 6541 w 10000"/>
                  <a:gd name="connsiteY220" fmla="*/ 916 h 10000"/>
                  <a:gd name="connsiteX221" fmla="*/ 6595 w 10000"/>
                  <a:gd name="connsiteY221" fmla="*/ 990 h 10000"/>
                  <a:gd name="connsiteX222" fmla="*/ 6674 w 10000"/>
                  <a:gd name="connsiteY222" fmla="*/ 1049 h 10000"/>
                  <a:gd name="connsiteX223" fmla="*/ 6780 w 10000"/>
                  <a:gd name="connsiteY223" fmla="*/ 1108 h 10000"/>
                  <a:gd name="connsiteX224" fmla="*/ 6914 w 10000"/>
                  <a:gd name="connsiteY224" fmla="*/ 1182 h 10000"/>
                  <a:gd name="connsiteX225" fmla="*/ 7020 w 10000"/>
                  <a:gd name="connsiteY225" fmla="*/ 1226 h 10000"/>
                  <a:gd name="connsiteX226" fmla="*/ 7127 w 10000"/>
                  <a:gd name="connsiteY226" fmla="*/ 1270 h 10000"/>
                  <a:gd name="connsiteX227" fmla="*/ 7234 w 10000"/>
                  <a:gd name="connsiteY227" fmla="*/ 1300 h 10000"/>
                  <a:gd name="connsiteX228" fmla="*/ 7340 w 10000"/>
                  <a:gd name="connsiteY228" fmla="*/ 1315 h 10000"/>
                  <a:gd name="connsiteX229" fmla="*/ 7474 w 10000"/>
                  <a:gd name="connsiteY229" fmla="*/ 1300 h 10000"/>
                  <a:gd name="connsiteX230" fmla="*/ 7580 w 10000"/>
                  <a:gd name="connsiteY230" fmla="*/ 1285 h 10000"/>
                  <a:gd name="connsiteX231" fmla="*/ 7659 w 10000"/>
                  <a:gd name="connsiteY231" fmla="*/ 1241 h 10000"/>
                  <a:gd name="connsiteX232" fmla="*/ 7714 w 10000"/>
                  <a:gd name="connsiteY232" fmla="*/ 1167 h 10000"/>
                  <a:gd name="connsiteX233" fmla="*/ 7738 w 10000"/>
                  <a:gd name="connsiteY233" fmla="*/ 1064 h 10000"/>
                  <a:gd name="connsiteX234" fmla="*/ 8138 w 10000"/>
                  <a:gd name="connsiteY234" fmla="*/ 1034 h 10000"/>
                  <a:gd name="connsiteX235" fmla="*/ 8509 w 10000"/>
                  <a:gd name="connsiteY235" fmla="*/ 1004 h 10000"/>
                  <a:gd name="connsiteX236" fmla="*/ 8830 w 10000"/>
                  <a:gd name="connsiteY236" fmla="*/ 990 h 10000"/>
                  <a:gd name="connsiteX237" fmla="*/ 9123 w 10000"/>
                  <a:gd name="connsiteY237" fmla="*/ 1004 h 10000"/>
                  <a:gd name="connsiteX238" fmla="*/ 9256 w 10000"/>
                  <a:gd name="connsiteY238" fmla="*/ 1019 h 10000"/>
                  <a:gd name="connsiteX239" fmla="*/ 9387 w 10000"/>
                  <a:gd name="connsiteY239" fmla="*/ 1034 h 10000"/>
                  <a:gd name="connsiteX240" fmla="*/ 9495 w 10000"/>
                  <a:gd name="connsiteY240" fmla="*/ 1064 h 10000"/>
                  <a:gd name="connsiteX241" fmla="*/ 9628 w 10000"/>
                  <a:gd name="connsiteY241" fmla="*/ 1108 h 10000"/>
                  <a:gd name="connsiteX242" fmla="*/ 9707 w 10000"/>
                  <a:gd name="connsiteY242" fmla="*/ 1182 h 10000"/>
                  <a:gd name="connsiteX243" fmla="*/ 9786 w 10000"/>
                  <a:gd name="connsiteY243" fmla="*/ 1241 h 10000"/>
                  <a:gd name="connsiteX244" fmla="*/ 9841 w 10000"/>
                  <a:gd name="connsiteY244" fmla="*/ 1329 h 10000"/>
                  <a:gd name="connsiteX245" fmla="*/ 9893 w 10000"/>
                  <a:gd name="connsiteY245" fmla="*/ 1433 h 10000"/>
                  <a:gd name="connsiteX246" fmla="*/ 9946 w 10000"/>
                  <a:gd name="connsiteY246" fmla="*/ 1551 h 10000"/>
                  <a:gd name="connsiteX247" fmla="*/ 9919 w 10000"/>
                  <a:gd name="connsiteY247" fmla="*/ 1625 h 10000"/>
                  <a:gd name="connsiteX248" fmla="*/ 9893 w 10000"/>
                  <a:gd name="connsiteY248" fmla="*/ 1684 h 10000"/>
                  <a:gd name="connsiteX249" fmla="*/ 9841 w 10000"/>
                  <a:gd name="connsiteY249" fmla="*/ 1758 h 10000"/>
                  <a:gd name="connsiteX250" fmla="*/ 9761 w 10000"/>
                  <a:gd name="connsiteY250" fmla="*/ 1802 h 10000"/>
                  <a:gd name="connsiteX251" fmla="*/ 9707 w 10000"/>
                  <a:gd name="connsiteY251" fmla="*/ 1861 h 10000"/>
                  <a:gd name="connsiteX252" fmla="*/ 9682 w 10000"/>
                  <a:gd name="connsiteY252" fmla="*/ 1935 h 10000"/>
                  <a:gd name="connsiteX253" fmla="*/ 9707 w 10000"/>
                  <a:gd name="connsiteY253" fmla="*/ 2024 h 10000"/>
                  <a:gd name="connsiteX254" fmla="*/ 10000 w 10000"/>
                  <a:gd name="connsiteY254" fmla="*/ 2157 h 10000"/>
                  <a:gd name="connsiteX0" fmla="*/ 7340 w 10000"/>
                  <a:gd name="connsiteY0" fmla="*/ 4697 h 10000"/>
                  <a:gd name="connsiteX1" fmla="*/ 6674 w 10000"/>
                  <a:gd name="connsiteY1" fmla="*/ 4313 h 10000"/>
                  <a:gd name="connsiteX2" fmla="*/ 9628 w 10000"/>
                  <a:gd name="connsiteY2" fmla="*/ 3338 h 10000"/>
                  <a:gd name="connsiteX3" fmla="*/ 9866 w 10000"/>
                  <a:gd name="connsiteY3" fmla="*/ 3117 h 10000"/>
                  <a:gd name="connsiteX4" fmla="*/ 9893 w 10000"/>
                  <a:gd name="connsiteY4" fmla="*/ 3072 h 10000"/>
                  <a:gd name="connsiteX5" fmla="*/ 9919 w 10000"/>
                  <a:gd name="connsiteY5" fmla="*/ 3013 h 10000"/>
                  <a:gd name="connsiteX6" fmla="*/ 9919 w 10000"/>
                  <a:gd name="connsiteY6" fmla="*/ 2954 h 10000"/>
                  <a:gd name="connsiteX7" fmla="*/ 9893 w 10000"/>
                  <a:gd name="connsiteY7" fmla="*/ 2866 h 10000"/>
                  <a:gd name="connsiteX8" fmla="*/ 9707 w 10000"/>
                  <a:gd name="connsiteY8" fmla="*/ 2984 h 10000"/>
                  <a:gd name="connsiteX9" fmla="*/ 9495 w 10000"/>
                  <a:gd name="connsiteY9" fmla="*/ 3072 h 10000"/>
                  <a:gd name="connsiteX10" fmla="*/ 9281 w 10000"/>
                  <a:gd name="connsiteY10" fmla="*/ 3161 h 10000"/>
                  <a:gd name="connsiteX11" fmla="*/ 9069 w 10000"/>
                  <a:gd name="connsiteY11" fmla="*/ 3250 h 10000"/>
                  <a:gd name="connsiteX12" fmla="*/ 8589 w 10000"/>
                  <a:gd name="connsiteY12" fmla="*/ 3397 h 10000"/>
                  <a:gd name="connsiteX13" fmla="*/ 8085 w 10000"/>
                  <a:gd name="connsiteY13" fmla="*/ 3545 h 10000"/>
                  <a:gd name="connsiteX14" fmla="*/ 7580 w 10000"/>
                  <a:gd name="connsiteY14" fmla="*/ 3678 h 10000"/>
                  <a:gd name="connsiteX15" fmla="*/ 7100 w 10000"/>
                  <a:gd name="connsiteY15" fmla="*/ 3840 h 10000"/>
                  <a:gd name="connsiteX16" fmla="*/ 6861 w 10000"/>
                  <a:gd name="connsiteY16" fmla="*/ 3914 h 10000"/>
                  <a:gd name="connsiteX17" fmla="*/ 6649 w 10000"/>
                  <a:gd name="connsiteY17" fmla="*/ 4003 h 10000"/>
                  <a:gd name="connsiteX18" fmla="*/ 6437 w 10000"/>
                  <a:gd name="connsiteY18" fmla="*/ 4106 h 10000"/>
                  <a:gd name="connsiteX19" fmla="*/ 6222 w 10000"/>
                  <a:gd name="connsiteY19" fmla="*/ 4195 h 10000"/>
                  <a:gd name="connsiteX20" fmla="*/ 6382 w 10000"/>
                  <a:gd name="connsiteY20" fmla="*/ 4417 h 10000"/>
                  <a:gd name="connsiteX21" fmla="*/ 6490 w 10000"/>
                  <a:gd name="connsiteY21" fmla="*/ 4623 h 10000"/>
                  <a:gd name="connsiteX22" fmla="*/ 6475 w 10000"/>
                  <a:gd name="connsiteY22" fmla="*/ 4845 h 10000"/>
                  <a:gd name="connsiteX23" fmla="*/ 6729 w 10000"/>
                  <a:gd name="connsiteY23" fmla="*/ 5318 h 10000"/>
                  <a:gd name="connsiteX24" fmla="*/ 6756 w 10000"/>
                  <a:gd name="connsiteY24" fmla="*/ 5539 h 10000"/>
                  <a:gd name="connsiteX25" fmla="*/ 6780 w 10000"/>
                  <a:gd name="connsiteY25" fmla="*/ 5775 h 10000"/>
                  <a:gd name="connsiteX26" fmla="*/ 6780 w 10000"/>
                  <a:gd name="connsiteY26" fmla="*/ 5997 h 10000"/>
                  <a:gd name="connsiteX27" fmla="*/ 6756 w 10000"/>
                  <a:gd name="connsiteY27" fmla="*/ 6233 h 10000"/>
                  <a:gd name="connsiteX28" fmla="*/ 6702 w 10000"/>
                  <a:gd name="connsiteY28" fmla="*/ 6470 h 10000"/>
                  <a:gd name="connsiteX29" fmla="*/ 6649 w 10000"/>
                  <a:gd name="connsiteY29" fmla="*/ 6677 h 10000"/>
                  <a:gd name="connsiteX30" fmla="*/ 6569 w 10000"/>
                  <a:gd name="connsiteY30" fmla="*/ 6898 h 10000"/>
                  <a:gd name="connsiteX31" fmla="*/ 6463 w 10000"/>
                  <a:gd name="connsiteY31" fmla="*/ 7105 h 10000"/>
                  <a:gd name="connsiteX32" fmla="*/ 6330 w 10000"/>
                  <a:gd name="connsiteY32" fmla="*/ 7297 h 10000"/>
                  <a:gd name="connsiteX33" fmla="*/ 6170 w 10000"/>
                  <a:gd name="connsiteY33" fmla="*/ 7489 h 10000"/>
                  <a:gd name="connsiteX34" fmla="*/ 6010 w 10000"/>
                  <a:gd name="connsiteY34" fmla="*/ 7681 h 10000"/>
                  <a:gd name="connsiteX35" fmla="*/ 6780 w 10000"/>
                  <a:gd name="connsiteY35" fmla="*/ 7799 h 10000"/>
                  <a:gd name="connsiteX36" fmla="*/ 7580 w 10000"/>
                  <a:gd name="connsiteY36" fmla="*/ 7962 h 10000"/>
                  <a:gd name="connsiteX37" fmla="*/ 7738 w 10000"/>
                  <a:gd name="connsiteY37" fmla="*/ 8021 h 10000"/>
                  <a:gd name="connsiteX38" fmla="*/ 7872 w 10000"/>
                  <a:gd name="connsiteY38" fmla="*/ 8080 h 10000"/>
                  <a:gd name="connsiteX39" fmla="*/ 8004 w 10000"/>
                  <a:gd name="connsiteY39" fmla="*/ 8139 h 10000"/>
                  <a:gd name="connsiteX40" fmla="*/ 8085 w 10000"/>
                  <a:gd name="connsiteY40" fmla="*/ 8227 h 10000"/>
                  <a:gd name="connsiteX41" fmla="*/ 8112 w 10000"/>
                  <a:gd name="connsiteY41" fmla="*/ 8301 h 10000"/>
                  <a:gd name="connsiteX42" fmla="*/ 8112 w 10000"/>
                  <a:gd name="connsiteY42" fmla="*/ 8405 h 10000"/>
                  <a:gd name="connsiteX43" fmla="*/ 8059 w 10000"/>
                  <a:gd name="connsiteY43" fmla="*/ 8523 h 10000"/>
                  <a:gd name="connsiteX44" fmla="*/ 7978 w 10000"/>
                  <a:gd name="connsiteY44" fmla="*/ 8641 h 10000"/>
                  <a:gd name="connsiteX45" fmla="*/ 7633 w 10000"/>
                  <a:gd name="connsiteY45" fmla="*/ 8552 h 10000"/>
                  <a:gd name="connsiteX46" fmla="*/ 7313 w 10000"/>
                  <a:gd name="connsiteY46" fmla="*/ 8449 h 10000"/>
                  <a:gd name="connsiteX47" fmla="*/ 6994 w 10000"/>
                  <a:gd name="connsiteY47" fmla="*/ 8360 h 10000"/>
                  <a:gd name="connsiteX48" fmla="*/ 6674 w 10000"/>
                  <a:gd name="connsiteY48" fmla="*/ 8287 h 10000"/>
                  <a:gd name="connsiteX49" fmla="*/ 6541 w 10000"/>
                  <a:gd name="connsiteY49" fmla="*/ 8449 h 10000"/>
                  <a:gd name="connsiteX50" fmla="*/ 6437 w 10000"/>
                  <a:gd name="connsiteY50" fmla="*/ 8597 h 10000"/>
                  <a:gd name="connsiteX51" fmla="*/ 6382 w 10000"/>
                  <a:gd name="connsiteY51" fmla="*/ 8656 h 10000"/>
                  <a:gd name="connsiteX52" fmla="*/ 6276 w 10000"/>
                  <a:gd name="connsiteY52" fmla="*/ 8700 h 10000"/>
                  <a:gd name="connsiteX53" fmla="*/ 6197 w 10000"/>
                  <a:gd name="connsiteY53" fmla="*/ 8744 h 10000"/>
                  <a:gd name="connsiteX54" fmla="*/ 6117 w 10000"/>
                  <a:gd name="connsiteY54" fmla="*/ 8774 h 10000"/>
                  <a:gd name="connsiteX55" fmla="*/ 6037 w 10000"/>
                  <a:gd name="connsiteY55" fmla="*/ 8804 h 10000"/>
                  <a:gd name="connsiteX56" fmla="*/ 5931 w 10000"/>
                  <a:gd name="connsiteY56" fmla="*/ 8818 h 10000"/>
                  <a:gd name="connsiteX57" fmla="*/ 5797 w 10000"/>
                  <a:gd name="connsiteY57" fmla="*/ 8833 h 10000"/>
                  <a:gd name="connsiteX58" fmla="*/ 5665 w 10000"/>
                  <a:gd name="connsiteY58" fmla="*/ 8833 h 10000"/>
                  <a:gd name="connsiteX59" fmla="*/ 5347 w 10000"/>
                  <a:gd name="connsiteY59" fmla="*/ 8818 h 10000"/>
                  <a:gd name="connsiteX60" fmla="*/ 4946 w 10000"/>
                  <a:gd name="connsiteY60" fmla="*/ 8744 h 10000"/>
                  <a:gd name="connsiteX61" fmla="*/ 4946 w 10000"/>
                  <a:gd name="connsiteY61" fmla="*/ 8922 h 10000"/>
                  <a:gd name="connsiteX62" fmla="*/ 4919 w 10000"/>
                  <a:gd name="connsiteY62" fmla="*/ 9069 h 10000"/>
                  <a:gd name="connsiteX63" fmla="*/ 4894 w 10000"/>
                  <a:gd name="connsiteY63" fmla="*/ 9232 h 10000"/>
                  <a:gd name="connsiteX64" fmla="*/ 4867 w 10000"/>
                  <a:gd name="connsiteY64" fmla="*/ 9365 h 10000"/>
                  <a:gd name="connsiteX65" fmla="*/ 4813 w 10000"/>
                  <a:gd name="connsiteY65" fmla="*/ 9498 h 10000"/>
                  <a:gd name="connsiteX66" fmla="*/ 4708 w 10000"/>
                  <a:gd name="connsiteY66" fmla="*/ 9616 h 10000"/>
                  <a:gd name="connsiteX67" fmla="*/ 4628 w 10000"/>
                  <a:gd name="connsiteY67" fmla="*/ 9734 h 10000"/>
                  <a:gd name="connsiteX68" fmla="*/ 4494 w 10000"/>
                  <a:gd name="connsiteY68" fmla="*/ 9838 h 10000"/>
                  <a:gd name="connsiteX69" fmla="*/ 4173 w 10000"/>
                  <a:gd name="connsiteY69" fmla="*/ 9897 h 10000"/>
                  <a:gd name="connsiteX70" fmla="*/ 3910 w 10000"/>
                  <a:gd name="connsiteY70" fmla="*/ 9941 h 10000"/>
                  <a:gd name="connsiteX71" fmla="*/ 3590 w 10000"/>
                  <a:gd name="connsiteY71" fmla="*/ 9985 h 10000"/>
                  <a:gd name="connsiteX72" fmla="*/ 3351 w 10000"/>
                  <a:gd name="connsiteY72" fmla="*/ 10000 h 10000"/>
                  <a:gd name="connsiteX73" fmla="*/ 2819 w 10000"/>
                  <a:gd name="connsiteY73" fmla="*/ 10000 h 10000"/>
                  <a:gd name="connsiteX74" fmla="*/ 2313 w 10000"/>
                  <a:gd name="connsiteY74" fmla="*/ 9985 h 10000"/>
                  <a:gd name="connsiteX75" fmla="*/ 1836 w 10000"/>
                  <a:gd name="connsiteY75" fmla="*/ 9941 h 10000"/>
                  <a:gd name="connsiteX76" fmla="*/ 1330 w 10000"/>
                  <a:gd name="connsiteY76" fmla="*/ 9911 h 10000"/>
                  <a:gd name="connsiteX77" fmla="*/ 1038 w 10000"/>
                  <a:gd name="connsiteY77" fmla="*/ 9911 h 10000"/>
                  <a:gd name="connsiteX78" fmla="*/ 771 w 10000"/>
                  <a:gd name="connsiteY78" fmla="*/ 9911 h 10000"/>
                  <a:gd name="connsiteX79" fmla="*/ 479 w 10000"/>
                  <a:gd name="connsiteY79" fmla="*/ 9926 h 10000"/>
                  <a:gd name="connsiteX80" fmla="*/ 186 w 10000"/>
                  <a:gd name="connsiteY80" fmla="*/ 9970 h 10000"/>
                  <a:gd name="connsiteX81" fmla="*/ 107 w 10000"/>
                  <a:gd name="connsiteY81" fmla="*/ 9867 h 10000"/>
                  <a:gd name="connsiteX82" fmla="*/ 54 w 10000"/>
                  <a:gd name="connsiteY82" fmla="*/ 9793 h 10000"/>
                  <a:gd name="connsiteX83" fmla="*/ 0 w 10000"/>
                  <a:gd name="connsiteY83" fmla="*/ 9705 h 10000"/>
                  <a:gd name="connsiteX84" fmla="*/ 0 w 10000"/>
                  <a:gd name="connsiteY84" fmla="*/ 9601 h 10000"/>
                  <a:gd name="connsiteX85" fmla="*/ 54 w 10000"/>
                  <a:gd name="connsiteY85" fmla="*/ 9424 h 10000"/>
                  <a:gd name="connsiteX86" fmla="*/ 107 w 10000"/>
                  <a:gd name="connsiteY86" fmla="*/ 9202 h 10000"/>
                  <a:gd name="connsiteX87" fmla="*/ 158 w 10000"/>
                  <a:gd name="connsiteY87" fmla="*/ 8996 h 10000"/>
                  <a:gd name="connsiteX88" fmla="*/ 213 w 10000"/>
                  <a:gd name="connsiteY88" fmla="*/ 8759 h 10000"/>
                  <a:gd name="connsiteX89" fmla="*/ 239 w 10000"/>
                  <a:gd name="connsiteY89" fmla="*/ 8641 h 10000"/>
                  <a:gd name="connsiteX90" fmla="*/ 239 w 10000"/>
                  <a:gd name="connsiteY90" fmla="*/ 8538 h 10000"/>
                  <a:gd name="connsiteX91" fmla="*/ 213 w 10000"/>
                  <a:gd name="connsiteY91" fmla="*/ 8405 h 10000"/>
                  <a:gd name="connsiteX92" fmla="*/ 186 w 10000"/>
                  <a:gd name="connsiteY92" fmla="*/ 8287 h 10000"/>
                  <a:gd name="connsiteX93" fmla="*/ 452 w 10000"/>
                  <a:gd name="connsiteY93" fmla="*/ 8213 h 10000"/>
                  <a:gd name="connsiteX94" fmla="*/ 718 w 10000"/>
                  <a:gd name="connsiteY94" fmla="*/ 8139 h 10000"/>
                  <a:gd name="connsiteX95" fmla="*/ 984 w 10000"/>
                  <a:gd name="connsiteY95" fmla="*/ 8095 h 10000"/>
                  <a:gd name="connsiteX96" fmla="*/ 1277 w 10000"/>
                  <a:gd name="connsiteY96" fmla="*/ 8065 h 10000"/>
                  <a:gd name="connsiteX97" fmla="*/ 1807 w 10000"/>
                  <a:gd name="connsiteY97" fmla="*/ 8021 h 10000"/>
                  <a:gd name="connsiteX98" fmla="*/ 2341 w 10000"/>
                  <a:gd name="connsiteY98" fmla="*/ 7976 h 10000"/>
                  <a:gd name="connsiteX99" fmla="*/ 2580 w 10000"/>
                  <a:gd name="connsiteY99" fmla="*/ 7947 h 10000"/>
                  <a:gd name="connsiteX100" fmla="*/ 2819 w 10000"/>
                  <a:gd name="connsiteY100" fmla="*/ 7917 h 10000"/>
                  <a:gd name="connsiteX101" fmla="*/ 3030 w 10000"/>
                  <a:gd name="connsiteY101" fmla="*/ 7843 h 10000"/>
                  <a:gd name="connsiteX102" fmla="*/ 3244 w 10000"/>
                  <a:gd name="connsiteY102" fmla="*/ 7784 h 10000"/>
                  <a:gd name="connsiteX103" fmla="*/ 3431 w 10000"/>
                  <a:gd name="connsiteY103" fmla="*/ 7710 h 10000"/>
                  <a:gd name="connsiteX104" fmla="*/ 3590 w 10000"/>
                  <a:gd name="connsiteY104" fmla="*/ 7592 h 10000"/>
                  <a:gd name="connsiteX105" fmla="*/ 3750 w 10000"/>
                  <a:gd name="connsiteY105" fmla="*/ 7474 h 10000"/>
                  <a:gd name="connsiteX106" fmla="*/ 3856 w 10000"/>
                  <a:gd name="connsiteY106" fmla="*/ 7312 h 10000"/>
                  <a:gd name="connsiteX107" fmla="*/ 3644 w 10000"/>
                  <a:gd name="connsiteY107" fmla="*/ 7238 h 10000"/>
                  <a:gd name="connsiteX108" fmla="*/ 3456 w 10000"/>
                  <a:gd name="connsiteY108" fmla="*/ 7179 h 10000"/>
                  <a:gd name="connsiteX109" fmla="*/ 3297 w 10000"/>
                  <a:gd name="connsiteY109" fmla="*/ 7090 h 10000"/>
                  <a:gd name="connsiteX110" fmla="*/ 3139 w 10000"/>
                  <a:gd name="connsiteY110" fmla="*/ 6987 h 10000"/>
                  <a:gd name="connsiteX111" fmla="*/ 3030 w 10000"/>
                  <a:gd name="connsiteY111" fmla="*/ 6869 h 10000"/>
                  <a:gd name="connsiteX112" fmla="*/ 2980 w 10000"/>
                  <a:gd name="connsiteY112" fmla="*/ 6721 h 10000"/>
                  <a:gd name="connsiteX113" fmla="*/ 2952 w 10000"/>
                  <a:gd name="connsiteY113" fmla="*/ 6558 h 10000"/>
                  <a:gd name="connsiteX114" fmla="*/ 2980 w 10000"/>
                  <a:gd name="connsiteY114" fmla="*/ 6352 h 10000"/>
                  <a:gd name="connsiteX115" fmla="*/ 2846 w 10000"/>
                  <a:gd name="connsiteY115" fmla="*/ 6322 h 10000"/>
                  <a:gd name="connsiteX116" fmla="*/ 2687 w 10000"/>
                  <a:gd name="connsiteY116" fmla="*/ 6292 h 10000"/>
                  <a:gd name="connsiteX117" fmla="*/ 2501 w 10000"/>
                  <a:gd name="connsiteY117" fmla="*/ 6278 h 10000"/>
                  <a:gd name="connsiteX118" fmla="*/ 2313 w 10000"/>
                  <a:gd name="connsiteY118" fmla="*/ 6263 h 10000"/>
                  <a:gd name="connsiteX119" fmla="*/ 1942 w 10000"/>
                  <a:gd name="connsiteY119" fmla="*/ 6248 h 10000"/>
                  <a:gd name="connsiteX120" fmla="*/ 1543 w 10000"/>
                  <a:gd name="connsiteY120" fmla="*/ 6263 h 10000"/>
                  <a:gd name="connsiteX121" fmla="*/ 1198 w 10000"/>
                  <a:gd name="connsiteY121" fmla="*/ 6278 h 10000"/>
                  <a:gd name="connsiteX122" fmla="*/ 877 w 10000"/>
                  <a:gd name="connsiteY122" fmla="*/ 6278 h 10000"/>
                  <a:gd name="connsiteX123" fmla="*/ 613 w 10000"/>
                  <a:gd name="connsiteY123" fmla="*/ 6263 h 10000"/>
                  <a:gd name="connsiteX124" fmla="*/ 399 w 10000"/>
                  <a:gd name="connsiteY124" fmla="*/ 6233 h 10000"/>
                  <a:gd name="connsiteX125" fmla="*/ 663 w 10000"/>
                  <a:gd name="connsiteY125" fmla="*/ 5805 h 10000"/>
                  <a:gd name="connsiteX126" fmla="*/ 958 w 10000"/>
                  <a:gd name="connsiteY126" fmla="*/ 5391 h 10000"/>
                  <a:gd name="connsiteX127" fmla="*/ 1065 w 10000"/>
                  <a:gd name="connsiteY127" fmla="*/ 5170 h 10000"/>
                  <a:gd name="connsiteX128" fmla="*/ 1143 w 10000"/>
                  <a:gd name="connsiteY128" fmla="*/ 4963 h 10000"/>
                  <a:gd name="connsiteX129" fmla="*/ 1169 w 10000"/>
                  <a:gd name="connsiteY129" fmla="*/ 4860 h 10000"/>
                  <a:gd name="connsiteX130" fmla="*/ 1143 w 10000"/>
                  <a:gd name="connsiteY130" fmla="*/ 4756 h 10000"/>
                  <a:gd name="connsiteX131" fmla="*/ 1117 w 10000"/>
                  <a:gd name="connsiteY131" fmla="*/ 4653 h 10000"/>
                  <a:gd name="connsiteX132" fmla="*/ 1038 w 10000"/>
                  <a:gd name="connsiteY132" fmla="*/ 4549 h 10000"/>
                  <a:gd name="connsiteX133" fmla="*/ 1330 w 10000"/>
                  <a:gd name="connsiteY133" fmla="*/ 4520 h 10000"/>
                  <a:gd name="connsiteX134" fmla="*/ 1543 w 10000"/>
                  <a:gd name="connsiteY134" fmla="*/ 4505 h 10000"/>
                  <a:gd name="connsiteX135" fmla="*/ 1729 w 10000"/>
                  <a:gd name="connsiteY135" fmla="*/ 4505 h 10000"/>
                  <a:gd name="connsiteX136" fmla="*/ 1888 w 10000"/>
                  <a:gd name="connsiteY136" fmla="*/ 4520 h 10000"/>
                  <a:gd name="connsiteX137" fmla="*/ 2022 w 10000"/>
                  <a:gd name="connsiteY137" fmla="*/ 4520 h 10000"/>
                  <a:gd name="connsiteX138" fmla="*/ 2181 w 10000"/>
                  <a:gd name="connsiteY138" fmla="*/ 4520 h 10000"/>
                  <a:gd name="connsiteX139" fmla="*/ 2341 w 10000"/>
                  <a:gd name="connsiteY139" fmla="*/ 4490 h 10000"/>
                  <a:gd name="connsiteX140" fmla="*/ 2552 w 10000"/>
                  <a:gd name="connsiteY140" fmla="*/ 4446 h 10000"/>
                  <a:gd name="connsiteX141" fmla="*/ 2552 w 10000"/>
                  <a:gd name="connsiteY141" fmla="*/ 4579 h 10000"/>
                  <a:gd name="connsiteX142" fmla="*/ 2552 w 10000"/>
                  <a:gd name="connsiteY142" fmla="*/ 4742 h 10000"/>
                  <a:gd name="connsiteX143" fmla="*/ 2552 w 10000"/>
                  <a:gd name="connsiteY143" fmla="*/ 4874 h 10000"/>
                  <a:gd name="connsiteX144" fmla="*/ 2552 w 10000"/>
                  <a:gd name="connsiteY144" fmla="*/ 5037 h 10000"/>
                  <a:gd name="connsiteX145" fmla="*/ 2792 w 10000"/>
                  <a:gd name="connsiteY145" fmla="*/ 5022 h 10000"/>
                  <a:gd name="connsiteX146" fmla="*/ 2952 w 10000"/>
                  <a:gd name="connsiteY146" fmla="*/ 5037 h 10000"/>
                  <a:gd name="connsiteX147" fmla="*/ 3085 w 10000"/>
                  <a:gd name="connsiteY147" fmla="*/ 5066 h 10000"/>
                  <a:gd name="connsiteX148" fmla="*/ 3218 w 10000"/>
                  <a:gd name="connsiteY148" fmla="*/ 5096 h 10000"/>
                  <a:gd name="connsiteX149" fmla="*/ 3325 w 10000"/>
                  <a:gd name="connsiteY149" fmla="*/ 5126 h 10000"/>
                  <a:gd name="connsiteX150" fmla="*/ 3456 w 10000"/>
                  <a:gd name="connsiteY150" fmla="*/ 5155 h 10000"/>
                  <a:gd name="connsiteX151" fmla="*/ 3617 w 10000"/>
                  <a:gd name="connsiteY151" fmla="*/ 5170 h 10000"/>
                  <a:gd name="connsiteX152" fmla="*/ 3856 w 10000"/>
                  <a:gd name="connsiteY152" fmla="*/ 5155 h 10000"/>
                  <a:gd name="connsiteX153" fmla="*/ 3936 w 10000"/>
                  <a:gd name="connsiteY153" fmla="*/ 5096 h 10000"/>
                  <a:gd name="connsiteX154" fmla="*/ 4015 w 10000"/>
                  <a:gd name="connsiteY154" fmla="*/ 5022 h 10000"/>
                  <a:gd name="connsiteX155" fmla="*/ 4042 w 10000"/>
                  <a:gd name="connsiteY155" fmla="*/ 4934 h 10000"/>
                  <a:gd name="connsiteX156" fmla="*/ 4070 w 10000"/>
                  <a:gd name="connsiteY156" fmla="*/ 4860 h 10000"/>
                  <a:gd name="connsiteX157" fmla="*/ 4095 w 10000"/>
                  <a:gd name="connsiteY157" fmla="*/ 4697 h 10000"/>
                  <a:gd name="connsiteX158" fmla="*/ 4070 w 10000"/>
                  <a:gd name="connsiteY158" fmla="*/ 4520 h 10000"/>
                  <a:gd name="connsiteX159" fmla="*/ 3989 w 10000"/>
                  <a:gd name="connsiteY159" fmla="*/ 4343 h 10000"/>
                  <a:gd name="connsiteX160" fmla="*/ 3910 w 10000"/>
                  <a:gd name="connsiteY160" fmla="*/ 4195 h 10000"/>
                  <a:gd name="connsiteX161" fmla="*/ 3776 w 10000"/>
                  <a:gd name="connsiteY161" fmla="*/ 4047 h 10000"/>
                  <a:gd name="connsiteX162" fmla="*/ 3644 w 10000"/>
                  <a:gd name="connsiteY162" fmla="*/ 3959 h 10000"/>
                  <a:gd name="connsiteX163" fmla="*/ 3803 w 10000"/>
                  <a:gd name="connsiteY163" fmla="*/ 3944 h 10000"/>
                  <a:gd name="connsiteX164" fmla="*/ 3936 w 10000"/>
                  <a:gd name="connsiteY164" fmla="*/ 3914 h 10000"/>
                  <a:gd name="connsiteX165" fmla="*/ 4042 w 10000"/>
                  <a:gd name="connsiteY165" fmla="*/ 3855 h 10000"/>
                  <a:gd name="connsiteX166" fmla="*/ 4173 w 10000"/>
                  <a:gd name="connsiteY166" fmla="*/ 3752 h 10000"/>
                  <a:gd name="connsiteX167" fmla="*/ 4308 w 10000"/>
                  <a:gd name="connsiteY167" fmla="*/ 3663 h 10000"/>
                  <a:gd name="connsiteX168" fmla="*/ 4414 w 10000"/>
                  <a:gd name="connsiteY168" fmla="*/ 3560 h 10000"/>
                  <a:gd name="connsiteX169" fmla="*/ 4494 w 10000"/>
                  <a:gd name="connsiteY169" fmla="*/ 3442 h 10000"/>
                  <a:gd name="connsiteX170" fmla="*/ 4575 w 10000"/>
                  <a:gd name="connsiteY170" fmla="*/ 3323 h 10000"/>
                  <a:gd name="connsiteX171" fmla="*/ 4628 w 10000"/>
                  <a:gd name="connsiteY171" fmla="*/ 3220 h 10000"/>
                  <a:gd name="connsiteX172" fmla="*/ 4653 w 10000"/>
                  <a:gd name="connsiteY172" fmla="*/ 3102 h 10000"/>
                  <a:gd name="connsiteX173" fmla="*/ 4681 w 10000"/>
                  <a:gd name="connsiteY173" fmla="*/ 3013 h 10000"/>
                  <a:gd name="connsiteX174" fmla="*/ 4653 w 10000"/>
                  <a:gd name="connsiteY174" fmla="*/ 2939 h 10000"/>
                  <a:gd name="connsiteX175" fmla="*/ 4628 w 10000"/>
                  <a:gd name="connsiteY175" fmla="*/ 2866 h 10000"/>
                  <a:gd name="connsiteX176" fmla="*/ 4548 w 10000"/>
                  <a:gd name="connsiteY176" fmla="*/ 2836 h 10000"/>
                  <a:gd name="connsiteX177" fmla="*/ 4442 w 10000"/>
                  <a:gd name="connsiteY177" fmla="*/ 2836 h 10000"/>
                  <a:gd name="connsiteX178" fmla="*/ 4308 w 10000"/>
                  <a:gd name="connsiteY178" fmla="*/ 2866 h 10000"/>
                  <a:gd name="connsiteX179" fmla="*/ 4414 w 10000"/>
                  <a:gd name="connsiteY179" fmla="*/ 2777 h 10000"/>
                  <a:gd name="connsiteX180" fmla="*/ 4469 w 10000"/>
                  <a:gd name="connsiteY180" fmla="*/ 2674 h 10000"/>
                  <a:gd name="connsiteX181" fmla="*/ 4494 w 10000"/>
                  <a:gd name="connsiteY181" fmla="*/ 2541 h 10000"/>
                  <a:gd name="connsiteX182" fmla="*/ 4494 w 10000"/>
                  <a:gd name="connsiteY182" fmla="*/ 2393 h 10000"/>
                  <a:gd name="connsiteX183" fmla="*/ 4520 w 10000"/>
                  <a:gd name="connsiteY183" fmla="*/ 2349 h 10000"/>
                  <a:gd name="connsiteX184" fmla="*/ 4575 w 10000"/>
                  <a:gd name="connsiteY184" fmla="*/ 2304 h 10000"/>
                  <a:gd name="connsiteX185" fmla="*/ 4628 w 10000"/>
                  <a:gd name="connsiteY185" fmla="*/ 2290 h 10000"/>
                  <a:gd name="connsiteX186" fmla="*/ 4708 w 10000"/>
                  <a:gd name="connsiteY186" fmla="*/ 2275 h 10000"/>
                  <a:gd name="connsiteX187" fmla="*/ 4946 w 10000"/>
                  <a:gd name="connsiteY187" fmla="*/ 2260 h 10000"/>
                  <a:gd name="connsiteX188" fmla="*/ 5158 w 10000"/>
                  <a:gd name="connsiteY188" fmla="*/ 2275 h 10000"/>
                  <a:gd name="connsiteX189" fmla="*/ 5132 w 10000"/>
                  <a:gd name="connsiteY189" fmla="*/ 2112 h 10000"/>
                  <a:gd name="connsiteX190" fmla="*/ 5080 w 10000"/>
                  <a:gd name="connsiteY190" fmla="*/ 1950 h 10000"/>
                  <a:gd name="connsiteX191" fmla="*/ 4999 w 10000"/>
                  <a:gd name="connsiteY191" fmla="*/ 1802 h 10000"/>
                  <a:gd name="connsiteX192" fmla="*/ 4894 w 10000"/>
                  <a:gd name="connsiteY192" fmla="*/ 1640 h 10000"/>
                  <a:gd name="connsiteX193" fmla="*/ 4628 w 10000"/>
                  <a:gd name="connsiteY193" fmla="*/ 1329 h 10000"/>
                  <a:gd name="connsiteX194" fmla="*/ 4362 w 10000"/>
                  <a:gd name="connsiteY194" fmla="*/ 1034 h 10000"/>
                  <a:gd name="connsiteX195" fmla="*/ 4228 w 10000"/>
                  <a:gd name="connsiteY195" fmla="*/ 901 h 10000"/>
                  <a:gd name="connsiteX196" fmla="*/ 4124 w 10000"/>
                  <a:gd name="connsiteY196" fmla="*/ 753 h 10000"/>
                  <a:gd name="connsiteX197" fmla="*/ 4042 w 10000"/>
                  <a:gd name="connsiteY197" fmla="*/ 620 h 10000"/>
                  <a:gd name="connsiteX198" fmla="*/ 4015 w 10000"/>
                  <a:gd name="connsiteY198" fmla="*/ 487 h 10000"/>
                  <a:gd name="connsiteX199" fmla="*/ 3989 w 10000"/>
                  <a:gd name="connsiteY199" fmla="*/ 355 h 10000"/>
                  <a:gd name="connsiteX200" fmla="*/ 4042 w 10000"/>
                  <a:gd name="connsiteY200" fmla="*/ 222 h 10000"/>
                  <a:gd name="connsiteX201" fmla="*/ 4070 w 10000"/>
                  <a:gd name="connsiteY201" fmla="*/ 162 h 10000"/>
                  <a:gd name="connsiteX202" fmla="*/ 4124 w 10000"/>
                  <a:gd name="connsiteY202" fmla="*/ 103 h 10000"/>
                  <a:gd name="connsiteX203" fmla="*/ 4203 w 10000"/>
                  <a:gd name="connsiteY203" fmla="*/ 59 h 10000"/>
                  <a:gd name="connsiteX204" fmla="*/ 4308 w 10000"/>
                  <a:gd name="connsiteY204" fmla="*/ 0 h 10000"/>
                  <a:gd name="connsiteX205" fmla="*/ 4494 w 10000"/>
                  <a:gd name="connsiteY205" fmla="*/ 0 h 10000"/>
                  <a:gd name="connsiteX206" fmla="*/ 4681 w 10000"/>
                  <a:gd name="connsiteY206" fmla="*/ 15 h 10000"/>
                  <a:gd name="connsiteX207" fmla="*/ 4867 w 10000"/>
                  <a:gd name="connsiteY207" fmla="*/ 44 h 10000"/>
                  <a:gd name="connsiteX208" fmla="*/ 4999 w 10000"/>
                  <a:gd name="connsiteY208" fmla="*/ 89 h 10000"/>
                  <a:gd name="connsiteX209" fmla="*/ 5213 w 10000"/>
                  <a:gd name="connsiteY209" fmla="*/ 192 h 10000"/>
                  <a:gd name="connsiteX210" fmla="*/ 5425 w 10000"/>
                  <a:gd name="connsiteY210" fmla="*/ 340 h 10000"/>
                  <a:gd name="connsiteX211" fmla="*/ 5585 w 10000"/>
                  <a:gd name="connsiteY211" fmla="*/ 473 h 10000"/>
                  <a:gd name="connsiteX212" fmla="*/ 5797 w 10000"/>
                  <a:gd name="connsiteY212" fmla="*/ 591 h 10000"/>
                  <a:gd name="connsiteX213" fmla="*/ 5931 w 10000"/>
                  <a:gd name="connsiteY213" fmla="*/ 650 h 10000"/>
                  <a:gd name="connsiteX214" fmla="*/ 6090 w 10000"/>
                  <a:gd name="connsiteY214" fmla="*/ 679 h 10000"/>
                  <a:gd name="connsiteX215" fmla="*/ 6251 w 10000"/>
                  <a:gd name="connsiteY215" fmla="*/ 709 h 10000"/>
                  <a:gd name="connsiteX216" fmla="*/ 6463 w 10000"/>
                  <a:gd name="connsiteY216" fmla="*/ 709 h 10000"/>
                  <a:gd name="connsiteX217" fmla="*/ 6463 w 10000"/>
                  <a:gd name="connsiteY217" fmla="*/ 768 h 10000"/>
                  <a:gd name="connsiteX218" fmla="*/ 6490 w 10000"/>
                  <a:gd name="connsiteY218" fmla="*/ 842 h 10000"/>
                  <a:gd name="connsiteX219" fmla="*/ 6541 w 10000"/>
                  <a:gd name="connsiteY219" fmla="*/ 916 h 10000"/>
                  <a:gd name="connsiteX220" fmla="*/ 6595 w 10000"/>
                  <a:gd name="connsiteY220" fmla="*/ 990 h 10000"/>
                  <a:gd name="connsiteX221" fmla="*/ 6674 w 10000"/>
                  <a:gd name="connsiteY221" fmla="*/ 1049 h 10000"/>
                  <a:gd name="connsiteX222" fmla="*/ 6780 w 10000"/>
                  <a:gd name="connsiteY222" fmla="*/ 1108 h 10000"/>
                  <a:gd name="connsiteX223" fmla="*/ 6914 w 10000"/>
                  <a:gd name="connsiteY223" fmla="*/ 1182 h 10000"/>
                  <a:gd name="connsiteX224" fmla="*/ 7020 w 10000"/>
                  <a:gd name="connsiteY224" fmla="*/ 1226 h 10000"/>
                  <a:gd name="connsiteX225" fmla="*/ 7127 w 10000"/>
                  <a:gd name="connsiteY225" fmla="*/ 1270 h 10000"/>
                  <a:gd name="connsiteX226" fmla="*/ 7234 w 10000"/>
                  <a:gd name="connsiteY226" fmla="*/ 1300 h 10000"/>
                  <a:gd name="connsiteX227" fmla="*/ 7340 w 10000"/>
                  <a:gd name="connsiteY227" fmla="*/ 1315 h 10000"/>
                  <a:gd name="connsiteX228" fmla="*/ 7474 w 10000"/>
                  <a:gd name="connsiteY228" fmla="*/ 1300 h 10000"/>
                  <a:gd name="connsiteX229" fmla="*/ 7580 w 10000"/>
                  <a:gd name="connsiteY229" fmla="*/ 1285 h 10000"/>
                  <a:gd name="connsiteX230" fmla="*/ 7659 w 10000"/>
                  <a:gd name="connsiteY230" fmla="*/ 1241 h 10000"/>
                  <a:gd name="connsiteX231" fmla="*/ 7714 w 10000"/>
                  <a:gd name="connsiteY231" fmla="*/ 1167 h 10000"/>
                  <a:gd name="connsiteX232" fmla="*/ 7738 w 10000"/>
                  <a:gd name="connsiteY232" fmla="*/ 1064 h 10000"/>
                  <a:gd name="connsiteX233" fmla="*/ 8138 w 10000"/>
                  <a:gd name="connsiteY233" fmla="*/ 1034 h 10000"/>
                  <a:gd name="connsiteX234" fmla="*/ 8509 w 10000"/>
                  <a:gd name="connsiteY234" fmla="*/ 1004 h 10000"/>
                  <a:gd name="connsiteX235" fmla="*/ 8830 w 10000"/>
                  <a:gd name="connsiteY235" fmla="*/ 990 h 10000"/>
                  <a:gd name="connsiteX236" fmla="*/ 9123 w 10000"/>
                  <a:gd name="connsiteY236" fmla="*/ 1004 h 10000"/>
                  <a:gd name="connsiteX237" fmla="*/ 9256 w 10000"/>
                  <a:gd name="connsiteY237" fmla="*/ 1019 h 10000"/>
                  <a:gd name="connsiteX238" fmla="*/ 9387 w 10000"/>
                  <a:gd name="connsiteY238" fmla="*/ 1034 h 10000"/>
                  <a:gd name="connsiteX239" fmla="*/ 9495 w 10000"/>
                  <a:gd name="connsiteY239" fmla="*/ 1064 h 10000"/>
                  <a:gd name="connsiteX240" fmla="*/ 9628 w 10000"/>
                  <a:gd name="connsiteY240" fmla="*/ 1108 h 10000"/>
                  <a:gd name="connsiteX241" fmla="*/ 9707 w 10000"/>
                  <a:gd name="connsiteY241" fmla="*/ 1182 h 10000"/>
                  <a:gd name="connsiteX242" fmla="*/ 9786 w 10000"/>
                  <a:gd name="connsiteY242" fmla="*/ 1241 h 10000"/>
                  <a:gd name="connsiteX243" fmla="*/ 9841 w 10000"/>
                  <a:gd name="connsiteY243" fmla="*/ 1329 h 10000"/>
                  <a:gd name="connsiteX244" fmla="*/ 9893 w 10000"/>
                  <a:gd name="connsiteY244" fmla="*/ 1433 h 10000"/>
                  <a:gd name="connsiteX245" fmla="*/ 9946 w 10000"/>
                  <a:gd name="connsiteY245" fmla="*/ 1551 h 10000"/>
                  <a:gd name="connsiteX246" fmla="*/ 9919 w 10000"/>
                  <a:gd name="connsiteY246" fmla="*/ 1625 h 10000"/>
                  <a:gd name="connsiteX247" fmla="*/ 9893 w 10000"/>
                  <a:gd name="connsiteY247" fmla="*/ 1684 h 10000"/>
                  <a:gd name="connsiteX248" fmla="*/ 9841 w 10000"/>
                  <a:gd name="connsiteY248" fmla="*/ 1758 h 10000"/>
                  <a:gd name="connsiteX249" fmla="*/ 9761 w 10000"/>
                  <a:gd name="connsiteY249" fmla="*/ 1802 h 10000"/>
                  <a:gd name="connsiteX250" fmla="*/ 9707 w 10000"/>
                  <a:gd name="connsiteY250" fmla="*/ 1861 h 10000"/>
                  <a:gd name="connsiteX251" fmla="*/ 9682 w 10000"/>
                  <a:gd name="connsiteY251" fmla="*/ 1935 h 10000"/>
                  <a:gd name="connsiteX252" fmla="*/ 9707 w 10000"/>
                  <a:gd name="connsiteY252" fmla="*/ 2024 h 10000"/>
                  <a:gd name="connsiteX253" fmla="*/ 10000 w 10000"/>
                  <a:gd name="connsiteY253" fmla="*/ 2157 h 10000"/>
                  <a:gd name="connsiteX0" fmla="*/ 6674 w 10000"/>
                  <a:gd name="connsiteY0" fmla="*/ 4313 h 10000"/>
                  <a:gd name="connsiteX1" fmla="*/ 9628 w 10000"/>
                  <a:gd name="connsiteY1" fmla="*/ 3338 h 10000"/>
                  <a:gd name="connsiteX2" fmla="*/ 9866 w 10000"/>
                  <a:gd name="connsiteY2" fmla="*/ 3117 h 10000"/>
                  <a:gd name="connsiteX3" fmla="*/ 9893 w 10000"/>
                  <a:gd name="connsiteY3" fmla="*/ 3072 h 10000"/>
                  <a:gd name="connsiteX4" fmla="*/ 9919 w 10000"/>
                  <a:gd name="connsiteY4" fmla="*/ 3013 h 10000"/>
                  <a:gd name="connsiteX5" fmla="*/ 9919 w 10000"/>
                  <a:gd name="connsiteY5" fmla="*/ 2954 h 10000"/>
                  <a:gd name="connsiteX6" fmla="*/ 9893 w 10000"/>
                  <a:gd name="connsiteY6" fmla="*/ 2866 h 10000"/>
                  <a:gd name="connsiteX7" fmla="*/ 9707 w 10000"/>
                  <a:gd name="connsiteY7" fmla="*/ 2984 h 10000"/>
                  <a:gd name="connsiteX8" fmla="*/ 9495 w 10000"/>
                  <a:gd name="connsiteY8" fmla="*/ 3072 h 10000"/>
                  <a:gd name="connsiteX9" fmla="*/ 9281 w 10000"/>
                  <a:gd name="connsiteY9" fmla="*/ 3161 h 10000"/>
                  <a:gd name="connsiteX10" fmla="*/ 9069 w 10000"/>
                  <a:gd name="connsiteY10" fmla="*/ 3250 h 10000"/>
                  <a:gd name="connsiteX11" fmla="*/ 8589 w 10000"/>
                  <a:gd name="connsiteY11" fmla="*/ 3397 h 10000"/>
                  <a:gd name="connsiteX12" fmla="*/ 8085 w 10000"/>
                  <a:gd name="connsiteY12" fmla="*/ 3545 h 10000"/>
                  <a:gd name="connsiteX13" fmla="*/ 7580 w 10000"/>
                  <a:gd name="connsiteY13" fmla="*/ 3678 h 10000"/>
                  <a:gd name="connsiteX14" fmla="*/ 7100 w 10000"/>
                  <a:gd name="connsiteY14" fmla="*/ 3840 h 10000"/>
                  <a:gd name="connsiteX15" fmla="*/ 6861 w 10000"/>
                  <a:gd name="connsiteY15" fmla="*/ 3914 h 10000"/>
                  <a:gd name="connsiteX16" fmla="*/ 6649 w 10000"/>
                  <a:gd name="connsiteY16" fmla="*/ 4003 h 10000"/>
                  <a:gd name="connsiteX17" fmla="*/ 6437 w 10000"/>
                  <a:gd name="connsiteY17" fmla="*/ 4106 h 10000"/>
                  <a:gd name="connsiteX18" fmla="*/ 6222 w 10000"/>
                  <a:gd name="connsiteY18" fmla="*/ 4195 h 10000"/>
                  <a:gd name="connsiteX19" fmla="*/ 6382 w 10000"/>
                  <a:gd name="connsiteY19" fmla="*/ 4417 h 10000"/>
                  <a:gd name="connsiteX20" fmla="*/ 6490 w 10000"/>
                  <a:gd name="connsiteY20" fmla="*/ 4623 h 10000"/>
                  <a:gd name="connsiteX21" fmla="*/ 6475 w 10000"/>
                  <a:gd name="connsiteY21" fmla="*/ 4845 h 10000"/>
                  <a:gd name="connsiteX22" fmla="*/ 6729 w 10000"/>
                  <a:gd name="connsiteY22" fmla="*/ 5318 h 10000"/>
                  <a:gd name="connsiteX23" fmla="*/ 6756 w 10000"/>
                  <a:gd name="connsiteY23" fmla="*/ 5539 h 10000"/>
                  <a:gd name="connsiteX24" fmla="*/ 6780 w 10000"/>
                  <a:gd name="connsiteY24" fmla="*/ 5775 h 10000"/>
                  <a:gd name="connsiteX25" fmla="*/ 6780 w 10000"/>
                  <a:gd name="connsiteY25" fmla="*/ 5997 h 10000"/>
                  <a:gd name="connsiteX26" fmla="*/ 6756 w 10000"/>
                  <a:gd name="connsiteY26" fmla="*/ 6233 h 10000"/>
                  <a:gd name="connsiteX27" fmla="*/ 6702 w 10000"/>
                  <a:gd name="connsiteY27" fmla="*/ 6470 h 10000"/>
                  <a:gd name="connsiteX28" fmla="*/ 6649 w 10000"/>
                  <a:gd name="connsiteY28" fmla="*/ 6677 h 10000"/>
                  <a:gd name="connsiteX29" fmla="*/ 6569 w 10000"/>
                  <a:gd name="connsiteY29" fmla="*/ 6898 h 10000"/>
                  <a:gd name="connsiteX30" fmla="*/ 6463 w 10000"/>
                  <a:gd name="connsiteY30" fmla="*/ 7105 h 10000"/>
                  <a:gd name="connsiteX31" fmla="*/ 6330 w 10000"/>
                  <a:gd name="connsiteY31" fmla="*/ 7297 h 10000"/>
                  <a:gd name="connsiteX32" fmla="*/ 6170 w 10000"/>
                  <a:gd name="connsiteY32" fmla="*/ 7489 h 10000"/>
                  <a:gd name="connsiteX33" fmla="*/ 6010 w 10000"/>
                  <a:gd name="connsiteY33" fmla="*/ 7681 h 10000"/>
                  <a:gd name="connsiteX34" fmla="*/ 6780 w 10000"/>
                  <a:gd name="connsiteY34" fmla="*/ 7799 h 10000"/>
                  <a:gd name="connsiteX35" fmla="*/ 7580 w 10000"/>
                  <a:gd name="connsiteY35" fmla="*/ 7962 h 10000"/>
                  <a:gd name="connsiteX36" fmla="*/ 7738 w 10000"/>
                  <a:gd name="connsiteY36" fmla="*/ 8021 h 10000"/>
                  <a:gd name="connsiteX37" fmla="*/ 7872 w 10000"/>
                  <a:gd name="connsiteY37" fmla="*/ 8080 h 10000"/>
                  <a:gd name="connsiteX38" fmla="*/ 8004 w 10000"/>
                  <a:gd name="connsiteY38" fmla="*/ 8139 h 10000"/>
                  <a:gd name="connsiteX39" fmla="*/ 8085 w 10000"/>
                  <a:gd name="connsiteY39" fmla="*/ 8227 h 10000"/>
                  <a:gd name="connsiteX40" fmla="*/ 8112 w 10000"/>
                  <a:gd name="connsiteY40" fmla="*/ 8301 h 10000"/>
                  <a:gd name="connsiteX41" fmla="*/ 8112 w 10000"/>
                  <a:gd name="connsiteY41" fmla="*/ 8405 h 10000"/>
                  <a:gd name="connsiteX42" fmla="*/ 8059 w 10000"/>
                  <a:gd name="connsiteY42" fmla="*/ 8523 h 10000"/>
                  <a:gd name="connsiteX43" fmla="*/ 7978 w 10000"/>
                  <a:gd name="connsiteY43" fmla="*/ 8641 h 10000"/>
                  <a:gd name="connsiteX44" fmla="*/ 7633 w 10000"/>
                  <a:gd name="connsiteY44" fmla="*/ 8552 h 10000"/>
                  <a:gd name="connsiteX45" fmla="*/ 7313 w 10000"/>
                  <a:gd name="connsiteY45" fmla="*/ 8449 h 10000"/>
                  <a:gd name="connsiteX46" fmla="*/ 6994 w 10000"/>
                  <a:gd name="connsiteY46" fmla="*/ 8360 h 10000"/>
                  <a:gd name="connsiteX47" fmla="*/ 6674 w 10000"/>
                  <a:gd name="connsiteY47" fmla="*/ 8287 h 10000"/>
                  <a:gd name="connsiteX48" fmla="*/ 6541 w 10000"/>
                  <a:gd name="connsiteY48" fmla="*/ 8449 h 10000"/>
                  <a:gd name="connsiteX49" fmla="*/ 6437 w 10000"/>
                  <a:gd name="connsiteY49" fmla="*/ 8597 h 10000"/>
                  <a:gd name="connsiteX50" fmla="*/ 6382 w 10000"/>
                  <a:gd name="connsiteY50" fmla="*/ 8656 h 10000"/>
                  <a:gd name="connsiteX51" fmla="*/ 6276 w 10000"/>
                  <a:gd name="connsiteY51" fmla="*/ 8700 h 10000"/>
                  <a:gd name="connsiteX52" fmla="*/ 6197 w 10000"/>
                  <a:gd name="connsiteY52" fmla="*/ 8744 h 10000"/>
                  <a:gd name="connsiteX53" fmla="*/ 6117 w 10000"/>
                  <a:gd name="connsiteY53" fmla="*/ 8774 h 10000"/>
                  <a:gd name="connsiteX54" fmla="*/ 6037 w 10000"/>
                  <a:gd name="connsiteY54" fmla="*/ 8804 h 10000"/>
                  <a:gd name="connsiteX55" fmla="*/ 5931 w 10000"/>
                  <a:gd name="connsiteY55" fmla="*/ 8818 h 10000"/>
                  <a:gd name="connsiteX56" fmla="*/ 5797 w 10000"/>
                  <a:gd name="connsiteY56" fmla="*/ 8833 h 10000"/>
                  <a:gd name="connsiteX57" fmla="*/ 5665 w 10000"/>
                  <a:gd name="connsiteY57" fmla="*/ 8833 h 10000"/>
                  <a:gd name="connsiteX58" fmla="*/ 5347 w 10000"/>
                  <a:gd name="connsiteY58" fmla="*/ 8818 h 10000"/>
                  <a:gd name="connsiteX59" fmla="*/ 4946 w 10000"/>
                  <a:gd name="connsiteY59" fmla="*/ 8744 h 10000"/>
                  <a:gd name="connsiteX60" fmla="*/ 4946 w 10000"/>
                  <a:gd name="connsiteY60" fmla="*/ 8922 h 10000"/>
                  <a:gd name="connsiteX61" fmla="*/ 4919 w 10000"/>
                  <a:gd name="connsiteY61" fmla="*/ 9069 h 10000"/>
                  <a:gd name="connsiteX62" fmla="*/ 4894 w 10000"/>
                  <a:gd name="connsiteY62" fmla="*/ 9232 h 10000"/>
                  <a:gd name="connsiteX63" fmla="*/ 4867 w 10000"/>
                  <a:gd name="connsiteY63" fmla="*/ 9365 h 10000"/>
                  <a:gd name="connsiteX64" fmla="*/ 4813 w 10000"/>
                  <a:gd name="connsiteY64" fmla="*/ 9498 h 10000"/>
                  <a:gd name="connsiteX65" fmla="*/ 4708 w 10000"/>
                  <a:gd name="connsiteY65" fmla="*/ 9616 h 10000"/>
                  <a:gd name="connsiteX66" fmla="*/ 4628 w 10000"/>
                  <a:gd name="connsiteY66" fmla="*/ 9734 h 10000"/>
                  <a:gd name="connsiteX67" fmla="*/ 4494 w 10000"/>
                  <a:gd name="connsiteY67" fmla="*/ 9838 h 10000"/>
                  <a:gd name="connsiteX68" fmla="*/ 4173 w 10000"/>
                  <a:gd name="connsiteY68" fmla="*/ 9897 h 10000"/>
                  <a:gd name="connsiteX69" fmla="*/ 3910 w 10000"/>
                  <a:gd name="connsiteY69" fmla="*/ 9941 h 10000"/>
                  <a:gd name="connsiteX70" fmla="*/ 3590 w 10000"/>
                  <a:gd name="connsiteY70" fmla="*/ 9985 h 10000"/>
                  <a:gd name="connsiteX71" fmla="*/ 3351 w 10000"/>
                  <a:gd name="connsiteY71" fmla="*/ 10000 h 10000"/>
                  <a:gd name="connsiteX72" fmla="*/ 2819 w 10000"/>
                  <a:gd name="connsiteY72" fmla="*/ 10000 h 10000"/>
                  <a:gd name="connsiteX73" fmla="*/ 2313 w 10000"/>
                  <a:gd name="connsiteY73" fmla="*/ 9985 h 10000"/>
                  <a:gd name="connsiteX74" fmla="*/ 1836 w 10000"/>
                  <a:gd name="connsiteY74" fmla="*/ 9941 h 10000"/>
                  <a:gd name="connsiteX75" fmla="*/ 1330 w 10000"/>
                  <a:gd name="connsiteY75" fmla="*/ 9911 h 10000"/>
                  <a:gd name="connsiteX76" fmla="*/ 1038 w 10000"/>
                  <a:gd name="connsiteY76" fmla="*/ 9911 h 10000"/>
                  <a:gd name="connsiteX77" fmla="*/ 771 w 10000"/>
                  <a:gd name="connsiteY77" fmla="*/ 9911 h 10000"/>
                  <a:gd name="connsiteX78" fmla="*/ 479 w 10000"/>
                  <a:gd name="connsiteY78" fmla="*/ 9926 h 10000"/>
                  <a:gd name="connsiteX79" fmla="*/ 186 w 10000"/>
                  <a:gd name="connsiteY79" fmla="*/ 9970 h 10000"/>
                  <a:gd name="connsiteX80" fmla="*/ 107 w 10000"/>
                  <a:gd name="connsiteY80" fmla="*/ 9867 h 10000"/>
                  <a:gd name="connsiteX81" fmla="*/ 54 w 10000"/>
                  <a:gd name="connsiteY81" fmla="*/ 9793 h 10000"/>
                  <a:gd name="connsiteX82" fmla="*/ 0 w 10000"/>
                  <a:gd name="connsiteY82" fmla="*/ 9705 h 10000"/>
                  <a:gd name="connsiteX83" fmla="*/ 0 w 10000"/>
                  <a:gd name="connsiteY83" fmla="*/ 9601 h 10000"/>
                  <a:gd name="connsiteX84" fmla="*/ 54 w 10000"/>
                  <a:gd name="connsiteY84" fmla="*/ 9424 h 10000"/>
                  <a:gd name="connsiteX85" fmla="*/ 107 w 10000"/>
                  <a:gd name="connsiteY85" fmla="*/ 9202 h 10000"/>
                  <a:gd name="connsiteX86" fmla="*/ 158 w 10000"/>
                  <a:gd name="connsiteY86" fmla="*/ 8996 h 10000"/>
                  <a:gd name="connsiteX87" fmla="*/ 213 w 10000"/>
                  <a:gd name="connsiteY87" fmla="*/ 8759 h 10000"/>
                  <a:gd name="connsiteX88" fmla="*/ 239 w 10000"/>
                  <a:gd name="connsiteY88" fmla="*/ 8641 h 10000"/>
                  <a:gd name="connsiteX89" fmla="*/ 239 w 10000"/>
                  <a:gd name="connsiteY89" fmla="*/ 8538 h 10000"/>
                  <a:gd name="connsiteX90" fmla="*/ 213 w 10000"/>
                  <a:gd name="connsiteY90" fmla="*/ 8405 h 10000"/>
                  <a:gd name="connsiteX91" fmla="*/ 186 w 10000"/>
                  <a:gd name="connsiteY91" fmla="*/ 8287 h 10000"/>
                  <a:gd name="connsiteX92" fmla="*/ 452 w 10000"/>
                  <a:gd name="connsiteY92" fmla="*/ 8213 h 10000"/>
                  <a:gd name="connsiteX93" fmla="*/ 718 w 10000"/>
                  <a:gd name="connsiteY93" fmla="*/ 8139 h 10000"/>
                  <a:gd name="connsiteX94" fmla="*/ 984 w 10000"/>
                  <a:gd name="connsiteY94" fmla="*/ 8095 h 10000"/>
                  <a:gd name="connsiteX95" fmla="*/ 1277 w 10000"/>
                  <a:gd name="connsiteY95" fmla="*/ 8065 h 10000"/>
                  <a:gd name="connsiteX96" fmla="*/ 1807 w 10000"/>
                  <a:gd name="connsiteY96" fmla="*/ 8021 h 10000"/>
                  <a:gd name="connsiteX97" fmla="*/ 2341 w 10000"/>
                  <a:gd name="connsiteY97" fmla="*/ 7976 h 10000"/>
                  <a:gd name="connsiteX98" fmla="*/ 2580 w 10000"/>
                  <a:gd name="connsiteY98" fmla="*/ 7947 h 10000"/>
                  <a:gd name="connsiteX99" fmla="*/ 2819 w 10000"/>
                  <a:gd name="connsiteY99" fmla="*/ 7917 h 10000"/>
                  <a:gd name="connsiteX100" fmla="*/ 3030 w 10000"/>
                  <a:gd name="connsiteY100" fmla="*/ 7843 h 10000"/>
                  <a:gd name="connsiteX101" fmla="*/ 3244 w 10000"/>
                  <a:gd name="connsiteY101" fmla="*/ 7784 h 10000"/>
                  <a:gd name="connsiteX102" fmla="*/ 3431 w 10000"/>
                  <a:gd name="connsiteY102" fmla="*/ 7710 h 10000"/>
                  <a:gd name="connsiteX103" fmla="*/ 3590 w 10000"/>
                  <a:gd name="connsiteY103" fmla="*/ 7592 h 10000"/>
                  <a:gd name="connsiteX104" fmla="*/ 3750 w 10000"/>
                  <a:gd name="connsiteY104" fmla="*/ 7474 h 10000"/>
                  <a:gd name="connsiteX105" fmla="*/ 3856 w 10000"/>
                  <a:gd name="connsiteY105" fmla="*/ 7312 h 10000"/>
                  <a:gd name="connsiteX106" fmla="*/ 3644 w 10000"/>
                  <a:gd name="connsiteY106" fmla="*/ 7238 h 10000"/>
                  <a:gd name="connsiteX107" fmla="*/ 3456 w 10000"/>
                  <a:gd name="connsiteY107" fmla="*/ 7179 h 10000"/>
                  <a:gd name="connsiteX108" fmla="*/ 3297 w 10000"/>
                  <a:gd name="connsiteY108" fmla="*/ 7090 h 10000"/>
                  <a:gd name="connsiteX109" fmla="*/ 3139 w 10000"/>
                  <a:gd name="connsiteY109" fmla="*/ 6987 h 10000"/>
                  <a:gd name="connsiteX110" fmla="*/ 3030 w 10000"/>
                  <a:gd name="connsiteY110" fmla="*/ 6869 h 10000"/>
                  <a:gd name="connsiteX111" fmla="*/ 2980 w 10000"/>
                  <a:gd name="connsiteY111" fmla="*/ 6721 h 10000"/>
                  <a:gd name="connsiteX112" fmla="*/ 2952 w 10000"/>
                  <a:gd name="connsiteY112" fmla="*/ 6558 h 10000"/>
                  <a:gd name="connsiteX113" fmla="*/ 2980 w 10000"/>
                  <a:gd name="connsiteY113" fmla="*/ 6352 h 10000"/>
                  <a:gd name="connsiteX114" fmla="*/ 2846 w 10000"/>
                  <a:gd name="connsiteY114" fmla="*/ 6322 h 10000"/>
                  <a:gd name="connsiteX115" fmla="*/ 2687 w 10000"/>
                  <a:gd name="connsiteY115" fmla="*/ 6292 h 10000"/>
                  <a:gd name="connsiteX116" fmla="*/ 2501 w 10000"/>
                  <a:gd name="connsiteY116" fmla="*/ 6278 h 10000"/>
                  <a:gd name="connsiteX117" fmla="*/ 2313 w 10000"/>
                  <a:gd name="connsiteY117" fmla="*/ 6263 h 10000"/>
                  <a:gd name="connsiteX118" fmla="*/ 1942 w 10000"/>
                  <a:gd name="connsiteY118" fmla="*/ 6248 h 10000"/>
                  <a:gd name="connsiteX119" fmla="*/ 1543 w 10000"/>
                  <a:gd name="connsiteY119" fmla="*/ 6263 h 10000"/>
                  <a:gd name="connsiteX120" fmla="*/ 1198 w 10000"/>
                  <a:gd name="connsiteY120" fmla="*/ 6278 h 10000"/>
                  <a:gd name="connsiteX121" fmla="*/ 877 w 10000"/>
                  <a:gd name="connsiteY121" fmla="*/ 6278 h 10000"/>
                  <a:gd name="connsiteX122" fmla="*/ 613 w 10000"/>
                  <a:gd name="connsiteY122" fmla="*/ 6263 h 10000"/>
                  <a:gd name="connsiteX123" fmla="*/ 399 w 10000"/>
                  <a:gd name="connsiteY123" fmla="*/ 6233 h 10000"/>
                  <a:gd name="connsiteX124" fmla="*/ 663 w 10000"/>
                  <a:gd name="connsiteY124" fmla="*/ 5805 h 10000"/>
                  <a:gd name="connsiteX125" fmla="*/ 958 w 10000"/>
                  <a:gd name="connsiteY125" fmla="*/ 5391 h 10000"/>
                  <a:gd name="connsiteX126" fmla="*/ 1065 w 10000"/>
                  <a:gd name="connsiteY126" fmla="*/ 5170 h 10000"/>
                  <a:gd name="connsiteX127" fmla="*/ 1143 w 10000"/>
                  <a:gd name="connsiteY127" fmla="*/ 4963 h 10000"/>
                  <a:gd name="connsiteX128" fmla="*/ 1169 w 10000"/>
                  <a:gd name="connsiteY128" fmla="*/ 4860 h 10000"/>
                  <a:gd name="connsiteX129" fmla="*/ 1143 w 10000"/>
                  <a:gd name="connsiteY129" fmla="*/ 4756 h 10000"/>
                  <a:gd name="connsiteX130" fmla="*/ 1117 w 10000"/>
                  <a:gd name="connsiteY130" fmla="*/ 4653 h 10000"/>
                  <a:gd name="connsiteX131" fmla="*/ 1038 w 10000"/>
                  <a:gd name="connsiteY131" fmla="*/ 4549 h 10000"/>
                  <a:gd name="connsiteX132" fmla="*/ 1330 w 10000"/>
                  <a:gd name="connsiteY132" fmla="*/ 4520 h 10000"/>
                  <a:gd name="connsiteX133" fmla="*/ 1543 w 10000"/>
                  <a:gd name="connsiteY133" fmla="*/ 4505 h 10000"/>
                  <a:gd name="connsiteX134" fmla="*/ 1729 w 10000"/>
                  <a:gd name="connsiteY134" fmla="*/ 4505 h 10000"/>
                  <a:gd name="connsiteX135" fmla="*/ 1888 w 10000"/>
                  <a:gd name="connsiteY135" fmla="*/ 4520 h 10000"/>
                  <a:gd name="connsiteX136" fmla="*/ 2022 w 10000"/>
                  <a:gd name="connsiteY136" fmla="*/ 4520 h 10000"/>
                  <a:gd name="connsiteX137" fmla="*/ 2181 w 10000"/>
                  <a:gd name="connsiteY137" fmla="*/ 4520 h 10000"/>
                  <a:gd name="connsiteX138" fmla="*/ 2341 w 10000"/>
                  <a:gd name="connsiteY138" fmla="*/ 4490 h 10000"/>
                  <a:gd name="connsiteX139" fmla="*/ 2552 w 10000"/>
                  <a:gd name="connsiteY139" fmla="*/ 4446 h 10000"/>
                  <a:gd name="connsiteX140" fmla="*/ 2552 w 10000"/>
                  <a:gd name="connsiteY140" fmla="*/ 4579 h 10000"/>
                  <a:gd name="connsiteX141" fmla="*/ 2552 w 10000"/>
                  <a:gd name="connsiteY141" fmla="*/ 4742 h 10000"/>
                  <a:gd name="connsiteX142" fmla="*/ 2552 w 10000"/>
                  <a:gd name="connsiteY142" fmla="*/ 4874 h 10000"/>
                  <a:gd name="connsiteX143" fmla="*/ 2552 w 10000"/>
                  <a:gd name="connsiteY143" fmla="*/ 5037 h 10000"/>
                  <a:gd name="connsiteX144" fmla="*/ 2792 w 10000"/>
                  <a:gd name="connsiteY144" fmla="*/ 5022 h 10000"/>
                  <a:gd name="connsiteX145" fmla="*/ 2952 w 10000"/>
                  <a:gd name="connsiteY145" fmla="*/ 5037 h 10000"/>
                  <a:gd name="connsiteX146" fmla="*/ 3085 w 10000"/>
                  <a:gd name="connsiteY146" fmla="*/ 5066 h 10000"/>
                  <a:gd name="connsiteX147" fmla="*/ 3218 w 10000"/>
                  <a:gd name="connsiteY147" fmla="*/ 5096 h 10000"/>
                  <a:gd name="connsiteX148" fmla="*/ 3325 w 10000"/>
                  <a:gd name="connsiteY148" fmla="*/ 5126 h 10000"/>
                  <a:gd name="connsiteX149" fmla="*/ 3456 w 10000"/>
                  <a:gd name="connsiteY149" fmla="*/ 5155 h 10000"/>
                  <a:gd name="connsiteX150" fmla="*/ 3617 w 10000"/>
                  <a:gd name="connsiteY150" fmla="*/ 5170 h 10000"/>
                  <a:gd name="connsiteX151" fmla="*/ 3856 w 10000"/>
                  <a:gd name="connsiteY151" fmla="*/ 5155 h 10000"/>
                  <a:gd name="connsiteX152" fmla="*/ 3936 w 10000"/>
                  <a:gd name="connsiteY152" fmla="*/ 5096 h 10000"/>
                  <a:gd name="connsiteX153" fmla="*/ 4015 w 10000"/>
                  <a:gd name="connsiteY153" fmla="*/ 5022 h 10000"/>
                  <a:gd name="connsiteX154" fmla="*/ 4042 w 10000"/>
                  <a:gd name="connsiteY154" fmla="*/ 4934 h 10000"/>
                  <a:gd name="connsiteX155" fmla="*/ 4070 w 10000"/>
                  <a:gd name="connsiteY155" fmla="*/ 4860 h 10000"/>
                  <a:gd name="connsiteX156" fmla="*/ 4095 w 10000"/>
                  <a:gd name="connsiteY156" fmla="*/ 4697 h 10000"/>
                  <a:gd name="connsiteX157" fmla="*/ 4070 w 10000"/>
                  <a:gd name="connsiteY157" fmla="*/ 4520 h 10000"/>
                  <a:gd name="connsiteX158" fmla="*/ 3989 w 10000"/>
                  <a:gd name="connsiteY158" fmla="*/ 4343 h 10000"/>
                  <a:gd name="connsiteX159" fmla="*/ 3910 w 10000"/>
                  <a:gd name="connsiteY159" fmla="*/ 4195 h 10000"/>
                  <a:gd name="connsiteX160" fmla="*/ 3776 w 10000"/>
                  <a:gd name="connsiteY160" fmla="*/ 4047 h 10000"/>
                  <a:gd name="connsiteX161" fmla="*/ 3644 w 10000"/>
                  <a:gd name="connsiteY161" fmla="*/ 3959 h 10000"/>
                  <a:gd name="connsiteX162" fmla="*/ 3803 w 10000"/>
                  <a:gd name="connsiteY162" fmla="*/ 3944 h 10000"/>
                  <a:gd name="connsiteX163" fmla="*/ 3936 w 10000"/>
                  <a:gd name="connsiteY163" fmla="*/ 3914 h 10000"/>
                  <a:gd name="connsiteX164" fmla="*/ 4042 w 10000"/>
                  <a:gd name="connsiteY164" fmla="*/ 3855 h 10000"/>
                  <a:gd name="connsiteX165" fmla="*/ 4173 w 10000"/>
                  <a:gd name="connsiteY165" fmla="*/ 3752 h 10000"/>
                  <a:gd name="connsiteX166" fmla="*/ 4308 w 10000"/>
                  <a:gd name="connsiteY166" fmla="*/ 3663 h 10000"/>
                  <a:gd name="connsiteX167" fmla="*/ 4414 w 10000"/>
                  <a:gd name="connsiteY167" fmla="*/ 3560 h 10000"/>
                  <a:gd name="connsiteX168" fmla="*/ 4494 w 10000"/>
                  <a:gd name="connsiteY168" fmla="*/ 3442 h 10000"/>
                  <a:gd name="connsiteX169" fmla="*/ 4575 w 10000"/>
                  <a:gd name="connsiteY169" fmla="*/ 3323 h 10000"/>
                  <a:gd name="connsiteX170" fmla="*/ 4628 w 10000"/>
                  <a:gd name="connsiteY170" fmla="*/ 3220 h 10000"/>
                  <a:gd name="connsiteX171" fmla="*/ 4653 w 10000"/>
                  <a:gd name="connsiteY171" fmla="*/ 3102 h 10000"/>
                  <a:gd name="connsiteX172" fmla="*/ 4681 w 10000"/>
                  <a:gd name="connsiteY172" fmla="*/ 3013 h 10000"/>
                  <a:gd name="connsiteX173" fmla="*/ 4653 w 10000"/>
                  <a:gd name="connsiteY173" fmla="*/ 2939 h 10000"/>
                  <a:gd name="connsiteX174" fmla="*/ 4628 w 10000"/>
                  <a:gd name="connsiteY174" fmla="*/ 2866 h 10000"/>
                  <a:gd name="connsiteX175" fmla="*/ 4548 w 10000"/>
                  <a:gd name="connsiteY175" fmla="*/ 2836 h 10000"/>
                  <a:gd name="connsiteX176" fmla="*/ 4442 w 10000"/>
                  <a:gd name="connsiteY176" fmla="*/ 2836 h 10000"/>
                  <a:gd name="connsiteX177" fmla="*/ 4308 w 10000"/>
                  <a:gd name="connsiteY177" fmla="*/ 2866 h 10000"/>
                  <a:gd name="connsiteX178" fmla="*/ 4414 w 10000"/>
                  <a:gd name="connsiteY178" fmla="*/ 2777 h 10000"/>
                  <a:gd name="connsiteX179" fmla="*/ 4469 w 10000"/>
                  <a:gd name="connsiteY179" fmla="*/ 2674 h 10000"/>
                  <a:gd name="connsiteX180" fmla="*/ 4494 w 10000"/>
                  <a:gd name="connsiteY180" fmla="*/ 2541 h 10000"/>
                  <a:gd name="connsiteX181" fmla="*/ 4494 w 10000"/>
                  <a:gd name="connsiteY181" fmla="*/ 2393 h 10000"/>
                  <a:gd name="connsiteX182" fmla="*/ 4520 w 10000"/>
                  <a:gd name="connsiteY182" fmla="*/ 2349 h 10000"/>
                  <a:gd name="connsiteX183" fmla="*/ 4575 w 10000"/>
                  <a:gd name="connsiteY183" fmla="*/ 2304 h 10000"/>
                  <a:gd name="connsiteX184" fmla="*/ 4628 w 10000"/>
                  <a:gd name="connsiteY184" fmla="*/ 2290 h 10000"/>
                  <a:gd name="connsiteX185" fmla="*/ 4708 w 10000"/>
                  <a:gd name="connsiteY185" fmla="*/ 2275 h 10000"/>
                  <a:gd name="connsiteX186" fmla="*/ 4946 w 10000"/>
                  <a:gd name="connsiteY186" fmla="*/ 2260 h 10000"/>
                  <a:gd name="connsiteX187" fmla="*/ 5158 w 10000"/>
                  <a:gd name="connsiteY187" fmla="*/ 2275 h 10000"/>
                  <a:gd name="connsiteX188" fmla="*/ 5132 w 10000"/>
                  <a:gd name="connsiteY188" fmla="*/ 2112 h 10000"/>
                  <a:gd name="connsiteX189" fmla="*/ 5080 w 10000"/>
                  <a:gd name="connsiteY189" fmla="*/ 1950 h 10000"/>
                  <a:gd name="connsiteX190" fmla="*/ 4999 w 10000"/>
                  <a:gd name="connsiteY190" fmla="*/ 1802 h 10000"/>
                  <a:gd name="connsiteX191" fmla="*/ 4894 w 10000"/>
                  <a:gd name="connsiteY191" fmla="*/ 1640 h 10000"/>
                  <a:gd name="connsiteX192" fmla="*/ 4628 w 10000"/>
                  <a:gd name="connsiteY192" fmla="*/ 1329 h 10000"/>
                  <a:gd name="connsiteX193" fmla="*/ 4362 w 10000"/>
                  <a:gd name="connsiteY193" fmla="*/ 1034 h 10000"/>
                  <a:gd name="connsiteX194" fmla="*/ 4228 w 10000"/>
                  <a:gd name="connsiteY194" fmla="*/ 901 h 10000"/>
                  <a:gd name="connsiteX195" fmla="*/ 4124 w 10000"/>
                  <a:gd name="connsiteY195" fmla="*/ 753 h 10000"/>
                  <a:gd name="connsiteX196" fmla="*/ 4042 w 10000"/>
                  <a:gd name="connsiteY196" fmla="*/ 620 h 10000"/>
                  <a:gd name="connsiteX197" fmla="*/ 4015 w 10000"/>
                  <a:gd name="connsiteY197" fmla="*/ 487 h 10000"/>
                  <a:gd name="connsiteX198" fmla="*/ 3989 w 10000"/>
                  <a:gd name="connsiteY198" fmla="*/ 355 h 10000"/>
                  <a:gd name="connsiteX199" fmla="*/ 4042 w 10000"/>
                  <a:gd name="connsiteY199" fmla="*/ 222 h 10000"/>
                  <a:gd name="connsiteX200" fmla="*/ 4070 w 10000"/>
                  <a:gd name="connsiteY200" fmla="*/ 162 h 10000"/>
                  <a:gd name="connsiteX201" fmla="*/ 4124 w 10000"/>
                  <a:gd name="connsiteY201" fmla="*/ 103 h 10000"/>
                  <a:gd name="connsiteX202" fmla="*/ 4203 w 10000"/>
                  <a:gd name="connsiteY202" fmla="*/ 59 h 10000"/>
                  <a:gd name="connsiteX203" fmla="*/ 4308 w 10000"/>
                  <a:gd name="connsiteY203" fmla="*/ 0 h 10000"/>
                  <a:gd name="connsiteX204" fmla="*/ 4494 w 10000"/>
                  <a:gd name="connsiteY204" fmla="*/ 0 h 10000"/>
                  <a:gd name="connsiteX205" fmla="*/ 4681 w 10000"/>
                  <a:gd name="connsiteY205" fmla="*/ 15 h 10000"/>
                  <a:gd name="connsiteX206" fmla="*/ 4867 w 10000"/>
                  <a:gd name="connsiteY206" fmla="*/ 44 h 10000"/>
                  <a:gd name="connsiteX207" fmla="*/ 4999 w 10000"/>
                  <a:gd name="connsiteY207" fmla="*/ 89 h 10000"/>
                  <a:gd name="connsiteX208" fmla="*/ 5213 w 10000"/>
                  <a:gd name="connsiteY208" fmla="*/ 192 h 10000"/>
                  <a:gd name="connsiteX209" fmla="*/ 5425 w 10000"/>
                  <a:gd name="connsiteY209" fmla="*/ 340 h 10000"/>
                  <a:gd name="connsiteX210" fmla="*/ 5585 w 10000"/>
                  <a:gd name="connsiteY210" fmla="*/ 473 h 10000"/>
                  <a:gd name="connsiteX211" fmla="*/ 5797 w 10000"/>
                  <a:gd name="connsiteY211" fmla="*/ 591 h 10000"/>
                  <a:gd name="connsiteX212" fmla="*/ 5931 w 10000"/>
                  <a:gd name="connsiteY212" fmla="*/ 650 h 10000"/>
                  <a:gd name="connsiteX213" fmla="*/ 6090 w 10000"/>
                  <a:gd name="connsiteY213" fmla="*/ 679 h 10000"/>
                  <a:gd name="connsiteX214" fmla="*/ 6251 w 10000"/>
                  <a:gd name="connsiteY214" fmla="*/ 709 h 10000"/>
                  <a:gd name="connsiteX215" fmla="*/ 6463 w 10000"/>
                  <a:gd name="connsiteY215" fmla="*/ 709 h 10000"/>
                  <a:gd name="connsiteX216" fmla="*/ 6463 w 10000"/>
                  <a:gd name="connsiteY216" fmla="*/ 768 h 10000"/>
                  <a:gd name="connsiteX217" fmla="*/ 6490 w 10000"/>
                  <a:gd name="connsiteY217" fmla="*/ 842 h 10000"/>
                  <a:gd name="connsiteX218" fmla="*/ 6541 w 10000"/>
                  <a:gd name="connsiteY218" fmla="*/ 916 h 10000"/>
                  <a:gd name="connsiteX219" fmla="*/ 6595 w 10000"/>
                  <a:gd name="connsiteY219" fmla="*/ 990 h 10000"/>
                  <a:gd name="connsiteX220" fmla="*/ 6674 w 10000"/>
                  <a:gd name="connsiteY220" fmla="*/ 1049 h 10000"/>
                  <a:gd name="connsiteX221" fmla="*/ 6780 w 10000"/>
                  <a:gd name="connsiteY221" fmla="*/ 1108 h 10000"/>
                  <a:gd name="connsiteX222" fmla="*/ 6914 w 10000"/>
                  <a:gd name="connsiteY222" fmla="*/ 1182 h 10000"/>
                  <a:gd name="connsiteX223" fmla="*/ 7020 w 10000"/>
                  <a:gd name="connsiteY223" fmla="*/ 1226 h 10000"/>
                  <a:gd name="connsiteX224" fmla="*/ 7127 w 10000"/>
                  <a:gd name="connsiteY224" fmla="*/ 1270 h 10000"/>
                  <a:gd name="connsiteX225" fmla="*/ 7234 w 10000"/>
                  <a:gd name="connsiteY225" fmla="*/ 1300 h 10000"/>
                  <a:gd name="connsiteX226" fmla="*/ 7340 w 10000"/>
                  <a:gd name="connsiteY226" fmla="*/ 1315 h 10000"/>
                  <a:gd name="connsiteX227" fmla="*/ 7474 w 10000"/>
                  <a:gd name="connsiteY227" fmla="*/ 1300 h 10000"/>
                  <a:gd name="connsiteX228" fmla="*/ 7580 w 10000"/>
                  <a:gd name="connsiteY228" fmla="*/ 1285 h 10000"/>
                  <a:gd name="connsiteX229" fmla="*/ 7659 w 10000"/>
                  <a:gd name="connsiteY229" fmla="*/ 1241 h 10000"/>
                  <a:gd name="connsiteX230" fmla="*/ 7714 w 10000"/>
                  <a:gd name="connsiteY230" fmla="*/ 1167 h 10000"/>
                  <a:gd name="connsiteX231" fmla="*/ 7738 w 10000"/>
                  <a:gd name="connsiteY231" fmla="*/ 1064 h 10000"/>
                  <a:gd name="connsiteX232" fmla="*/ 8138 w 10000"/>
                  <a:gd name="connsiteY232" fmla="*/ 1034 h 10000"/>
                  <a:gd name="connsiteX233" fmla="*/ 8509 w 10000"/>
                  <a:gd name="connsiteY233" fmla="*/ 1004 h 10000"/>
                  <a:gd name="connsiteX234" fmla="*/ 8830 w 10000"/>
                  <a:gd name="connsiteY234" fmla="*/ 990 h 10000"/>
                  <a:gd name="connsiteX235" fmla="*/ 9123 w 10000"/>
                  <a:gd name="connsiteY235" fmla="*/ 1004 h 10000"/>
                  <a:gd name="connsiteX236" fmla="*/ 9256 w 10000"/>
                  <a:gd name="connsiteY236" fmla="*/ 1019 h 10000"/>
                  <a:gd name="connsiteX237" fmla="*/ 9387 w 10000"/>
                  <a:gd name="connsiteY237" fmla="*/ 1034 h 10000"/>
                  <a:gd name="connsiteX238" fmla="*/ 9495 w 10000"/>
                  <a:gd name="connsiteY238" fmla="*/ 1064 h 10000"/>
                  <a:gd name="connsiteX239" fmla="*/ 9628 w 10000"/>
                  <a:gd name="connsiteY239" fmla="*/ 1108 h 10000"/>
                  <a:gd name="connsiteX240" fmla="*/ 9707 w 10000"/>
                  <a:gd name="connsiteY240" fmla="*/ 1182 h 10000"/>
                  <a:gd name="connsiteX241" fmla="*/ 9786 w 10000"/>
                  <a:gd name="connsiteY241" fmla="*/ 1241 h 10000"/>
                  <a:gd name="connsiteX242" fmla="*/ 9841 w 10000"/>
                  <a:gd name="connsiteY242" fmla="*/ 1329 h 10000"/>
                  <a:gd name="connsiteX243" fmla="*/ 9893 w 10000"/>
                  <a:gd name="connsiteY243" fmla="*/ 1433 h 10000"/>
                  <a:gd name="connsiteX244" fmla="*/ 9946 w 10000"/>
                  <a:gd name="connsiteY244" fmla="*/ 1551 h 10000"/>
                  <a:gd name="connsiteX245" fmla="*/ 9919 w 10000"/>
                  <a:gd name="connsiteY245" fmla="*/ 1625 h 10000"/>
                  <a:gd name="connsiteX246" fmla="*/ 9893 w 10000"/>
                  <a:gd name="connsiteY246" fmla="*/ 1684 h 10000"/>
                  <a:gd name="connsiteX247" fmla="*/ 9841 w 10000"/>
                  <a:gd name="connsiteY247" fmla="*/ 1758 h 10000"/>
                  <a:gd name="connsiteX248" fmla="*/ 9761 w 10000"/>
                  <a:gd name="connsiteY248" fmla="*/ 1802 h 10000"/>
                  <a:gd name="connsiteX249" fmla="*/ 9707 w 10000"/>
                  <a:gd name="connsiteY249" fmla="*/ 1861 h 10000"/>
                  <a:gd name="connsiteX250" fmla="*/ 9682 w 10000"/>
                  <a:gd name="connsiteY250" fmla="*/ 1935 h 10000"/>
                  <a:gd name="connsiteX251" fmla="*/ 9707 w 10000"/>
                  <a:gd name="connsiteY251" fmla="*/ 2024 h 10000"/>
                  <a:gd name="connsiteX252" fmla="*/ 10000 w 10000"/>
                  <a:gd name="connsiteY252" fmla="*/ 2157 h 10000"/>
                  <a:gd name="connsiteX0" fmla="*/ 6674 w 10000"/>
                  <a:gd name="connsiteY0" fmla="*/ 4313 h 10000"/>
                  <a:gd name="connsiteX1" fmla="*/ 9628 w 10000"/>
                  <a:gd name="connsiteY1" fmla="*/ 3338 h 10000"/>
                  <a:gd name="connsiteX2" fmla="*/ 9866 w 10000"/>
                  <a:gd name="connsiteY2" fmla="*/ 3117 h 10000"/>
                  <a:gd name="connsiteX3" fmla="*/ 9893 w 10000"/>
                  <a:gd name="connsiteY3" fmla="*/ 3072 h 10000"/>
                  <a:gd name="connsiteX4" fmla="*/ 9919 w 10000"/>
                  <a:gd name="connsiteY4" fmla="*/ 3013 h 10000"/>
                  <a:gd name="connsiteX5" fmla="*/ 9919 w 10000"/>
                  <a:gd name="connsiteY5" fmla="*/ 2954 h 10000"/>
                  <a:gd name="connsiteX6" fmla="*/ 9893 w 10000"/>
                  <a:gd name="connsiteY6" fmla="*/ 2866 h 10000"/>
                  <a:gd name="connsiteX7" fmla="*/ 9707 w 10000"/>
                  <a:gd name="connsiteY7" fmla="*/ 2984 h 10000"/>
                  <a:gd name="connsiteX8" fmla="*/ 9495 w 10000"/>
                  <a:gd name="connsiteY8" fmla="*/ 3072 h 10000"/>
                  <a:gd name="connsiteX9" fmla="*/ 9281 w 10000"/>
                  <a:gd name="connsiteY9" fmla="*/ 3161 h 10000"/>
                  <a:gd name="connsiteX10" fmla="*/ 9069 w 10000"/>
                  <a:gd name="connsiteY10" fmla="*/ 3250 h 10000"/>
                  <a:gd name="connsiteX11" fmla="*/ 8589 w 10000"/>
                  <a:gd name="connsiteY11" fmla="*/ 3397 h 10000"/>
                  <a:gd name="connsiteX12" fmla="*/ 8085 w 10000"/>
                  <a:gd name="connsiteY12" fmla="*/ 3545 h 10000"/>
                  <a:gd name="connsiteX13" fmla="*/ 7100 w 10000"/>
                  <a:gd name="connsiteY13" fmla="*/ 3840 h 10000"/>
                  <a:gd name="connsiteX14" fmla="*/ 6861 w 10000"/>
                  <a:gd name="connsiteY14" fmla="*/ 3914 h 10000"/>
                  <a:gd name="connsiteX15" fmla="*/ 6649 w 10000"/>
                  <a:gd name="connsiteY15" fmla="*/ 4003 h 10000"/>
                  <a:gd name="connsiteX16" fmla="*/ 6437 w 10000"/>
                  <a:gd name="connsiteY16" fmla="*/ 4106 h 10000"/>
                  <a:gd name="connsiteX17" fmla="*/ 6222 w 10000"/>
                  <a:gd name="connsiteY17" fmla="*/ 4195 h 10000"/>
                  <a:gd name="connsiteX18" fmla="*/ 6382 w 10000"/>
                  <a:gd name="connsiteY18" fmla="*/ 4417 h 10000"/>
                  <a:gd name="connsiteX19" fmla="*/ 6490 w 10000"/>
                  <a:gd name="connsiteY19" fmla="*/ 4623 h 10000"/>
                  <a:gd name="connsiteX20" fmla="*/ 6475 w 10000"/>
                  <a:gd name="connsiteY20" fmla="*/ 4845 h 10000"/>
                  <a:gd name="connsiteX21" fmla="*/ 6729 w 10000"/>
                  <a:gd name="connsiteY21" fmla="*/ 5318 h 10000"/>
                  <a:gd name="connsiteX22" fmla="*/ 6756 w 10000"/>
                  <a:gd name="connsiteY22" fmla="*/ 5539 h 10000"/>
                  <a:gd name="connsiteX23" fmla="*/ 6780 w 10000"/>
                  <a:gd name="connsiteY23" fmla="*/ 5775 h 10000"/>
                  <a:gd name="connsiteX24" fmla="*/ 6780 w 10000"/>
                  <a:gd name="connsiteY24" fmla="*/ 5997 h 10000"/>
                  <a:gd name="connsiteX25" fmla="*/ 6756 w 10000"/>
                  <a:gd name="connsiteY25" fmla="*/ 6233 h 10000"/>
                  <a:gd name="connsiteX26" fmla="*/ 6702 w 10000"/>
                  <a:gd name="connsiteY26" fmla="*/ 6470 h 10000"/>
                  <a:gd name="connsiteX27" fmla="*/ 6649 w 10000"/>
                  <a:gd name="connsiteY27" fmla="*/ 6677 h 10000"/>
                  <a:gd name="connsiteX28" fmla="*/ 6569 w 10000"/>
                  <a:gd name="connsiteY28" fmla="*/ 6898 h 10000"/>
                  <a:gd name="connsiteX29" fmla="*/ 6463 w 10000"/>
                  <a:gd name="connsiteY29" fmla="*/ 7105 h 10000"/>
                  <a:gd name="connsiteX30" fmla="*/ 6330 w 10000"/>
                  <a:gd name="connsiteY30" fmla="*/ 7297 h 10000"/>
                  <a:gd name="connsiteX31" fmla="*/ 6170 w 10000"/>
                  <a:gd name="connsiteY31" fmla="*/ 7489 h 10000"/>
                  <a:gd name="connsiteX32" fmla="*/ 6010 w 10000"/>
                  <a:gd name="connsiteY32" fmla="*/ 7681 h 10000"/>
                  <a:gd name="connsiteX33" fmla="*/ 6780 w 10000"/>
                  <a:gd name="connsiteY33" fmla="*/ 7799 h 10000"/>
                  <a:gd name="connsiteX34" fmla="*/ 7580 w 10000"/>
                  <a:gd name="connsiteY34" fmla="*/ 7962 h 10000"/>
                  <a:gd name="connsiteX35" fmla="*/ 7738 w 10000"/>
                  <a:gd name="connsiteY35" fmla="*/ 8021 h 10000"/>
                  <a:gd name="connsiteX36" fmla="*/ 7872 w 10000"/>
                  <a:gd name="connsiteY36" fmla="*/ 8080 h 10000"/>
                  <a:gd name="connsiteX37" fmla="*/ 8004 w 10000"/>
                  <a:gd name="connsiteY37" fmla="*/ 8139 h 10000"/>
                  <a:gd name="connsiteX38" fmla="*/ 8085 w 10000"/>
                  <a:gd name="connsiteY38" fmla="*/ 8227 h 10000"/>
                  <a:gd name="connsiteX39" fmla="*/ 8112 w 10000"/>
                  <a:gd name="connsiteY39" fmla="*/ 8301 h 10000"/>
                  <a:gd name="connsiteX40" fmla="*/ 8112 w 10000"/>
                  <a:gd name="connsiteY40" fmla="*/ 8405 h 10000"/>
                  <a:gd name="connsiteX41" fmla="*/ 8059 w 10000"/>
                  <a:gd name="connsiteY41" fmla="*/ 8523 h 10000"/>
                  <a:gd name="connsiteX42" fmla="*/ 7978 w 10000"/>
                  <a:gd name="connsiteY42" fmla="*/ 8641 h 10000"/>
                  <a:gd name="connsiteX43" fmla="*/ 7633 w 10000"/>
                  <a:gd name="connsiteY43" fmla="*/ 8552 h 10000"/>
                  <a:gd name="connsiteX44" fmla="*/ 7313 w 10000"/>
                  <a:gd name="connsiteY44" fmla="*/ 8449 h 10000"/>
                  <a:gd name="connsiteX45" fmla="*/ 6994 w 10000"/>
                  <a:gd name="connsiteY45" fmla="*/ 8360 h 10000"/>
                  <a:gd name="connsiteX46" fmla="*/ 6674 w 10000"/>
                  <a:gd name="connsiteY46" fmla="*/ 8287 h 10000"/>
                  <a:gd name="connsiteX47" fmla="*/ 6541 w 10000"/>
                  <a:gd name="connsiteY47" fmla="*/ 8449 h 10000"/>
                  <a:gd name="connsiteX48" fmla="*/ 6437 w 10000"/>
                  <a:gd name="connsiteY48" fmla="*/ 8597 h 10000"/>
                  <a:gd name="connsiteX49" fmla="*/ 6382 w 10000"/>
                  <a:gd name="connsiteY49" fmla="*/ 8656 h 10000"/>
                  <a:gd name="connsiteX50" fmla="*/ 6276 w 10000"/>
                  <a:gd name="connsiteY50" fmla="*/ 8700 h 10000"/>
                  <a:gd name="connsiteX51" fmla="*/ 6197 w 10000"/>
                  <a:gd name="connsiteY51" fmla="*/ 8744 h 10000"/>
                  <a:gd name="connsiteX52" fmla="*/ 6117 w 10000"/>
                  <a:gd name="connsiteY52" fmla="*/ 8774 h 10000"/>
                  <a:gd name="connsiteX53" fmla="*/ 6037 w 10000"/>
                  <a:gd name="connsiteY53" fmla="*/ 8804 h 10000"/>
                  <a:gd name="connsiteX54" fmla="*/ 5931 w 10000"/>
                  <a:gd name="connsiteY54" fmla="*/ 8818 h 10000"/>
                  <a:gd name="connsiteX55" fmla="*/ 5797 w 10000"/>
                  <a:gd name="connsiteY55" fmla="*/ 8833 h 10000"/>
                  <a:gd name="connsiteX56" fmla="*/ 5665 w 10000"/>
                  <a:gd name="connsiteY56" fmla="*/ 8833 h 10000"/>
                  <a:gd name="connsiteX57" fmla="*/ 5347 w 10000"/>
                  <a:gd name="connsiteY57" fmla="*/ 8818 h 10000"/>
                  <a:gd name="connsiteX58" fmla="*/ 4946 w 10000"/>
                  <a:gd name="connsiteY58" fmla="*/ 8744 h 10000"/>
                  <a:gd name="connsiteX59" fmla="*/ 4946 w 10000"/>
                  <a:gd name="connsiteY59" fmla="*/ 8922 h 10000"/>
                  <a:gd name="connsiteX60" fmla="*/ 4919 w 10000"/>
                  <a:gd name="connsiteY60" fmla="*/ 9069 h 10000"/>
                  <a:gd name="connsiteX61" fmla="*/ 4894 w 10000"/>
                  <a:gd name="connsiteY61" fmla="*/ 9232 h 10000"/>
                  <a:gd name="connsiteX62" fmla="*/ 4867 w 10000"/>
                  <a:gd name="connsiteY62" fmla="*/ 9365 h 10000"/>
                  <a:gd name="connsiteX63" fmla="*/ 4813 w 10000"/>
                  <a:gd name="connsiteY63" fmla="*/ 9498 h 10000"/>
                  <a:gd name="connsiteX64" fmla="*/ 4708 w 10000"/>
                  <a:gd name="connsiteY64" fmla="*/ 9616 h 10000"/>
                  <a:gd name="connsiteX65" fmla="*/ 4628 w 10000"/>
                  <a:gd name="connsiteY65" fmla="*/ 9734 h 10000"/>
                  <a:gd name="connsiteX66" fmla="*/ 4494 w 10000"/>
                  <a:gd name="connsiteY66" fmla="*/ 9838 h 10000"/>
                  <a:gd name="connsiteX67" fmla="*/ 4173 w 10000"/>
                  <a:gd name="connsiteY67" fmla="*/ 9897 h 10000"/>
                  <a:gd name="connsiteX68" fmla="*/ 3910 w 10000"/>
                  <a:gd name="connsiteY68" fmla="*/ 9941 h 10000"/>
                  <a:gd name="connsiteX69" fmla="*/ 3590 w 10000"/>
                  <a:gd name="connsiteY69" fmla="*/ 9985 h 10000"/>
                  <a:gd name="connsiteX70" fmla="*/ 3351 w 10000"/>
                  <a:gd name="connsiteY70" fmla="*/ 10000 h 10000"/>
                  <a:gd name="connsiteX71" fmla="*/ 2819 w 10000"/>
                  <a:gd name="connsiteY71" fmla="*/ 10000 h 10000"/>
                  <a:gd name="connsiteX72" fmla="*/ 2313 w 10000"/>
                  <a:gd name="connsiteY72" fmla="*/ 9985 h 10000"/>
                  <a:gd name="connsiteX73" fmla="*/ 1836 w 10000"/>
                  <a:gd name="connsiteY73" fmla="*/ 9941 h 10000"/>
                  <a:gd name="connsiteX74" fmla="*/ 1330 w 10000"/>
                  <a:gd name="connsiteY74" fmla="*/ 9911 h 10000"/>
                  <a:gd name="connsiteX75" fmla="*/ 1038 w 10000"/>
                  <a:gd name="connsiteY75" fmla="*/ 9911 h 10000"/>
                  <a:gd name="connsiteX76" fmla="*/ 771 w 10000"/>
                  <a:gd name="connsiteY76" fmla="*/ 9911 h 10000"/>
                  <a:gd name="connsiteX77" fmla="*/ 479 w 10000"/>
                  <a:gd name="connsiteY77" fmla="*/ 9926 h 10000"/>
                  <a:gd name="connsiteX78" fmla="*/ 186 w 10000"/>
                  <a:gd name="connsiteY78" fmla="*/ 9970 h 10000"/>
                  <a:gd name="connsiteX79" fmla="*/ 107 w 10000"/>
                  <a:gd name="connsiteY79" fmla="*/ 9867 h 10000"/>
                  <a:gd name="connsiteX80" fmla="*/ 54 w 10000"/>
                  <a:gd name="connsiteY80" fmla="*/ 9793 h 10000"/>
                  <a:gd name="connsiteX81" fmla="*/ 0 w 10000"/>
                  <a:gd name="connsiteY81" fmla="*/ 9705 h 10000"/>
                  <a:gd name="connsiteX82" fmla="*/ 0 w 10000"/>
                  <a:gd name="connsiteY82" fmla="*/ 9601 h 10000"/>
                  <a:gd name="connsiteX83" fmla="*/ 54 w 10000"/>
                  <a:gd name="connsiteY83" fmla="*/ 9424 h 10000"/>
                  <a:gd name="connsiteX84" fmla="*/ 107 w 10000"/>
                  <a:gd name="connsiteY84" fmla="*/ 9202 h 10000"/>
                  <a:gd name="connsiteX85" fmla="*/ 158 w 10000"/>
                  <a:gd name="connsiteY85" fmla="*/ 8996 h 10000"/>
                  <a:gd name="connsiteX86" fmla="*/ 213 w 10000"/>
                  <a:gd name="connsiteY86" fmla="*/ 8759 h 10000"/>
                  <a:gd name="connsiteX87" fmla="*/ 239 w 10000"/>
                  <a:gd name="connsiteY87" fmla="*/ 8641 h 10000"/>
                  <a:gd name="connsiteX88" fmla="*/ 239 w 10000"/>
                  <a:gd name="connsiteY88" fmla="*/ 8538 h 10000"/>
                  <a:gd name="connsiteX89" fmla="*/ 213 w 10000"/>
                  <a:gd name="connsiteY89" fmla="*/ 8405 h 10000"/>
                  <a:gd name="connsiteX90" fmla="*/ 186 w 10000"/>
                  <a:gd name="connsiteY90" fmla="*/ 8287 h 10000"/>
                  <a:gd name="connsiteX91" fmla="*/ 452 w 10000"/>
                  <a:gd name="connsiteY91" fmla="*/ 8213 h 10000"/>
                  <a:gd name="connsiteX92" fmla="*/ 718 w 10000"/>
                  <a:gd name="connsiteY92" fmla="*/ 8139 h 10000"/>
                  <a:gd name="connsiteX93" fmla="*/ 984 w 10000"/>
                  <a:gd name="connsiteY93" fmla="*/ 8095 h 10000"/>
                  <a:gd name="connsiteX94" fmla="*/ 1277 w 10000"/>
                  <a:gd name="connsiteY94" fmla="*/ 8065 h 10000"/>
                  <a:gd name="connsiteX95" fmla="*/ 1807 w 10000"/>
                  <a:gd name="connsiteY95" fmla="*/ 8021 h 10000"/>
                  <a:gd name="connsiteX96" fmla="*/ 2341 w 10000"/>
                  <a:gd name="connsiteY96" fmla="*/ 7976 h 10000"/>
                  <a:gd name="connsiteX97" fmla="*/ 2580 w 10000"/>
                  <a:gd name="connsiteY97" fmla="*/ 7947 h 10000"/>
                  <a:gd name="connsiteX98" fmla="*/ 2819 w 10000"/>
                  <a:gd name="connsiteY98" fmla="*/ 7917 h 10000"/>
                  <a:gd name="connsiteX99" fmla="*/ 3030 w 10000"/>
                  <a:gd name="connsiteY99" fmla="*/ 7843 h 10000"/>
                  <a:gd name="connsiteX100" fmla="*/ 3244 w 10000"/>
                  <a:gd name="connsiteY100" fmla="*/ 7784 h 10000"/>
                  <a:gd name="connsiteX101" fmla="*/ 3431 w 10000"/>
                  <a:gd name="connsiteY101" fmla="*/ 7710 h 10000"/>
                  <a:gd name="connsiteX102" fmla="*/ 3590 w 10000"/>
                  <a:gd name="connsiteY102" fmla="*/ 7592 h 10000"/>
                  <a:gd name="connsiteX103" fmla="*/ 3750 w 10000"/>
                  <a:gd name="connsiteY103" fmla="*/ 7474 h 10000"/>
                  <a:gd name="connsiteX104" fmla="*/ 3856 w 10000"/>
                  <a:gd name="connsiteY104" fmla="*/ 7312 h 10000"/>
                  <a:gd name="connsiteX105" fmla="*/ 3644 w 10000"/>
                  <a:gd name="connsiteY105" fmla="*/ 7238 h 10000"/>
                  <a:gd name="connsiteX106" fmla="*/ 3456 w 10000"/>
                  <a:gd name="connsiteY106" fmla="*/ 7179 h 10000"/>
                  <a:gd name="connsiteX107" fmla="*/ 3297 w 10000"/>
                  <a:gd name="connsiteY107" fmla="*/ 7090 h 10000"/>
                  <a:gd name="connsiteX108" fmla="*/ 3139 w 10000"/>
                  <a:gd name="connsiteY108" fmla="*/ 6987 h 10000"/>
                  <a:gd name="connsiteX109" fmla="*/ 3030 w 10000"/>
                  <a:gd name="connsiteY109" fmla="*/ 6869 h 10000"/>
                  <a:gd name="connsiteX110" fmla="*/ 2980 w 10000"/>
                  <a:gd name="connsiteY110" fmla="*/ 6721 h 10000"/>
                  <a:gd name="connsiteX111" fmla="*/ 2952 w 10000"/>
                  <a:gd name="connsiteY111" fmla="*/ 6558 h 10000"/>
                  <a:gd name="connsiteX112" fmla="*/ 2980 w 10000"/>
                  <a:gd name="connsiteY112" fmla="*/ 6352 h 10000"/>
                  <a:gd name="connsiteX113" fmla="*/ 2846 w 10000"/>
                  <a:gd name="connsiteY113" fmla="*/ 6322 h 10000"/>
                  <a:gd name="connsiteX114" fmla="*/ 2687 w 10000"/>
                  <a:gd name="connsiteY114" fmla="*/ 6292 h 10000"/>
                  <a:gd name="connsiteX115" fmla="*/ 2501 w 10000"/>
                  <a:gd name="connsiteY115" fmla="*/ 6278 h 10000"/>
                  <a:gd name="connsiteX116" fmla="*/ 2313 w 10000"/>
                  <a:gd name="connsiteY116" fmla="*/ 6263 h 10000"/>
                  <a:gd name="connsiteX117" fmla="*/ 1942 w 10000"/>
                  <a:gd name="connsiteY117" fmla="*/ 6248 h 10000"/>
                  <a:gd name="connsiteX118" fmla="*/ 1543 w 10000"/>
                  <a:gd name="connsiteY118" fmla="*/ 6263 h 10000"/>
                  <a:gd name="connsiteX119" fmla="*/ 1198 w 10000"/>
                  <a:gd name="connsiteY119" fmla="*/ 6278 h 10000"/>
                  <a:gd name="connsiteX120" fmla="*/ 877 w 10000"/>
                  <a:gd name="connsiteY120" fmla="*/ 6278 h 10000"/>
                  <a:gd name="connsiteX121" fmla="*/ 613 w 10000"/>
                  <a:gd name="connsiteY121" fmla="*/ 6263 h 10000"/>
                  <a:gd name="connsiteX122" fmla="*/ 399 w 10000"/>
                  <a:gd name="connsiteY122" fmla="*/ 6233 h 10000"/>
                  <a:gd name="connsiteX123" fmla="*/ 663 w 10000"/>
                  <a:gd name="connsiteY123" fmla="*/ 5805 h 10000"/>
                  <a:gd name="connsiteX124" fmla="*/ 958 w 10000"/>
                  <a:gd name="connsiteY124" fmla="*/ 5391 h 10000"/>
                  <a:gd name="connsiteX125" fmla="*/ 1065 w 10000"/>
                  <a:gd name="connsiteY125" fmla="*/ 5170 h 10000"/>
                  <a:gd name="connsiteX126" fmla="*/ 1143 w 10000"/>
                  <a:gd name="connsiteY126" fmla="*/ 4963 h 10000"/>
                  <a:gd name="connsiteX127" fmla="*/ 1169 w 10000"/>
                  <a:gd name="connsiteY127" fmla="*/ 4860 h 10000"/>
                  <a:gd name="connsiteX128" fmla="*/ 1143 w 10000"/>
                  <a:gd name="connsiteY128" fmla="*/ 4756 h 10000"/>
                  <a:gd name="connsiteX129" fmla="*/ 1117 w 10000"/>
                  <a:gd name="connsiteY129" fmla="*/ 4653 h 10000"/>
                  <a:gd name="connsiteX130" fmla="*/ 1038 w 10000"/>
                  <a:gd name="connsiteY130" fmla="*/ 4549 h 10000"/>
                  <a:gd name="connsiteX131" fmla="*/ 1330 w 10000"/>
                  <a:gd name="connsiteY131" fmla="*/ 4520 h 10000"/>
                  <a:gd name="connsiteX132" fmla="*/ 1543 w 10000"/>
                  <a:gd name="connsiteY132" fmla="*/ 4505 h 10000"/>
                  <a:gd name="connsiteX133" fmla="*/ 1729 w 10000"/>
                  <a:gd name="connsiteY133" fmla="*/ 4505 h 10000"/>
                  <a:gd name="connsiteX134" fmla="*/ 1888 w 10000"/>
                  <a:gd name="connsiteY134" fmla="*/ 4520 h 10000"/>
                  <a:gd name="connsiteX135" fmla="*/ 2022 w 10000"/>
                  <a:gd name="connsiteY135" fmla="*/ 4520 h 10000"/>
                  <a:gd name="connsiteX136" fmla="*/ 2181 w 10000"/>
                  <a:gd name="connsiteY136" fmla="*/ 4520 h 10000"/>
                  <a:gd name="connsiteX137" fmla="*/ 2341 w 10000"/>
                  <a:gd name="connsiteY137" fmla="*/ 4490 h 10000"/>
                  <a:gd name="connsiteX138" fmla="*/ 2552 w 10000"/>
                  <a:gd name="connsiteY138" fmla="*/ 4446 h 10000"/>
                  <a:gd name="connsiteX139" fmla="*/ 2552 w 10000"/>
                  <a:gd name="connsiteY139" fmla="*/ 4579 h 10000"/>
                  <a:gd name="connsiteX140" fmla="*/ 2552 w 10000"/>
                  <a:gd name="connsiteY140" fmla="*/ 4742 h 10000"/>
                  <a:gd name="connsiteX141" fmla="*/ 2552 w 10000"/>
                  <a:gd name="connsiteY141" fmla="*/ 4874 h 10000"/>
                  <a:gd name="connsiteX142" fmla="*/ 2552 w 10000"/>
                  <a:gd name="connsiteY142" fmla="*/ 5037 h 10000"/>
                  <a:gd name="connsiteX143" fmla="*/ 2792 w 10000"/>
                  <a:gd name="connsiteY143" fmla="*/ 5022 h 10000"/>
                  <a:gd name="connsiteX144" fmla="*/ 2952 w 10000"/>
                  <a:gd name="connsiteY144" fmla="*/ 5037 h 10000"/>
                  <a:gd name="connsiteX145" fmla="*/ 3085 w 10000"/>
                  <a:gd name="connsiteY145" fmla="*/ 5066 h 10000"/>
                  <a:gd name="connsiteX146" fmla="*/ 3218 w 10000"/>
                  <a:gd name="connsiteY146" fmla="*/ 5096 h 10000"/>
                  <a:gd name="connsiteX147" fmla="*/ 3325 w 10000"/>
                  <a:gd name="connsiteY147" fmla="*/ 5126 h 10000"/>
                  <a:gd name="connsiteX148" fmla="*/ 3456 w 10000"/>
                  <a:gd name="connsiteY148" fmla="*/ 5155 h 10000"/>
                  <a:gd name="connsiteX149" fmla="*/ 3617 w 10000"/>
                  <a:gd name="connsiteY149" fmla="*/ 5170 h 10000"/>
                  <a:gd name="connsiteX150" fmla="*/ 3856 w 10000"/>
                  <a:gd name="connsiteY150" fmla="*/ 5155 h 10000"/>
                  <a:gd name="connsiteX151" fmla="*/ 3936 w 10000"/>
                  <a:gd name="connsiteY151" fmla="*/ 5096 h 10000"/>
                  <a:gd name="connsiteX152" fmla="*/ 4015 w 10000"/>
                  <a:gd name="connsiteY152" fmla="*/ 5022 h 10000"/>
                  <a:gd name="connsiteX153" fmla="*/ 4042 w 10000"/>
                  <a:gd name="connsiteY153" fmla="*/ 4934 h 10000"/>
                  <a:gd name="connsiteX154" fmla="*/ 4070 w 10000"/>
                  <a:gd name="connsiteY154" fmla="*/ 4860 h 10000"/>
                  <a:gd name="connsiteX155" fmla="*/ 4095 w 10000"/>
                  <a:gd name="connsiteY155" fmla="*/ 4697 h 10000"/>
                  <a:gd name="connsiteX156" fmla="*/ 4070 w 10000"/>
                  <a:gd name="connsiteY156" fmla="*/ 4520 h 10000"/>
                  <a:gd name="connsiteX157" fmla="*/ 3989 w 10000"/>
                  <a:gd name="connsiteY157" fmla="*/ 4343 h 10000"/>
                  <a:gd name="connsiteX158" fmla="*/ 3910 w 10000"/>
                  <a:gd name="connsiteY158" fmla="*/ 4195 h 10000"/>
                  <a:gd name="connsiteX159" fmla="*/ 3776 w 10000"/>
                  <a:gd name="connsiteY159" fmla="*/ 4047 h 10000"/>
                  <a:gd name="connsiteX160" fmla="*/ 3644 w 10000"/>
                  <a:gd name="connsiteY160" fmla="*/ 3959 h 10000"/>
                  <a:gd name="connsiteX161" fmla="*/ 3803 w 10000"/>
                  <a:gd name="connsiteY161" fmla="*/ 3944 h 10000"/>
                  <a:gd name="connsiteX162" fmla="*/ 3936 w 10000"/>
                  <a:gd name="connsiteY162" fmla="*/ 3914 h 10000"/>
                  <a:gd name="connsiteX163" fmla="*/ 4042 w 10000"/>
                  <a:gd name="connsiteY163" fmla="*/ 3855 h 10000"/>
                  <a:gd name="connsiteX164" fmla="*/ 4173 w 10000"/>
                  <a:gd name="connsiteY164" fmla="*/ 3752 h 10000"/>
                  <a:gd name="connsiteX165" fmla="*/ 4308 w 10000"/>
                  <a:gd name="connsiteY165" fmla="*/ 3663 h 10000"/>
                  <a:gd name="connsiteX166" fmla="*/ 4414 w 10000"/>
                  <a:gd name="connsiteY166" fmla="*/ 3560 h 10000"/>
                  <a:gd name="connsiteX167" fmla="*/ 4494 w 10000"/>
                  <a:gd name="connsiteY167" fmla="*/ 3442 h 10000"/>
                  <a:gd name="connsiteX168" fmla="*/ 4575 w 10000"/>
                  <a:gd name="connsiteY168" fmla="*/ 3323 h 10000"/>
                  <a:gd name="connsiteX169" fmla="*/ 4628 w 10000"/>
                  <a:gd name="connsiteY169" fmla="*/ 3220 h 10000"/>
                  <a:gd name="connsiteX170" fmla="*/ 4653 w 10000"/>
                  <a:gd name="connsiteY170" fmla="*/ 3102 h 10000"/>
                  <a:gd name="connsiteX171" fmla="*/ 4681 w 10000"/>
                  <a:gd name="connsiteY171" fmla="*/ 3013 h 10000"/>
                  <a:gd name="connsiteX172" fmla="*/ 4653 w 10000"/>
                  <a:gd name="connsiteY172" fmla="*/ 2939 h 10000"/>
                  <a:gd name="connsiteX173" fmla="*/ 4628 w 10000"/>
                  <a:gd name="connsiteY173" fmla="*/ 2866 h 10000"/>
                  <a:gd name="connsiteX174" fmla="*/ 4548 w 10000"/>
                  <a:gd name="connsiteY174" fmla="*/ 2836 h 10000"/>
                  <a:gd name="connsiteX175" fmla="*/ 4442 w 10000"/>
                  <a:gd name="connsiteY175" fmla="*/ 2836 h 10000"/>
                  <a:gd name="connsiteX176" fmla="*/ 4308 w 10000"/>
                  <a:gd name="connsiteY176" fmla="*/ 2866 h 10000"/>
                  <a:gd name="connsiteX177" fmla="*/ 4414 w 10000"/>
                  <a:gd name="connsiteY177" fmla="*/ 2777 h 10000"/>
                  <a:gd name="connsiteX178" fmla="*/ 4469 w 10000"/>
                  <a:gd name="connsiteY178" fmla="*/ 2674 h 10000"/>
                  <a:gd name="connsiteX179" fmla="*/ 4494 w 10000"/>
                  <a:gd name="connsiteY179" fmla="*/ 2541 h 10000"/>
                  <a:gd name="connsiteX180" fmla="*/ 4494 w 10000"/>
                  <a:gd name="connsiteY180" fmla="*/ 2393 h 10000"/>
                  <a:gd name="connsiteX181" fmla="*/ 4520 w 10000"/>
                  <a:gd name="connsiteY181" fmla="*/ 2349 h 10000"/>
                  <a:gd name="connsiteX182" fmla="*/ 4575 w 10000"/>
                  <a:gd name="connsiteY182" fmla="*/ 2304 h 10000"/>
                  <a:gd name="connsiteX183" fmla="*/ 4628 w 10000"/>
                  <a:gd name="connsiteY183" fmla="*/ 2290 h 10000"/>
                  <a:gd name="connsiteX184" fmla="*/ 4708 w 10000"/>
                  <a:gd name="connsiteY184" fmla="*/ 2275 h 10000"/>
                  <a:gd name="connsiteX185" fmla="*/ 4946 w 10000"/>
                  <a:gd name="connsiteY185" fmla="*/ 2260 h 10000"/>
                  <a:gd name="connsiteX186" fmla="*/ 5158 w 10000"/>
                  <a:gd name="connsiteY186" fmla="*/ 2275 h 10000"/>
                  <a:gd name="connsiteX187" fmla="*/ 5132 w 10000"/>
                  <a:gd name="connsiteY187" fmla="*/ 2112 h 10000"/>
                  <a:gd name="connsiteX188" fmla="*/ 5080 w 10000"/>
                  <a:gd name="connsiteY188" fmla="*/ 1950 h 10000"/>
                  <a:gd name="connsiteX189" fmla="*/ 4999 w 10000"/>
                  <a:gd name="connsiteY189" fmla="*/ 1802 h 10000"/>
                  <a:gd name="connsiteX190" fmla="*/ 4894 w 10000"/>
                  <a:gd name="connsiteY190" fmla="*/ 1640 h 10000"/>
                  <a:gd name="connsiteX191" fmla="*/ 4628 w 10000"/>
                  <a:gd name="connsiteY191" fmla="*/ 1329 h 10000"/>
                  <a:gd name="connsiteX192" fmla="*/ 4362 w 10000"/>
                  <a:gd name="connsiteY192" fmla="*/ 1034 h 10000"/>
                  <a:gd name="connsiteX193" fmla="*/ 4228 w 10000"/>
                  <a:gd name="connsiteY193" fmla="*/ 901 h 10000"/>
                  <a:gd name="connsiteX194" fmla="*/ 4124 w 10000"/>
                  <a:gd name="connsiteY194" fmla="*/ 753 h 10000"/>
                  <a:gd name="connsiteX195" fmla="*/ 4042 w 10000"/>
                  <a:gd name="connsiteY195" fmla="*/ 620 h 10000"/>
                  <a:gd name="connsiteX196" fmla="*/ 4015 w 10000"/>
                  <a:gd name="connsiteY196" fmla="*/ 487 h 10000"/>
                  <a:gd name="connsiteX197" fmla="*/ 3989 w 10000"/>
                  <a:gd name="connsiteY197" fmla="*/ 355 h 10000"/>
                  <a:gd name="connsiteX198" fmla="*/ 4042 w 10000"/>
                  <a:gd name="connsiteY198" fmla="*/ 222 h 10000"/>
                  <a:gd name="connsiteX199" fmla="*/ 4070 w 10000"/>
                  <a:gd name="connsiteY199" fmla="*/ 162 h 10000"/>
                  <a:gd name="connsiteX200" fmla="*/ 4124 w 10000"/>
                  <a:gd name="connsiteY200" fmla="*/ 103 h 10000"/>
                  <a:gd name="connsiteX201" fmla="*/ 4203 w 10000"/>
                  <a:gd name="connsiteY201" fmla="*/ 59 h 10000"/>
                  <a:gd name="connsiteX202" fmla="*/ 4308 w 10000"/>
                  <a:gd name="connsiteY202" fmla="*/ 0 h 10000"/>
                  <a:gd name="connsiteX203" fmla="*/ 4494 w 10000"/>
                  <a:gd name="connsiteY203" fmla="*/ 0 h 10000"/>
                  <a:gd name="connsiteX204" fmla="*/ 4681 w 10000"/>
                  <a:gd name="connsiteY204" fmla="*/ 15 h 10000"/>
                  <a:gd name="connsiteX205" fmla="*/ 4867 w 10000"/>
                  <a:gd name="connsiteY205" fmla="*/ 44 h 10000"/>
                  <a:gd name="connsiteX206" fmla="*/ 4999 w 10000"/>
                  <a:gd name="connsiteY206" fmla="*/ 89 h 10000"/>
                  <a:gd name="connsiteX207" fmla="*/ 5213 w 10000"/>
                  <a:gd name="connsiteY207" fmla="*/ 192 h 10000"/>
                  <a:gd name="connsiteX208" fmla="*/ 5425 w 10000"/>
                  <a:gd name="connsiteY208" fmla="*/ 340 h 10000"/>
                  <a:gd name="connsiteX209" fmla="*/ 5585 w 10000"/>
                  <a:gd name="connsiteY209" fmla="*/ 473 h 10000"/>
                  <a:gd name="connsiteX210" fmla="*/ 5797 w 10000"/>
                  <a:gd name="connsiteY210" fmla="*/ 591 h 10000"/>
                  <a:gd name="connsiteX211" fmla="*/ 5931 w 10000"/>
                  <a:gd name="connsiteY211" fmla="*/ 650 h 10000"/>
                  <a:gd name="connsiteX212" fmla="*/ 6090 w 10000"/>
                  <a:gd name="connsiteY212" fmla="*/ 679 h 10000"/>
                  <a:gd name="connsiteX213" fmla="*/ 6251 w 10000"/>
                  <a:gd name="connsiteY213" fmla="*/ 709 h 10000"/>
                  <a:gd name="connsiteX214" fmla="*/ 6463 w 10000"/>
                  <a:gd name="connsiteY214" fmla="*/ 709 h 10000"/>
                  <a:gd name="connsiteX215" fmla="*/ 6463 w 10000"/>
                  <a:gd name="connsiteY215" fmla="*/ 768 h 10000"/>
                  <a:gd name="connsiteX216" fmla="*/ 6490 w 10000"/>
                  <a:gd name="connsiteY216" fmla="*/ 842 h 10000"/>
                  <a:gd name="connsiteX217" fmla="*/ 6541 w 10000"/>
                  <a:gd name="connsiteY217" fmla="*/ 916 h 10000"/>
                  <a:gd name="connsiteX218" fmla="*/ 6595 w 10000"/>
                  <a:gd name="connsiteY218" fmla="*/ 990 h 10000"/>
                  <a:gd name="connsiteX219" fmla="*/ 6674 w 10000"/>
                  <a:gd name="connsiteY219" fmla="*/ 1049 h 10000"/>
                  <a:gd name="connsiteX220" fmla="*/ 6780 w 10000"/>
                  <a:gd name="connsiteY220" fmla="*/ 1108 h 10000"/>
                  <a:gd name="connsiteX221" fmla="*/ 6914 w 10000"/>
                  <a:gd name="connsiteY221" fmla="*/ 1182 h 10000"/>
                  <a:gd name="connsiteX222" fmla="*/ 7020 w 10000"/>
                  <a:gd name="connsiteY222" fmla="*/ 1226 h 10000"/>
                  <a:gd name="connsiteX223" fmla="*/ 7127 w 10000"/>
                  <a:gd name="connsiteY223" fmla="*/ 1270 h 10000"/>
                  <a:gd name="connsiteX224" fmla="*/ 7234 w 10000"/>
                  <a:gd name="connsiteY224" fmla="*/ 1300 h 10000"/>
                  <a:gd name="connsiteX225" fmla="*/ 7340 w 10000"/>
                  <a:gd name="connsiteY225" fmla="*/ 1315 h 10000"/>
                  <a:gd name="connsiteX226" fmla="*/ 7474 w 10000"/>
                  <a:gd name="connsiteY226" fmla="*/ 1300 h 10000"/>
                  <a:gd name="connsiteX227" fmla="*/ 7580 w 10000"/>
                  <a:gd name="connsiteY227" fmla="*/ 1285 h 10000"/>
                  <a:gd name="connsiteX228" fmla="*/ 7659 w 10000"/>
                  <a:gd name="connsiteY228" fmla="*/ 1241 h 10000"/>
                  <a:gd name="connsiteX229" fmla="*/ 7714 w 10000"/>
                  <a:gd name="connsiteY229" fmla="*/ 1167 h 10000"/>
                  <a:gd name="connsiteX230" fmla="*/ 7738 w 10000"/>
                  <a:gd name="connsiteY230" fmla="*/ 1064 h 10000"/>
                  <a:gd name="connsiteX231" fmla="*/ 8138 w 10000"/>
                  <a:gd name="connsiteY231" fmla="*/ 1034 h 10000"/>
                  <a:gd name="connsiteX232" fmla="*/ 8509 w 10000"/>
                  <a:gd name="connsiteY232" fmla="*/ 1004 h 10000"/>
                  <a:gd name="connsiteX233" fmla="*/ 8830 w 10000"/>
                  <a:gd name="connsiteY233" fmla="*/ 990 h 10000"/>
                  <a:gd name="connsiteX234" fmla="*/ 9123 w 10000"/>
                  <a:gd name="connsiteY234" fmla="*/ 1004 h 10000"/>
                  <a:gd name="connsiteX235" fmla="*/ 9256 w 10000"/>
                  <a:gd name="connsiteY235" fmla="*/ 1019 h 10000"/>
                  <a:gd name="connsiteX236" fmla="*/ 9387 w 10000"/>
                  <a:gd name="connsiteY236" fmla="*/ 1034 h 10000"/>
                  <a:gd name="connsiteX237" fmla="*/ 9495 w 10000"/>
                  <a:gd name="connsiteY237" fmla="*/ 1064 h 10000"/>
                  <a:gd name="connsiteX238" fmla="*/ 9628 w 10000"/>
                  <a:gd name="connsiteY238" fmla="*/ 1108 h 10000"/>
                  <a:gd name="connsiteX239" fmla="*/ 9707 w 10000"/>
                  <a:gd name="connsiteY239" fmla="*/ 1182 h 10000"/>
                  <a:gd name="connsiteX240" fmla="*/ 9786 w 10000"/>
                  <a:gd name="connsiteY240" fmla="*/ 1241 h 10000"/>
                  <a:gd name="connsiteX241" fmla="*/ 9841 w 10000"/>
                  <a:gd name="connsiteY241" fmla="*/ 1329 h 10000"/>
                  <a:gd name="connsiteX242" fmla="*/ 9893 w 10000"/>
                  <a:gd name="connsiteY242" fmla="*/ 1433 h 10000"/>
                  <a:gd name="connsiteX243" fmla="*/ 9946 w 10000"/>
                  <a:gd name="connsiteY243" fmla="*/ 1551 h 10000"/>
                  <a:gd name="connsiteX244" fmla="*/ 9919 w 10000"/>
                  <a:gd name="connsiteY244" fmla="*/ 1625 h 10000"/>
                  <a:gd name="connsiteX245" fmla="*/ 9893 w 10000"/>
                  <a:gd name="connsiteY245" fmla="*/ 1684 h 10000"/>
                  <a:gd name="connsiteX246" fmla="*/ 9841 w 10000"/>
                  <a:gd name="connsiteY246" fmla="*/ 1758 h 10000"/>
                  <a:gd name="connsiteX247" fmla="*/ 9761 w 10000"/>
                  <a:gd name="connsiteY247" fmla="*/ 1802 h 10000"/>
                  <a:gd name="connsiteX248" fmla="*/ 9707 w 10000"/>
                  <a:gd name="connsiteY248" fmla="*/ 1861 h 10000"/>
                  <a:gd name="connsiteX249" fmla="*/ 9682 w 10000"/>
                  <a:gd name="connsiteY249" fmla="*/ 1935 h 10000"/>
                  <a:gd name="connsiteX250" fmla="*/ 9707 w 10000"/>
                  <a:gd name="connsiteY250" fmla="*/ 2024 h 10000"/>
                  <a:gd name="connsiteX251" fmla="*/ 10000 w 10000"/>
                  <a:gd name="connsiteY251" fmla="*/ 2157 h 10000"/>
                  <a:gd name="connsiteX0" fmla="*/ 9628 w 10000"/>
                  <a:gd name="connsiteY0" fmla="*/ 3338 h 10000"/>
                  <a:gd name="connsiteX1" fmla="*/ 9866 w 10000"/>
                  <a:gd name="connsiteY1" fmla="*/ 3117 h 10000"/>
                  <a:gd name="connsiteX2" fmla="*/ 9893 w 10000"/>
                  <a:gd name="connsiteY2" fmla="*/ 3072 h 10000"/>
                  <a:gd name="connsiteX3" fmla="*/ 9919 w 10000"/>
                  <a:gd name="connsiteY3" fmla="*/ 3013 h 10000"/>
                  <a:gd name="connsiteX4" fmla="*/ 9919 w 10000"/>
                  <a:gd name="connsiteY4" fmla="*/ 2954 h 10000"/>
                  <a:gd name="connsiteX5" fmla="*/ 9893 w 10000"/>
                  <a:gd name="connsiteY5" fmla="*/ 2866 h 10000"/>
                  <a:gd name="connsiteX6" fmla="*/ 9707 w 10000"/>
                  <a:gd name="connsiteY6" fmla="*/ 2984 h 10000"/>
                  <a:gd name="connsiteX7" fmla="*/ 9495 w 10000"/>
                  <a:gd name="connsiteY7" fmla="*/ 3072 h 10000"/>
                  <a:gd name="connsiteX8" fmla="*/ 9281 w 10000"/>
                  <a:gd name="connsiteY8" fmla="*/ 3161 h 10000"/>
                  <a:gd name="connsiteX9" fmla="*/ 9069 w 10000"/>
                  <a:gd name="connsiteY9" fmla="*/ 3250 h 10000"/>
                  <a:gd name="connsiteX10" fmla="*/ 8589 w 10000"/>
                  <a:gd name="connsiteY10" fmla="*/ 3397 h 10000"/>
                  <a:gd name="connsiteX11" fmla="*/ 8085 w 10000"/>
                  <a:gd name="connsiteY11" fmla="*/ 3545 h 10000"/>
                  <a:gd name="connsiteX12" fmla="*/ 7100 w 10000"/>
                  <a:gd name="connsiteY12" fmla="*/ 3840 h 10000"/>
                  <a:gd name="connsiteX13" fmla="*/ 6861 w 10000"/>
                  <a:gd name="connsiteY13" fmla="*/ 3914 h 10000"/>
                  <a:gd name="connsiteX14" fmla="*/ 6649 w 10000"/>
                  <a:gd name="connsiteY14" fmla="*/ 4003 h 10000"/>
                  <a:gd name="connsiteX15" fmla="*/ 6437 w 10000"/>
                  <a:gd name="connsiteY15" fmla="*/ 4106 h 10000"/>
                  <a:gd name="connsiteX16" fmla="*/ 6222 w 10000"/>
                  <a:gd name="connsiteY16" fmla="*/ 4195 h 10000"/>
                  <a:gd name="connsiteX17" fmla="*/ 6382 w 10000"/>
                  <a:gd name="connsiteY17" fmla="*/ 4417 h 10000"/>
                  <a:gd name="connsiteX18" fmla="*/ 6490 w 10000"/>
                  <a:gd name="connsiteY18" fmla="*/ 4623 h 10000"/>
                  <a:gd name="connsiteX19" fmla="*/ 6475 w 10000"/>
                  <a:gd name="connsiteY19" fmla="*/ 4845 h 10000"/>
                  <a:gd name="connsiteX20" fmla="*/ 6729 w 10000"/>
                  <a:gd name="connsiteY20" fmla="*/ 5318 h 10000"/>
                  <a:gd name="connsiteX21" fmla="*/ 6756 w 10000"/>
                  <a:gd name="connsiteY21" fmla="*/ 5539 h 10000"/>
                  <a:gd name="connsiteX22" fmla="*/ 6780 w 10000"/>
                  <a:gd name="connsiteY22" fmla="*/ 5775 h 10000"/>
                  <a:gd name="connsiteX23" fmla="*/ 6780 w 10000"/>
                  <a:gd name="connsiteY23" fmla="*/ 5997 h 10000"/>
                  <a:gd name="connsiteX24" fmla="*/ 6756 w 10000"/>
                  <a:gd name="connsiteY24" fmla="*/ 6233 h 10000"/>
                  <a:gd name="connsiteX25" fmla="*/ 6702 w 10000"/>
                  <a:gd name="connsiteY25" fmla="*/ 6470 h 10000"/>
                  <a:gd name="connsiteX26" fmla="*/ 6649 w 10000"/>
                  <a:gd name="connsiteY26" fmla="*/ 6677 h 10000"/>
                  <a:gd name="connsiteX27" fmla="*/ 6569 w 10000"/>
                  <a:gd name="connsiteY27" fmla="*/ 6898 h 10000"/>
                  <a:gd name="connsiteX28" fmla="*/ 6463 w 10000"/>
                  <a:gd name="connsiteY28" fmla="*/ 7105 h 10000"/>
                  <a:gd name="connsiteX29" fmla="*/ 6330 w 10000"/>
                  <a:gd name="connsiteY29" fmla="*/ 7297 h 10000"/>
                  <a:gd name="connsiteX30" fmla="*/ 6170 w 10000"/>
                  <a:gd name="connsiteY30" fmla="*/ 7489 h 10000"/>
                  <a:gd name="connsiteX31" fmla="*/ 6010 w 10000"/>
                  <a:gd name="connsiteY31" fmla="*/ 7681 h 10000"/>
                  <a:gd name="connsiteX32" fmla="*/ 6780 w 10000"/>
                  <a:gd name="connsiteY32" fmla="*/ 7799 h 10000"/>
                  <a:gd name="connsiteX33" fmla="*/ 7580 w 10000"/>
                  <a:gd name="connsiteY33" fmla="*/ 7962 h 10000"/>
                  <a:gd name="connsiteX34" fmla="*/ 7738 w 10000"/>
                  <a:gd name="connsiteY34" fmla="*/ 8021 h 10000"/>
                  <a:gd name="connsiteX35" fmla="*/ 7872 w 10000"/>
                  <a:gd name="connsiteY35" fmla="*/ 8080 h 10000"/>
                  <a:gd name="connsiteX36" fmla="*/ 8004 w 10000"/>
                  <a:gd name="connsiteY36" fmla="*/ 8139 h 10000"/>
                  <a:gd name="connsiteX37" fmla="*/ 8085 w 10000"/>
                  <a:gd name="connsiteY37" fmla="*/ 8227 h 10000"/>
                  <a:gd name="connsiteX38" fmla="*/ 8112 w 10000"/>
                  <a:gd name="connsiteY38" fmla="*/ 8301 h 10000"/>
                  <a:gd name="connsiteX39" fmla="*/ 8112 w 10000"/>
                  <a:gd name="connsiteY39" fmla="*/ 8405 h 10000"/>
                  <a:gd name="connsiteX40" fmla="*/ 8059 w 10000"/>
                  <a:gd name="connsiteY40" fmla="*/ 8523 h 10000"/>
                  <a:gd name="connsiteX41" fmla="*/ 7978 w 10000"/>
                  <a:gd name="connsiteY41" fmla="*/ 8641 h 10000"/>
                  <a:gd name="connsiteX42" fmla="*/ 7633 w 10000"/>
                  <a:gd name="connsiteY42" fmla="*/ 8552 h 10000"/>
                  <a:gd name="connsiteX43" fmla="*/ 7313 w 10000"/>
                  <a:gd name="connsiteY43" fmla="*/ 8449 h 10000"/>
                  <a:gd name="connsiteX44" fmla="*/ 6994 w 10000"/>
                  <a:gd name="connsiteY44" fmla="*/ 8360 h 10000"/>
                  <a:gd name="connsiteX45" fmla="*/ 6674 w 10000"/>
                  <a:gd name="connsiteY45" fmla="*/ 8287 h 10000"/>
                  <a:gd name="connsiteX46" fmla="*/ 6541 w 10000"/>
                  <a:gd name="connsiteY46" fmla="*/ 8449 h 10000"/>
                  <a:gd name="connsiteX47" fmla="*/ 6437 w 10000"/>
                  <a:gd name="connsiteY47" fmla="*/ 8597 h 10000"/>
                  <a:gd name="connsiteX48" fmla="*/ 6382 w 10000"/>
                  <a:gd name="connsiteY48" fmla="*/ 8656 h 10000"/>
                  <a:gd name="connsiteX49" fmla="*/ 6276 w 10000"/>
                  <a:gd name="connsiteY49" fmla="*/ 8700 h 10000"/>
                  <a:gd name="connsiteX50" fmla="*/ 6197 w 10000"/>
                  <a:gd name="connsiteY50" fmla="*/ 8744 h 10000"/>
                  <a:gd name="connsiteX51" fmla="*/ 6117 w 10000"/>
                  <a:gd name="connsiteY51" fmla="*/ 8774 h 10000"/>
                  <a:gd name="connsiteX52" fmla="*/ 6037 w 10000"/>
                  <a:gd name="connsiteY52" fmla="*/ 8804 h 10000"/>
                  <a:gd name="connsiteX53" fmla="*/ 5931 w 10000"/>
                  <a:gd name="connsiteY53" fmla="*/ 8818 h 10000"/>
                  <a:gd name="connsiteX54" fmla="*/ 5797 w 10000"/>
                  <a:gd name="connsiteY54" fmla="*/ 8833 h 10000"/>
                  <a:gd name="connsiteX55" fmla="*/ 5665 w 10000"/>
                  <a:gd name="connsiteY55" fmla="*/ 8833 h 10000"/>
                  <a:gd name="connsiteX56" fmla="*/ 5347 w 10000"/>
                  <a:gd name="connsiteY56" fmla="*/ 8818 h 10000"/>
                  <a:gd name="connsiteX57" fmla="*/ 4946 w 10000"/>
                  <a:gd name="connsiteY57" fmla="*/ 8744 h 10000"/>
                  <a:gd name="connsiteX58" fmla="*/ 4946 w 10000"/>
                  <a:gd name="connsiteY58" fmla="*/ 8922 h 10000"/>
                  <a:gd name="connsiteX59" fmla="*/ 4919 w 10000"/>
                  <a:gd name="connsiteY59" fmla="*/ 9069 h 10000"/>
                  <a:gd name="connsiteX60" fmla="*/ 4894 w 10000"/>
                  <a:gd name="connsiteY60" fmla="*/ 9232 h 10000"/>
                  <a:gd name="connsiteX61" fmla="*/ 4867 w 10000"/>
                  <a:gd name="connsiteY61" fmla="*/ 9365 h 10000"/>
                  <a:gd name="connsiteX62" fmla="*/ 4813 w 10000"/>
                  <a:gd name="connsiteY62" fmla="*/ 9498 h 10000"/>
                  <a:gd name="connsiteX63" fmla="*/ 4708 w 10000"/>
                  <a:gd name="connsiteY63" fmla="*/ 9616 h 10000"/>
                  <a:gd name="connsiteX64" fmla="*/ 4628 w 10000"/>
                  <a:gd name="connsiteY64" fmla="*/ 9734 h 10000"/>
                  <a:gd name="connsiteX65" fmla="*/ 4494 w 10000"/>
                  <a:gd name="connsiteY65" fmla="*/ 9838 h 10000"/>
                  <a:gd name="connsiteX66" fmla="*/ 4173 w 10000"/>
                  <a:gd name="connsiteY66" fmla="*/ 9897 h 10000"/>
                  <a:gd name="connsiteX67" fmla="*/ 3910 w 10000"/>
                  <a:gd name="connsiteY67" fmla="*/ 9941 h 10000"/>
                  <a:gd name="connsiteX68" fmla="*/ 3590 w 10000"/>
                  <a:gd name="connsiteY68" fmla="*/ 9985 h 10000"/>
                  <a:gd name="connsiteX69" fmla="*/ 3351 w 10000"/>
                  <a:gd name="connsiteY69" fmla="*/ 10000 h 10000"/>
                  <a:gd name="connsiteX70" fmla="*/ 2819 w 10000"/>
                  <a:gd name="connsiteY70" fmla="*/ 10000 h 10000"/>
                  <a:gd name="connsiteX71" fmla="*/ 2313 w 10000"/>
                  <a:gd name="connsiteY71" fmla="*/ 9985 h 10000"/>
                  <a:gd name="connsiteX72" fmla="*/ 1836 w 10000"/>
                  <a:gd name="connsiteY72" fmla="*/ 9941 h 10000"/>
                  <a:gd name="connsiteX73" fmla="*/ 1330 w 10000"/>
                  <a:gd name="connsiteY73" fmla="*/ 9911 h 10000"/>
                  <a:gd name="connsiteX74" fmla="*/ 1038 w 10000"/>
                  <a:gd name="connsiteY74" fmla="*/ 9911 h 10000"/>
                  <a:gd name="connsiteX75" fmla="*/ 771 w 10000"/>
                  <a:gd name="connsiteY75" fmla="*/ 9911 h 10000"/>
                  <a:gd name="connsiteX76" fmla="*/ 479 w 10000"/>
                  <a:gd name="connsiteY76" fmla="*/ 9926 h 10000"/>
                  <a:gd name="connsiteX77" fmla="*/ 186 w 10000"/>
                  <a:gd name="connsiteY77" fmla="*/ 9970 h 10000"/>
                  <a:gd name="connsiteX78" fmla="*/ 107 w 10000"/>
                  <a:gd name="connsiteY78" fmla="*/ 9867 h 10000"/>
                  <a:gd name="connsiteX79" fmla="*/ 54 w 10000"/>
                  <a:gd name="connsiteY79" fmla="*/ 9793 h 10000"/>
                  <a:gd name="connsiteX80" fmla="*/ 0 w 10000"/>
                  <a:gd name="connsiteY80" fmla="*/ 9705 h 10000"/>
                  <a:gd name="connsiteX81" fmla="*/ 0 w 10000"/>
                  <a:gd name="connsiteY81" fmla="*/ 9601 h 10000"/>
                  <a:gd name="connsiteX82" fmla="*/ 54 w 10000"/>
                  <a:gd name="connsiteY82" fmla="*/ 9424 h 10000"/>
                  <a:gd name="connsiteX83" fmla="*/ 107 w 10000"/>
                  <a:gd name="connsiteY83" fmla="*/ 9202 h 10000"/>
                  <a:gd name="connsiteX84" fmla="*/ 158 w 10000"/>
                  <a:gd name="connsiteY84" fmla="*/ 8996 h 10000"/>
                  <a:gd name="connsiteX85" fmla="*/ 213 w 10000"/>
                  <a:gd name="connsiteY85" fmla="*/ 8759 h 10000"/>
                  <a:gd name="connsiteX86" fmla="*/ 239 w 10000"/>
                  <a:gd name="connsiteY86" fmla="*/ 8641 h 10000"/>
                  <a:gd name="connsiteX87" fmla="*/ 239 w 10000"/>
                  <a:gd name="connsiteY87" fmla="*/ 8538 h 10000"/>
                  <a:gd name="connsiteX88" fmla="*/ 213 w 10000"/>
                  <a:gd name="connsiteY88" fmla="*/ 8405 h 10000"/>
                  <a:gd name="connsiteX89" fmla="*/ 186 w 10000"/>
                  <a:gd name="connsiteY89" fmla="*/ 8287 h 10000"/>
                  <a:gd name="connsiteX90" fmla="*/ 452 w 10000"/>
                  <a:gd name="connsiteY90" fmla="*/ 8213 h 10000"/>
                  <a:gd name="connsiteX91" fmla="*/ 718 w 10000"/>
                  <a:gd name="connsiteY91" fmla="*/ 8139 h 10000"/>
                  <a:gd name="connsiteX92" fmla="*/ 984 w 10000"/>
                  <a:gd name="connsiteY92" fmla="*/ 8095 h 10000"/>
                  <a:gd name="connsiteX93" fmla="*/ 1277 w 10000"/>
                  <a:gd name="connsiteY93" fmla="*/ 8065 h 10000"/>
                  <a:gd name="connsiteX94" fmla="*/ 1807 w 10000"/>
                  <a:gd name="connsiteY94" fmla="*/ 8021 h 10000"/>
                  <a:gd name="connsiteX95" fmla="*/ 2341 w 10000"/>
                  <a:gd name="connsiteY95" fmla="*/ 7976 h 10000"/>
                  <a:gd name="connsiteX96" fmla="*/ 2580 w 10000"/>
                  <a:gd name="connsiteY96" fmla="*/ 7947 h 10000"/>
                  <a:gd name="connsiteX97" fmla="*/ 2819 w 10000"/>
                  <a:gd name="connsiteY97" fmla="*/ 7917 h 10000"/>
                  <a:gd name="connsiteX98" fmla="*/ 3030 w 10000"/>
                  <a:gd name="connsiteY98" fmla="*/ 7843 h 10000"/>
                  <a:gd name="connsiteX99" fmla="*/ 3244 w 10000"/>
                  <a:gd name="connsiteY99" fmla="*/ 7784 h 10000"/>
                  <a:gd name="connsiteX100" fmla="*/ 3431 w 10000"/>
                  <a:gd name="connsiteY100" fmla="*/ 7710 h 10000"/>
                  <a:gd name="connsiteX101" fmla="*/ 3590 w 10000"/>
                  <a:gd name="connsiteY101" fmla="*/ 7592 h 10000"/>
                  <a:gd name="connsiteX102" fmla="*/ 3750 w 10000"/>
                  <a:gd name="connsiteY102" fmla="*/ 7474 h 10000"/>
                  <a:gd name="connsiteX103" fmla="*/ 3856 w 10000"/>
                  <a:gd name="connsiteY103" fmla="*/ 7312 h 10000"/>
                  <a:gd name="connsiteX104" fmla="*/ 3644 w 10000"/>
                  <a:gd name="connsiteY104" fmla="*/ 7238 h 10000"/>
                  <a:gd name="connsiteX105" fmla="*/ 3456 w 10000"/>
                  <a:gd name="connsiteY105" fmla="*/ 7179 h 10000"/>
                  <a:gd name="connsiteX106" fmla="*/ 3297 w 10000"/>
                  <a:gd name="connsiteY106" fmla="*/ 7090 h 10000"/>
                  <a:gd name="connsiteX107" fmla="*/ 3139 w 10000"/>
                  <a:gd name="connsiteY107" fmla="*/ 6987 h 10000"/>
                  <a:gd name="connsiteX108" fmla="*/ 3030 w 10000"/>
                  <a:gd name="connsiteY108" fmla="*/ 6869 h 10000"/>
                  <a:gd name="connsiteX109" fmla="*/ 2980 w 10000"/>
                  <a:gd name="connsiteY109" fmla="*/ 6721 h 10000"/>
                  <a:gd name="connsiteX110" fmla="*/ 2952 w 10000"/>
                  <a:gd name="connsiteY110" fmla="*/ 6558 h 10000"/>
                  <a:gd name="connsiteX111" fmla="*/ 2980 w 10000"/>
                  <a:gd name="connsiteY111" fmla="*/ 6352 h 10000"/>
                  <a:gd name="connsiteX112" fmla="*/ 2846 w 10000"/>
                  <a:gd name="connsiteY112" fmla="*/ 6322 h 10000"/>
                  <a:gd name="connsiteX113" fmla="*/ 2687 w 10000"/>
                  <a:gd name="connsiteY113" fmla="*/ 6292 h 10000"/>
                  <a:gd name="connsiteX114" fmla="*/ 2501 w 10000"/>
                  <a:gd name="connsiteY114" fmla="*/ 6278 h 10000"/>
                  <a:gd name="connsiteX115" fmla="*/ 2313 w 10000"/>
                  <a:gd name="connsiteY115" fmla="*/ 6263 h 10000"/>
                  <a:gd name="connsiteX116" fmla="*/ 1942 w 10000"/>
                  <a:gd name="connsiteY116" fmla="*/ 6248 h 10000"/>
                  <a:gd name="connsiteX117" fmla="*/ 1543 w 10000"/>
                  <a:gd name="connsiteY117" fmla="*/ 6263 h 10000"/>
                  <a:gd name="connsiteX118" fmla="*/ 1198 w 10000"/>
                  <a:gd name="connsiteY118" fmla="*/ 6278 h 10000"/>
                  <a:gd name="connsiteX119" fmla="*/ 877 w 10000"/>
                  <a:gd name="connsiteY119" fmla="*/ 6278 h 10000"/>
                  <a:gd name="connsiteX120" fmla="*/ 613 w 10000"/>
                  <a:gd name="connsiteY120" fmla="*/ 6263 h 10000"/>
                  <a:gd name="connsiteX121" fmla="*/ 399 w 10000"/>
                  <a:gd name="connsiteY121" fmla="*/ 6233 h 10000"/>
                  <a:gd name="connsiteX122" fmla="*/ 663 w 10000"/>
                  <a:gd name="connsiteY122" fmla="*/ 5805 h 10000"/>
                  <a:gd name="connsiteX123" fmla="*/ 958 w 10000"/>
                  <a:gd name="connsiteY123" fmla="*/ 5391 h 10000"/>
                  <a:gd name="connsiteX124" fmla="*/ 1065 w 10000"/>
                  <a:gd name="connsiteY124" fmla="*/ 5170 h 10000"/>
                  <a:gd name="connsiteX125" fmla="*/ 1143 w 10000"/>
                  <a:gd name="connsiteY125" fmla="*/ 4963 h 10000"/>
                  <a:gd name="connsiteX126" fmla="*/ 1169 w 10000"/>
                  <a:gd name="connsiteY126" fmla="*/ 4860 h 10000"/>
                  <a:gd name="connsiteX127" fmla="*/ 1143 w 10000"/>
                  <a:gd name="connsiteY127" fmla="*/ 4756 h 10000"/>
                  <a:gd name="connsiteX128" fmla="*/ 1117 w 10000"/>
                  <a:gd name="connsiteY128" fmla="*/ 4653 h 10000"/>
                  <a:gd name="connsiteX129" fmla="*/ 1038 w 10000"/>
                  <a:gd name="connsiteY129" fmla="*/ 4549 h 10000"/>
                  <a:gd name="connsiteX130" fmla="*/ 1330 w 10000"/>
                  <a:gd name="connsiteY130" fmla="*/ 4520 h 10000"/>
                  <a:gd name="connsiteX131" fmla="*/ 1543 w 10000"/>
                  <a:gd name="connsiteY131" fmla="*/ 4505 h 10000"/>
                  <a:gd name="connsiteX132" fmla="*/ 1729 w 10000"/>
                  <a:gd name="connsiteY132" fmla="*/ 4505 h 10000"/>
                  <a:gd name="connsiteX133" fmla="*/ 1888 w 10000"/>
                  <a:gd name="connsiteY133" fmla="*/ 4520 h 10000"/>
                  <a:gd name="connsiteX134" fmla="*/ 2022 w 10000"/>
                  <a:gd name="connsiteY134" fmla="*/ 4520 h 10000"/>
                  <a:gd name="connsiteX135" fmla="*/ 2181 w 10000"/>
                  <a:gd name="connsiteY135" fmla="*/ 4520 h 10000"/>
                  <a:gd name="connsiteX136" fmla="*/ 2341 w 10000"/>
                  <a:gd name="connsiteY136" fmla="*/ 4490 h 10000"/>
                  <a:gd name="connsiteX137" fmla="*/ 2552 w 10000"/>
                  <a:gd name="connsiteY137" fmla="*/ 4446 h 10000"/>
                  <a:gd name="connsiteX138" fmla="*/ 2552 w 10000"/>
                  <a:gd name="connsiteY138" fmla="*/ 4579 h 10000"/>
                  <a:gd name="connsiteX139" fmla="*/ 2552 w 10000"/>
                  <a:gd name="connsiteY139" fmla="*/ 4742 h 10000"/>
                  <a:gd name="connsiteX140" fmla="*/ 2552 w 10000"/>
                  <a:gd name="connsiteY140" fmla="*/ 4874 h 10000"/>
                  <a:gd name="connsiteX141" fmla="*/ 2552 w 10000"/>
                  <a:gd name="connsiteY141" fmla="*/ 5037 h 10000"/>
                  <a:gd name="connsiteX142" fmla="*/ 2792 w 10000"/>
                  <a:gd name="connsiteY142" fmla="*/ 5022 h 10000"/>
                  <a:gd name="connsiteX143" fmla="*/ 2952 w 10000"/>
                  <a:gd name="connsiteY143" fmla="*/ 5037 h 10000"/>
                  <a:gd name="connsiteX144" fmla="*/ 3085 w 10000"/>
                  <a:gd name="connsiteY144" fmla="*/ 5066 h 10000"/>
                  <a:gd name="connsiteX145" fmla="*/ 3218 w 10000"/>
                  <a:gd name="connsiteY145" fmla="*/ 5096 h 10000"/>
                  <a:gd name="connsiteX146" fmla="*/ 3325 w 10000"/>
                  <a:gd name="connsiteY146" fmla="*/ 5126 h 10000"/>
                  <a:gd name="connsiteX147" fmla="*/ 3456 w 10000"/>
                  <a:gd name="connsiteY147" fmla="*/ 5155 h 10000"/>
                  <a:gd name="connsiteX148" fmla="*/ 3617 w 10000"/>
                  <a:gd name="connsiteY148" fmla="*/ 5170 h 10000"/>
                  <a:gd name="connsiteX149" fmla="*/ 3856 w 10000"/>
                  <a:gd name="connsiteY149" fmla="*/ 5155 h 10000"/>
                  <a:gd name="connsiteX150" fmla="*/ 3936 w 10000"/>
                  <a:gd name="connsiteY150" fmla="*/ 5096 h 10000"/>
                  <a:gd name="connsiteX151" fmla="*/ 4015 w 10000"/>
                  <a:gd name="connsiteY151" fmla="*/ 5022 h 10000"/>
                  <a:gd name="connsiteX152" fmla="*/ 4042 w 10000"/>
                  <a:gd name="connsiteY152" fmla="*/ 4934 h 10000"/>
                  <a:gd name="connsiteX153" fmla="*/ 4070 w 10000"/>
                  <a:gd name="connsiteY153" fmla="*/ 4860 h 10000"/>
                  <a:gd name="connsiteX154" fmla="*/ 4095 w 10000"/>
                  <a:gd name="connsiteY154" fmla="*/ 4697 h 10000"/>
                  <a:gd name="connsiteX155" fmla="*/ 4070 w 10000"/>
                  <a:gd name="connsiteY155" fmla="*/ 4520 h 10000"/>
                  <a:gd name="connsiteX156" fmla="*/ 3989 w 10000"/>
                  <a:gd name="connsiteY156" fmla="*/ 4343 h 10000"/>
                  <a:gd name="connsiteX157" fmla="*/ 3910 w 10000"/>
                  <a:gd name="connsiteY157" fmla="*/ 4195 h 10000"/>
                  <a:gd name="connsiteX158" fmla="*/ 3776 w 10000"/>
                  <a:gd name="connsiteY158" fmla="*/ 4047 h 10000"/>
                  <a:gd name="connsiteX159" fmla="*/ 3644 w 10000"/>
                  <a:gd name="connsiteY159" fmla="*/ 3959 h 10000"/>
                  <a:gd name="connsiteX160" fmla="*/ 3803 w 10000"/>
                  <a:gd name="connsiteY160" fmla="*/ 3944 h 10000"/>
                  <a:gd name="connsiteX161" fmla="*/ 3936 w 10000"/>
                  <a:gd name="connsiteY161" fmla="*/ 3914 h 10000"/>
                  <a:gd name="connsiteX162" fmla="*/ 4042 w 10000"/>
                  <a:gd name="connsiteY162" fmla="*/ 3855 h 10000"/>
                  <a:gd name="connsiteX163" fmla="*/ 4173 w 10000"/>
                  <a:gd name="connsiteY163" fmla="*/ 3752 h 10000"/>
                  <a:gd name="connsiteX164" fmla="*/ 4308 w 10000"/>
                  <a:gd name="connsiteY164" fmla="*/ 3663 h 10000"/>
                  <a:gd name="connsiteX165" fmla="*/ 4414 w 10000"/>
                  <a:gd name="connsiteY165" fmla="*/ 3560 h 10000"/>
                  <a:gd name="connsiteX166" fmla="*/ 4494 w 10000"/>
                  <a:gd name="connsiteY166" fmla="*/ 3442 h 10000"/>
                  <a:gd name="connsiteX167" fmla="*/ 4575 w 10000"/>
                  <a:gd name="connsiteY167" fmla="*/ 3323 h 10000"/>
                  <a:gd name="connsiteX168" fmla="*/ 4628 w 10000"/>
                  <a:gd name="connsiteY168" fmla="*/ 3220 h 10000"/>
                  <a:gd name="connsiteX169" fmla="*/ 4653 w 10000"/>
                  <a:gd name="connsiteY169" fmla="*/ 3102 h 10000"/>
                  <a:gd name="connsiteX170" fmla="*/ 4681 w 10000"/>
                  <a:gd name="connsiteY170" fmla="*/ 3013 h 10000"/>
                  <a:gd name="connsiteX171" fmla="*/ 4653 w 10000"/>
                  <a:gd name="connsiteY171" fmla="*/ 2939 h 10000"/>
                  <a:gd name="connsiteX172" fmla="*/ 4628 w 10000"/>
                  <a:gd name="connsiteY172" fmla="*/ 2866 h 10000"/>
                  <a:gd name="connsiteX173" fmla="*/ 4548 w 10000"/>
                  <a:gd name="connsiteY173" fmla="*/ 2836 h 10000"/>
                  <a:gd name="connsiteX174" fmla="*/ 4442 w 10000"/>
                  <a:gd name="connsiteY174" fmla="*/ 2836 h 10000"/>
                  <a:gd name="connsiteX175" fmla="*/ 4308 w 10000"/>
                  <a:gd name="connsiteY175" fmla="*/ 2866 h 10000"/>
                  <a:gd name="connsiteX176" fmla="*/ 4414 w 10000"/>
                  <a:gd name="connsiteY176" fmla="*/ 2777 h 10000"/>
                  <a:gd name="connsiteX177" fmla="*/ 4469 w 10000"/>
                  <a:gd name="connsiteY177" fmla="*/ 2674 h 10000"/>
                  <a:gd name="connsiteX178" fmla="*/ 4494 w 10000"/>
                  <a:gd name="connsiteY178" fmla="*/ 2541 h 10000"/>
                  <a:gd name="connsiteX179" fmla="*/ 4494 w 10000"/>
                  <a:gd name="connsiteY179" fmla="*/ 2393 h 10000"/>
                  <a:gd name="connsiteX180" fmla="*/ 4520 w 10000"/>
                  <a:gd name="connsiteY180" fmla="*/ 2349 h 10000"/>
                  <a:gd name="connsiteX181" fmla="*/ 4575 w 10000"/>
                  <a:gd name="connsiteY181" fmla="*/ 2304 h 10000"/>
                  <a:gd name="connsiteX182" fmla="*/ 4628 w 10000"/>
                  <a:gd name="connsiteY182" fmla="*/ 2290 h 10000"/>
                  <a:gd name="connsiteX183" fmla="*/ 4708 w 10000"/>
                  <a:gd name="connsiteY183" fmla="*/ 2275 h 10000"/>
                  <a:gd name="connsiteX184" fmla="*/ 4946 w 10000"/>
                  <a:gd name="connsiteY184" fmla="*/ 2260 h 10000"/>
                  <a:gd name="connsiteX185" fmla="*/ 5158 w 10000"/>
                  <a:gd name="connsiteY185" fmla="*/ 2275 h 10000"/>
                  <a:gd name="connsiteX186" fmla="*/ 5132 w 10000"/>
                  <a:gd name="connsiteY186" fmla="*/ 2112 h 10000"/>
                  <a:gd name="connsiteX187" fmla="*/ 5080 w 10000"/>
                  <a:gd name="connsiteY187" fmla="*/ 1950 h 10000"/>
                  <a:gd name="connsiteX188" fmla="*/ 4999 w 10000"/>
                  <a:gd name="connsiteY188" fmla="*/ 1802 h 10000"/>
                  <a:gd name="connsiteX189" fmla="*/ 4894 w 10000"/>
                  <a:gd name="connsiteY189" fmla="*/ 1640 h 10000"/>
                  <a:gd name="connsiteX190" fmla="*/ 4628 w 10000"/>
                  <a:gd name="connsiteY190" fmla="*/ 1329 h 10000"/>
                  <a:gd name="connsiteX191" fmla="*/ 4362 w 10000"/>
                  <a:gd name="connsiteY191" fmla="*/ 1034 h 10000"/>
                  <a:gd name="connsiteX192" fmla="*/ 4228 w 10000"/>
                  <a:gd name="connsiteY192" fmla="*/ 901 h 10000"/>
                  <a:gd name="connsiteX193" fmla="*/ 4124 w 10000"/>
                  <a:gd name="connsiteY193" fmla="*/ 753 h 10000"/>
                  <a:gd name="connsiteX194" fmla="*/ 4042 w 10000"/>
                  <a:gd name="connsiteY194" fmla="*/ 620 h 10000"/>
                  <a:gd name="connsiteX195" fmla="*/ 4015 w 10000"/>
                  <a:gd name="connsiteY195" fmla="*/ 487 h 10000"/>
                  <a:gd name="connsiteX196" fmla="*/ 3989 w 10000"/>
                  <a:gd name="connsiteY196" fmla="*/ 355 h 10000"/>
                  <a:gd name="connsiteX197" fmla="*/ 4042 w 10000"/>
                  <a:gd name="connsiteY197" fmla="*/ 222 h 10000"/>
                  <a:gd name="connsiteX198" fmla="*/ 4070 w 10000"/>
                  <a:gd name="connsiteY198" fmla="*/ 162 h 10000"/>
                  <a:gd name="connsiteX199" fmla="*/ 4124 w 10000"/>
                  <a:gd name="connsiteY199" fmla="*/ 103 h 10000"/>
                  <a:gd name="connsiteX200" fmla="*/ 4203 w 10000"/>
                  <a:gd name="connsiteY200" fmla="*/ 59 h 10000"/>
                  <a:gd name="connsiteX201" fmla="*/ 4308 w 10000"/>
                  <a:gd name="connsiteY201" fmla="*/ 0 h 10000"/>
                  <a:gd name="connsiteX202" fmla="*/ 4494 w 10000"/>
                  <a:gd name="connsiteY202" fmla="*/ 0 h 10000"/>
                  <a:gd name="connsiteX203" fmla="*/ 4681 w 10000"/>
                  <a:gd name="connsiteY203" fmla="*/ 15 h 10000"/>
                  <a:gd name="connsiteX204" fmla="*/ 4867 w 10000"/>
                  <a:gd name="connsiteY204" fmla="*/ 44 h 10000"/>
                  <a:gd name="connsiteX205" fmla="*/ 4999 w 10000"/>
                  <a:gd name="connsiteY205" fmla="*/ 89 h 10000"/>
                  <a:gd name="connsiteX206" fmla="*/ 5213 w 10000"/>
                  <a:gd name="connsiteY206" fmla="*/ 192 h 10000"/>
                  <a:gd name="connsiteX207" fmla="*/ 5425 w 10000"/>
                  <a:gd name="connsiteY207" fmla="*/ 340 h 10000"/>
                  <a:gd name="connsiteX208" fmla="*/ 5585 w 10000"/>
                  <a:gd name="connsiteY208" fmla="*/ 473 h 10000"/>
                  <a:gd name="connsiteX209" fmla="*/ 5797 w 10000"/>
                  <a:gd name="connsiteY209" fmla="*/ 591 h 10000"/>
                  <a:gd name="connsiteX210" fmla="*/ 5931 w 10000"/>
                  <a:gd name="connsiteY210" fmla="*/ 650 h 10000"/>
                  <a:gd name="connsiteX211" fmla="*/ 6090 w 10000"/>
                  <a:gd name="connsiteY211" fmla="*/ 679 h 10000"/>
                  <a:gd name="connsiteX212" fmla="*/ 6251 w 10000"/>
                  <a:gd name="connsiteY212" fmla="*/ 709 h 10000"/>
                  <a:gd name="connsiteX213" fmla="*/ 6463 w 10000"/>
                  <a:gd name="connsiteY213" fmla="*/ 709 h 10000"/>
                  <a:gd name="connsiteX214" fmla="*/ 6463 w 10000"/>
                  <a:gd name="connsiteY214" fmla="*/ 768 h 10000"/>
                  <a:gd name="connsiteX215" fmla="*/ 6490 w 10000"/>
                  <a:gd name="connsiteY215" fmla="*/ 842 h 10000"/>
                  <a:gd name="connsiteX216" fmla="*/ 6541 w 10000"/>
                  <a:gd name="connsiteY216" fmla="*/ 916 h 10000"/>
                  <a:gd name="connsiteX217" fmla="*/ 6595 w 10000"/>
                  <a:gd name="connsiteY217" fmla="*/ 990 h 10000"/>
                  <a:gd name="connsiteX218" fmla="*/ 6674 w 10000"/>
                  <a:gd name="connsiteY218" fmla="*/ 1049 h 10000"/>
                  <a:gd name="connsiteX219" fmla="*/ 6780 w 10000"/>
                  <a:gd name="connsiteY219" fmla="*/ 1108 h 10000"/>
                  <a:gd name="connsiteX220" fmla="*/ 6914 w 10000"/>
                  <a:gd name="connsiteY220" fmla="*/ 1182 h 10000"/>
                  <a:gd name="connsiteX221" fmla="*/ 7020 w 10000"/>
                  <a:gd name="connsiteY221" fmla="*/ 1226 h 10000"/>
                  <a:gd name="connsiteX222" fmla="*/ 7127 w 10000"/>
                  <a:gd name="connsiteY222" fmla="*/ 1270 h 10000"/>
                  <a:gd name="connsiteX223" fmla="*/ 7234 w 10000"/>
                  <a:gd name="connsiteY223" fmla="*/ 1300 h 10000"/>
                  <a:gd name="connsiteX224" fmla="*/ 7340 w 10000"/>
                  <a:gd name="connsiteY224" fmla="*/ 1315 h 10000"/>
                  <a:gd name="connsiteX225" fmla="*/ 7474 w 10000"/>
                  <a:gd name="connsiteY225" fmla="*/ 1300 h 10000"/>
                  <a:gd name="connsiteX226" fmla="*/ 7580 w 10000"/>
                  <a:gd name="connsiteY226" fmla="*/ 1285 h 10000"/>
                  <a:gd name="connsiteX227" fmla="*/ 7659 w 10000"/>
                  <a:gd name="connsiteY227" fmla="*/ 1241 h 10000"/>
                  <a:gd name="connsiteX228" fmla="*/ 7714 w 10000"/>
                  <a:gd name="connsiteY228" fmla="*/ 1167 h 10000"/>
                  <a:gd name="connsiteX229" fmla="*/ 7738 w 10000"/>
                  <a:gd name="connsiteY229" fmla="*/ 1064 h 10000"/>
                  <a:gd name="connsiteX230" fmla="*/ 8138 w 10000"/>
                  <a:gd name="connsiteY230" fmla="*/ 1034 h 10000"/>
                  <a:gd name="connsiteX231" fmla="*/ 8509 w 10000"/>
                  <a:gd name="connsiteY231" fmla="*/ 1004 h 10000"/>
                  <a:gd name="connsiteX232" fmla="*/ 8830 w 10000"/>
                  <a:gd name="connsiteY232" fmla="*/ 990 h 10000"/>
                  <a:gd name="connsiteX233" fmla="*/ 9123 w 10000"/>
                  <a:gd name="connsiteY233" fmla="*/ 1004 h 10000"/>
                  <a:gd name="connsiteX234" fmla="*/ 9256 w 10000"/>
                  <a:gd name="connsiteY234" fmla="*/ 1019 h 10000"/>
                  <a:gd name="connsiteX235" fmla="*/ 9387 w 10000"/>
                  <a:gd name="connsiteY235" fmla="*/ 1034 h 10000"/>
                  <a:gd name="connsiteX236" fmla="*/ 9495 w 10000"/>
                  <a:gd name="connsiteY236" fmla="*/ 1064 h 10000"/>
                  <a:gd name="connsiteX237" fmla="*/ 9628 w 10000"/>
                  <a:gd name="connsiteY237" fmla="*/ 1108 h 10000"/>
                  <a:gd name="connsiteX238" fmla="*/ 9707 w 10000"/>
                  <a:gd name="connsiteY238" fmla="*/ 1182 h 10000"/>
                  <a:gd name="connsiteX239" fmla="*/ 9786 w 10000"/>
                  <a:gd name="connsiteY239" fmla="*/ 1241 h 10000"/>
                  <a:gd name="connsiteX240" fmla="*/ 9841 w 10000"/>
                  <a:gd name="connsiteY240" fmla="*/ 1329 h 10000"/>
                  <a:gd name="connsiteX241" fmla="*/ 9893 w 10000"/>
                  <a:gd name="connsiteY241" fmla="*/ 1433 h 10000"/>
                  <a:gd name="connsiteX242" fmla="*/ 9946 w 10000"/>
                  <a:gd name="connsiteY242" fmla="*/ 1551 h 10000"/>
                  <a:gd name="connsiteX243" fmla="*/ 9919 w 10000"/>
                  <a:gd name="connsiteY243" fmla="*/ 1625 h 10000"/>
                  <a:gd name="connsiteX244" fmla="*/ 9893 w 10000"/>
                  <a:gd name="connsiteY244" fmla="*/ 1684 h 10000"/>
                  <a:gd name="connsiteX245" fmla="*/ 9841 w 10000"/>
                  <a:gd name="connsiteY245" fmla="*/ 1758 h 10000"/>
                  <a:gd name="connsiteX246" fmla="*/ 9761 w 10000"/>
                  <a:gd name="connsiteY246" fmla="*/ 1802 h 10000"/>
                  <a:gd name="connsiteX247" fmla="*/ 9707 w 10000"/>
                  <a:gd name="connsiteY247" fmla="*/ 1861 h 10000"/>
                  <a:gd name="connsiteX248" fmla="*/ 9682 w 10000"/>
                  <a:gd name="connsiteY248" fmla="*/ 1935 h 10000"/>
                  <a:gd name="connsiteX249" fmla="*/ 9707 w 10000"/>
                  <a:gd name="connsiteY249" fmla="*/ 2024 h 10000"/>
                  <a:gd name="connsiteX250" fmla="*/ 10000 w 10000"/>
                  <a:gd name="connsiteY250" fmla="*/ 2157 h 10000"/>
                  <a:gd name="connsiteX0" fmla="*/ 9752 w 10000"/>
                  <a:gd name="connsiteY0" fmla="*/ 2310 h 10000"/>
                  <a:gd name="connsiteX1" fmla="*/ 9866 w 10000"/>
                  <a:gd name="connsiteY1" fmla="*/ 3117 h 10000"/>
                  <a:gd name="connsiteX2" fmla="*/ 9893 w 10000"/>
                  <a:gd name="connsiteY2" fmla="*/ 3072 h 10000"/>
                  <a:gd name="connsiteX3" fmla="*/ 9919 w 10000"/>
                  <a:gd name="connsiteY3" fmla="*/ 3013 h 10000"/>
                  <a:gd name="connsiteX4" fmla="*/ 9919 w 10000"/>
                  <a:gd name="connsiteY4" fmla="*/ 2954 h 10000"/>
                  <a:gd name="connsiteX5" fmla="*/ 9893 w 10000"/>
                  <a:gd name="connsiteY5" fmla="*/ 2866 h 10000"/>
                  <a:gd name="connsiteX6" fmla="*/ 9707 w 10000"/>
                  <a:gd name="connsiteY6" fmla="*/ 2984 h 10000"/>
                  <a:gd name="connsiteX7" fmla="*/ 9495 w 10000"/>
                  <a:gd name="connsiteY7" fmla="*/ 3072 h 10000"/>
                  <a:gd name="connsiteX8" fmla="*/ 9281 w 10000"/>
                  <a:gd name="connsiteY8" fmla="*/ 3161 h 10000"/>
                  <a:gd name="connsiteX9" fmla="*/ 9069 w 10000"/>
                  <a:gd name="connsiteY9" fmla="*/ 3250 h 10000"/>
                  <a:gd name="connsiteX10" fmla="*/ 8589 w 10000"/>
                  <a:gd name="connsiteY10" fmla="*/ 3397 h 10000"/>
                  <a:gd name="connsiteX11" fmla="*/ 8085 w 10000"/>
                  <a:gd name="connsiteY11" fmla="*/ 3545 h 10000"/>
                  <a:gd name="connsiteX12" fmla="*/ 7100 w 10000"/>
                  <a:gd name="connsiteY12" fmla="*/ 3840 h 10000"/>
                  <a:gd name="connsiteX13" fmla="*/ 6861 w 10000"/>
                  <a:gd name="connsiteY13" fmla="*/ 3914 h 10000"/>
                  <a:gd name="connsiteX14" fmla="*/ 6649 w 10000"/>
                  <a:gd name="connsiteY14" fmla="*/ 4003 h 10000"/>
                  <a:gd name="connsiteX15" fmla="*/ 6437 w 10000"/>
                  <a:gd name="connsiteY15" fmla="*/ 4106 h 10000"/>
                  <a:gd name="connsiteX16" fmla="*/ 6222 w 10000"/>
                  <a:gd name="connsiteY16" fmla="*/ 4195 h 10000"/>
                  <a:gd name="connsiteX17" fmla="*/ 6382 w 10000"/>
                  <a:gd name="connsiteY17" fmla="*/ 4417 h 10000"/>
                  <a:gd name="connsiteX18" fmla="*/ 6490 w 10000"/>
                  <a:gd name="connsiteY18" fmla="*/ 4623 h 10000"/>
                  <a:gd name="connsiteX19" fmla="*/ 6475 w 10000"/>
                  <a:gd name="connsiteY19" fmla="*/ 4845 h 10000"/>
                  <a:gd name="connsiteX20" fmla="*/ 6729 w 10000"/>
                  <a:gd name="connsiteY20" fmla="*/ 5318 h 10000"/>
                  <a:gd name="connsiteX21" fmla="*/ 6756 w 10000"/>
                  <a:gd name="connsiteY21" fmla="*/ 5539 h 10000"/>
                  <a:gd name="connsiteX22" fmla="*/ 6780 w 10000"/>
                  <a:gd name="connsiteY22" fmla="*/ 5775 h 10000"/>
                  <a:gd name="connsiteX23" fmla="*/ 6780 w 10000"/>
                  <a:gd name="connsiteY23" fmla="*/ 5997 h 10000"/>
                  <a:gd name="connsiteX24" fmla="*/ 6756 w 10000"/>
                  <a:gd name="connsiteY24" fmla="*/ 6233 h 10000"/>
                  <a:gd name="connsiteX25" fmla="*/ 6702 w 10000"/>
                  <a:gd name="connsiteY25" fmla="*/ 6470 h 10000"/>
                  <a:gd name="connsiteX26" fmla="*/ 6649 w 10000"/>
                  <a:gd name="connsiteY26" fmla="*/ 6677 h 10000"/>
                  <a:gd name="connsiteX27" fmla="*/ 6569 w 10000"/>
                  <a:gd name="connsiteY27" fmla="*/ 6898 h 10000"/>
                  <a:gd name="connsiteX28" fmla="*/ 6463 w 10000"/>
                  <a:gd name="connsiteY28" fmla="*/ 7105 h 10000"/>
                  <a:gd name="connsiteX29" fmla="*/ 6330 w 10000"/>
                  <a:gd name="connsiteY29" fmla="*/ 7297 h 10000"/>
                  <a:gd name="connsiteX30" fmla="*/ 6170 w 10000"/>
                  <a:gd name="connsiteY30" fmla="*/ 7489 h 10000"/>
                  <a:gd name="connsiteX31" fmla="*/ 6010 w 10000"/>
                  <a:gd name="connsiteY31" fmla="*/ 7681 h 10000"/>
                  <a:gd name="connsiteX32" fmla="*/ 6780 w 10000"/>
                  <a:gd name="connsiteY32" fmla="*/ 7799 h 10000"/>
                  <a:gd name="connsiteX33" fmla="*/ 7580 w 10000"/>
                  <a:gd name="connsiteY33" fmla="*/ 7962 h 10000"/>
                  <a:gd name="connsiteX34" fmla="*/ 7738 w 10000"/>
                  <a:gd name="connsiteY34" fmla="*/ 8021 h 10000"/>
                  <a:gd name="connsiteX35" fmla="*/ 7872 w 10000"/>
                  <a:gd name="connsiteY35" fmla="*/ 8080 h 10000"/>
                  <a:gd name="connsiteX36" fmla="*/ 8004 w 10000"/>
                  <a:gd name="connsiteY36" fmla="*/ 8139 h 10000"/>
                  <a:gd name="connsiteX37" fmla="*/ 8085 w 10000"/>
                  <a:gd name="connsiteY37" fmla="*/ 8227 h 10000"/>
                  <a:gd name="connsiteX38" fmla="*/ 8112 w 10000"/>
                  <a:gd name="connsiteY38" fmla="*/ 8301 h 10000"/>
                  <a:gd name="connsiteX39" fmla="*/ 8112 w 10000"/>
                  <a:gd name="connsiteY39" fmla="*/ 8405 h 10000"/>
                  <a:gd name="connsiteX40" fmla="*/ 8059 w 10000"/>
                  <a:gd name="connsiteY40" fmla="*/ 8523 h 10000"/>
                  <a:gd name="connsiteX41" fmla="*/ 7978 w 10000"/>
                  <a:gd name="connsiteY41" fmla="*/ 8641 h 10000"/>
                  <a:gd name="connsiteX42" fmla="*/ 7633 w 10000"/>
                  <a:gd name="connsiteY42" fmla="*/ 8552 h 10000"/>
                  <a:gd name="connsiteX43" fmla="*/ 7313 w 10000"/>
                  <a:gd name="connsiteY43" fmla="*/ 8449 h 10000"/>
                  <a:gd name="connsiteX44" fmla="*/ 6994 w 10000"/>
                  <a:gd name="connsiteY44" fmla="*/ 8360 h 10000"/>
                  <a:gd name="connsiteX45" fmla="*/ 6674 w 10000"/>
                  <a:gd name="connsiteY45" fmla="*/ 8287 h 10000"/>
                  <a:gd name="connsiteX46" fmla="*/ 6541 w 10000"/>
                  <a:gd name="connsiteY46" fmla="*/ 8449 h 10000"/>
                  <a:gd name="connsiteX47" fmla="*/ 6437 w 10000"/>
                  <a:gd name="connsiteY47" fmla="*/ 8597 h 10000"/>
                  <a:gd name="connsiteX48" fmla="*/ 6382 w 10000"/>
                  <a:gd name="connsiteY48" fmla="*/ 8656 h 10000"/>
                  <a:gd name="connsiteX49" fmla="*/ 6276 w 10000"/>
                  <a:gd name="connsiteY49" fmla="*/ 8700 h 10000"/>
                  <a:gd name="connsiteX50" fmla="*/ 6197 w 10000"/>
                  <a:gd name="connsiteY50" fmla="*/ 8744 h 10000"/>
                  <a:gd name="connsiteX51" fmla="*/ 6117 w 10000"/>
                  <a:gd name="connsiteY51" fmla="*/ 8774 h 10000"/>
                  <a:gd name="connsiteX52" fmla="*/ 6037 w 10000"/>
                  <a:gd name="connsiteY52" fmla="*/ 8804 h 10000"/>
                  <a:gd name="connsiteX53" fmla="*/ 5931 w 10000"/>
                  <a:gd name="connsiteY53" fmla="*/ 8818 h 10000"/>
                  <a:gd name="connsiteX54" fmla="*/ 5797 w 10000"/>
                  <a:gd name="connsiteY54" fmla="*/ 8833 h 10000"/>
                  <a:gd name="connsiteX55" fmla="*/ 5665 w 10000"/>
                  <a:gd name="connsiteY55" fmla="*/ 8833 h 10000"/>
                  <a:gd name="connsiteX56" fmla="*/ 5347 w 10000"/>
                  <a:gd name="connsiteY56" fmla="*/ 8818 h 10000"/>
                  <a:gd name="connsiteX57" fmla="*/ 4946 w 10000"/>
                  <a:gd name="connsiteY57" fmla="*/ 8744 h 10000"/>
                  <a:gd name="connsiteX58" fmla="*/ 4946 w 10000"/>
                  <a:gd name="connsiteY58" fmla="*/ 8922 h 10000"/>
                  <a:gd name="connsiteX59" fmla="*/ 4919 w 10000"/>
                  <a:gd name="connsiteY59" fmla="*/ 9069 h 10000"/>
                  <a:gd name="connsiteX60" fmla="*/ 4894 w 10000"/>
                  <a:gd name="connsiteY60" fmla="*/ 9232 h 10000"/>
                  <a:gd name="connsiteX61" fmla="*/ 4867 w 10000"/>
                  <a:gd name="connsiteY61" fmla="*/ 9365 h 10000"/>
                  <a:gd name="connsiteX62" fmla="*/ 4813 w 10000"/>
                  <a:gd name="connsiteY62" fmla="*/ 9498 h 10000"/>
                  <a:gd name="connsiteX63" fmla="*/ 4708 w 10000"/>
                  <a:gd name="connsiteY63" fmla="*/ 9616 h 10000"/>
                  <a:gd name="connsiteX64" fmla="*/ 4628 w 10000"/>
                  <a:gd name="connsiteY64" fmla="*/ 9734 h 10000"/>
                  <a:gd name="connsiteX65" fmla="*/ 4494 w 10000"/>
                  <a:gd name="connsiteY65" fmla="*/ 9838 h 10000"/>
                  <a:gd name="connsiteX66" fmla="*/ 4173 w 10000"/>
                  <a:gd name="connsiteY66" fmla="*/ 9897 h 10000"/>
                  <a:gd name="connsiteX67" fmla="*/ 3910 w 10000"/>
                  <a:gd name="connsiteY67" fmla="*/ 9941 h 10000"/>
                  <a:gd name="connsiteX68" fmla="*/ 3590 w 10000"/>
                  <a:gd name="connsiteY68" fmla="*/ 9985 h 10000"/>
                  <a:gd name="connsiteX69" fmla="*/ 3351 w 10000"/>
                  <a:gd name="connsiteY69" fmla="*/ 10000 h 10000"/>
                  <a:gd name="connsiteX70" fmla="*/ 2819 w 10000"/>
                  <a:gd name="connsiteY70" fmla="*/ 10000 h 10000"/>
                  <a:gd name="connsiteX71" fmla="*/ 2313 w 10000"/>
                  <a:gd name="connsiteY71" fmla="*/ 9985 h 10000"/>
                  <a:gd name="connsiteX72" fmla="*/ 1836 w 10000"/>
                  <a:gd name="connsiteY72" fmla="*/ 9941 h 10000"/>
                  <a:gd name="connsiteX73" fmla="*/ 1330 w 10000"/>
                  <a:gd name="connsiteY73" fmla="*/ 9911 h 10000"/>
                  <a:gd name="connsiteX74" fmla="*/ 1038 w 10000"/>
                  <a:gd name="connsiteY74" fmla="*/ 9911 h 10000"/>
                  <a:gd name="connsiteX75" fmla="*/ 771 w 10000"/>
                  <a:gd name="connsiteY75" fmla="*/ 9911 h 10000"/>
                  <a:gd name="connsiteX76" fmla="*/ 479 w 10000"/>
                  <a:gd name="connsiteY76" fmla="*/ 9926 h 10000"/>
                  <a:gd name="connsiteX77" fmla="*/ 186 w 10000"/>
                  <a:gd name="connsiteY77" fmla="*/ 9970 h 10000"/>
                  <a:gd name="connsiteX78" fmla="*/ 107 w 10000"/>
                  <a:gd name="connsiteY78" fmla="*/ 9867 h 10000"/>
                  <a:gd name="connsiteX79" fmla="*/ 54 w 10000"/>
                  <a:gd name="connsiteY79" fmla="*/ 9793 h 10000"/>
                  <a:gd name="connsiteX80" fmla="*/ 0 w 10000"/>
                  <a:gd name="connsiteY80" fmla="*/ 9705 h 10000"/>
                  <a:gd name="connsiteX81" fmla="*/ 0 w 10000"/>
                  <a:gd name="connsiteY81" fmla="*/ 9601 h 10000"/>
                  <a:gd name="connsiteX82" fmla="*/ 54 w 10000"/>
                  <a:gd name="connsiteY82" fmla="*/ 9424 h 10000"/>
                  <a:gd name="connsiteX83" fmla="*/ 107 w 10000"/>
                  <a:gd name="connsiteY83" fmla="*/ 9202 h 10000"/>
                  <a:gd name="connsiteX84" fmla="*/ 158 w 10000"/>
                  <a:gd name="connsiteY84" fmla="*/ 8996 h 10000"/>
                  <a:gd name="connsiteX85" fmla="*/ 213 w 10000"/>
                  <a:gd name="connsiteY85" fmla="*/ 8759 h 10000"/>
                  <a:gd name="connsiteX86" fmla="*/ 239 w 10000"/>
                  <a:gd name="connsiteY86" fmla="*/ 8641 h 10000"/>
                  <a:gd name="connsiteX87" fmla="*/ 239 w 10000"/>
                  <a:gd name="connsiteY87" fmla="*/ 8538 h 10000"/>
                  <a:gd name="connsiteX88" fmla="*/ 213 w 10000"/>
                  <a:gd name="connsiteY88" fmla="*/ 8405 h 10000"/>
                  <a:gd name="connsiteX89" fmla="*/ 186 w 10000"/>
                  <a:gd name="connsiteY89" fmla="*/ 8287 h 10000"/>
                  <a:gd name="connsiteX90" fmla="*/ 452 w 10000"/>
                  <a:gd name="connsiteY90" fmla="*/ 8213 h 10000"/>
                  <a:gd name="connsiteX91" fmla="*/ 718 w 10000"/>
                  <a:gd name="connsiteY91" fmla="*/ 8139 h 10000"/>
                  <a:gd name="connsiteX92" fmla="*/ 984 w 10000"/>
                  <a:gd name="connsiteY92" fmla="*/ 8095 h 10000"/>
                  <a:gd name="connsiteX93" fmla="*/ 1277 w 10000"/>
                  <a:gd name="connsiteY93" fmla="*/ 8065 h 10000"/>
                  <a:gd name="connsiteX94" fmla="*/ 1807 w 10000"/>
                  <a:gd name="connsiteY94" fmla="*/ 8021 h 10000"/>
                  <a:gd name="connsiteX95" fmla="*/ 2341 w 10000"/>
                  <a:gd name="connsiteY95" fmla="*/ 7976 h 10000"/>
                  <a:gd name="connsiteX96" fmla="*/ 2580 w 10000"/>
                  <a:gd name="connsiteY96" fmla="*/ 7947 h 10000"/>
                  <a:gd name="connsiteX97" fmla="*/ 2819 w 10000"/>
                  <a:gd name="connsiteY97" fmla="*/ 7917 h 10000"/>
                  <a:gd name="connsiteX98" fmla="*/ 3030 w 10000"/>
                  <a:gd name="connsiteY98" fmla="*/ 7843 h 10000"/>
                  <a:gd name="connsiteX99" fmla="*/ 3244 w 10000"/>
                  <a:gd name="connsiteY99" fmla="*/ 7784 h 10000"/>
                  <a:gd name="connsiteX100" fmla="*/ 3431 w 10000"/>
                  <a:gd name="connsiteY100" fmla="*/ 7710 h 10000"/>
                  <a:gd name="connsiteX101" fmla="*/ 3590 w 10000"/>
                  <a:gd name="connsiteY101" fmla="*/ 7592 h 10000"/>
                  <a:gd name="connsiteX102" fmla="*/ 3750 w 10000"/>
                  <a:gd name="connsiteY102" fmla="*/ 7474 h 10000"/>
                  <a:gd name="connsiteX103" fmla="*/ 3856 w 10000"/>
                  <a:gd name="connsiteY103" fmla="*/ 7312 h 10000"/>
                  <a:gd name="connsiteX104" fmla="*/ 3644 w 10000"/>
                  <a:gd name="connsiteY104" fmla="*/ 7238 h 10000"/>
                  <a:gd name="connsiteX105" fmla="*/ 3456 w 10000"/>
                  <a:gd name="connsiteY105" fmla="*/ 7179 h 10000"/>
                  <a:gd name="connsiteX106" fmla="*/ 3297 w 10000"/>
                  <a:gd name="connsiteY106" fmla="*/ 7090 h 10000"/>
                  <a:gd name="connsiteX107" fmla="*/ 3139 w 10000"/>
                  <a:gd name="connsiteY107" fmla="*/ 6987 h 10000"/>
                  <a:gd name="connsiteX108" fmla="*/ 3030 w 10000"/>
                  <a:gd name="connsiteY108" fmla="*/ 6869 h 10000"/>
                  <a:gd name="connsiteX109" fmla="*/ 2980 w 10000"/>
                  <a:gd name="connsiteY109" fmla="*/ 6721 h 10000"/>
                  <a:gd name="connsiteX110" fmla="*/ 2952 w 10000"/>
                  <a:gd name="connsiteY110" fmla="*/ 6558 h 10000"/>
                  <a:gd name="connsiteX111" fmla="*/ 2980 w 10000"/>
                  <a:gd name="connsiteY111" fmla="*/ 6352 h 10000"/>
                  <a:gd name="connsiteX112" fmla="*/ 2846 w 10000"/>
                  <a:gd name="connsiteY112" fmla="*/ 6322 h 10000"/>
                  <a:gd name="connsiteX113" fmla="*/ 2687 w 10000"/>
                  <a:gd name="connsiteY113" fmla="*/ 6292 h 10000"/>
                  <a:gd name="connsiteX114" fmla="*/ 2501 w 10000"/>
                  <a:gd name="connsiteY114" fmla="*/ 6278 h 10000"/>
                  <a:gd name="connsiteX115" fmla="*/ 2313 w 10000"/>
                  <a:gd name="connsiteY115" fmla="*/ 6263 h 10000"/>
                  <a:gd name="connsiteX116" fmla="*/ 1942 w 10000"/>
                  <a:gd name="connsiteY116" fmla="*/ 6248 h 10000"/>
                  <a:gd name="connsiteX117" fmla="*/ 1543 w 10000"/>
                  <a:gd name="connsiteY117" fmla="*/ 6263 h 10000"/>
                  <a:gd name="connsiteX118" fmla="*/ 1198 w 10000"/>
                  <a:gd name="connsiteY118" fmla="*/ 6278 h 10000"/>
                  <a:gd name="connsiteX119" fmla="*/ 877 w 10000"/>
                  <a:gd name="connsiteY119" fmla="*/ 6278 h 10000"/>
                  <a:gd name="connsiteX120" fmla="*/ 613 w 10000"/>
                  <a:gd name="connsiteY120" fmla="*/ 6263 h 10000"/>
                  <a:gd name="connsiteX121" fmla="*/ 399 w 10000"/>
                  <a:gd name="connsiteY121" fmla="*/ 6233 h 10000"/>
                  <a:gd name="connsiteX122" fmla="*/ 663 w 10000"/>
                  <a:gd name="connsiteY122" fmla="*/ 5805 h 10000"/>
                  <a:gd name="connsiteX123" fmla="*/ 958 w 10000"/>
                  <a:gd name="connsiteY123" fmla="*/ 5391 h 10000"/>
                  <a:gd name="connsiteX124" fmla="*/ 1065 w 10000"/>
                  <a:gd name="connsiteY124" fmla="*/ 5170 h 10000"/>
                  <a:gd name="connsiteX125" fmla="*/ 1143 w 10000"/>
                  <a:gd name="connsiteY125" fmla="*/ 4963 h 10000"/>
                  <a:gd name="connsiteX126" fmla="*/ 1169 w 10000"/>
                  <a:gd name="connsiteY126" fmla="*/ 4860 h 10000"/>
                  <a:gd name="connsiteX127" fmla="*/ 1143 w 10000"/>
                  <a:gd name="connsiteY127" fmla="*/ 4756 h 10000"/>
                  <a:gd name="connsiteX128" fmla="*/ 1117 w 10000"/>
                  <a:gd name="connsiteY128" fmla="*/ 4653 h 10000"/>
                  <a:gd name="connsiteX129" fmla="*/ 1038 w 10000"/>
                  <a:gd name="connsiteY129" fmla="*/ 4549 h 10000"/>
                  <a:gd name="connsiteX130" fmla="*/ 1330 w 10000"/>
                  <a:gd name="connsiteY130" fmla="*/ 4520 h 10000"/>
                  <a:gd name="connsiteX131" fmla="*/ 1543 w 10000"/>
                  <a:gd name="connsiteY131" fmla="*/ 4505 h 10000"/>
                  <a:gd name="connsiteX132" fmla="*/ 1729 w 10000"/>
                  <a:gd name="connsiteY132" fmla="*/ 4505 h 10000"/>
                  <a:gd name="connsiteX133" fmla="*/ 1888 w 10000"/>
                  <a:gd name="connsiteY133" fmla="*/ 4520 h 10000"/>
                  <a:gd name="connsiteX134" fmla="*/ 2022 w 10000"/>
                  <a:gd name="connsiteY134" fmla="*/ 4520 h 10000"/>
                  <a:gd name="connsiteX135" fmla="*/ 2181 w 10000"/>
                  <a:gd name="connsiteY135" fmla="*/ 4520 h 10000"/>
                  <a:gd name="connsiteX136" fmla="*/ 2341 w 10000"/>
                  <a:gd name="connsiteY136" fmla="*/ 4490 h 10000"/>
                  <a:gd name="connsiteX137" fmla="*/ 2552 w 10000"/>
                  <a:gd name="connsiteY137" fmla="*/ 4446 h 10000"/>
                  <a:gd name="connsiteX138" fmla="*/ 2552 w 10000"/>
                  <a:gd name="connsiteY138" fmla="*/ 4579 h 10000"/>
                  <a:gd name="connsiteX139" fmla="*/ 2552 w 10000"/>
                  <a:gd name="connsiteY139" fmla="*/ 4742 h 10000"/>
                  <a:gd name="connsiteX140" fmla="*/ 2552 w 10000"/>
                  <a:gd name="connsiteY140" fmla="*/ 4874 h 10000"/>
                  <a:gd name="connsiteX141" fmla="*/ 2552 w 10000"/>
                  <a:gd name="connsiteY141" fmla="*/ 5037 h 10000"/>
                  <a:gd name="connsiteX142" fmla="*/ 2792 w 10000"/>
                  <a:gd name="connsiteY142" fmla="*/ 5022 h 10000"/>
                  <a:gd name="connsiteX143" fmla="*/ 2952 w 10000"/>
                  <a:gd name="connsiteY143" fmla="*/ 5037 h 10000"/>
                  <a:gd name="connsiteX144" fmla="*/ 3085 w 10000"/>
                  <a:gd name="connsiteY144" fmla="*/ 5066 h 10000"/>
                  <a:gd name="connsiteX145" fmla="*/ 3218 w 10000"/>
                  <a:gd name="connsiteY145" fmla="*/ 5096 h 10000"/>
                  <a:gd name="connsiteX146" fmla="*/ 3325 w 10000"/>
                  <a:gd name="connsiteY146" fmla="*/ 5126 h 10000"/>
                  <a:gd name="connsiteX147" fmla="*/ 3456 w 10000"/>
                  <a:gd name="connsiteY147" fmla="*/ 5155 h 10000"/>
                  <a:gd name="connsiteX148" fmla="*/ 3617 w 10000"/>
                  <a:gd name="connsiteY148" fmla="*/ 5170 h 10000"/>
                  <a:gd name="connsiteX149" fmla="*/ 3856 w 10000"/>
                  <a:gd name="connsiteY149" fmla="*/ 5155 h 10000"/>
                  <a:gd name="connsiteX150" fmla="*/ 3936 w 10000"/>
                  <a:gd name="connsiteY150" fmla="*/ 5096 h 10000"/>
                  <a:gd name="connsiteX151" fmla="*/ 4015 w 10000"/>
                  <a:gd name="connsiteY151" fmla="*/ 5022 h 10000"/>
                  <a:gd name="connsiteX152" fmla="*/ 4042 w 10000"/>
                  <a:gd name="connsiteY152" fmla="*/ 4934 h 10000"/>
                  <a:gd name="connsiteX153" fmla="*/ 4070 w 10000"/>
                  <a:gd name="connsiteY153" fmla="*/ 4860 h 10000"/>
                  <a:gd name="connsiteX154" fmla="*/ 4095 w 10000"/>
                  <a:gd name="connsiteY154" fmla="*/ 4697 h 10000"/>
                  <a:gd name="connsiteX155" fmla="*/ 4070 w 10000"/>
                  <a:gd name="connsiteY155" fmla="*/ 4520 h 10000"/>
                  <a:gd name="connsiteX156" fmla="*/ 3989 w 10000"/>
                  <a:gd name="connsiteY156" fmla="*/ 4343 h 10000"/>
                  <a:gd name="connsiteX157" fmla="*/ 3910 w 10000"/>
                  <a:gd name="connsiteY157" fmla="*/ 4195 h 10000"/>
                  <a:gd name="connsiteX158" fmla="*/ 3776 w 10000"/>
                  <a:gd name="connsiteY158" fmla="*/ 4047 h 10000"/>
                  <a:gd name="connsiteX159" fmla="*/ 3644 w 10000"/>
                  <a:gd name="connsiteY159" fmla="*/ 3959 h 10000"/>
                  <a:gd name="connsiteX160" fmla="*/ 3803 w 10000"/>
                  <a:gd name="connsiteY160" fmla="*/ 3944 h 10000"/>
                  <a:gd name="connsiteX161" fmla="*/ 3936 w 10000"/>
                  <a:gd name="connsiteY161" fmla="*/ 3914 h 10000"/>
                  <a:gd name="connsiteX162" fmla="*/ 4042 w 10000"/>
                  <a:gd name="connsiteY162" fmla="*/ 3855 h 10000"/>
                  <a:gd name="connsiteX163" fmla="*/ 4173 w 10000"/>
                  <a:gd name="connsiteY163" fmla="*/ 3752 h 10000"/>
                  <a:gd name="connsiteX164" fmla="*/ 4308 w 10000"/>
                  <a:gd name="connsiteY164" fmla="*/ 3663 h 10000"/>
                  <a:gd name="connsiteX165" fmla="*/ 4414 w 10000"/>
                  <a:gd name="connsiteY165" fmla="*/ 3560 h 10000"/>
                  <a:gd name="connsiteX166" fmla="*/ 4494 w 10000"/>
                  <a:gd name="connsiteY166" fmla="*/ 3442 h 10000"/>
                  <a:gd name="connsiteX167" fmla="*/ 4575 w 10000"/>
                  <a:gd name="connsiteY167" fmla="*/ 3323 h 10000"/>
                  <a:gd name="connsiteX168" fmla="*/ 4628 w 10000"/>
                  <a:gd name="connsiteY168" fmla="*/ 3220 h 10000"/>
                  <a:gd name="connsiteX169" fmla="*/ 4653 w 10000"/>
                  <a:gd name="connsiteY169" fmla="*/ 3102 h 10000"/>
                  <a:gd name="connsiteX170" fmla="*/ 4681 w 10000"/>
                  <a:gd name="connsiteY170" fmla="*/ 3013 h 10000"/>
                  <a:gd name="connsiteX171" fmla="*/ 4653 w 10000"/>
                  <a:gd name="connsiteY171" fmla="*/ 2939 h 10000"/>
                  <a:gd name="connsiteX172" fmla="*/ 4628 w 10000"/>
                  <a:gd name="connsiteY172" fmla="*/ 2866 h 10000"/>
                  <a:gd name="connsiteX173" fmla="*/ 4548 w 10000"/>
                  <a:gd name="connsiteY173" fmla="*/ 2836 h 10000"/>
                  <a:gd name="connsiteX174" fmla="*/ 4442 w 10000"/>
                  <a:gd name="connsiteY174" fmla="*/ 2836 h 10000"/>
                  <a:gd name="connsiteX175" fmla="*/ 4308 w 10000"/>
                  <a:gd name="connsiteY175" fmla="*/ 2866 h 10000"/>
                  <a:gd name="connsiteX176" fmla="*/ 4414 w 10000"/>
                  <a:gd name="connsiteY176" fmla="*/ 2777 h 10000"/>
                  <a:gd name="connsiteX177" fmla="*/ 4469 w 10000"/>
                  <a:gd name="connsiteY177" fmla="*/ 2674 h 10000"/>
                  <a:gd name="connsiteX178" fmla="*/ 4494 w 10000"/>
                  <a:gd name="connsiteY178" fmla="*/ 2541 h 10000"/>
                  <a:gd name="connsiteX179" fmla="*/ 4494 w 10000"/>
                  <a:gd name="connsiteY179" fmla="*/ 2393 h 10000"/>
                  <a:gd name="connsiteX180" fmla="*/ 4520 w 10000"/>
                  <a:gd name="connsiteY180" fmla="*/ 2349 h 10000"/>
                  <a:gd name="connsiteX181" fmla="*/ 4575 w 10000"/>
                  <a:gd name="connsiteY181" fmla="*/ 2304 h 10000"/>
                  <a:gd name="connsiteX182" fmla="*/ 4628 w 10000"/>
                  <a:gd name="connsiteY182" fmla="*/ 2290 h 10000"/>
                  <a:gd name="connsiteX183" fmla="*/ 4708 w 10000"/>
                  <a:gd name="connsiteY183" fmla="*/ 2275 h 10000"/>
                  <a:gd name="connsiteX184" fmla="*/ 4946 w 10000"/>
                  <a:gd name="connsiteY184" fmla="*/ 2260 h 10000"/>
                  <a:gd name="connsiteX185" fmla="*/ 5158 w 10000"/>
                  <a:gd name="connsiteY185" fmla="*/ 2275 h 10000"/>
                  <a:gd name="connsiteX186" fmla="*/ 5132 w 10000"/>
                  <a:gd name="connsiteY186" fmla="*/ 2112 h 10000"/>
                  <a:gd name="connsiteX187" fmla="*/ 5080 w 10000"/>
                  <a:gd name="connsiteY187" fmla="*/ 1950 h 10000"/>
                  <a:gd name="connsiteX188" fmla="*/ 4999 w 10000"/>
                  <a:gd name="connsiteY188" fmla="*/ 1802 h 10000"/>
                  <a:gd name="connsiteX189" fmla="*/ 4894 w 10000"/>
                  <a:gd name="connsiteY189" fmla="*/ 1640 h 10000"/>
                  <a:gd name="connsiteX190" fmla="*/ 4628 w 10000"/>
                  <a:gd name="connsiteY190" fmla="*/ 1329 h 10000"/>
                  <a:gd name="connsiteX191" fmla="*/ 4362 w 10000"/>
                  <a:gd name="connsiteY191" fmla="*/ 1034 h 10000"/>
                  <a:gd name="connsiteX192" fmla="*/ 4228 w 10000"/>
                  <a:gd name="connsiteY192" fmla="*/ 901 h 10000"/>
                  <a:gd name="connsiteX193" fmla="*/ 4124 w 10000"/>
                  <a:gd name="connsiteY193" fmla="*/ 753 h 10000"/>
                  <a:gd name="connsiteX194" fmla="*/ 4042 w 10000"/>
                  <a:gd name="connsiteY194" fmla="*/ 620 h 10000"/>
                  <a:gd name="connsiteX195" fmla="*/ 4015 w 10000"/>
                  <a:gd name="connsiteY195" fmla="*/ 487 h 10000"/>
                  <a:gd name="connsiteX196" fmla="*/ 3989 w 10000"/>
                  <a:gd name="connsiteY196" fmla="*/ 355 h 10000"/>
                  <a:gd name="connsiteX197" fmla="*/ 4042 w 10000"/>
                  <a:gd name="connsiteY197" fmla="*/ 222 h 10000"/>
                  <a:gd name="connsiteX198" fmla="*/ 4070 w 10000"/>
                  <a:gd name="connsiteY198" fmla="*/ 162 h 10000"/>
                  <a:gd name="connsiteX199" fmla="*/ 4124 w 10000"/>
                  <a:gd name="connsiteY199" fmla="*/ 103 h 10000"/>
                  <a:gd name="connsiteX200" fmla="*/ 4203 w 10000"/>
                  <a:gd name="connsiteY200" fmla="*/ 59 h 10000"/>
                  <a:gd name="connsiteX201" fmla="*/ 4308 w 10000"/>
                  <a:gd name="connsiteY201" fmla="*/ 0 h 10000"/>
                  <a:gd name="connsiteX202" fmla="*/ 4494 w 10000"/>
                  <a:gd name="connsiteY202" fmla="*/ 0 h 10000"/>
                  <a:gd name="connsiteX203" fmla="*/ 4681 w 10000"/>
                  <a:gd name="connsiteY203" fmla="*/ 15 h 10000"/>
                  <a:gd name="connsiteX204" fmla="*/ 4867 w 10000"/>
                  <a:gd name="connsiteY204" fmla="*/ 44 h 10000"/>
                  <a:gd name="connsiteX205" fmla="*/ 4999 w 10000"/>
                  <a:gd name="connsiteY205" fmla="*/ 89 h 10000"/>
                  <a:gd name="connsiteX206" fmla="*/ 5213 w 10000"/>
                  <a:gd name="connsiteY206" fmla="*/ 192 h 10000"/>
                  <a:gd name="connsiteX207" fmla="*/ 5425 w 10000"/>
                  <a:gd name="connsiteY207" fmla="*/ 340 h 10000"/>
                  <a:gd name="connsiteX208" fmla="*/ 5585 w 10000"/>
                  <a:gd name="connsiteY208" fmla="*/ 473 h 10000"/>
                  <a:gd name="connsiteX209" fmla="*/ 5797 w 10000"/>
                  <a:gd name="connsiteY209" fmla="*/ 591 h 10000"/>
                  <a:gd name="connsiteX210" fmla="*/ 5931 w 10000"/>
                  <a:gd name="connsiteY210" fmla="*/ 650 h 10000"/>
                  <a:gd name="connsiteX211" fmla="*/ 6090 w 10000"/>
                  <a:gd name="connsiteY211" fmla="*/ 679 h 10000"/>
                  <a:gd name="connsiteX212" fmla="*/ 6251 w 10000"/>
                  <a:gd name="connsiteY212" fmla="*/ 709 h 10000"/>
                  <a:gd name="connsiteX213" fmla="*/ 6463 w 10000"/>
                  <a:gd name="connsiteY213" fmla="*/ 709 h 10000"/>
                  <a:gd name="connsiteX214" fmla="*/ 6463 w 10000"/>
                  <a:gd name="connsiteY214" fmla="*/ 768 h 10000"/>
                  <a:gd name="connsiteX215" fmla="*/ 6490 w 10000"/>
                  <a:gd name="connsiteY215" fmla="*/ 842 h 10000"/>
                  <a:gd name="connsiteX216" fmla="*/ 6541 w 10000"/>
                  <a:gd name="connsiteY216" fmla="*/ 916 h 10000"/>
                  <a:gd name="connsiteX217" fmla="*/ 6595 w 10000"/>
                  <a:gd name="connsiteY217" fmla="*/ 990 h 10000"/>
                  <a:gd name="connsiteX218" fmla="*/ 6674 w 10000"/>
                  <a:gd name="connsiteY218" fmla="*/ 1049 h 10000"/>
                  <a:gd name="connsiteX219" fmla="*/ 6780 w 10000"/>
                  <a:gd name="connsiteY219" fmla="*/ 1108 h 10000"/>
                  <a:gd name="connsiteX220" fmla="*/ 6914 w 10000"/>
                  <a:gd name="connsiteY220" fmla="*/ 1182 h 10000"/>
                  <a:gd name="connsiteX221" fmla="*/ 7020 w 10000"/>
                  <a:gd name="connsiteY221" fmla="*/ 1226 h 10000"/>
                  <a:gd name="connsiteX222" fmla="*/ 7127 w 10000"/>
                  <a:gd name="connsiteY222" fmla="*/ 1270 h 10000"/>
                  <a:gd name="connsiteX223" fmla="*/ 7234 w 10000"/>
                  <a:gd name="connsiteY223" fmla="*/ 1300 h 10000"/>
                  <a:gd name="connsiteX224" fmla="*/ 7340 w 10000"/>
                  <a:gd name="connsiteY224" fmla="*/ 1315 h 10000"/>
                  <a:gd name="connsiteX225" fmla="*/ 7474 w 10000"/>
                  <a:gd name="connsiteY225" fmla="*/ 1300 h 10000"/>
                  <a:gd name="connsiteX226" fmla="*/ 7580 w 10000"/>
                  <a:gd name="connsiteY226" fmla="*/ 1285 h 10000"/>
                  <a:gd name="connsiteX227" fmla="*/ 7659 w 10000"/>
                  <a:gd name="connsiteY227" fmla="*/ 1241 h 10000"/>
                  <a:gd name="connsiteX228" fmla="*/ 7714 w 10000"/>
                  <a:gd name="connsiteY228" fmla="*/ 1167 h 10000"/>
                  <a:gd name="connsiteX229" fmla="*/ 7738 w 10000"/>
                  <a:gd name="connsiteY229" fmla="*/ 1064 h 10000"/>
                  <a:gd name="connsiteX230" fmla="*/ 8138 w 10000"/>
                  <a:gd name="connsiteY230" fmla="*/ 1034 h 10000"/>
                  <a:gd name="connsiteX231" fmla="*/ 8509 w 10000"/>
                  <a:gd name="connsiteY231" fmla="*/ 1004 h 10000"/>
                  <a:gd name="connsiteX232" fmla="*/ 8830 w 10000"/>
                  <a:gd name="connsiteY232" fmla="*/ 990 h 10000"/>
                  <a:gd name="connsiteX233" fmla="*/ 9123 w 10000"/>
                  <a:gd name="connsiteY233" fmla="*/ 1004 h 10000"/>
                  <a:gd name="connsiteX234" fmla="*/ 9256 w 10000"/>
                  <a:gd name="connsiteY234" fmla="*/ 1019 h 10000"/>
                  <a:gd name="connsiteX235" fmla="*/ 9387 w 10000"/>
                  <a:gd name="connsiteY235" fmla="*/ 1034 h 10000"/>
                  <a:gd name="connsiteX236" fmla="*/ 9495 w 10000"/>
                  <a:gd name="connsiteY236" fmla="*/ 1064 h 10000"/>
                  <a:gd name="connsiteX237" fmla="*/ 9628 w 10000"/>
                  <a:gd name="connsiteY237" fmla="*/ 1108 h 10000"/>
                  <a:gd name="connsiteX238" fmla="*/ 9707 w 10000"/>
                  <a:gd name="connsiteY238" fmla="*/ 1182 h 10000"/>
                  <a:gd name="connsiteX239" fmla="*/ 9786 w 10000"/>
                  <a:gd name="connsiteY239" fmla="*/ 1241 h 10000"/>
                  <a:gd name="connsiteX240" fmla="*/ 9841 w 10000"/>
                  <a:gd name="connsiteY240" fmla="*/ 1329 h 10000"/>
                  <a:gd name="connsiteX241" fmla="*/ 9893 w 10000"/>
                  <a:gd name="connsiteY241" fmla="*/ 1433 h 10000"/>
                  <a:gd name="connsiteX242" fmla="*/ 9946 w 10000"/>
                  <a:gd name="connsiteY242" fmla="*/ 1551 h 10000"/>
                  <a:gd name="connsiteX243" fmla="*/ 9919 w 10000"/>
                  <a:gd name="connsiteY243" fmla="*/ 1625 h 10000"/>
                  <a:gd name="connsiteX244" fmla="*/ 9893 w 10000"/>
                  <a:gd name="connsiteY244" fmla="*/ 1684 h 10000"/>
                  <a:gd name="connsiteX245" fmla="*/ 9841 w 10000"/>
                  <a:gd name="connsiteY245" fmla="*/ 1758 h 10000"/>
                  <a:gd name="connsiteX246" fmla="*/ 9761 w 10000"/>
                  <a:gd name="connsiteY246" fmla="*/ 1802 h 10000"/>
                  <a:gd name="connsiteX247" fmla="*/ 9707 w 10000"/>
                  <a:gd name="connsiteY247" fmla="*/ 1861 h 10000"/>
                  <a:gd name="connsiteX248" fmla="*/ 9682 w 10000"/>
                  <a:gd name="connsiteY248" fmla="*/ 1935 h 10000"/>
                  <a:gd name="connsiteX249" fmla="*/ 9707 w 10000"/>
                  <a:gd name="connsiteY249" fmla="*/ 2024 h 10000"/>
                  <a:gd name="connsiteX250" fmla="*/ 10000 w 10000"/>
                  <a:gd name="connsiteY250" fmla="*/ 2157 h 10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</a:cxnLst>
                <a:rect l="l" t="t" r="r" b="b"/>
                <a:pathLst>
                  <a:path w="10000" h="10000">
                    <a:moveTo>
                      <a:pt x="9752" y="2310"/>
                    </a:moveTo>
                    <a:cubicBezTo>
                      <a:pt x="10256" y="2128"/>
                      <a:pt x="9821" y="3161"/>
                      <a:pt x="9866" y="3117"/>
                    </a:cubicBezTo>
                    <a:cubicBezTo>
                      <a:pt x="9874" y="3102"/>
                      <a:pt x="9884" y="3087"/>
                      <a:pt x="9893" y="3072"/>
                    </a:cubicBezTo>
                    <a:cubicBezTo>
                      <a:pt x="9903" y="3052"/>
                      <a:pt x="9911" y="3033"/>
                      <a:pt x="9919" y="3013"/>
                    </a:cubicBezTo>
                    <a:lnTo>
                      <a:pt x="9919" y="2954"/>
                    </a:lnTo>
                    <a:cubicBezTo>
                      <a:pt x="9911" y="2925"/>
                      <a:pt x="9903" y="2895"/>
                      <a:pt x="9893" y="2866"/>
                    </a:cubicBezTo>
                    <a:lnTo>
                      <a:pt x="9707" y="2984"/>
                    </a:lnTo>
                    <a:lnTo>
                      <a:pt x="9495" y="3072"/>
                    </a:lnTo>
                    <a:lnTo>
                      <a:pt x="9281" y="3161"/>
                    </a:lnTo>
                    <a:lnTo>
                      <a:pt x="9069" y="3250"/>
                    </a:lnTo>
                    <a:lnTo>
                      <a:pt x="8589" y="3397"/>
                    </a:lnTo>
                    <a:lnTo>
                      <a:pt x="8085" y="3545"/>
                    </a:lnTo>
                    <a:lnTo>
                      <a:pt x="7100" y="3840"/>
                    </a:lnTo>
                    <a:lnTo>
                      <a:pt x="6861" y="3914"/>
                    </a:lnTo>
                    <a:lnTo>
                      <a:pt x="6649" y="4003"/>
                    </a:lnTo>
                    <a:lnTo>
                      <a:pt x="6437" y="4106"/>
                    </a:lnTo>
                    <a:lnTo>
                      <a:pt x="6222" y="4195"/>
                    </a:lnTo>
                    <a:cubicBezTo>
                      <a:pt x="6276" y="4269"/>
                      <a:pt x="6330" y="4343"/>
                      <a:pt x="6382" y="4417"/>
                    </a:cubicBezTo>
                    <a:cubicBezTo>
                      <a:pt x="6417" y="4486"/>
                      <a:pt x="6454" y="4554"/>
                      <a:pt x="6490" y="4623"/>
                    </a:cubicBezTo>
                    <a:cubicBezTo>
                      <a:pt x="6524" y="4697"/>
                      <a:pt x="6441" y="4771"/>
                      <a:pt x="6475" y="4845"/>
                    </a:cubicBezTo>
                    <a:cubicBezTo>
                      <a:pt x="6515" y="4961"/>
                      <a:pt x="6682" y="5203"/>
                      <a:pt x="6729" y="5318"/>
                    </a:cubicBezTo>
                    <a:cubicBezTo>
                      <a:pt x="6737" y="5392"/>
                      <a:pt x="6747" y="5465"/>
                      <a:pt x="6756" y="5539"/>
                    </a:cubicBezTo>
                    <a:cubicBezTo>
                      <a:pt x="6764" y="5618"/>
                      <a:pt x="6772" y="5696"/>
                      <a:pt x="6780" y="5775"/>
                    </a:cubicBezTo>
                    <a:lnTo>
                      <a:pt x="6780" y="5997"/>
                    </a:lnTo>
                    <a:cubicBezTo>
                      <a:pt x="6772" y="6076"/>
                      <a:pt x="6764" y="6154"/>
                      <a:pt x="6756" y="6233"/>
                    </a:cubicBezTo>
                    <a:cubicBezTo>
                      <a:pt x="6738" y="6312"/>
                      <a:pt x="6719" y="6391"/>
                      <a:pt x="6702" y="6470"/>
                    </a:cubicBezTo>
                    <a:cubicBezTo>
                      <a:pt x="6685" y="6539"/>
                      <a:pt x="6666" y="6608"/>
                      <a:pt x="6649" y="6677"/>
                    </a:cubicBezTo>
                    <a:cubicBezTo>
                      <a:pt x="6622" y="6751"/>
                      <a:pt x="6595" y="6824"/>
                      <a:pt x="6569" y="6898"/>
                    </a:cubicBezTo>
                    <a:cubicBezTo>
                      <a:pt x="6534" y="6967"/>
                      <a:pt x="6498" y="7036"/>
                      <a:pt x="6463" y="7105"/>
                    </a:cubicBezTo>
                    <a:cubicBezTo>
                      <a:pt x="6418" y="7169"/>
                      <a:pt x="6375" y="7233"/>
                      <a:pt x="6330" y="7297"/>
                    </a:cubicBezTo>
                    <a:lnTo>
                      <a:pt x="6170" y="7489"/>
                    </a:lnTo>
                    <a:lnTo>
                      <a:pt x="6010" y="7681"/>
                    </a:lnTo>
                    <a:lnTo>
                      <a:pt x="6780" y="7799"/>
                    </a:lnTo>
                    <a:lnTo>
                      <a:pt x="7580" y="7962"/>
                    </a:lnTo>
                    <a:lnTo>
                      <a:pt x="7738" y="8021"/>
                    </a:lnTo>
                    <a:lnTo>
                      <a:pt x="7872" y="8080"/>
                    </a:lnTo>
                    <a:cubicBezTo>
                      <a:pt x="7915" y="8100"/>
                      <a:pt x="7961" y="8119"/>
                      <a:pt x="8004" y="8139"/>
                    </a:cubicBezTo>
                    <a:cubicBezTo>
                      <a:pt x="8032" y="8168"/>
                      <a:pt x="8059" y="8198"/>
                      <a:pt x="8085" y="8227"/>
                    </a:cubicBezTo>
                    <a:cubicBezTo>
                      <a:pt x="8093" y="8252"/>
                      <a:pt x="8103" y="8276"/>
                      <a:pt x="8112" y="8301"/>
                    </a:cubicBezTo>
                    <a:lnTo>
                      <a:pt x="8112" y="8405"/>
                    </a:lnTo>
                    <a:cubicBezTo>
                      <a:pt x="8093" y="8444"/>
                      <a:pt x="8076" y="8484"/>
                      <a:pt x="8059" y="8523"/>
                    </a:cubicBezTo>
                    <a:cubicBezTo>
                      <a:pt x="8032" y="8562"/>
                      <a:pt x="8005" y="8602"/>
                      <a:pt x="7978" y="8641"/>
                    </a:cubicBezTo>
                    <a:lnTo>
                      <a:pt x="7633" y="8552"/>
                    </a:lnTo>
                    <a:lnTo>
                      <a:pt x="7313" y="8449"/>
                    </a:lnTo>
                    <a:lnTo>
                      <a:pt x="6994" y="8360"/>
                    </a:lnTo>
                    <a:lnTo>
                      <a:pt x="6674" y="8287"/>
                    </a:lnTo>
                    <a:lnTo>
                      <a:pt x="6541" y="8449"/>
                    </a:lnTo>
                    <a:cubicBezTo>
                      <a:pt x="6506" y="8498"/>
                      <a:pt x="6472" y="8548"/>
                      <a:pt x="6437" y="8597"/>
                    </a:cubicBezTo>
                    <a:cubicBezTo>
                      <a:pt x="6419" y="8617"/>
                      <a:pt x="6400" y="8636"/>
                      <a:pt x="6382" y="8656"/>
                    </a:cubicBezTo>
                    <a:cubicBezTo>
                      <a:pt x="6347" y="8671"/>
                      <a:pt x="6311" y="8685"/>
                      <a:pt x="6276" y="8700"/>
                    </a:cubicBezTo>
                    <a:cubicBezTo>
                      <a:pt x="6251" y="8715"/>
                      <a:pt x="6222" y="8729"/>
                      <a:pt x="6197" y="8744"/>
                    </a:cubicBezTo>
                    <a:lnTo>
                      <a:pt x="6117" y="8774"/>
                    </a:lnTo>
                    <a:lnTo>
                      <a:pt x="6037" y="8804"/>
                    </a:lnTo>
                    <a:cubicBezTo>
                      <a:pt x="6002" y="8809"/>
                      <a:pt x="5966" y="8813"/>
                      <a:pt x="5931" y="8818"/>
                    </a:cubicBezTo>
                    <a:lnTo>
                      <a:pt x="5797" y="8833"/>
                    </a:lnTo>
                    <a:lnTo>
                      <a:pt x="5665" y="8833"/>
                    </a:lnTo>
                    <a:lnTo>
                      <a:pt x="5347" y="8818"/>
                    </a:lnTo>
                    <a:lnTo>
                      <a:pt x="4946" y="8744"/>
                    </a:lnTo>
                    <a:lnTo>
                      <a:pt x="4946" y="8922"/>
                    </a:lnTo>
                    <a:cubicBezTo>
                      <a:pt x="4938" y="8971"/>
                      <a:pt x="4928" y="9020"/>
                      <a:pt x="4919" y="9069"/>
                    </a:cubicBezTo>
                    <a:cubicBezTo>
                      <a:pt x="4911" y="9123"/>
                      <a:pt x="4903" y="9178"/>
                      <a:pt x="4894" y="9232"/>
                    </a:cubicBezTo>
                    <a:cubicBezTo>
                      <a:pt x="4883" y="9276"/>
                      <a:pt x="4875" y="9321"/>
                      <a:pt x="4867" y="9365"/>
                    </a:cubicBezTo>
                    <a:cubicBezTo>
                      <a:pt x="4850" y="9409"/>
                      <a:pt x="4832" y="9454"/>
                      <a:pt x="4813" y="9498"/>
                    </a:cubicBezTo>
                    <a:lnTo>
                      <a:pt x="4708" y="9616"/>
                    </a:lnTo>
                    <a:cubicBezTo>
                      <a:pt x="4680" y="9655"/>
                      <a:pt x="4654" y="9695"/>
                      <a:pt x="4628" y="9734"/>
                    </a:cubicBezTo>
                    <a:lnTo>
                      <a:pt x="4494" y="9838"/>
                    </a:lnTo>
                    <a:lnTo>
                      <a:pt x="4173" y="9897"/>
                    </a:lnTo>
                    <a:lnTo>
                      <a:pt x="3910" y="9941"/>
                    </a:lnTo>
                    <a:lnTo>
                      <a:pt x="3590" y="9985"/>
                    </a:lnTo>
                    <a:lnTo>
                      <a:pt x="3351" y="10000"/>
                    </a:lnTo>
                    <a:lnTo>
                      <a:pt x="2819" y="10000"/>
                    </a:lnTo>
                    <a:lnTo>
                      <a:pt x="2313" y="9985"/>
                    </a:lnTo>
                    <a:lnTo>
                      <a:pt x="1836" y="9941"/>
                    </a:lnTo>
                    <a:lnTo>
                      <a:pt x="1330" y="9911"/>
                    </a:lnTo>
                    <a:lnTo>
                      <a:pt x="1038" y="9911"/>
                    </a:lnTo>
                    <a:lnTo>
                      <a:pt x="771" y="9911"/>
                    </a:lnTo>
                    <a:lnTo>
                      <a:pt x="479" y="9926"/>
                    </a:lnTo>
                    <a:lnTo>
                      <a:pt x="186" y="9970"/>
                    </a:lnTo>
                    <a:cubicBezTo>
                      <a:pt x="158" y="9936"/>
                      <a:pt x="133" y="9901"/>
                      <a:pt x="107" y="9867"/>
                    </a:cubicBezTo>
                    <a:cubicBezTo>
                      <a:pt x="88" y="9842"/>
                      <a:pt x="70" y="9818"/>
                      <a:pt x="54" y="9793"/>
                    </a:cubicBezTo>
                    <a:cubicBezTo>
                      <a:pt x="34" y="9764"/>
                      <a:pt x="17" y="9734"/>
                      <a:pt x="0" y="9705"/>
                    </a:cubicBezTo>
                    <a:lnTo>
                      <a:pt x="0" y="9601"/>
                    </a:lnTo>
                    <a:cubicBezTo>
                      <a:pt x="17" y="9542"/>
                      <a:pt x="34" y="9483"/>
                      <a:pt x="54" y="9424"/>
                    </a:cubicBezTo>
                    <a:cubicBezTo>
                      <a:pt x="70" y="9350"/>
                      <a:pt x="88" y="9276"/>
                      <a:pt x="107" y="9202"/>
                    </a:cubicBezTo>
                    <a:cubicBezTo>
                      <a:pt x="125" y="9133"/>
                      <a:pt x="142" y="9065"/>
                      <a:pt x="158" y="8996"/>
                    </a:cubicBezTo>
                    <a:cubicBezTo>
                      <a:pt x="177" y="8917"/>
                      <a:pt x="196" y="8838"/>
                      <a:pt x="213" y="8759"/>
                    </a:cubicBezTo>
                    <a:cubicBezTo>
                      <a:pt x="221" y="8720"/>
                      <a:pt x="231" y="8680"/>
                      <a:pt x="239" y="8641"/>
                    </a:cubicBezTo>
                    <a:lnTo>
                      <a:pt x="239" y="8538"/>
                    </a:lnTo>
                    <a:cubicBezTo>
                      <a:pt x="231" y="8494"/>
                      <a:pt x="221" y="8449"/>
                      <a:pt x="213" y="8405"/>
                    </a:cubicBezTo>
                    <a:cubicBezTo>
                      <a:pt x="205" y="8366"/>
                      <a:pt x="194" y="8326"/>
                      <a:pt x="186" y="8287"/>
                    </a:cubicBezTo>
                    <a:lnTo>
                      <a:pt x="452" y="8213"/>
                    </a:lnTo>
                    <a:lnTo>
                      <a:pt x="718" y="8139"/>
                    </a:lnTo>
                    <a:lnTo>
                      <a:pt x="984" y="8095"/>
                    </a:lnTo>
                    <a:lnTo>
                      <a:pt x="1277" y="8065"/>
                    </a:lnTo>
                    <a:lnTo>
                      <a:pt x="1807" y="8021"/>
                    </a:lnTo>
                    <a:lnTo>
                      <a:pt x="2341" y="7976"/>
                    </a:lnTo>
                    <a:lnTo>
                      <a:pt x="2580" y="7947"/>
                    </a:lnTo>
                    <a:lnTo>
                      <a:pt x="2819" y="7917"/>
                    </a:lnTo>
                    <a:lnTo>
                      <a:pt x="3030" y="7843"/>
                    </a:lnTo>
                    <a:lnTo>
                      <a:pt x="3244" y="7784"/>
                    </a:lnTo>
                    <a:lnTo>
                      <a:pt x="3431" y="7710"/>
                    </a:lnTo>
                    <a:cubicBezTo>
                      <a:pt x="3485" y="7671"/>
                      <a:pt x="3536" y="7631"/>
                      <a:pt x="3590" y="7592"/>
                    </a:cubicBezTo>
                    <a:cubicBezTo>
                      <a:pt x="3644" y="7553"/>
                      <a:pt x="3696" y="7513"/>
                      <a:pt x="3750" y="7474"/>
                    </a:cubicBezTo>
                    <a:cubicBezTo>
                      <a:pt x="3784" y="7420"/>
                      <a:pt x="3822" y="7366"/>
                      <a:pt x="3856" y="7312"/>
                    </a:cubicBezTo>
                    <a:lnTo>
                      <a:pt x="3644" y="7238"/>
                    </a:lnTo>
                    <a:lnTo>
                      <a:pt x="3456" y="7179"/>
                    </a:lnTo>
                    <a:cubicBezTo>
                      <a:pt x="3405" y="7149"/>
                      <a:pt x="3351" y="7120"/>
                      <a:pt x="3297" y="7090"/>
                    </a:cubicBezTo>
                    <a:cubicBezTo>
                      <a:pt x="3244" y="7056"/>
                      <a:pt x="3192" y="7021"/>
                      <a:pt x="3139" y="6987"/>
                    </a:cubicBezTo>
                    <a:cubicBezTo>
                      <a:pt x="3102" y="6948"/>
                      <a:pt x="3067" y="6908"/>
                      <a:pt x="3030" y="6869"/>
                    </a:cubicBezTo>
                    <a:cubicBezTo>
                      <a:pt x="3014" y="6820"/>
                      <a:pt x="2997" y="6770"/>
                      <a:pt x="2980" y="6721"/>
                    </a:cubicBezTo>
                    <a:cubicBezTo>
                      <a:pt x="2969" y="6667"/>
                      <a:pt x="2960" y="6612"/>
                      <a:pt x="2952" y="6558"/>
                    </a:cubicBezTo>
                    <a:cubicBezTo>
                      <a:pt x="2960" y="6489"/>
                      <a:pt x="2969" y="6421"/>
                      <a:pt x="2980" y="6352"/>
                    </a:cubicBezTo>
                    <a:lnTo>
                      <a:pt x="2846" y="6322"/>
                    </a:lnTo>
                    <a:lnTo>
                      <a:pt x="2687" y="6292"/>
                    </a:lnTo>
                    <a:lnTo>
                      <a:pt x="2501" y="6278"/>
                    </a:lnTo>
                    <a:lnTo>
                      <a:pt x="2313" y="6263"/>
                    </a:lnTo>
                    <a:lnTo>
                      <a:pt x="1942" y="6248"/>
                    </a:lnTo>
                    <a:lnTo>
                      <a:pt x="1543" y="6263"/>
                    </a:lnTo>
                    <a:lnTo>
                      <a:pt x="1198" y="6278"/>
                    </a:lnTo>
                    <a:lnTo>
                      <a:pt x="877" y="6278"/>
                    </a:lnTo>
                    <a:lnTo>
                      <a:pt x="613" y="6263"/>
                    </a:lnTo>
                    <a:lnTo>
                      <a:pt x="399" y="6233"/>
                    </a:lnTo>
                    <a:lnTo>
                      <a:pt x="663" y="5805"/>
                    </a:lnTo>
                    <a:lnTo>
                      <a:pt x="958" y="5391"/>
                    </a:lnTo>
                    <a:cubicBezTo>
                      <a:pt x="993" y="5317"/>
                      <a:pt x="1029" y="5244"/>
                      <a:pt x="1065" y="5170"/>
                    </a:cubicBezTo>
                    <a:cubicBezTo>
                      <a:pt x="1090" y="5101"/>
                      <a:pt x="1118" y="5032"/>
                      <a:pt x="1143" y="4963"/>
                    </a:cubicBezTo>
                    <a:cubicBezTo>
                      <a:pt x="1151" y="4929"/>
                      <a:pt x="1161" y="4894"/>
                      <a:pt x="1169" y="4860"/>
                    </a:cubicBezTo>
                    <a:cubicBezTo>
                      <a:pt x="1161" y="4825"/>
                      <a:pt x="1151" y="4791"/>
                      <a:pt x="1143" y="4756"/>
                    </a:cubicBezTo>
                    <a:cubicBezTo>
                      <a:pt x="1135" y="4722"/>
                      <a:pt x="1127" y="4687"/>
                      <a:pt x="1117" y="4653"/>
                    </a:cubicBezTo>
                    <a:cubicBezTo>
                      <a:pt x="1090" y="4618"/>
                      <a:pt x="1064" y="4584"/>
                      <a:pt x="1038" y="4549"/>
                    </a:cubicBezTo>
                    <a:lnTo>
                      <a:pt x="1330" y="4520"/>
                    </a:lnTo>
                    <a:lnTo>
                      <a:pt x="1543" y="4505"/>
                    </a:lnTo>
                    <a:lnTo>
                      <a:pt x="1729" y="4505"/>
                    </a:lnTo>
                    <a:lnTo>
                      <a:pt x="1888" y="4520"/>
                    </a:lnTo>
                    <a:lnTo>
                      <a:pt x="2022" y="4520"/>
                    </a:lnTo>
                    <a:lnTo>
                      <a:pt x="2181" y="4520"/>
                    </a:lnTo>
                    <a:lnTo>
                      <a:pt x="2341" y="4490"/>
                    </a:lnTo>
                    <a:lnTo>
                      <a:pt x="2552" y="4446"/>
                    </a:lnTo>
                    <a:lnTo>
                      <a:pt x="2552" y="4579"/>
                    </a:lnTo>
                    <a:lnTo>
                      <a:pt x="2552" y="4742"/>
                    </a:lnTo>
                    <a:lnTo>
                      <a:pt x="2552" y="4874"/>
                    </a:lnTo>
                    <a:lnTo>
                      <a:pt x="2552" y="5037"/>
                    </a:lnTo>
                    <a:lnTo>
                      <a:pt x="2792" y="5022"/>
                    </a:lnTo>
                    <a:lnTo>
                      <a:pt x="2952" y="5037"/>
                    </a:lnTo>
                    <a:lnTo>
                      <a:pt x="3085" y="5066"/>
                    </a:lnTo>
                    <a:lnTo>
                      <a:pt x="3218" y="5096"/>
                    </a:lnTo>
                    <a:lnTo>
                      <a:pt x="3325" y="5126"/>
                    </a:lnTo>
                    <a:lnTo>
                      <a:pt x="3456" y="5155"/>
                    </a:lnTo>
                    <a:lnTo>
                      <a:pt x="3617" y="5170"/>
                    </a:lnTo>
                    <a:lnTo>
                      <a:pt x="3856" y="5155"/>
                    </a:lnTo>
                    <a:cubicBezTo>
                      <a:pt x="3883" y="5135"/>
                      <a:pt x="3911" y="5116"/>
                      <a:pt x="3936" y="5096"/>
                    </a:cubicBezTo>
                    <a:cubicBezTo>
                      <a:pt x="3963" y="5071"/>
                      <a:pt x="3989" y="5047"/>
                      <a:pt x="4015" y="5022"/>
                    </a:cubicBezTo>
                    <a:cubicBezTo>
                      <a:pt x="4023" y="4993"/>
                      <a:pt x="4032" y="4963"/>
                      <a:pt x="4042" y="4934"/>
                    </a:cubicBezTo>
                    <a:cubicBezTo>
                      <a:pt x="4051" y="4909"/>
                      <a:pt x="4062" y="4885"/>
                      <a:pt x="4070" y="4860"/>
                    </a:cubicBezTo>
                    <a:cubicBezTo>
                      <a:pt x="4078" y="4806"/>
                      <a:pt x="4086" y="4751"/>
                      <a:pt x="4095" y="4697"/>
                    </a:cubicBezTo>
                    <a:cubicBezTo>
                      <a:pt x="4087" y="4638"/>
                      <a:pt x="4078" y="4579"/>
                      <a:pt x="4070" y="4520"/>
                    </a:cubicBezTo>
                    <a:cubicBezTo>
                      <a:pt x="4043" y="4461"/>
                      <a:pt x="4015" y="4402"/>
                      <a:pt x="3989" y="4343"/>
                    </a:cubicBezTo>
                    <a:cubicBezTo>
                      <a:pt x="3963" y="4294"/>
                      <a:pt x="3935" y="4244"/>
                      <a:pt x="3910" y="4195"/>
                    </a:cubicBezTo>
                    <a:cubicBezTo>
                      <a:pt x="3864" y="4146"/>
                      <a:pt x="3821" y="4096"/>
                      <a:pt x="3776" y="4047"/>
                    </a:cubicBezTo>
                    <a:lnTo>
                      <a:pt x="3644" y="3959"/>
                    </a:lnTo>
                    <a:lnTo>
                      <a:pt x="3803" y="3944"/>
                    </a:lnTo>
                    <a:lnTo>
                      <a:pt x="3936" y="3914"/>
                    </a:lnTo>
                    <a:cubicBezTo>
                      <a:pt x="3971" y="3894"/>
                      <a:pt x="4007" y="3875"/>
                      <a:pt x="4042" y="3855"/>
                    </a:cubicBezTo>
                    <a:cubicBezTo>
                      <a:pt x="4086" y="3821"/>
                      <a:pt x="4129" y="3786"/>
                      <a:pt x="4173" y="3752"/>
                    </a:cubicBezTo>
                    <a:cubicBezTo>
                      <a:pt x="4219" y="3722"/>
                      <a:pt x="4264" y="3693"/>
                      <a:pt x="4308" y="3663"/>
                    </a:cubicBezTo>
                    <a:cubicBezTo>
                      <a:pt x="4344" y="3629"/>
                      <a:pt x="4379" y="3594"/>
                      <a:pt x="4414" y="3560"/>
                    </a:cubicBezTo>
                    <a:cubicBezTo>
                      <a:pt x="4441" y="3521"/>
                      <a:pt x="4467" y="3481"/>
                      <a:pt x="4494" y="3442"/>
                    </a:cubicBezTo>
                    <a:cubicBezTo>
                      <a:pt x="4520" y="3402"/>
                      <a:pt x="4549" y="3363"/>
                      <a:pt x="4575" y="3323"/>
                    </a:cubicBezTo>
                    <a:cubicBezTo>
                      <a:pt x="4591" y="3289"/>
                      <a:pt x="4611" y="3254"/>
                      <a:pt x="4628" y="3220"/>
                    </a:cubicBezTo>
                    <a:cubicBezTo>
                      <a:pt x="4637" y="3181"/>
                      <a:pt x="4645" y="3141"/>
                      <a:pt x="4653" y="3102"/>
                    </a:cubicBezTo>
                    <a:cubicBezTo>
                      <a:pt x="4662" y="3072"/>
                      <a:pt x="4671" y="3043"/>
                      <a:pt x="4681" y="3013"/>
                    </a:cubicBezTo>
                    <a:cubicBezTo>
                      <a:pt x="4671" y="2988"/>
                      <a:pt x="4662" y="2964"/>
                      <a:pt x="4653" y="2939"/>
                    </a:cubicBezTo>
                    <a:cubicBezTo>
                      <a:pt x="4645" y="2915"/>
                      <a:pt x="4637" y="2890"/>
                      <a:pt x="4628" y="2866"/>
                    </a:cubicBezTo>
                    <a:lnTo>
                      <a:pt x="4548" y="2836"/>
                    </a:lnTo>
                    <a:lnTo>
                      <a:pt x="4442" y="2836"/>
                    </a:lnTo>
                    <a:lnTo>
                      <a:pt x="4308" y="2866"/>
                    </a:lnTo>
                    <a:cubicBezTo>
                      <a:pt x="4343" y="2836"/>
                      <a:pt x="4379" y="2807"/>
                      <a:pt x="4414" y="2777"/>
                    </a:cubicBezTo>
                    <a:cubicBezTo>
                      <a:pt x="4431" y="2743"/>
                      <a:pt x="4451" y="2708"/>
                      <a:pt x="4469" y="2674"/>
                    </a:cubicBezTo>
                    <a:cubicBezTo>
                      <a:pt x="4478" y="2630"/>
                      <a:pt x="4486" y="2585"/>
                      <a:pt x="4494" y="2541"/>
                    </a:cubicBezTo>
                    <a:lnTo>
                      <a:pt x="4494" y="2393"/>
                    </a:lnTo>
                    <a:cubicBezTo>
                      <a:pt x="4502" y="2378"/>
                      <a:pt x="4512" y="2364"/>
                      <a:pt x="4520" y="2349"/>
                    </a:cubicBezTo>
                    <a:cubicBezTo>
                      <a:pt x="4539" y="2334"/>
                      <a:pt x="4557" y="2319"/>
                      <a:pt x="4575" y="2304"/>
                    </a:cubicBezTo>
                    <a:cubicBezTo>
                      <a:pt x="4591" y="2299"/>
                      <a:pt x="4611" y="2295"/>
                      <a:pt x="4628" y="2290"/>
                    </a:cubicBezTo>
                    <a:lnTo>
                      <a:pt x="4708" y="2275"/>
                    </a:lnTo>
                    <a:lnTo>
                      <a:pt x="4946" y="2260"/>
                    </a:lnTo>
                    <a:lnTo>
                      <a:pt x="5158" y="2275"/>
                    </a:lnTo>
                    <a:cubicBezTo>
                      <a:pt x="5150" y="2221"/>
                      <a:pt x="5141" y="2166"/>
                      <a:pt x="5132" y="2112"/>
                    </a:cubicBezTo>
                    <a:cubicBezTo>
                      <a:pt x="5116" y="2058"/>
                      <a:pt x="5097" y="2004"/>
                      <a:pt x="5080" y="1950"/>
                    </a:cubicBezTo>
                    <a:cubicBezTo>
                      <a:pt x="5054" y="1901"/>
                      <a:pt x="5026" y="1851"/>
                      <a:pt x="4999" y="1802"/>
                    </a:cubicBezTo>
                    <a:cubicBezTo>
                      <a:pt x="4966" y="1748"/>
                      <a:pt x="4928" y="1694"/>
                      <a:pt x="4894" y="1640"/>
                    </a:cubicBezTo>
                    <a:lnTo>
                      <a:pt x="4628" y="1329"/>
                    </a:lnTo>
                    <a:lnTo>
                      <a:pt x="4362" y="1034"/>
                    </a:lnTo>
                    <a:cubicBezTo>
                      <a:pt x="4316" y="990"/>
                      <a:pt x="4273" y="945"/>
                      <a:pt x="4228" y="901"/>
                    </a:cubicBezTo>
                    <a:cubicBezTo>
                      <a:pt x="4193" y="852"/>
                      <a:pt x="4159" y="802"/>
                      <a:pt x="4124" y="753"/>
                    </a:cubicBezTo>
                    <a:cubicBezTo>
                      <a:pt x="4095" y="709"/>
                      <a:pt x="4069" y="664"/>
                      <a:pt x="4042" y="620"/>
                    </a:cubicBezTo>
                    <a:cubicBezTo>
                      <a:pt x="4032" y="576"/>
                      <a:pt x="4023" y="531"/>
                      <a:pt x="4015" y="487"/>
                    </a:cubicBezTo>
                    <a:cubicBezTo>
                      <a:pt x="4007" y="443"/>
                      <a:pt x="3998" y="399"/>
                      <a:pt x="3989" y="355"/>
                    </a:cubicBezTo>
                    <a:cubicBezTo>
                      <a:pt x="4007" y="311"/>
                      <a:pt x="4023" y="266"/>
                      <a:pt x="4042" y="222"/>
                    </a:cubicBezTo>
                    <a:cubicBezTo>
                      <a:pt x="4051" y="202"/>
                      <a:pt x="4062" y="182"/>
                      <a:pt x="4070" y="162"/>
                    </a:cubicBezTo>
                    <a:cubicBezTo>
                      <a:pt x="4086" y="142"/>
                      <a:pt x="4103" y="123"/>
                      <a:pt x="4124" y="103"/>
                    </a:cubicBezTo>
                    <a:cubicBezTo>
                      <a:pt x="4149" y="88"/>
                      <a:pt x="4174" y="74"/>
                      <a:pt x="4203" y="59"/>
                    </a:cubicBezTo>
                    <a:cubicBezTo>
                      <a:pt x="4236" y="39"/>
                      <a:pt x="4274" y="20"/>
                      <a:pt x="4308" y="0"/>
                    </a:cubicBezTo>
                    <a:lnTo>
                      <a:pt x="4494" y="0"/>
                    </a:lnTo>
                    <a:lnTo>
                      <a:pt x="4681" y="15"/>
                    </a:lnTo>
                    <a:lnTo>
                      <a:pt x="4867" y="44"/>
                    </a:lnTo>
                    <a:lnTo>
                      <a:pt x="4999" y="89"/>
                    </a:lnTo>
                    <a:lnTo>
                      <a:pt x="5213" y="192"/>
                    </a:lnTo>
                    <a:lnTo>
                      <a:pt x="5425" y="340"/>
                    </a:lnTo>
                    <a:cubicBezTo>
                      <a:pt x="5479" y="384"/>
                      <a:pt x="5532" y="429"/>
                      <a:pt x="5585" y="473"/>
                    </a:cubicBezTo>
                    <a:lnTo>
                      <a:pt x="5797" y="591"/>
                    </a:lnTo>
                    <a:cubicBezTo>
                      <a:pt x="5841" y="611"/>
                      <a:pt x="5887" y="630"/>
                      <a:pt x="5931" y="650"/>
                    </a:cubicBezTo>
                    <a:lnTo>
                      <a:pt x="6090" y="679"/>
                    </a:lnTo>
                    <a:lnTo>
                      <a:pt x="6251" y="709"/>
                    </a:lnTo>
                    <a:lnTo>
                      <a:pt x="6463" y="709"/>
                    </a:lnTo>
                    <a:lnTo>
                      <a:pt x="6463" y="768"/>
                    </a:lnTo>
                    <a:cubicBezTo>
                      <a:pt x="6471" y="793"/>
                      <a:pt x="6480" y="817"/>
                      <a:pt x="6490" y="842"/>
                    </a:cubicBezTo>
                    <a:cubicBezTo>
                      <a:pt x="6507" y="867"/>
                      <a:pt x="6524" y="891"/>
                      <a:pt x="6541" y="916"/>
                    </a:cubicBezTo>
                    <a:cubicBezTo>
                      <a:pt x="6560" y="941"/>
                      <a:pt x="6579" y="965"/>
                      <a:pt x="6595" y="990"/>
                    </a:cubicBezTo>
                    <a:cubicBezTo>
                      <a:pt x="6622" y="1010"/>
                      <a:pt x="6649" y="1029"/>
                      <a:pt x="6674" y="1049"/>
                    </a:cubicBezTo>
                    <a:cubicBezTo>
                      <a:pt x="6709" y="1069"/>
                      <a:pt x="6747" y="1088"/>
                      <a:pt x="6780" y="1108"/>
                    </a:cubicBezTo>
                    <a:lnTo>
                      <a:pt x="6914" y="1182"/>
                    </a:lnTo>
                    <a:cubicBezTo>
                      <a:pt x="6949" y="1197"/>
                      <a:pt x="6985" y="1211"/>
                      <a:pt x="7020" y="1226"/>
                    </a:cubicBezTo>
                    <a:lnTo>
                      <a:pt x="7127" y="1270"/>
                    </a:lnTo>
                    <a:lnTo>
                      <a:pt x="7234" y="1300"/>
                    </a:lnTo>
                    <a:lnTo>
                      <a:pt x="7340" y="1315"/>
                    </a:lnTo>
                    <a:lnTo>
                      <a:pt x="7474" y="1300"/>
                    </a:lnTo>
                    <a:lnTo>
                      <a:pt x="7580" y="1285"/>
                    </a:lnTo>
                    <a:cubicBezTo>
                      <a:pt x="7606" y="1270"/>
                      <a:pt x="7633" y="1256"/>
                      <a:pt x="7659" y="1241"/>
                    </a:cubicBezTo>
                    <a:cubicBezTo>
                      <a:pt x="7676" y="1216"/>
                      <a:pt x="7694" y="1192"/>
                      <a:pt x="7714" y="1167"/>
                    </a:cubicBezTo>
                    <a:cubicBezTo>
                      <a:pt x="7722" y="1133"/>
                      <a:pt x="7730" y="1098"/>
                      <a:pt x="7738" y="1064"/>
                    </a:cubicBezTo>
                    <a:lnTo>
                      <a:pt x="8138" y="1034"/>
                    </a:lnTo>
                    <a:lnTo>
                      <a:pt x="8509" y="1004"/>
                    </a:lnTo>
                    <a:lnTo>
                      <a:pt x="8830" y="990"/>
                    </a:lnTo>
                    <a:lnTo>
                      <a:pt x="9123" y="1004"/>
                    </a:lnTo>
                    <a:lnTo>
                      <a:pt x="9256" y="1019"/>
                    </a:lnTo>
                    <a:lnTo>
                      <a:pt x="9387" y="1034"/>
                    </a:lnTo>
                    <a:lnTo>
                      <a:pt x="9495" y="1064"/>
                    </a:lnTo>
                    <a:cubicBezTo>
                      <a:pt x="9539" y="1079"/>
                      <a:pt x="9583" y="1093"/>
                      <a:pt x="9628" y="1108"/>
                    </a:cubicBezTo>
                    <a:cubicBezTo>
                      <a:pt x="9652" y="1133"/>
                      <a:pt x="9682" y="1157"/>
                      <a:pt x="9707" y="1182"/>
                    </a:cubicBezTo>
                    <a:cubicBezTo>
                      <a:pt x="9732" y="1202"/>
                      <a:pt x="9761" y="1221"/>
                      <a:pt x="9786" y="1241"/>
                    </a:cubicBezTo>
                    <a:cubicBezTo>
                      <a:pt x="9802" y="1270"/>
                      <a:pt x="9824" y="1300"/>
                      <a:pt x="9841" y="1329"/>
                    </a:cubicBezTo>
                    <a:cubicBezTo>
                      <a:pt x="9857" y="1364"/>
                      <a:pt x="9875" y="1398"/>
                      <a:pt x="9893" y="1433"/>
                    </a:cubicBezTo>
                    <a:cubicBezTo>
                      <a:pt x="9911" y="1472"/>
                      <a:pt x="9929" y="1512"/>
                      <a:pt x="9946" y="1551"/>
                    </a:cubicBezTo>
                    <a:cubicBezTo>
                      <a:pt x="9938" y="1576"/>
                      <a:pt x="9928" y="1600"/>
                      <a:pt x="9919" y="1625"/>
                    </a:cubicBezTo>
                    <a:cubicBezTo>
                      <a:pt x="9911" y="1645"/>
                      <a:pt x="9903" y="1664"/>
                      <a:pt x="9893" y="1684"/>
                    </a:cubicBezTo>
                    <a:cubicBezTo>
                      <a:pt x="9875" y="1709"/>
                      <a:pt x="9857" y="1733"/>
                      <a:pt x="9841" y="1758"/>
                    </a:cubicBezTo>
                    <a:cubicBezTo>
                      <a:pt x="9814" y="1773"/>
                      <a:pt x="9786" y="1787"/>
                      <a:pt x="9761" y="1802"/>
                    </a:cubicBezTo>
                    <a:cubicBezTo>
                      <a:pt x="9742" y="1822"/>
                      <a:pt x="9724" y="1841"/>
                      <a:pt x="9707" y="1861"/>
                    </a:cubicBezTo>
                    <a:cubicBezTo>
                      <a:pt x="9699" y="1886"/>
                      <a:pt x="9691" y="1910"/>
                      <a:pt x="9682" y="1935"/>
                    </a:cubicBezTo>
                    <a:cubicBezTo>
                      <a:pt x="9691" y="1965"/>
                      <a:pt x="9699" y="1994"/>
                      <a:pt x="9707" y="2024"/>
                    </a:cubicBezTo>
                    <a:lnTo>
                      <a:pt x="10000" y="2157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71" name="Roskilde"/>
              <p:cNvSpPr>
                <a:spLocks/>
              </p:cNvSpPr>
              <p:nvPr/>
            </p:nvSpPr>
            <p:spPr bwMode="auto">
              <a:xfrm>
                <a:off x="3567113" y="4908550"/>
                <a:ext cx="85725" cy="47625"/>
              </a:xfrm>
              <a:custGeom>
                <a:avLst/>
                <a:gdLst>
                  <a:gd name="T0" fmla="*/ 52 w 162"/>
                  <a:gd name="T1" fmla="*/ 11 h 90"/>
                  <a:gd name="T2" fmla="*/ 51 w 162"/>
                  <a:gd name="T3" fmla="*/ 13 h 90"/>
                  <a:gd name="T4" fmla="*/ 51 w 162"/>
                  <a:gd name="T5" fmla="*/ 14 h 90"/>
                  <a:gd name="T6" fmla="*/ 50 w 162"/>
                  <a:gd name="T7" fmla="*/ 15 h 90"/>
                  <a:gd name="T8" fmla="*/ 49 w 162"/>
                  <a:gd name="T9" fmla="*/ 17 h 90"/>
                  <a:gd name="T10" fmla="*/ 47 w 162"/>
                  <a:gd name="T11" fmla="*/ 19 h 90"/>
                  <a:gd name="T12" fmla="*/ 45 w 162"/>
                  <a:gd name="T13" fmla="*/ 21 h 90"/>
                  <a:gd name="T14" fmla="*/ 43 w 162"/>
                  <a:gd name="T15" fmla="*/ 22 h 90"/>
                  <a:gd name="T16" fmla="*/ 41 w 162"/>
                  <a:gd name="T17" fmla="*/ 24 h 90"/>
                  <a:gd name="T18" fmla="*/ 40 w 162"/>
                  <a:gd name="T19" fmla="*/ 26 h 90"/>
                  <a:gd name="T20" fmla="*/ 39 w 162"/>
                  <a:gd name="T21" fmla="*/ 27 h 90"/>
                  <a:gd name="T22" fmla="*/ 38 w 162"/>
                  <a:gd name="T23" fmla="*/ 28 h 90"/>
                  <a:gd name="T24" fmla="*/ 38 w 162"/>
                  <a:gd name="T25" fmla="*/ 30 h 90"/>
                  <a:gd name="T26" fmla="*/ 36 w 162"/>
                  <a:gd name="T27" fmla="*/ 30 h 90"/>
                  <a:gd name="T28" fmla="*/ 34 w 162"/>
                  <a:gd name="T29" fmla="*/ 30 h 90"/>
                  <a:gd name="T30" fmla="*/ 33 w 162"/>
                  <a:gd name="T31" fmla="*/ 29 h 90"/>
                  <a:gd name="T32" fmla="*/ 30 w 162"/>
                  <a:gd name="T33" fmla="*/ 29 h 90"/>
                  <a:gd name="T34" fmla="*/ 26 w 162"/>
                  <a:gd name="T35" fmla="*/ 27 h 90"/>
                  <a:gd name="T36" fmla="*/ 22 w 162"/>
                  <a:gd name="T37" fmla="*/ 24 h 90"/>
                  <a:gd name="T38" fmla="*/ 13 w 162"/>
                  <a:gd name="T39" fmla="*/ 19 h 90"/>
                  <a:gd name="T40" fmla="*/ 5 w 162"/>
                  <a:gd name="T41" fmla="*/ 14 h 90"/>
                  <a:gd name="T42" fmla="*/ 3 w 162"/>
                  <a:gd name="T43" fmla="*/ 12 h 90"/>
                  <a:gd name="T44" fmla="*/ 0 w 162"/>
                  <a:gd name="T45" fmla="*/ 11 h 90"/>
                  <a:gd name="T46" fmla="*/ 1 w 162"/>
                  <a:gd name="T47" fmla="*/ 8 h 90"/>
                  <a:gd name="T48" fmla="*/ 3 w 162"/>
                  <a:gd name="T49" fmla="*/ 6 h 90"/>
                  <a:gd name="T50" fmla="*/ 6 w 162"/>
                  <a:gd name="T51" fmla="*/ 7 h 90"/>
                  <a:gd name="T52" fmla="*/ 9 w 162"/>
                  <a:gd name="T53" fmla="*/ 7 h 90"/>
                  <a:gd name="T54" fmla="*/ 13 w 162"/>
                  <a:gd name="T55" fmla="*/ 8 h 90"/>
                  <a:gd name="T56" fmla="*/ 16 w 162"/>
                  <a:gd name="T57" fmla="*/ 8 h 90"/>
                  <a:gd name="T58" fmla="*/ 19 w 162"/>
                  <a:gd name="T59" fmla="*/ 8 h 90"/>
                  <a:gd name="T60" fmla="*/ 22 w 162"/>
                  <a:gd name="T61" fmla="*/ 7 h 90"/>
                  <a:gd name="T62" fmla="*/ 25 w 162"/>
                  <a:gd name="T63" fmla="*/ 6 h 90"/>
                  <a:gd name="T64" fmla="*/ 28 w 162"/>
                  <a:gd name="T65" fmla="*/ 6 h 90"/>
                  <a:gd name="T66" fmla="*/ 34 w 162"/>
                  <a:gd name="T67" fmla="*/ 3 h 90"/>
                  <a:gd name="T68" fmla="*/ 41 w 162"/>
                  <a:gd name="T69" fmla="*/ 2 h 90"/>
                  <a:gd name="T70" fmla="*/ 44 w 162"/>
                  <a:gd name="T71" fmla="*/ 1 h 90"/>
                  <a:gd name="T72" fmla="*/ 47 w 162"/>
                  <a:gd name="T73" fmla="*/ 0 h 90"/>
                  <a:gd name="T74" fmla="*/ 50 w 162"/>
                  <a:gd name="T75" fmla="*/ 0 h 90"/>
                  <a:gd name="T76" fmla="*/ 54 w 162"/>
                  <a:gd name="T77" fmla="*/ 0 h 90"/>
                  <a:gd name="T78" fmla="*/ 54 w 162"/>
                  <a:gd name="T79" fmla="*/ 3 h 90"/>
                  <a:gd name="T80" fmla="*/ 54 w 162"/>
                  <a:gd name="T81" fmla="*/ 6 h 90"/>
                  <a:gd name="T82" fmla="*/ 53 w 162"/>
                  <a:gd name="T83" fmla="*/ 9 h 90"/>
                  <a:gd name="T84" fmla="*/ 52 w 162"/>
                  <a:gd name="T85" fmla="*/ 11 h 90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62" h="90">
                    <a:moveTo>
                      <a:pt x="155" y="32"/>
                    </a:moveTo>
                    <a:lnTo>
                      <a:pt x="154" y="38"/>
                    </a:lnTo>
                    <a:lnTo>
                      <a:pt x="152" y="43"/>
                    </a:lnTo>
                    <a:lnTo>
                      <a:pt x="150" y="46"/>
                    </a:lnTo>
                    <a:lnTo>
                      <a:pt x="147" y="50"/>
                    </a:lnTo>
                    <a:lnTo>
                      <a:pt x="142" y="57"/>
                    </a:lnTo>
                    <a:lnTo>
                      <a:pt x="136" y="62"/>
                    </a:lnTo>
                    <a:lnTo>
                      <a:pt x="128" y="67"/>
                    </a:lnTo>
                    <a:lnTo>
                      <a:pt x="122" y="73"/>
                    </a:lnTo>
                    <a:lnTo>
                      <a:pt x="120" y="77"/>
                    </a:lnTo>
                    <a:lnTo>
                      <a:pt x="117" y="81"/>
                    </a:lnTo>
                    <a:lnTo>
                      <a:pt x="115" y="85"/>
                    </a:lnTo>
                    <a:lnTo>
                      <a:pt x="114" y="89"/>
                    </a:lnTo>
                    <a:lnTo>
                      <a:pt x="108" y="90"/>
                    </a:lnTo>
                    <a:lnTo>
                      <a:pt x="103" y="90"/>
                    </a:lnTo>
                    <a:lnTo>
                      <a:pt x="98" y="88"/>
                    </a:lnTo>
                    <a:lnTo>
                      <a:pt x="91" y="87"/>
                    </a:lnTo>
                    <a:lnTo>
                      <a:pt x="79" y="81"/>
                    </a:lnTo>
                    <a:lnTo>
                      <a:pt x="66" y="73"/>
                    </a:lnTo>
                    <a:lnTo>
                      <a:pt x="40" y="57"/>
                    </a:lnTo>
                    <a:lnTo>
                      <a:pt x="16" y="41"/>
                    </a:lnTo>
                    <a:lnTo>
                      <a:pt x="8" y="35"/>
                    </a:lnTo>
                    <a:lnTo>
                      <a:pt x="0" y="32"/>
                    </a:lnTo>
                    <a:lnTo>
                      <a:pt x="4" y="25"/>
                    </a:lnTo>
                    <a:lnTo>
                      <a:pt x="8" y="17"/>
                    </a:lnTo>
                    <a:lnTo>
                      <a:pt x="18" y="20"/>
                    </a:lnTo>
                    <a:lnTo>
                      <a:pt x="27" y="22"/>
                    </a:lnTo>
                    <a:lnTo>
                      <a:pt x="38" y="23"/>
                    </a:lnTo>
                    <a:lnTo>
                      <a:pt x="47" y="23"/>
                    </a:lnTo>
                    <a:lnTo>
                      <a:pt x="56" y="23"/>
                    </a:lnTo>
                    <a:lnTo>
                      <a:pt x="65" y="21"/>
                    </a:lnTo>
                    <a:lnTo>
                      <a:pt x="75" y="19"/>
                    </a:lnTo>
                    <a:lnTo>
                      <a:pt x="84" y="17"/>
                    </a:lnTo>
                    <a:lnTo>
                      <a:pt x="103" y="10"/>
                    </a:lnTo>
                    <a:lnTo>
                      <a:pt x="122" y="5"/>
                    </a:lnTo>
                    <a:lnTo>
                      <a:pt x="131" y="3"/>
                    </a:lnTo>
                    <a:lnTo>
                      <a:pt x="142" y="1"/>
                    </a:lnTo>
                    <a:lnTo>
                      <a:pt x="151" y="0"/>
                    </a:lnTo>
                    <a:lnTo>
                      <a:pt x="162" y="0"/>
                    </a:lnTo>
                    <a:lnTo>
                      <a:pt x="162" y="10"/>
                    </a:lnTo>
                    <a:lnTo>
                      <a:pt x="161" y="19"/>
                    </a:lnTo>
                    <a:lnTo>
                      <a:pt x="159" y="26"/>
                    </a:lnTo>
                    <a:lnTo>
                      <a:pt x="155" y="32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72" name="Roskilde kant"/>
              <p:cNvSpPr>
                <a:spLocks/>
              </p:cNvSpPr>
              <p:nvPr/>
            </p:nvSpPr>
            <p:spPr bwMode="auto">
              <a:xfrm>
                <a:off x="3567113" y="4908550"/>
                <a:ext cx="85725" cy="47625"/>
              </a:xfrm>
              <a:custGeom>
                <a:avLst/>
                <a:gdLst>
                  <a:gd name="T0" fmla="*/ 52 w 162"/>
                  <a:gd name="T1" fmla="*/ 11 h 90"/>
                  <a:gd name="T2" fmla="*/ 51 w 162"/>
                  <a:gd name="T3" fmla="*/ 13 h 90"/>
                  <a:gd name="T4" fmla="*/ 51 w 162"/>
                  <a:gd name="T5" fmla="*/ 14 h 90"/>
                  <a:gd name="T6" fmla="*/ 50 w 162"/>
                  <a:gd name="T7" fmla="*/ 15 h 90"/>
                  <a:gd name="T8" fmla="*/ 49 w 162"/>
                  <a:gd name="T9" fmla="*/ 17 h 90"/>
                  <a:gd name="T10" fmla="*/ 47 w 162"/>
                  <a:gd name="T11" fmla="*/ 19 h 90"/>
                  <a:gd name="T12" fmla="*/ 45 w 162"/>
                  <a:gd name="T13" fmla="*/ 21 h 90"/>
                  <a:gd name="T14" fmla="*/ 43 w 162"/>
                  <a:gd name="T15" fmla="*/ 22 h 90"/>
                  <a:gd name="T16" fmla="*/ 41 w 162"/>
                  <a:gd name="T17" fmla="*/ 24 h 90"/>
                  <a:gd name="T18" fmla="*/ 40 w 162"/>
                  <a:gd name="T19" fmla="*/ 26 h 90"/>
                  <a:gd name="T20" fmla="*/ 39 w 162"/>
                  <a:gd name="T21" fmla="*/ 27 h 90"/>
                  <a:gd name="T22" fmla="*/ 38 w 162"/>
                  <a:gd name="T23" fmla="*/ 28 h 90"/>
                  <a:gd name="T24" fmla="*/ 38 w 162"/>
                  <a:gd name="T25" fmla="*/ 30 h 90"/>
                  <a:gd name="T26" fmla="*/ 36 w 162"/>
                  <a:gd name="T27" fmla="*/ 30 h 90"/>
                  <a:gd name="T28" fmla="*/ 34 w 162"/>
                  <a:gd name="T29" fmla="*/ 30 h 90"/>
                  <a:gd name="T30" fmla="*/ 33 w 162"/>
                  <a:gd name="T31" fmla="*/ 29 h 90"/>
                  <a:gd name="T32" fmla="*/ 30 w 162"/>
                  <a:gd name="T33" fmla="*/ 29 h 90"/>
                  <a:gd name="T34" fmla="*/ 26 w 162"/>
                  <a:gd name="T35" fmla="*/ 27 h 90"/>
                  <a:gd name="T36" fmla="*/ 22 w 162"/>
                  <a:gd name="T37" fmla="*/ 24 h 90"/>
                  <a:gd name="T38" fmla="*/ 13 w 162"/>
                  <a:gd name="T39" fmla="*/ 19 h 90"/>
                  <a:gd name="T40" fmla="*/ 5 w 162"/>
                  <a:gd name="T41" fmla="*/ 14 h 90"/>
                  <a:gd name="T42" fmla="*/ 3 w 162"/>
                  <a:gd name="T43" fmla="*/ 12 h 90"/>
                  <a:gd name="T44" fmla="*/ 0 w 162"/>
                  <a:gd name="T45" fmla="*/ 11 h 90"/>
                  <a:gd name="T46" fmla="*/ 1 w 162"/>
                  <a:gd name="T47" fmla="*/ 8 h 90"/>
                  <a:gd name="T48" fmla="*/ 3 w 162"/>
                  <a:gd name="T49" fmla="*/ 6 h 90"/>
                  <a:gd name="T50" fmla="*/ 6 w 162"/>
                  <a:gd name="T51" fmla="*/ 7 h 90"/>
                  <a:gd name="T52" fmla="*/ 9 w 162"/>
                  <a:gd name="T53" fmla="*/ 7 h 90"/>
                  <a:gd name="T54" fmla="*/ 13 w 162"/>
                  <a:gd name="T55" fmla="*/ 8 h 90"/>
                  <a:gd name="T56" fmla="*/ 16 w 162"/>
                  <a:gd name="T57" fmla="*/ 8 h 90"/>
                  <a:gd name="T58" fmla="*/ 19 w 162"/>
                  <a:gd name="T59" fmla="*/ 8 h 90"/>
                  <a:gd name="T60" fmla="*/ 22 w 162"/>
                  <a:gd name="T61" fmla="*/ 7 h 90"/>
                  <a:gd name="T62" fmla="*/ 25 w 162"/>
                  <a:gd name="T63" fmla="*/ 6 h 90"/>
                  <a:gd name="T64" fmla="*/ 28 w 162"/>
                  <a:gd name="T65" fmla="*/ 6 h 90"/>
                  <a:gd name="T66" fmla="*/ 34 w 162"/>
                  <a:gd name="T67" fmla="*/ 3 h 90"/>
                  <a:gd name="T68" fmla="*/ 41 w 162"/>
                  <a:gd name="T69" fmla="*/ 2 h 90"/>
                  <a:gd name="T70" fmla="*/ 44 w 162"/>
                  <a:gd name="T71" fmla="*/ 1 h 90"/>
                  <a:gd name="T72" fmla="*/ 47 w 162"/>
                  <a:gd name="T73" fmla="*/ 0 h 90"/>
                  <a:gd name="T74" fmla="*/ 50 w 162"/>
                  <a:gd name="T75" fmla="*/ 0 h 90"/>
                  <a:gd name="T76" fmla="*/ 54 w 162"/>
                  <a:gd name="T77" fmla="*/ 0 h 90"/>
                  <a:gd name="T78" fmla="*/ 54 w 162"/>
                  <a:gd name="T79" fmla="*/ 3 h 90"/>
                  <a:gd name="T80" fmla="*/ 54 w 162"/>
                  <a:gd name="T81" fmla="*/ 6 h 90"/>
                  <a:gd name="T82" fmla="*/ 53 w 162"/>
                  <a:gd name="T83" fmla="*/ 9 h 90"/>
                  <a:gd name="T84" fmla="*/ 52 w 162"/>
                  <a:gd name="T85" fmla="*/ 11 h 90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62" h="90">
                    <a:moveTo>
                      <a:pt x="155" y="32"/>
                    </a:moveTo>
                    <a:lnTo>
                      <a:pt x="154" y="38"/>
                    </a:lnTo>
                    <a:lnTo>
                      <a:pt x="152" y="43"/>
                    </a:lnTo>
                    <a:lnTo>
                      <a:pt x="150" y="46"/>
                    </a:lnTo>
                    <a:lnTo>
                      <a:pt x="147" y="50"/>
                    </a:lnTo>
                    <a:lnTo>
                      <a:pt x="142" y="57"/>
                    </a:lnTo>
                    <a:lnTo>
                      <a:pt x="136" y="62"/>
                    </a:lnTo>
                    <a:lnTo>
                      <a:pt x="128" y="67"/>
                    </a:lnTo>
                    <a:lnTo>
                      <a:pt x="122" y="73"/>
                    </a:lnTo>
                    <a:lnTo>
                      <a:pt x="120" y="77"/>
                    </a:lnTo>
                    <a:lnTo>
                      <a:pt x="117" y="81"/>
                    </a:lnTo>
                    <a:lnTo>
                      <a:pt x="115" y="85"/>
                    </a:lnTo>
                    <a:lnTo>
                      <a:pt x="114" y="89"/>
                    </a:lnTo>
                    <a:lnTo>
                      <a:pt x="108" y="90"/>
                    </a:lnTo>
                    <a:lnTo>
                      <a:pt x="103" y="90"/>
                    </a:lnTo>
                    <a:lnTo>
                      <a:pt x="98" y="88"/>
                    </a:lnTo>
                    <a:lnTo>
                      <a:pt x="91" y="87"/>
                    </a:lnTo>
                    <a:lnTo>
                      <a:pt x="79" y="81"/>
                    </a:lnTo>
                    <a:lnTo>
                      <a:pt x="66" y="73"/>
                    </a:lnTo>
                    <a:lnTo>
                      <a:pt x="40" y="57"/>
                    </a:lnTo>
                    <a:lnTo>
                      <a:pt x="16" y="41"/>
                    </a:lnTo>
                    <a:lnTo>
                      <a:pt x="8" y="35"/>
                    </a:lnTo>
                    <a:lnTo>
                      <a:pt x="0" y="32"/>
                    </a:lnTo>
                    <a:lnTo>
                      <a:pt x="4" y="25"/>
                    </a:lnTo>
                    <a:lnTo>
                      <a:pt x="8" y="17"/>
                    </a:lnTo>
                    <a:lnTo>
                      <a:pt x="18" y="20"/>
                    </a:lnTo>
                    <a:lnTo>
                      <a:pt x="27" y="22"/>
                    </a:lnTo>
                    <a:lnTo>
                      <a:pt x="38" y="23"/>
                    </a:lnTo>
                    <a:lnTo>
                      <a:pt x="47" y="23"/>
                    </a:lnTo>
                    <a:lnTo>
                      <a:pt x="56" y="23"/>
                    </a:lnTo>
                    <a:lnTo>
                      <a:pt x="65" y="21"/>
                    </a:lnTo>
                    <a:lnTo>
                      <a:pt x="75" y="19"/>
                    </a:lnTo>
                    <a:lnTo>
                      <a:pt x="84" y="17"/>
                    </a:lnTo>
                    <a:lnTo>
                      <a:pt x="103" y="10"/>
                    </a:lnTo>
                    <a:lnTo>
                      <a:pt x="122" y="5"/>
                    </a:lnTo>
                    <a:lnTo>
                      <a:pt x="131" y="3"/>
                    </a:lnTo>
                    <a:lnTo>
                      <a:pt x="142" y="1"/>
                    </a:lnTo>
                    <a:lnTo>
                      <a:pt x="151" y="0"/>
                    </a:lnTo>
                    <a:lnTo>
                      <a:pt x="162" y="0"/>
                    </a:lnTo>
                    <a:lnTo>
                      <a:pt x="162" y="10"/>
                    </a:lnTo>
                    <a:lnTo>
                      <a:pt x="161" y="19"/>
                    </a:lnTo>
                    <a:lnTo>
                      <a:pt x="159" y="26"/>
                    </a:lnTo>
                    <a:lnTo>
                      <a:pt x="155" y="32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73" name="Roskilde"/>
              <p:cNvSpPr>
                <a:spLocks/>
              </p:cNvSpPr>
              <p:nvPr/>
            </p:nvSpPr>
            <p:spPr bwMode="auto">
              <a:xfrm>
                <a:off x="3622675" y="4976813"/>
                <a:ext cx="12700" cy="22225"/>
              </a:xfrm>
              <a:custGeom>
                <a:avLst/>
                <a:gdLst>
                  <a:gd name="T0" fmla="*/ 0 w 25"/>
                  <a:gd name="T1" fmla="*/ 12 h 40"/>
                  <a:gd name="T2" fmla="*/ 0 w 25"/>
                  <a:gd name="T3" fmla="*/ 9 h 40"/>
                  <a:gd name="T4" fmla="*/ 0 w 25"/>
                  <a:gd name="T5" fmla="*/ 7 h 40"/>
                  <a:gd name="T6" fmla="*/ 0 w 25"/>
                  <a:gd name="T7" fmla="*/ 6 h 40"/>
                  <a:gd name="T8" fmla="*/ 1 w 25"/>
                  <a:gd name="T9" fmla="*/ 5 h 40"/>
                  <a:gd name="T10" fmla="*/ 2 w 25"/>
                  <a:gd name="T11" fmla="*/ 3 h 40"/>
                  <a:gd name="T12" fmla="*/ 3 w 25"/>
                  <a:gd name="T13" fmla="*/ 0 h 40"/>
                  <a:gd name="T14" fmla="*/ 5 w 25"/>
                  <a:gd name="T15" fmla="*/ 0 h 40"/>
                  <a:gd name="T16" fmla="*/ 6 w 25"/>
                  <a:gd name="T17" fmla="*/ 1 h 40"/>
                  <a:gd name="T18" fmla="*/ 7 w 25"/>
                  <a:gd name="T19" fmla="*/ 3 h 40"/>
                  <a:gd name="T20" fmla="*/ 8 w 25"/>
                  <a:gd name="T21" fmla="*/ 5 h 40"/>
                  <a:gd name="T22" fmla="*/ 8 w 25"/>
                  <a:gd name="T23" fmla="*/ 9 h 40"/>
                  <a:gd name="T24" fmla="*/ 8 w 25"/>
                  <a:gd name="T25" fmla="*/ 14 h 40"/>
                  <a:gd name="T26" fmla="*/ 6 w 25"/>
                  <a:gd name="T27" fmla="*/ 13 h 40"/>
                  <a:gd name="T28" fmla="*/ 5 w 25"/>
                  <a:gd name="T29" fmla="*/ 12 h 40"/>
                  <a:gd name="T30" fmla="*/ 3 w 25"/>
                  <a:gd name="T31" fmla="*/ 12 h 40"/>
                  <a:gd name="T32" fmla="*/ 0 w 25"/>
                  <a:gd name="T33" fmla="*/ 12 h 4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0" t="0" r="r" b="b"/>
                <a:pathLst>
                  <a:path w="25" h="40">
                    <a:moveTo>
                      <a:pt x="0" y="33"/>
                    </a:moveTo>
                    <a:lnTo>
                      <a:pt x="0" y="27"/>
                    </a:lnTo>
                    <a:lnTo>
                      <a:pt x="0" y="21"/>
                    </a:lnTo>
                    <a:lnTo>
                      <a:pt x="1" y="18"/>
                    </a:lnTo>
                    <a:lnTo>
                      <a:pt x="2" y="14"/>
                    </a:lnTo>
                    <a:lnTo>
                      <a:pt x="5" y="8"/>
                    </a:lnTo>
                    <a:lnTo>
                      <a:pt x="9" y="0"/>
                    </a:lnTo>
                    <a:lnTo>
                      <a:pt x="15" y="1"/>
                    </a:lnTo>
                    <a:lnTo>
                      <a:pt x="19" y="4"/>
                    </a:lnTo>
                    <a:lnTo>
                      <a:pt x="22" y="8"/>
                    </a:lnTo>
                    <a:lnTo>
                      <a:pt x="24" y="13"/>
                    </a:lnTo>
                    <a:lnTo>
                      <a:pt x="25" y="26"/>
                    </a:lnTo>
                    <a:lnTo>
                      <a:pt x="25" y="40"/>
                    </a:lnTo>
                    <a:lnTo>
                      <a:pt x="20" y="37"/>
                    </a:lnTo>
                    <a:lnTo>
                      <a:pt x="15" y="35"/>
                    </a:lnTo>
                    <a:lnTo>
                      <a:pt x="9" y="33"/>
                    </a:lnTo>
                    <a:lnTo>
                      <a:pt x="0" y="33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74" name="Roskilde kant"/>
              <p:cNvSpPr>
                <a:spLocks/>
              </p:cNvSpPr>
              <p:nvPr/>
            </p:nvSpPr>
            <p:spPr bwMode="auto">
              <a:xfrm>
                <a:off x="3622675" y="4976813"/>
                <a:ext cx="12700" cy="22225"/>
              </a:xfrm>
              <a:custGeom>
                <a:avLst/>
                <a:gdLst>
                  <a:gd name="T0" fmla="*/ 0 w 25"/>
                  <a:gd name="T1" fmla="*/ 12 h 40"/>
                  <a:gd name="T2" fmla="*/ 0 w 25"/>
                  <a:gd name="T3" fmla="*/ 9 h 40"/>
                  <a:gd name="T4" fmla="*/ 0 w 25"/>
                  <a:gd name="T5" fmla="*/ 7 h 40"/>
                  <a:gd name="T6" fmla="*/ 0 w 25"/>
                  <a:gd name="T7" fmla="*/ 6 h 40"/>
                  <a:gd name="T8" fmla="*/ 1 w 25"/>
                  <a:gd name="T9" fmla="*/ 5 h 40"/>
                  <a:gd name="T10" fmla="*/ 2 w 25"/>
                  <a:gd name="T11" fmla="*/ 3 h 40"/>
                  <a:gd name="T12" fmla="*/ 3 w 25"/>
                  <a:gd name="T13" fmla="*/ 0 h 40"/>
                  <a:gd name="T14" fmla="*/ 5 w 25"/>
                  <a:gd name="T15" fmla="*/ 0 h 40"/>
                  <a:gd name="T16" fmla="*/ 6 w 25"/>
                  <a:gd name="T17" fmla="*/ 1 h 40"/>
                  <a:gd name="T18" fmla="*/ 7 w 25"/>
                  <a:gd name="T19" fmla="*/ 3 h 40"/>
                  <a:gd name="T20" fmla="*/ 8 w 25"/>
                  <a:gd name="T21" fmla="*/ 5 h 40"/>
                  <a:gd name="T22" fmla="*/ 8 w 25"/>
                  <a:gd name="T23" fmla="*/ 9 h 40"/>
                  <a:gd name="T24" fmla="*/ 8 w 25"/>
                  <a:gd name="T25" fmla="*/ 14 h 40"/>
                  <a:gd name="T26" fmla="*/ 6 w 25"/>
                  <a:gd name="T27" fmla="*/ 13 h 40"/>
                  <a:gd name="T28" fmla="*/ 5 w 25"/>
                  <a:gd name="T29" fmla="*/ 12 h 40"/>
                  <a:gd name="T30" fmla="*/ 3 w 25"/>
                  <a:gd name="T31" fmla="*/ 12 h 40"/>
                  <a:gd name="T32" fmla="*/ 0 w 25"/>
                  <a:gd name="T33" fmla="*/ 12 h 4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0" t="0" r="r" b="b"/>
                <a:pathLst>
                  <a:path w="25" h="40">
                    <a:moveTo>
                      <a:pt x="0" y="33"/>
                    </a:moveTo>
                    <a:lnTo>
                      <a:pt x="0" y="27"/>
                    </a:lnTo>
                    <a:lnTo>
                      <a:pt x="0" y="21"/>
                    </a:lnTo>
                    <a:lnTo>
                      <a:pt x="1" y="18"/>
                    </a:lnTo>
                    <a:lnTo>
                      <a:pt x="2" y="14"/>
                    </a:lnTo>
                    <a:lnTo>
                      <a:pt x="5" y="8"/>
                    </a:lnTo>
                    <a:lnTo>
                      <a:pt x="9" y="0"/>
                    </a:lnTo>
                    <a:lnTo>
                      <a:pt x="15" y="1"/>
                    </a:lnTo>
                    <a:lnTo>
                      <a:pt x="19" y="4"/>
                    </a:lnTo>
                    <a:lnTo>
                      <a:pt x="22" y="8"/>
                    </a:lnTo>
                    <a:lnTo>
                      <a:pt x="24" y="13"/>
                    </a:lnTo>
                    <a:lnTo>
                      <a:pt x="25" y="26"/>
                    </a:lnTo>
                    <a:lnTo>
                      <a:pt x="25" y="40"/>
                    </a:lnTo>
                    <a:lnTo>
                      <a:pt x="20" y="37"/>
                    </a:lnTo>
                    <a:lnTo>
                      <a:pt x="15" y="35"/>
                    </a:lnTo>
                    <a:lnTo>
                      <a:pt x="9" y="33"/>
                    </a:lnTo>
                    <a:lnTo>
                      <a:pt x="0" y="33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23" name="Vordingborg"/>
            <p:cNvGrpSpPr/>
            <p:nvPr/>
          </p:nvGrpSpPr>
          <p:grpSpPr>
            <a:xfrm>
              <a:off x="3300413" y="5713413"/>
              <a:ext cx="782637" cy="390525"/>
              <a:chOff x="3300413" y="5713413"/>
              <a:chExt cx="782637" cy="390525"/>
            </a:xfrm>
            <a:grpFill/>
          </p:grpSpPr>
          <p:sp>
            <p:nvSpPr>
              <p:cNvPr id="153" name="Vordingborg"/>
              <p:cNvSpPr>
                <a:spLocks/>
              </p:cNvSpPr>
              <p:nvPr/>
            </p:nvSpPr>
            <p:spPr bwMode="auto">
              <a:xfrm>
                <a:off x="3602038" y="5832475"/>
                <a:ext cx="481012" cy="271463"/>
              </a:xfrm>
              <a:custGeom>
                <a:avLst/>
                <a:gdLst>
                  <a:gd name="T0" fmla="*/ 238 w 909"/>
                  <a:gd name="T1" fmla="*/ 28 h 513"/>
                  <a:gd name="T2" fmla="*/ 273 w 909"/>
                  <a:gd name="T3" fmla="*/ 36 h 513"/>
                  <a:gd name="T4" fmla="*/ 291 w 909"/>
                  <a:gd name="T5" fmla="*/ 50 h 513"/>
                  <a:gd name="T6" fmla="*/ 303 w 909"/>
                  <a:gd name="T7" fmla="*/ 78 h 513"/>
                  <a:gd name="T8" fmla="*/ 300 w 909"/>
                  <a:gd name="T9" fmla="*/ 92 h 513"/>
                  <a:gd name="T10" fmla="*/ 291 w 909"/>
                  <a:gd name="T11" fmla="*/ 99 h 513"/>
                  <a:gd name="T12" fmla="*/ 265 w 909"/>
                  <a:gd name="T13" fmla="*/ 101 h 513"/>
                  <a:gd name="T14" fmla="*/ 247 w 909"/>
                  <a:gd name="T15" fmla="*/ 94 h 513"/>
                  <a:gd name="T16" fmla="*/ 239 w 909"/>
                  <a:gd name="T17" fmla="*/ 93 h 513"/>
                  <a:gd name="T18" fmla="*/ 236 w 909"/>
                  <a:gd name="T19" fmla="*/ 89 h 513"/>
                  <a:gd name="T20" fmla="*/ 219 w 909"/>
                  <a:gd name="T21" fmla="*/ 84 h 513"/>
                  <a:gd name="T22" fmla="*/ 206 w 909"/>
                  <a:gd name="T23" fmla="*/ 87 h 513"/>
                  <a:gd name="T24" fmla="*/ 211 w 909"/>
                  <a:gd name="T25" fmla="*/ 89 h 513"/>
                  <a:gd name="T26" fmla="*/ 193 w 909"/>
                  <a:gd name="T27" fmla="*/ 93 h 513"/>
                  <a:gd name="T28" fmla="*/ 170 w 909"/>
                  <a:gd name="T29" fmla="*/ 108 h 513"/>
                  <a:gd name="T30" fmla="*/ 139 w 909"/>
                  <a:gd name="T31" fmla="*/ 148 h 513"/>
                  <a:gd name="T32" fmla="*/ 112 w 909"/>
                  <a:gd name="T33" fmla="*/ 166 h 513"/>
                  <a:gd name="T34" fmla="*/ 96 w 909"/>
                  <a:gd name="T35" fmla="*/ 168 h 513"/>
                  <a:gd name="T36" fmla="*/ 81 w 909"/>
                  <a:gd name="T37" fmla="*/ 152 h 513"/>
                  <a:gd name="T38" fmla="*/ 55 w 909"/>
                  <a:gd name="T39" fmla="*/ 143 h 513"/>
                  <a:gd name="T40" fmla="*/ 35 w 909"/>
                  <a:gd name="T41" fmla="*/ 136 h 513"/>
                  <a:gd name="T42" fmla="*/ 16 w 909"/>
                  <a:gd name="T43" fmla="*/ 128 h 513"/>
                  <a:gd name="T44" fmla="*/ 11 w 909"/>
                  <a:gd name="T45" fmla="*/ 112 h 513"/>
                  <a:gd name="T46" fmla="*/ 0 w 909"/>
                  <a:gd name="T47" fmla="*/ 107 h 513"/>
                  <a:gd name="T48" fmla="*/ 5 w 909"/>
                  <a:gd name="T49" fmla="*/ 104 h 513"/>
                  <a:gd name="T50" fmla="*/ 12 w 909"/>
                  <a:gd name="T51" fmla="*/ 100 h 513"/>
                  <a:gd name="T52" fmla="*/ 19 w 909"/>
                  <a:gd name="T53" fmla="*/ 106 h 513"/>
                  <a:gd name="T54" fmla="*/ 27 w 909"/>
                  <a:gd name="T55" fmla="*/ 116 h 513"/>
                  <a:gd name="T56" fmla="*/ 45 w 909"/>
                  <a:gd name="T57" fmla="*/ 112 h 513"/>
                  <a:gd name="T58" fmla="*/ 61 w 909"/>
                  <a:gd name="T59" fmla="*/ 118 h 513"/>
                  <a:gd name="T60" fmla="*/ 64 w 909"/>
                  <a:gd name="T61" fmla="*/ 140 h 513"/>
                  <a:gd name="T62" fmla="*/ 70 w 909"/>
                  <a:gd name="T63" fmla="*/ 140 h 513"/>
                  <a:gd name="T64" fmla="*/ 71 w 909"/>
                  <a:gd name="T65" fmla="*/ 130 h 513"/>
                  <a:gd name="T66" fmla="*/ 73 w 909"/>
                  <a:gd name="T67" fmla="*/ 120 h 513"/>
                  <a:gd name="T68" fmla="*/ 83 w 909"/>
                  <a:gd name="T69" fmla="*/ 113 h 513"/>
                  <a:gd name="T70" fmla="*/ 77 w 909"/>
                  <a:gd name="T71" fmla="*/ 107 h 513"/>
                  <a:gd name="T72" fmla="*/ 77 w 909"/>
                  <a:gd name="T73" fmla="*/ 94 h 513"/>
                  <a:gd name="T74" fmla="*/ 86 w 909"/>
                  <a:gd name="T75" fmla="*/ 86 h 513"/>
                  <a:gd name="T76" fmla="*/ 92 w 909"/>
                  <a:gd name="T77" fmla="*/ 85 h 513"/>
                  <a:gd name="T78" fmla="*/ 101 w 909"/>
                  <a:gd name="T79" fmla="*/ 87 h 513"/>
                  <a:gd name="T80" fmla="*/ 106 w 909"/>
                  <a:gd name="T81" fmla="*/ 80 h 513"/>
                  <a:gd name="T82" fmla="*/ 104 w 909"/>
                  <a:gd name="T83" fmla="*/ 68 h 513"/>
                  <a:gd name="T84" fmla="*/ 121 w 909"/>
                  <a:gd name="T85" fmla="*/ 76 h 513"/>
                  <a:gd name="T86" fmla="*/ 136 w 909"/>
                  <a:gd name="T87" fmla="*/ 77 h 513"/>
                  <a:gd name="T88" fmla="*/ 152 w 909"/>
                  <a:gd name="T89" fmla="*/ 65 h 513"/>
                  <a:gd name="T90" fmla="*/ 155 w 909"/>
                  <a:gd name="T91" fmla="*/ 47 h 513"/>
                  <a:gd name="T92" fmla="*/ 151 w 909"/>
                  <a:gd name="T93" fmla="*/ 38 h 513"/>
                  <a:gd name="T94" fmla="*/ 143 w 909"/>
                  <a:gd name="T95" fmla="*/ 28 h 513"/>
                  <a:gd name="T96" fmla="*/ 130 w 909"/>
                  <a:gd name="T97" fmla="*/ 27 h 513"/>
                  <a:gd name="T98" fmla="*/ 118 w 909"/>
                  <a:gd name="T99" fmla="*/ 29 h 513"/>
                  <a:gd name="T100" fmla="*/ 106 w 909"/>
                  <a:gd name="T101" fmla="*/ 16 h 513"/>
                  <a:gd name="T102" fmla="*/ 118 w 909"/>
                  <a:gd name="T103" fmla="*/ 4 h 513"/>
                  <a:gd name="T104" fmla="*/ 133 w 909"/>
                  <a:gd name="T105" fmla="*/ 0 h 513"/>
                  <a:gd name="T106" fmla="*/ 138 w 909"/>
                  <a:gd name="T107" fmla="*/ 7 h 513"/>
                  <a:gd name="T108" fmla="*/ 131 w 909"/>
                  <a:gd name="T109" fmla="*/ 13 h 513"/>
                  <a:gd name="T110" fmla="*/ 133 w 909"/>
                  <a:gd name="T111" fmla="*/ 15 h 513"/>
                  <a:gd name="T112" fmla="*/ 142 w 909"/>
                  <a:gd name="T113" fmla="*/ 7 h 513"/>
                  <a:gd name="T114" fmla="*/ 153 w 909"/>
                  <a:gd name="T115" fmla="*/ 10 h 513"/>
                  <a:gd name="T116" fmla="*/ 164 w 909"/>
                  <a:gd name="T117" fmla="*/ 22 h 513"/>
                  <a:gd name="T118" fmla="*/ 176 w 909"/>
                  <a:gd name="T119" fmla="*/ 28 h 513"/>
                  <a:gd name="T120" fmla="*/ 187 w 909"/>
                  <a:gd name="T121" fmla="*/ 30 h 513"/>
                  <a:gd name="T122" fmla="*/ 209 w 909"/>
                  <a:gd name="T123" fmla="*/ 29 h 513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0" t="0" r="r" b="b"/>
                <a:pathLst>
                  <a:path w="909" h="513">
                    <a:moveTo>
                      <a:pt x="626" y="83"/>
                    </a:moveTo>
                    <a:lnTo>
                      <a:pt x="641" y="82"/>
                    </a:lnTo>
                    <a:lnTo>
                      <a:pt x="659" y="81"/>
                    </a:lnTo>
                    <a:lnTo>
                      <a:pt x="677" y="81"/>
                    </a:lnTo>
                    <a:lnTo>
                      <a:pt x="695" y="82"/>
                    </a:lnTo>
                    <a:lnTo>
                      <a:pt x="714" y="83"/>
                    </a:lnTo>
                    <a:lnTo>
                      <a:pt x="733" y="85"/>
                    </a:lnTo>
                    <a:lnTo>
                      <a:pt x="752" y="88"/>
                    </a:lnTo>
                    <a:lnTo>
                      <a:pt x="770" y="91"/>
                    </a:lnTo>
                    <a:lnTo>
                      <a:pt x="788" y="95"/>
                    </a:lnTo>
                    <a:lnTo>
                      <a:pt x="805" y="101"/>
                    </a:lnTo>
                    <a:lnTo>
                      <a:pt x="820" y="107"/>
                    </a:lnTo>
                    <a:lnTo>
                      <a:pt x="835" y="114"/>
                    </a:lnTo>
                    <a:lnTo>
                      <a:pt x="849" y="124"/>
                    </a:lnTo>
                    <a:lnTo>
                      <a:pt x="860" y="133"/>
                    </a:lnTo>
                    <a:lnTo>
                      <a:pt x="866" y="139"/>
                    </a:lnTo>
                    <a:lnTo>
                      <a:pt x="870" y="144"/>
                    </a:lnTo>
                    <a:lnTo>
                      <a:pt x="874" y="150"/>
                    </a:lnTo>
                    <a:lnTo>
                      <a:pt x="877" y="155"/>
                    </a:lnTo>
                    <a:lnTo>
                      <a:pt x="888" y="183"/>
                    </a:lnTo>
                    <a:lnTo>
                      <a:pt x="901" y="211"/>
                    </a:lnTo>
                    <a:lnTo>
                      <a:pt x="904" y="219"/>
                    </a:lnTo>
                    <a:lnTo>
                      <a:pt x="906" y="227"/>
                    </a:lnTo>
                    <a:lnTo>
                      <a:pt x="908" y="234"/>
                    </a:lnTo>
                    <a:lnTo>
                      <a:pt x="909" y="242"/>
                    </a:lnTo>
                    <a:lnTo>
                      <a:pt x="909" y="248"/>
                    </a:lnTo>
                    <a:lnTo>
                      <a:pt x="908" y="255"/>
                    </a:lnTo>
                    <a:lnTo>
                      <a:pt x="906" y="263"/>
                    </a:lnTo>
                    <a:lnTo>
                      <a:pt x="903" y="270"/>
                    </a:lnTo>
                    <a:lnTo>
                      <a:pt x="900" y="275"/>
                    </a:lnTo>
                    <a:lnTo>
                      <a:pt x="897" y="281"/>
                    </a:lnTo>
                    <a:lnTo>
                      <a:pt x="893" y="285"/>
                    </a:lnTo>
                    <a:lnTo>
                      <a:pt x="889" y="289"/>
                    </a:lnTo>
                    <a:lnTo>
                      <a:pt x="884" y="291"/>
                    </a:lnTo>
                    <a:lnTo>
                      <a:pt x="877" y="294"/>
                    </a:lnTo>
                    <a:lnTo>
                      <a:pt x="872" y="297"/>
                    </a:lnTo>
                    <a:lnTo>
                      <a:pt x="865" y="298"/>
                    </a:lnTo>
                    <a:lnTo>
                      <a:pt x="852" y="301"/>
                    </a:lnTo>
                    <a:lnTo>
                      <a:pt x="837" y="303"/>
                    </a:lnTo>
                    <a:lnTo>
                      <a:pt x="825" y="306"/>
                    </a:lnTo>
                    <a:lnTo>
                      <a:pt x="813" y="310"/>
                    </a:lnTo>
                    <a:lnTo>
                      <a:pt x="795" y="304"/>
                    </a:lnTo>
                    <a:lnTo>
                      <a:pt x="778" y="295"/>
                    </a:lnTo>
                    <a:lnTo>
                      <a:pt x="770" y="292"/>
                    </a:lnTo>
                    <a:lnTo>
                      <a:pt x="760" y="289"/>
                    </a:lnTo>
                    <a:lnTo>
                      <a:pt x="751" y="287"/>
                    </a:lnTo>
                    <a:lnTo>
                      <a:pt x="739" y="286"/>
                    </a:lnTo>
                    <a:lnTo>
                      <a:pt x="740" y="283"/>
                    </a:lnTo>
                    <a:lnTo>
                      <a:pt x="739" y="280"/>
                    </a:lnTo>
                    <a:lnTo>
                      <a:pt x="738" y="279"/>
                    </a:lnTo>
                    <a:lnTo>
                      <a:pt x="736" y="278"/>
                    </a:lnTo>
                    <a:lnTo>
                      <a:pt x="730" y="276"/>
                    </a:lnTo>
                    <a:lnTo>
                      <a:pt x="723" y="278"/>
                    </a:lnTo>
                    <a:lnTo>
                      <a:pt x="716" y="279"/>
                    </a:lnTo>
                    <a:lnTo>
                      <a:pt x="711" y="279"/>
                    </a:lnTo>
                    <a:lnTo>
                      <a:pt x="709" y="278"/>
                    </a:lnTo>
                    <a:lnTo>
                      <a:pt x="707" y="275"/>
                    </a:lnTo>
                    <a:lnTo>
                      <a:pt x="707" y="273"/>
                    </a:lnTo>
                    <a:lnTo>
                      <a:pt x="707" y="270"/>
                    </a:lnTo>
                    <a:lnTo>
                      <a:pt x="708" y="267"/>
                    </a:lnTo>
                    <a:lnTo>
                      <a:pt x="707" y="265"/>
                    </a:lnTo>
                    <a:lnTo>
                      <a:pt x="705" y="263"/>
                    </a:lnTo>
                    <a:lnTo>
                      <a:pt x="700" y="261"/>
                    </a:lnTo>
                    <a:lnTo>
                      <a:pt x="689" y="258"/>
                    </a:lnTo>
                    <a:lnTo>
                      <a:pt x="675" y="255"/>
                    </a:lnTo>
                    <a:lnTo>
                      <a:pt x="658" y="253"/>
                    </a:lnTo>
                    <a:lnTo>
                      <a:pt x="640" y="253"/>
                    </a:lnTo>
                    <a:lnTo>
                      <a:pt x="625" y="252"/>
                    </a:lnTo>
                    <a:lnTo>
                      <a:pt x="610" y="253"/>
                    </a:lnTo>
                    <a:lnTo>
                      <a:pt x="611" y="256"/>
                    </a:lnTo>
                    <a:lnTo>
                      <a:pt x="614" y="259"/>
                    </a:lnTo>
                    <a:lnTo>
                      <a:pt x="618" y="260"/>
                    </a:lnTo>
                    <a:lnTo>
                      <a:pt x="622" y="261"/>
                    </a:lnTo>
                    <a:lnTo>
                      <a:pt x="627" y="262"/>
                    </a:lnTo>
                    <a:lnTo>
                      <a:pt x="630" y="263"/>
                    </a:lnTo>
                    <a:lnTo>
                      <a:pt x="632" y="264"/>
                    </a:lnTo>
                    <a:lnTo>
                      <a:pt x="633" y="266"/>
                    </a:lnTo>
                    <a:lnTo>
                      <a:pt x="634" y="267"/>
                    </a:lnTo>
                    <a:lnTo>
                      <a:pt x="634" y="270"/>
                    </a:lnTo>
                    <a:lnTo>
                      <a:pt x="621" y="270"/>
                    </a:lnTo>
                    <a:lnTo>
                      <a:pt x="610" y="272"/>
                    </a:lnTo>
                    <a:lnTo>
                      <a:pt x="599" y="274"/>
                    </a:lnTo>
                    <a:lnTo>
                      <a:pt x="589" y="276"/>
                    </a:lnTo>
                    <a:lnTo>
                      <a:pt x="579" y="280"/>
                    </a:lnTo>
                    <a:lnTo>
                      <a:pt x="570" y="283"/>
                    </a:lnTo>
                    <a:lnTo>
                      <a:pt x="560" y="287"/>
                    </a:lnTo>
                    <a:lnTo>
                      <a:pt x="552" y="291"/>
                    </a:lnTo>
                    <a:lnTo>
                      <a:pt x="536" y="302"/>
                    </a:lnTo>
                    <a:lnTo>
                      <a:pt x="521" y="313"/>
                    </a:lnTo>
                    <a:lnTo>
                      <a:pt x="509" y="325"/>
                    </a:lnTo>
                    <a:lnTo>
                      <a:pt x="496" y="339"/>
                    </a:lnTo>
                    <a:lnTo>
                      <a:pt x="473" y="368"/>
                    </a:lnTo>
                    <a:lnTo>
                      <a:pt x="452" y="399"/>
                    </a:lnTo>
                    <a:lnTo>
                      <a:pt x="441" y="413"/>
                    </a:lnTo>
                    <a:lnTo>
                      <a:pt x="430" y="428"/>
                    </a:lnTo>
                    <a:lnTo>
                      <a:pt x="418" y="443"/>
                    </a:lnTo>
                    <a:lnTo>
                      <a:pt x="407" y="457"/>
                    </a:lnTo>
                    <a:lnTo>
                      <a:pt x="397" y="466"/>
                    </a:lnTo>
                    <a:lnTo>
                      <a:pt x="388" y="474"/>
                    </a:lnTo>
                    <a:lnTo>
                      <a:pt x="376" y="481"/>
                    </a:lnTo>
                    <a:lnTo>
                      <a:pt x="363" y="487"/>
                    </a:lnTo>
                    <a:lnTo>
                      <a:pt x="337" y="497"/>
                    </a:lnTo>
                    <a:lnTo>
                      <a:pt x="309" y="505"/>
                    </a:lnTo>
                    <a:lnTo>
                      <a:pt x="302" y="505"/>
                    </a:lnTo>
                    <a:lnTo>
                      <a:pt x="298" y="506"/>
                    </a:lnTo>
                    <a:lnTo>
                      <a:pt x="295" y="509"/>
                    </a:lnTo>
                    <a:lnTo>
                      <a:pt x="293" y="513"/>
                    </a:lnTo>
                    <a:lnTo>
                      <a:pt x="288" y="503"/>
                    </a:lnTo>
                    <a:lnTo>
                      <a:pt x="282" y="493"/>
                    </a:lnTo>
                    <a:lnTo>
                      <a:pt x="276" y="484"/>
                    </a:lnTo>
                    <a:lnTo>
                      <a:pt x="269" y="476"/>
                    </a:lnTo>
                    <a:lnTo>
                      <a:pt x="261" y="468"/>
                    </a:lnTo>
                    <a:lnTo>
                      <a:pt x="253" y="462"/>
                    </a:lnTo>
                    <a:lnTo>
                      <a:pt x="243" y="456"/>
                    </a:lnTo>
                    <a:lnTo>
                      <a:pt x="234" y="450"/>
                    </a:lnTo>
                    <a:lnTo>
                      <a:pt x="223" y="445"/>
                    </a:lnTo>
                    <a:lnTo>
                      <a:pt x="213" y="441"/>
                    </a:lnTo>
                    <a:lnTo>
                      <a:pt x="201" y="437"/>
                    </a:lnTo>
                    <a:lnTo>
                      <a:pt x="190" y="433"/>
                    </a:lnTo>
                    <a:lnTo>
                      <a:pt x="164" y="428"/>
                    </a:lnTo>
                    <a:lnTo>
                      <a:pt x="138" y="424"/>
                    </a:lnTo>
                    <a:lnTo>
                      <a:pt x="134" y="421"/>
                    </a:lnTo>
                    <a:lnTo>
                      <a:pt x="130" y="418"/>
                    </a:lnTo>
                    <a:lnTo>
                      <a:pt x="124" y="415"/>
                    </a:lnTo>
                    <a:lnTo>
                      <a:pt x="119" y="413"/>
                    </a:lnTo>
                    <a:lnTo>
                      <a:pt x="106" y="409"/>
                    </a:lnTo>
                    <a:lnTo>
                      <a:pt x="95" y="407"/>
                    </a:lnTo>
                    <a:lnTo>
                      <a:pt x="82" y="404"/>
                    </a:lnTo>
                    <a:lnTo>
                      <a:pt x="70" y="401"/>
                    </a:lnTo>
                    <a:lnTo>
                      <a:pt x="58" y="397"/>
                    </a:lnTo>
                    <a:lnTo>
                      <a:pt x="49" y="391"/>
                    </a:lnTo>
                    <a:lnTo>
                      <a:pt x="47" y="383"/>
                    </a:lnTo>
                    <a:lnTo>
                      <a:pt x="45" y="374"/>
                    </a:lnTo>
                    <a:lnTo>
                      <a:pt x="42" y="367"/>
                    </a:lnTo>
                    <a:lnTo>
                      <a:pt x="39" y="361"/>
                    </a:lnTo>
                    <a:lnTo>
                      <a:pt x="36" y="353"/>
                    </a:lnTo>
                    <a:lnTo>
                      <a:pt x="34" y="345"/>
                    </a:lnTo>
                    <a:lnTo>
                      <a:pt x="33" y="337"/>
                    </a:lnTo>
                    <a:lnTo>
                      <a:pt x="33" y="327"/>
                    </a:lnTo>
                    <a:lnTo>
                      <a:pt x="22" y="327"/>
                    </a:lnTo>
                    <a:lnTo>
                      <a:pt x="12" y="327"/>
                    </a:lnTo>
                    <a:lnTo>
                      <a:pt x="7" y="326"/>
                    </a:lnTo>
                    <a:lnTo>
                      <a:pt x="3" y="325"/>
                    </a:lnTo>
                    <a:lnTo>
                      <a:pt x="1" y="322"/>
                    </a:lnTo>
                    <a:lnTo>
                      <a:pt x="0" y="319"/>
                    </a:lnTo>
                    <a:lnTo>
                      <a:pt x="4" y="319"/>
                    </a:lnTo>
                    <a:lnTo>
                      <a:pt x="7" y="319"/>
                    </a:lnTo>
                    <a:lnTo>
                      <a:pt x="11" y="319"/>
                    </a:lnTo>
                    <a:lnTo>
                      <a:pt x="13" y="317"/>
                    </a:lnTo>
                    <a:lnTo>
                      <a:pt x="16" y="313"/>
                    </a:lnTo>
                    <a:lnTo>
                      <a:pt x="18" y="308"/>
                    </a:lnTo>
                    <a:lnTo>
                      <a:pt x="21" y="304"/>
                    </a:lnTo>
                    <a:lnTo>
                      <a:pt x="24" y="301"/>
                    </a:lnTo>
                    <a:lnTo>
                      <a:pt x="27" y="300"/>
                    </a:lnTo>
                    <a:lnTo>
                      <a:pt x="31" y="300"/>
                    </a:lnTo>
                    <a:lnTo>
                      <a:pt x="35" y="301"/>
                    </a:lnTo>
                    <a:lnTo>
                      <a:pt x="40" y="302"/>
                    </a:lnTo>
                    <a:lnTo>
                      <a:pt x="44" y="304"/>
                    </a:lnTo>
                    <a:lnTo>
                      <a:pt x="47" y="306"/>
                    </a:lnTo>
                    <a:lnTo>
                      <a:pt x="50" y="308"/>
                    </a:lnTo>
                    <a:lnTo>
                      <a:pt x="53" y="310"/>
                    </a:lnTo>
                    <a:lnTo>
                      <a:pt x="56" y="318"/>
                    </a:lnTo>
                    <a:lnTo>
                      <a:pt x="59" y="325"/>
                    </a:lnTo>
                    <a:lnTo>
                      <a:pt x="61" y="332"/>
                    </a:lnTo>
                    <a:lnTo>
                      <a:pt x="64" y="340"/>
                    </a:lnTo>
                    <a:lnTo>
                      <a:pt x="67" y="346"/>
                    </a:lnTo>
                    <a:lnTo>
                      <a:pt x="73" y="351"/>
                    </a:lnTo>
                    <a:lnTo>
                      <a:pt x="81" y="347"/>
                    </a:lnTo>
                    <a:lnTo>
                      <a:pt x="90" y="344"/>
                    </a:lnTo>
                    <a:lnTo>
                      <a:pt x="99" y="341"/>
                    </a:lnTo>
                    <a:lnTo>
                      <a:pt x="109" y="339"/>
                    </a:lnTo>
                    <a:lnTo>
                      <a:pt x="117" y="338"/>
                    </a:lnTo>
                    <a:lnTo>
                      <a:pt x="126" y="337"/>
                    </a:lnTo>
                    <a:lnTo>
                      <a:pt x="136" y="337"/>
                    </a:lnTo>
                    <a:lnTo>
                      <a:pt x="144" y="337"/>
                    </a:lnTo>
                    <a:lnTo>
                      <a:pt x="154" y="339"/>
                    </a:lnTo>
                    <a:lnTo>
                      <a:pt x="161" y="341"/>
                    </a:lnTo>
                    <a:lnTo>
                      <a:pt x="169" y="344"/>
                    </a:lnTo>
                    <a:lnTo>
                      <a:pt x="176" y="348"/>
                    </a:lnTo>
                    <a:lnTo>
                      <a:pt x="182" y="353"/>
                    </a:lnTo>
                    <a:lnTo>
                      <a:pt x="188" y="360"/>
                    </a:lnTo>
                    <a:lnTo>
                      <a:pt x="192" y="367"/>
                    </a:lnTo>
                    <a:lnTo>
                      <a:pt x="195" y="375"/>
                    </a:lnTo>
                    <a:lnTo>
                      <a:pt x="194" y="397"/>
                    </a:lnTo>
                    <a:lnTo>
                      <a:pt x="193" y="410"/>
                    </a:lnTo>
                    <a:lnTo>
                      <a:pt x="191" y="420"/>
                    </a:lnTo>
                    <a:lnTo>
                      <a:pt x="186" y="432"/>
                    </a:lnTo>
                    <a:lnTo>
                      <a:pt x="194" y="430"/>
                    </a:lnTo>
                    <a:lnTo>
                      <a:pt x="199" y="429"/>
                    </a:lnTo>
                    <a:lnTo>
                      <a:pt x="203" y="427"/>
                    </a:lnTo>
                    <a:lnTo>
                      <a:pt x="208" y="424"/>
                    </a:lnTo>
                    <a:lnTo>
                      <a:pt x="210" y="421"/>
                    </a:lnTo>
                    <a:lnTo>
                      <a:pt x="211" y="419"/>
                    </a:lnTo>
                    <a:lnTo>
                      <a:pt x="212" y="414"/>
                    </a:lnTo>
                    <a:lnTo>
                      <a:pt x="213" y="411"/>
                    </a:lnTo>
                    <a:lnTo>
                      <a:pt x="213" y="403"/>
                    </a:lnTo>
                    <a:lnTo>
                      <a:pt x="214" y="394"/>
                    </a:lnTo>
                    <a:lnTo>
                      <a:pt x="214" y="390"/>
                    </a:lnTo>
                    <a:lnTo>
                      <a:pt x="215" y="385"/>
                    </a:lnTo>
                    <a:lnTo>
                      <a:pt x="217" y="381"/>
                    </a:lnTo>
                    <a:lnTo>
                      <a:pt x="219" y="375"/>
                    </a:lnTo>
                    <a:lnTo>
                      <a:pt x="219" y="370"/>
                    </a:lnTo>
                    <a:lnTo>
                      <a:pt x="219" y="365"/>
                    </a:lnTo>
                    <a:lnTo>
                      <a:pt x="220" y="361"/>
                    </a:lnTo>
                    <a:lnTo>
                      <a:pt x="222" y="358"/>
                    </a:lnTo>
                    <a:lnTo>
                      <a:pt x="228" y="353"/>
                    </a:lnTo>
                    <a:lnTo>
                      <a:pt x="234" y="349"/>
                    </a:lnTo>
                    <a:lnTo>
                      <a:pt x="241" y="346"/>
                    </a:lnTo>
                    <a:lnTo>
                      <a:pt x="246" y="342"/>
                    </a:lnTo>
                    <a:lnTo>
                      <a:pt x="249" y="339"/>
                    </a:lnTo>
                    <a:lnTo>
                      <a:pt x="251" y="335"/>
                    </a:lnTo>
                    <a:lnTo>
                      <a:pt x="252" y="331"/>
                    </a:lnTo>
                    <a:lnTo>
                      <a:pt x="252" y="327"/>
                    </a:lnTo>
                    <a:lnTo>
                      <a:pt x="243" y="327"/>
                    </a:lnTo>
                    <a:lnTo>
                      <a:pt x="236" y="327"/>
                    </a:lnTo>
                    <a:lnTo>
                      <a:pt x="232" y="322"/>
                    </a:lnTo>
                    <a:lnTo>
                      <a:pt x="230" y="317"/>
                    </a:lnTo>
                    <a:lnTo>
                      <a:pt x="228" y="309"/>
                    </a:lnTo>
                    <a:lnTo>
                      <a:pt x="228" y="302"/>
                    </a:lnTo>
                    <a:lnTo>
                      <a:pt x="228" y="295"/>
                    </a:lnTo>
                    <a:lnTo>
                      <a:pt x="230" y="288"/>
                    </a:lnTo>
                    <a:lnTo>
                      <a:pt x="232" y="283"/>
                    </a:lnTo>
                    <a:lnTo>
                      <a:pt x="236" y="278"/>
                    </a:lnTo>
                    <a:lnTo>
                      <a:pt x="242" y="275"/>
                    </a:lnTo>
                    <a:lnTo>
                      <a:pt x="246" y="272"/>
                    </a:lnTo>
                    <a:lnTo>
                      <a:pt x="250" y="268"/>
                    </a:lnTo>
                    <a:lnTo>
                      <a:pt x="254" y="263"/>
                    </a:lnTo>
                    <a:lnTo>
                      <a:pt x="257" y="259"/>
                    </a:lnTo>
                    <a:lnTo>
                      <a:pt x="262" y="255"/>
                    </a:lnTo>
                    <a:lnTo>
                      <a:pt x="264" y="254"/>
                    </a:lnTo>
                    <a:lnTo>
                      <a:pt x="268" y="253"/>
                    </a:lnTo>
                    <a:lnTo>
                      <a:pt x="272" y="253"/>
                    </a:lnTo>
                    <a:lnTo>
                      <a:pt x="276" y="253"/>
                    </a:lnTo>
                    <a:lnTo>
                      <a:pt x="277" y="256"/>
                    </a:lnTo>
                    <a:lnTo>
                      <a:pt x="278" y="259"/>
                    </a:lnTo>
                    <a:lnTo>
                      <a:pt x="280" y="261"/>
                    </a:lnTo>
                    <a:lnTo>
                      <a:pt x="282" y="262"/>
                    </a:lnTo>
                    <a:lnTo>
                      <a:pt x="289" y="263"/>
                    </a:lnTo>
                    <a:lnTo>
                      <a:pt x="296" y="263"/>
                    </a:lnTo>
                    <a:lnTo>
                      <a:pt x="303" y="262"/>
                    </a:lnTo>
                    <a:lnTo>
                      <a:pt x="312" y="261"/>
                    </a:lnTo>
                    <a:lnTo>
                      <a:pt x="319" y="261"/>
                    </a:lnTo>
                    <a:lnTo>
                      <a:pt x="325" y="262"/>
                    </a:lnTo>
                    <a:lnTo>
                      <a:pt x="323" y="253"/>
                    </a:lnTo>
                    <a:lnTo>
                      <a:pt x="320" y="246"/>
                    </a:lnTo>
                    <a:lnTo>
                      <a:pt x="317" y="240"/>
                    </a:lnTo>
                    <a:lnTo>
                      <a:pt x="313" y="233"/>
                    </a:lnTo>
                    <a:lnTo>
                      <a:pt x="310" y="226"/>
                    </a:lnTo>
                    <a:lnTo>
                      <a:pt x="305" y="220"/>
                    </a:lnTo>
                    <a:lnTo>
                      <a:pt x="302" y="212"/>
                    </a:lnTo>
                    <a:lnTo>
                      <a:pt x="300" y="205"/>
                    </a:lnTo>
                    <a:lnTo>
                      <a:pt x="311" y="205"/>
                    </a:lnTo>
                    <a:lnTo>
                      <a:pt x="319" y="206"/>
                    </a:lnTo>
                    <a:lnTo>
                      <a:pt x="327" y="209"/>
                    </a:lnTo>
                    <a:lnTo>
                      <a:pt x="333" y="212"/>
                    </a:lnTo>
                    <a:lnTo>
                      <a:pt x="347" y="218"/>
                    </a:lnTo>
                    <a:lnTo>
                      <a:pt x="359" y="224"/>
                    </a:lnTo>
                    <a:lnTo>
                      <a:pt x="364" y="227"/>
                    </a:lnTo>
                    <a:lnTo>
                      <a:pt x="369" y="232"/>
                    </a:lnTo>
                    <a:lnTo>
                      <a:pt x="372" y="238"/>
                    </a:lnTo>
                    <a:lnTo>
                      <a:pt x="374" y="245"/>
                    </a:lnTo>
                    <a:lnTo>
                      <a:pt x="385" y="242"/>
                    </a:lnTo>
                    <a:lnTo>
                      <a:pt x="397" y="236"/>
                    </a:lnTo>
                    <a:lnTo>
                      <a:pt x="408" y="230"/>
                    </a:lnTo>
                    <a:lnTo>
                      <a:pt x="417" y="224"/>
                    </a:lnTo>
                    <a:lnTo>
                      <a:pt x="428" y="218"/>
                    </a:lnTo>
                    <a:lnTo>
                      <a:pt x="438" y="212"/>
                    </a:lnTo>
                    <a:lnTo>
                      <a:pt x="450" y="207"/>
                    </a:lnTo>
                    <a:lnTo>
                      <a:pt x="463" y="205"/>
                    </a:lnTo>
                    <a:lnTo>
                      <a:pt x="457" y="194"/>
                    </a:lnTo>
                    <a:lnTo>
                      <a:pt x="453" y="184"/>
                    </a:lnTo>
                    <a:lnTo>
                      <a:pt x="452" y="175"/>
                    </a:lnTo>
                    <a:lnTo>
                      <a:pt x="452" y="167"/>
                    </a:lnTo>
                    <a:lnTo>
                      <a:pt x="455" y="159"/>
                    </a:lnTo>
                    <a:lnTo>
                      <a:pt x="458" y="150"/>
                    </a:lnTo>
                    <a:lnTo>
                      <a:pt x="464" y="141"/>
                    </a:lnTo>
                    <a:lnTo>
                      <a:pt x="471" y="131"/>
                    </a:lnTo>
                    <a:lnTo>
                      <a:pt x="467" y="129"/>
                    </a:lnTo>
                    <a:lnTo>
                      <a:pt x="463" y="127"/>
                    </a:lnTo>
                    <a:lnTo>
                      <a:pt x="460" y="124"/>
                    </a:lnTo>
                    <a:lnTo>
                      <a:pt x="457" y="121"/>
                    </a:lnTo>
                    <a:lnTo>
                      <a:pt x="453" y="113"/>
                    </a:lnTo>
                    <a:lnTo>
                      <a:pt x="449" y="106"/>
                    </a:lnTo>
                    <a:lnTo>
                      <a:pt x="444" y="97"/>
                    </a:lnTo>
                    <a:lnTo>
                      <a:pt x="438" y="91"/>
                    </a:lnTo>
                    <a:lnTo>
                      <a:pt x="435" y="88"/>
                    </a:lnTo>
                    <a:lnTo>
                      <a:pt x="432" y="86"/>
                    </a:lnTo>
                    <a:lnTo>
                      <a:pt x="428" y="84"/>
                    </a:lnTo>
                    <a:lnTo>
                      <a:pt x="422" y="83"/>
                    </a:lnTo>
                    <a:lnTo>
                      <a:pt x="416" y="79"/>
                    </a:lnTo>
                    <a:lnTo>
                      <a:pt x="409" y="76"/>
                    </a:lnTo>
                    <a:lnTo>
                      <a:pt x="400" y="74"/>
                    </a:lnTo>
                    <a:lnTo>
                      <a:pt x="390" y="74"/>
                    </a:lnTo>
                    <a:lnTo>
                      <a:pt x="390" y="81"/>
                    </a:lnTo>
                    <a:lnTo>
                      <a:pt x="389" y="86"/>
                    </a:lnTo>
                    <a:lnTo>
                      <a:pt x="385" y="89"/>
                    </a:lnTo>
                    <a:lnTo>
                      <a:pt x="382" y="91"/>
                    </a:lnTo>
                    <a:lnTo>
                      <a:pt x="372" y="90"/>
                    </a:lnTo>
                    <a:lnTo>
                      <a:pt x="362" y="88"/>
                    </a:lnTo>
                    <a:lnTo>
                      <a:pt x="354" y="86"/>
                    </a:lnTo>
                    <a:lnTo>
                      <a:pt x="345" y="83"/>
                    </a:lnTo>
                    <a:lnTo>
                      <a:pt x="331" y="74"/>
                    </a:lnTo>
                    <a:lnTo>
                      <a:pt x="317" y="67"/>
                    </a:lnTo>
                    <a:lnTo>
                      <a:pt x="315" y="61"/>
                    </a:lnTo>
                    <a:lnTo>
                      <a:pt x="315" y="54"/>
                    </a:lnTo>
                    <a:lnTo>
                      <a:pt x="317" y="48"/>
                    </a:lnTo>
                    <a:lnTo>
                      <a:pt x="320" y="42"/>
                    </a:lnTo>
                    <a:lnTo>
                      <a:pt x="325" y="35"/>
                    </a:lnTo>
                    <a:lnTo>
                      <a:pt x="331" y="29"/>
                    </a:lnTo>
                    <a:lnTo>
                      <a:pt x="338" y="23"/>
                    </a:lnTo>
                    <a:lnTo>
                      <a:pt x="345" y="17"/>
                    </a:lnTo>
                    <a:lnTo>
                      <a:pt x="353" y="13"/>
                    </a:lnTo>
                    <a:lnTo>
                      <a:pt x="361" y="8"/>
                    </a:lnTo>
                    <a:lnTo>
                      <a:pt x="370" y="5"/>
                    </a:lnTo>
                    <a:lnTo>
                      <a:pt x="378" y="3"/>
                    </a:lnTo>
                    <a:lnTo>
                      <a:pt x="385" y="1"/>
                    </a:lnTo>
                    <a:lnTo>
                      <a:pt x="394" y="0"/>
                    </a:lnTo>
                    <a:lnTo>
                      <a:pt x="400" y="0"/>
                    </a:lnTo>
                    <a:lnTo>
                      <a:pt x="407" y="2"/>
                    </a:lnTo>
                    <a:lnTo>
                      <a:pt x="407" y="8"/>
                    </a:lnTo>
                    <a:lnTo>
                      <a:pt x="408" y="12"/>
                    </a:lnTo>
                    <a:lnTo>
                      <a:pt x="411" y="15"/>
                    </a:lnTo>
                    <a:lnTo>
                      <a:pt x="414" y="17"/>
                    </a:lnTo>
                    <a:lnTo>
                      <a:pt x="415" y="21"/>
                    </a:lnTo>
                    <a:lnTo>
                      <a:pt x="414" y="23"/>
                    </a:lnTo>
                    <a:lnTo>
                      <a:pt x="412" y="26"/>
                    </a:lnTo>
                    <a:lnTo>
                      <a:pt x="410" y="28"/>
                    </a:lnTo>
                    <a:lnTo>
                      <a:pt x="403" y="31"/>
                    </a:lnTo>
                    <a:lnTo>
                      <a:pt x="397" y="34"/>
                    </a:lnTo>
                    <a:lnTo>
                      <a:pt x="392" y="39"/>
                    </a:lnTo>
                    <a:lnTo>
                      <a:pt x="390" y="42"/>
                    </a:lnTo>
                    <a:lnTo>
                      <a:pt x="390" y="44"/>
                    </a:lnTo>
                    <a:lnTo>
                      <a:pt x="391" y="46"/>
                    </a:lnTo>
                    <a:lnTo>
                      <a:pt x="394" y="48"/>
                    </a:lnTo>
                    <a:lnTo>
                      <a:pt x="398" y="50"/>
                    </a:lnTo>
                    <a:lnTo>
                      <a:pt x="400" y="44"/>
                    </a:lnTo>
                    <a:lnTo>
                      <a:pt x="404" y="39"/>
                    </a:lnTo>
                    <a:lnTo>
                      <a:pt x="408" y="33"/>
                    </a:lnTo>
                    <a:lnTo>
                      <a:pt x="412" y="29"/>
                    </a:lnTo>
                    <a:lnTo>
                      <a:pt x="416" y="26"/>
                    </a:lnTo>
                    <a:lnTo>
                      <a:pt x="421" y="24"/>
                    </a:lnTo>
                    <a:lnTo>
                      <a:pt x="427" y="22"/>
                    </a:lnTo>
                    <a:lnTo>
                      <a:pt x="432" y="21"/>
                    </a:lnTo>
                    <a:lnTo>
                      <a:pt x="437" y="21"/>
                    </a:lnTo>
                    <a:lnTo>
                      <a:pt x="442" y="22"/>
                    </a:lnTo>
                    <a:lnTo>
                      <a:pt x="448" y="24"/>
                    </a:lnTo>
                    <a:lnTo>
                      <a:pt x="453" y="26"/>
                    </a:lnTo>
                    <a:lnTo>
                      <a:pt x="458" y="29"/>
                    </a:lnTo>
                    <a:lnTo>
                      <a:pt x="462" y="32"/>
                    </a:lnTo>
                    <a:lnTo>
                      <a:pt x="468" y="36"/>
                    </a:lnTo>
                    <a:lnTo>
                      <a:pt x="471" y="42"/>
                    </a:lnTo>
                    <a:lnTo>
                      <a:pt x="478" y="50"/>
                    </a:lnTo>
                    <a:lnTo>
                      <a:pt x="484" y="60"/>
                    </a:lnTo>
                    <a:lnTo>
                      <a:pt x="492" y="67"/>
                    </a:lnTo>
                    <a:lnTo>
                      <a:pt x="500" y="74"/>
                    </a:lnTo>
                    <a:lnTo>
                      <a:pt x="504" y="77"/>
                    </a:lnTo>
                    <a:lnTo>
                      <a:pt x="510" y="80"/>
                    </a:lnTo>
                    <a:lnTo>
                      <a:pt x="515" y="82"/>
                    </a:lnTo>
                    <a:lnTo>
                      <a:pt x="521" y="84"/>
                    </a:lnTo>
                    <a:lnTo>
                      <a:pt x="528" y="85"/>
                    </a:lnTo>
                    <a:lnTo>
                      <a:pt x="535" y="85"/>
                    </a:lnTo>
                    <a:lnTo>
                      <a:pt x="543" y="84"/>
                    </a:lnTo>
                    <a:lnTo>
                      <a:pt x="553" y="83"/>
                    </a:lnTo>
                    <a:lnTo>
                      <a:pt x="554" y="86"/>
                    </a:lnTo>
                    <a:lnTo>
                      <a:pt x="557" y="88"/>
                    </a:lnTo>
                    <a:lnTo>
                      <a:pt x="562" y="89"/>
                    </a:lnTo>
                    <a:lnTo>
                      <a:pt x="569" y="91"/>
                    </a:lnTo>
                    <a:lnTo>
                      <a:pt x="583" y="92"/>
                    </a:lnTo>
                    <a:lnTo>
                      <a:pt x="599" y="92"/>
                    </a:lnTo>
                    <a:lnTo>
                      <a:pt x="613" y="91"/>
                    </a:lnTo>
                    <a:lnTo>
                      <a:pt x="625" y="89"/>
                    </a:lnTo>
                    <a:lnTo>
                      <a:pt x="628" y="88"/>
                    </a:lnTo>
                    <a:lnTo>
                      <a:pt x="629" y="86"/>
                    </a:lnTo>
                    <a:lnTo>
                      <a:pt x="629" y="85"/>
                    </a:lnTo>
                    <a:lnTo>
                      <a:pt x="626" y="83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54" name="Vordingborg kant"/>
              <p:cNvSpPr>
                <a:spLocks/>
              </p:cNvSpPr>
              <p:nvPr/>
            </p:nvSpPr>
            <p:spPr bwMode="auto">
              <a:xfrm>
                <a:off x="3602038" y="5832475"/>
                <a:ext cx="481012" cy="271463"/>
              </a:xfrm>
              <a:custGeom>
                <a:avLst/>
                <a:gdLst>
                  <a:gd name="T0" fmla="*/ 238 w 909"/>
                  <a:gd name="T1" fmla="*/ 28 h 513"/>
                  <a:gd name="T2" fmla="*/ 273 w 909"/>
                  <a:gd name="T3" fmla="*/ 36 h 513"/>
                  <a:gd name="T4" fmla="*/ 291 w 909"/>
                  <a:gd name="T5" fmla="*/ 50 h 513"/>
                  <a:gd name="T6" fmla="*/ 303 w 909"/>
                  <a:gd name="T7" fmla="*/ 78 h 513"/>
                  <a:gd name="T8" fmla="*/ 300 w 909"/>
                  <a:gd name="T9" fmla="*/ 92 h 513"/>
                  <a:gd name="T10" fmla="*/ 291 w 909"/>
                  <a:gd name="T11" fmla="*/ 99 h 513"/>
                  <a:gd name="T12" fmla="*/ 265 w 909"/>
                  <a:gd name="T13" fmla="*/ 101 h 513"/>
                  <a:gd name="T14" fmla="*/ 247 w 909"/>
                  <a:gd name="T15" fmla="*/ 94 h 513"/>
                  <a:gd name="T16" fmla="*/ 239 w 909"/>
                  <a:gd name="T17" fmla="*/ 93 h 513"/>
                  <a:gd name="T18" fmla="*/ 236 w 909"/>
                  <a:gd name="T19" fmla="*/ 89 h 513"/>
                  <a:gd name="T20" fmla="*/ 219 w 909"/>
                  <a:gd name="T21" fmla="*/ 84 h 513"/>
                  <a:gd name="T22" fmla="*/ 206 w 909"/>
                  <a:gd name="T23" fmla="*/ 87 h 513"/>
                  <a:gd name="T24" fmla="*/ 211 w 909"/>
                  <a:gd name="T25" fmla="*/ 89 h 513"/>
                  <a:gd name="T26" fmla="*/ 193 w 909"/>
                  <a:gd name="T27" fmla="*/ 93 h 513"/>
                  <a:gd name="T28" fmla="*/ 170 w 909"/>
                  <a:gd name="T29" fmla="*/ 108 h 513"/>
                  <a:gd name="T30" fmla="*/ 139 w 909"/>
                  <a:gd name="T31" fmla="*/ 148 h 513"/>
                  <a:gd name="T32" fmla="*/ 112 w 909"/>
                  <a:gd name="T33" fmla="*/ 166 h 513"/>
                  <a:gd name="T34" fmla="*/ 96 w 909"/>
                  <a:gd name="T35" fmla="*/ 168 h 513"/>
                  <a:gd name="T36" fmla="*/ 81 w 909"/>
                  <a:gd name="T37" fmla="*/ 152 h 513"/>
                  <a:gd name="T38" fmla="*/ 55 w 909"/>
                  <a:gd name="T39" fmla="*/ 143 h 513"/>
                  <a:gd name="T40" fmla="*/ 35 w 909"/>
                  <a:gd name="T41" fmla="*/ 136 h 513"/>
                  <a:gd name="T42" fmla="*/ 16 w 909"/>
                  <a:gd name="T43" fmla="*/ 128 h 513"/>
                  <a:gd name="T44" fmla="*/ 11 w 909"/>
                  <a:gd name="T45" fmla="*/ 112 h 513"/>
                  <a:gd name="T46" fmla="*/ 0 w 909"/>
                  <a:gd name="T47" fmla="*/ 107 h 513"/>
                  <a:gd name="T48" fmla="*/ 5 w 909"/>
                  <a:gd name="T49" fmla="*/ 104 h 513"/>
                  <a:gd name="T50" fmla="*/ 12 w 909"/>
                  <a:gd name="T51" fmla="*/ 100 h 513"/>
                  <a:gd name="T52" fmla="*/ 19 w 909"/>
                  <a:gd name="T53" fmla="*/ 106 h 513"/>
                  <a:gd name="T54" fmla="*/ 27 w 909"/>
                  <a:gd name="T55" fmla="*/ 116 h 513"/>
                  <a:gd name="T56" fmla="*/ 45 w 909"/>
                  <a:gd name="T57" fmla="*/ 112 h 513"/>
                  <a:gd name="T58" fmla="*/ 61 w 909"/>
                  <a:gd name="T59" fmla="*/ 118 h 513"/>
                  <a:gd name="T60" fmla="*/ 64 w 909"/>
                  <a:gd name="T61" fmla="*/ 140 h 513"/>
                  <a:gd name="T62" fmla="*/ 70 w 909"/>
                  <a:gd name="T63" fmla="*/ 140 h 513"/>
                  <a:gd name="T64" fmla="*/ 71 w 909"/>
                  <a:gd name="T65" fmla="*/ 130 h 513"/>
                  <a:gd name="T66" fmla="*/ 73 w 909"/>
                  <a:gd name="T67" fmla="*/ 120 h 513"/>
                  <a:gd name="T68" fmla="*/ 83 w 909"/>
                  <a:gd name="T69" fmla="*/ 113 h 513"/>
                  <a:gd name="T70" fmla="*/ 77 w 909"/>
                  <a:gd name="T71" fmla="*/ 107 h 513"/>
                  <a:gd name="T72" fmla="*/ 77 w 909"/>
                  <a:gd name="T73" fmla="*/ 94 h 513"/>
                  <a:gd name="T74" fmla="*/ 86 w 909"/>
                  <a:gd name="T75" fmla="*/ 86 h 513"/>
                  <a:gd name="T76" fmla="*/ 92 w 909"/>
                  <a:gd name="T77" fmla="*/ 85 h 513"/>
                  <a:gd name="T78" fmla="*/ 101 w 909"/>
                  <a:gd name="T79" fmla="*/ 87 h 513"/>
                  <a:gd name="T80" fmla="*/ 106 w 909"/>
                  <a:gd name="T81" fmla="*/ 80 h 513"/>
                  <a:gd name="T82" fmla="*/ 104 w 909"/>
                  <a:gd name="T83" fmla="*/ 68 h 513"/>
                  <a:gd name="T84" fmla="*/ 121 w 909"/>
                  <a:gd name="T85" fmla="*/ 76 h 513"/>
                  <a:gd name="T86" fmla="*/ 136 w 909"/>
                  <a:gd name="T87" fmla="*/ 77 h 513"/>
                  <a:gd name="T88" fmla="*/ 152 w 909"/>
                  <a:gd name="T89" fmla="*/ 65 h 513"/>
                  <a:gd name="T90" fmla="*/ 155 w 909"/>
                  <a:gd name="T91" fmla="*/ 47 h 513"/>
                  <a:gd name="T92" fmla="*/ 151 w 909"/>
                  <a:gd name="T93" fmla="*/ 38 h 513"/>
                  <a:gd name="T94" fmla="*/ 143 w 909"/>
                  <a:gd name="T95" fmla="*/ 28 h 513"/>
                  <a:gd name="T96" fmla="*/ 130 w 909"/>
                  <a:gd name="T97" fmla="*/ 27 h 513"/>
                  <a:gd name="T98" fmla="*/ 118 w 909"/>
                  <a:gd name="T99" fmla="*/ 29 h 513"/>
                  <a:gd name="T100" fmla="*/ 106 w 909"/>
                  <a:gd name="T101" fmla="*/ 16 h 513"/>
                  <a:gd name="T102" fmla="*/ 118 w 909"/>
                  <a:gd name="T103" fmla="*/ 4 h 513"/>
                  <a:gd name="T104" fmla="*/ 133 w 909"/>
                  <a:gd name="T105" fmla="*/ 0 h 513"/>
                  <a:gd name="T106" fmla="*/ 138 w 909"/>
                  <a:gd name="T107" fmla="*/ 7 h 513"/>
                  <a:gd name="T108" fmla="*/ 131 w 909"/>
                  <a:gd name="T109" fmla="*/ 13 h 513"/>
                  <a:gd name="T110" fmla="*/ 133 w 909"/>
                  <a:gd name="T111" fmla="*/ 15 h 513"/>
                  <a:gd name="T112" fmla="*/ 142 w 909"/>
                  <a:gd name="T113" fmla="*/ 7 h 513"/>
                  <a:gd name="T114" fmla="*/ 153 w 909"/>
                  <a:gd name="T115" fmla="*/ 10 h 513"/>
                  <a:gd name="T116" fmla="*/ 164 w 909"/>
                  <a:gd name="T117" fmla="*/ 22 h 513"/>
                  <a:gd name="T118" fmla="*/ 176 w 909"/>
                  <a:gd name="T119" fmla="*/ 28 h 513"/>
                  <a:gd name="T120" fmla="*/ 187 w 909"/>
                  <a:gd name="T121" fmla="*/ 30 h 513"/>
                  <a:gd name="T122" fmla="*/ 209 w 909"/>
                  <a:gd name="T123" fmla="*/ 29 h 513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0" t="0" r="r" b="b"/>
                <a:pathLst>
                  <a:path w="909" h="513">
                    <a:moveTo>
                      <a:pt x="626" y="83"/>
                    </a:moveTo>
                    <a:lnTo>
                      <a:pt x="641" y="82"/>
                    </a:lnTo>
                    <a:lnTo>
                      <a:pt x="659" y="81"/>
                    </a:lnTo>
                    <a:lnTo>
                      <a:pt x="677" y="81"/>
                    </a:lnTo>
                    <a:lnTo>
                      <a:pt x="695" y="82"/>
                    </a:lnTo>
                    <a:lnTo>
                      <a:pt x="714" y="83"/>
                    </a:lnTo>
                    <a:lnTo>
                      <a:pt x="733" y="85"/>
                    </a:lnTo>
                    <a:lnTo>
                      <a:pt x="752" y="88"/>
                    </a:lnTo>
                    <a:lnTo>
                      <a:pt x="770" y="91"/>
                    </a:lnTo>
                    <a:lnTo>
                      <a:pt x="788" y="95"/>
                    </a:lnTo>
                    <a:lnTo>
                      <a:pt x="805" y="101"/>
                    </a:lnTo>
                    <a:lnTo>
                      <a:pt x="820" y="107"/>
                    </a:lnTo>
                    <a:lnTo>
                      <a:pt x="835" y="114"/>
                    </a:lnTo>
                    <a:lnTo>
                      <a:pt x="849" y="124"/>
                    </a:lnTo>
                    <a:lnTo>
                      <a:pt x="860" y="133"/>
                    </a:lnTo>
                    <a:lnTo>
                      <a:pt x="866" y="139"/>
                    </a:lnTo>
                    <a:lnTo>
                      <a:pt x="870" y="144"/>
                    </a:lnTo>
                    <a:lnTo>
                      <a:pt x="874" y="150"/>
                    </a:lnTo>
                    <a:lnTo>
                      <a:pt x="877" y="155"/>
                    </a:lnTo>
                    <a:lnTo>
                      <a:pt x="888" y="183"/>
                    </a:lnTo>
                    <a:lnTo>
                      <a:pt x="901" y="211"/>
                    </a:lnTo>
                    <a:lnTo>
                      <a:pt x="904" y="219"/>
                    </a:lnTo>
                    <a:lnTo>
                      <a:pt x="906" y="227"/>
                    </a:lnTo>
                    <a:lnTo>
                      <a:pt x="908" y="234"/>
                    </a:lnTo>
                    <a:lnTo>
                      <a:pt x="909" y="242"/>
                    </a:lnTo>
                    <a:lnTo>
                      <a:pt x="909" y="248"/>
                    </a:lnTo>
                    <a:lnTo>
                      <a:pt x="908" y="255"/>
                    </a:lnTo>
                    <a:lnTo>
                      <a:pt x="906" y="263"/>
                    </a:lnTo>
                    <a:lnTo>
                      <a:pt x="903" y="270"/>
                    </a:lnTo>
                    <a:lnTo>
                      <a:pt x="900" y="275"/>
                    </a:lnTo>
                    <a:lnTo>
                      <a:pt x="897" y="281"/>
                    </a:lnTo>
                    <a:lnTo>
                      <a:pt x="893" y="285"/>
                    </a:lnTo>
                    <a:lnTo>
                      <a:pt x="889" y="289"/>
                    </a:lnTo>
                    <a:lnTo>
                      <a:pt x="884" y="291"/>
                    </a:lnTo>
                    <a:lnTo>
                      <a:pt x="877" y="294"/>
                    </a:lnTo>
                    <a:lnTo>
                      <a:pt x="872" y="297"/>
                    </a:lnTo>
                    <a:lnTo>
                      <a:pt x="865" y="298"/>
                    </a:lnTo>
                    <a:lnTo>
                      <a:pt x="852" y="301"/>
                    </a:lnTo>
                    <a:lnTo>
                      <a:pt x="837" y="303"/>
                    </a:lnTo>
                    <a:lnTo>
                      <a:pt x="825" y="306"/>
                    </a:lnTo>
                    <a:lnTo>
                      <a:pt x="813" y="310"/>
                    </a:lnTo>
                    <a:lnTo>
                      <a:pt x="795" y="304"/>
                    </a:lnTo>
                    <a:lnTo>
                      <a:pt x="778" y="295"/>
                    </a:lnTo>
                    <a:lnTo>
                      <a:pt x="770" y="292"/>
                    </a:lnTo>
                    <a:lnTo>
                      <a:pt x="760" y="289"/>
                    </a:lnTo>
                    <a:lnTo>
                      <a:pt x="751" y="287"/>
                    </a:lnTo>
                    <a:lnTo>
                      <a:pt x="739" y="286"/>
                    </a:lnTo>
                    <a:lnTo>
                      <a:pt x="740" y="283"/>
                    </a:lnTo>
                    <a:lnTo>
                      <a:pt x="739" y="280"/>
                    </a:lnTo>
                    <a:lnTo>
                      <a:pt x="738" y="279"/>
                    </a:lnTo>
                    <a:lnTo>
                      <a:pt x="736" y="278"/>
                    </a:lnTo>
                    <a:lnTo>
                      <a:pt x="730" y="276"/>
                    </a:lnTo>
                    <a:lnTo>
                      <a:pt x="723" y="278"/>
                    </a:lnTo>
                    <a:lnTo>
                      <a:pt x="716" y="279"/>
                    </a:lnTo>
                    <a:lnTo>
                      <a:pt x="711" y="279"/>
                    </a:lnTo>
                    <a:lnTo>
                      <a:pt x="709" y="278"/>
                    </a:lnTo>
                    <a:lnTo>
                      <a:pt x="707" y="275"/>
                    </a:lnTo>
                    <a:lnTo>
                      <a:pt x="707" y="273"/>
                    </a:lnTo>
                    <a:lnTo>
                      <a:pt x="707" y="270"/>
                    </a:lnTo>
                    <a:lnTo>
                      <a:pt x="708" y="267"/>
                    </a:lnTo>
                    <a:lnTo>
                      <a:pt x="707" y="265"/>
                    </a:lnTo>
                    <a:lnTo>
                      <a:pt x="705" y="263"/>
                    </a:lnTo>
                    <a:lnTo>
                      <a:pt x="700" y="261"/>
                    </a:lnTo>
                    <a:lnTo>
                      <a:pt x="689" y="258"/>
                    </a:lnTo>
                    <a:lnTo>
                      <a:pt x="675" y="255"/>
                    </a:lnTo>
                    <a:lnTo>
                      <a:pt x="658" y="253"/>
                    </a:lnTo>
                    <a:lnTo>
                      <a:pt x="640" y="253"/>
                    </a:lnTo>
                    <a:lnTo>
                      <a:pt x="625" y="252"/>
                    </a:lnTo>
                    <a:lnTo>
                      <a:pt x="610" y="253"/>
                    </a:lnTo>
                    <a:lnTo>
                      <a:pt x="611" y="256"/>
                    </a:lnTo>
                    <a:lnTo>
                      <a:pt x="614" y="259"/>
                    </a:lnTo>
                    <a:lnTo>
                      <a:pt x="618" y="260"/>
                    </a:lnTo>
                    <a:lnTo>
                      <a:pt x="622" y="261"/>
                    </a:lnTo>
                    <a:lnTo>
                      <a:pt x="627" y="262"/>
                    </a:lnTo>
                    <a:lnTo>
                      <a:pt x="630" y="263"/>
                    </a:lnTo>
                    <a:lnTo>
                      <a:pt x="632" y="264"/>
                    </a:lnTo>
                    <a:lnTo>
                      <a:pt x="633" y="266"/>
                    </a:lnTo>
                    <a:lnTo>
                      <a:pt x="634" y="267"/>
                    </a:lnTo>
                    <a:lnTo>
                      <a:pt x="634" y="270"/>
                    </a:lnTo>
                    <a:lnTo>
                      <a:pt x="621" y="270"/>
                    </a:lnTo>
                    <a:lnTo>
                      <a:pt x="610" y="272"/>
                    </a:lnTo>
                    <a:lnTo>
                      <a:pt x="599" y="274"/>
                    </a:lnTo>
                    <a:lnTo>
                      <a:pt x="589" y="276"/>
                    </a:lnTo>
                    <a:lnTo>
                      <a:pt x="579" y="280"/>
                    </a:lnTo>
                    <a:lnTo>
                      <a:pt x="570" y="283"/>
                    </a:lnTo>
                    <a:lnTo>
                      <a:pt x="560" y="287"/>
                    </a:lnTo>
                    <a:lnTo>
                      <a:pt x="552" y="291"/>
                    </a:lnTo>
                    <a:lnTo>
                      <a:pt x="536" y="302"/>
                    </a:lnTo>
                    <a:lnTo>
                      <a:pt x="521" y="313"/>
                    </a:lnTo>
                    <a:lnTo>
                      <a:pt x="509" y="325"/>
                    </a:lnTo>
                    <a:lnTo>
                      <a:pt x="496" y="339"/>
                    </a:lnTo>
                    <a:lnTo>
                      <a:pt x="473" y="368"/>
                    </a:lnTo>
                    <a:lnTo>
                      <a:pt x="452" y="399"/>
                    </a:lnTo>
                    <a:lnTo>
                      <a:pt x="441" y="413"/>
                    </a:lnTo>
                    <a:lnTo>
                      <a:pt x="430" y="428"/>
                    </a:lnTo>
                    <a:lnTo>
                      <a:pt x="418" y="443"/>
                    </a:lnTo>
                    <a:lnTo>
                      <a:pt x="407" y="457"/>
                    </a:lnTo>
                    <a:lnTo>
                      <a:pt x="397" y="466"/>
                    </a:lnTo>
                    <a:lnTo>
                      <a:pt x="388" y="474"/>
                    </a:lnTo>
                    <a:lnTo>
                      <a:pt x="376" y="481"/>
                    </a:lnTo>
                    <a:lnTo>
                      <a:pt x="363" y="487"/>
                    </a:lnTo>
                    <a:lnTo>
                      <a:pt x="337" y="497"/>
                    </a:lnTo>
                    <a:lnTo>
                      <a:pt x="309" y="505"/>
                    </a:lnTo>
                    <a:lnTo>
                      <a:pt x="302" y="505"/>
                    </a:lnTo>
                    <a:lnTo>
                      <a:pt x="298" y="506"/>
                    </a:lnTo>
                    <a:lnTo>
                      <a:pt x="295" y="509"/>
                    </a:lnTo>
                    <a:lnTo>
                      <a:pt x="293" y="513"/>
                    </a:lnTo>
                    <a:lnTo>
                      <a:pt x="288" y="503"/>
                    </a:lnTo>
                    <a:lnTo>
                      <a:pt x="282" y="493"/>
                    </a:lnTo>
                    <a:lnTo>
                      <a:pt x="276" y="484"/>
                    </a:lnTo>
                    <a:lnTo>
                      <a:pt x="269" y="476"/>
                    </a:lnTo>
                    <a:lnTo>
                      <a:pt x="261" y="468"/>
                    </a:lnTo>
                    <a:lnTo>
                      <a:pt x="253" y="462"/>
                    </a:lnTo>
                    <a:lnTo>
                      <a:pt x="243" y="456"/>
                    </a:lnTo>
                    <a:lnTo>
                      <a:pt x="234" y="450"/>
                    </a:lnTo>
                    <a:lnTo>
                      <a:pt x="223" y="445"/>
                    </a:lnTo>
                    <a:lnTo>
                      <a:pt x="213" y="441"/>
                    </a:lnTo>
                    <a:lnTo>
                      <a:pt x="201" y="437"/>
                    </a:lnTo>
                    <a:lnTo>
                      <a:pt x="190" y="433"/>
                    </a:lnTo>
                    <a:lnTo>
                      <a:pt x="164" y="428"/>
                    </a:lnTo>
                    <a:lnTo>
                      <a:pt x="138" y="424"/>
                    </a:lnTo>
                    <a:lnTo>
                      <a:pt x="134" y="421"/>
                    </a:lnTo>
                    <a:lnTo>
                      <a:pt x="130" y="418"/>
                    </a:lnTo>
                    <a:lnTo>
                      <a:pt x="124" y="415"/>
                    </a:lnTo>
                    <a:lnTo>
                      <a:pt x="119" y="413"/>
                    </a:lnTo>
                    <a:lnTo>
                      <a:pt x="106" y="409"/>
                    </a:lnTo>
                    <a:lnTo>
                      <a:pt x="95" y="407"/>
                    </a:lnTo>
                    <a:lnTo>
                      <a:pt x="82" y="404"/>
                    </a:lnTo>
                    <a:lnTo>
                      <a:pt x="70" y="401"/>
                    </a:lnTo>
                    <a:lnTo>
                      <a:pt x="58" y="397"/>
                    </a:lnTo>
                    <a:lnTo>
                      <a:pt x="49" y="391"/>
                    </a:lnTo>
                    <a:lnTo>
                      <a:pt x="47" y="383"/>
                    </a:lnTo>
                    <a:lnTo>
                      <a:pt x="45" y="374"/>
                    </a:lnTo>
                    <a:lnTo>
                      <a:pt x="42" y="367"/>
                    </a:lnTo>
                    <a:lnTo>
                      <a:pt x="39" y="361"/>
                    </a:lnTo>
                    <a:lnTo>
                      <a:pt x="36" y="353"/>
                    </a:lnTo>
                    <a:lnTo>
                      <a:pt x="34" y="345"/>
                    </a:lnTo>
                    <a:lnTo>
                      <a:pt x="33" y="337"/>
                    </a:lnTo>
                    <a:lnTo>
                      <a:pt x="33" y="327"/>
                    </a:lnTo>
                    <a:lnTo>
                      <a:pt x="22" y="327"/>
                    </a:lnTo>
                    <a:lnTo>
                      <a:pt x="12" y="327"/>
                    </a:lnTo>
                    <a:lnTo>
                      <a:pt x="7" y="326"/>
                    </a:lnTo>
                    <a:lnTo>
                      <a:pt x="3" y="325"/>
                    </a:lnTo>
                    <a:lnTo>
                      <a:pt x="1" y="322"/>
                    </a:lnTo>
                    <a:lnTo>
                      <a:pt x="0" y="319"/>
                    </a:lnTo>
                    <a:lnTo>
                      <a:pt x="4" y="319"/>
                    </a:lnTo>
                    <a:lnTo>
                      <a:pt x="7" y="319"/>
                    </a:lnTo>
                    <a:lnTo>
                      <a:pt x="11" y="319"/>
                    </a:lnTo>
                    <a:lnTo>
                      <a:pt x="13" y="317"/>
                    </a:lnTo>
                    <a:lnTo>
                      <a:pt x="16" y="313"/>
                    </a:lnTo>
                    <a:lnTo>
                      <a:pt x="18" y="308"/>
                    </a:lnTo>
                    <a:lnTo>
                      <a:pt x="21" y="304"/>
                    </a:lnTo>
                    <a:lnTo>
                      <a:pt x="24" y="301"/>
                    </a:lnTo>
                    <a:lnTo>
                      <a:pt x="27" y="300"/>
                    </a:lnTo>
                    <a:lnTo>
                      <a:pt x="31" y="300"/>
                    </a:lnTo>
                    <a:lnTo>
                      <a:pt x="35" y="301"/>
                    </a:lnTo>
                    <a:lnTo>
                      <a:pt x="40" y="302"/>
                    </a:lnTo>
                    <a:lnTo>
                      <a:pt x="44" y="304"/>
                    </a:lnTo>
                    <a:lnTo>
                      <a:pt x="47" y="306"/>
                    </a:lnTo>
                    <a:lnTo>
                      <a:pt x="50" y="308"/>
                    </a:lnTo>
                    <a:lnTo>
                      <a:pt x="53" y="310"/>
                    </a:lnTo>
                    <a:lnTo>
                      <a:pt x="56" y="318"/>
                    </a:lnTo>
                    <a:lnTo>
                      <a:pt x="59" y="325"/>
                    </a:lnTo>
                    <a:lnTo>
                      <a:pt x="61" y="332"/>
                    </a:lnTo>
                    <a:lnTo>
                      <a:pt x="64" y="340"/>
                    </a:lnTo>
                    <a:lnTo>
                      <a:pt x="67" y="346"/>
                    </a:lnTo>
                    <a:lnTo>
                      <a:pt x="73" y="351"/>
                    </a:lnTo>
                    <a:lnTo>
                      <a:pt x="81" y="347"/>
                    </a:lnTo>
                    <a:lnTo>
                      <a:pt x="90" y="344"/>
                    </a:lnTo>
                    <a:lnTo>
                      <a:pt x="99" y="341"/>
                    </a:lnTo>
                    <a:lnTo>
                      <a:pt x="109" y="339"/>
                    </a:lnTo>
                    <a:lnTo>
                      <a:pt x="117" y="338"/>
                    </a:lnTo>
                    <a:lnTo>
                      <a:pt x="126" y="337"/>
                    </a:lnTo>
                    <a:lnTo>
                      <a:pt x="136" y="337"/>
                    </a:lnTo>
                    <a:lnTo>
                      <a:pt x="144" y="337"/>
                    </a:lnTo>
                    <a:lnTo>
                      <a:pt x="154" y="339"/>
                    </a:lnTo>
                    <a:lnTo>
                      <a:pt x="161" y="341"/>
                    </a:lnTo>
                    <a:lnTo>
                      <a:pt x="169" y="344"/>
                    </a:lnTo>
                    <a:lnTo>
                      <a:pt x="176" y="348"/>
                    </a:lnTo>
                    <a:lnTo>
                      <a:pt x="182" y="353"/>
                    </a:lnTo>
                    <a:lnTo>
                      <a:pt x="188" y="360"/>
                    </a:lnTo>
                    <a:lnTo>
                      <a:pt x="192" y="367"/>
                    </a:lnTo>
                    <a:lnTo>
                      <a:pt x="195" y="375"/>
                    </a:lnTo>
                    <a:lnTo>
                      <a:pt x="194" y="397"/>
                    </a:lnTo>
                    <a:lnTo>
                      <a:pt x="193" y="410"/>
                    </a:lnTo>
                    <a:lnTo>
                      <a:pt x="191" y="420"/>
                    </a:lnTo>
                    <a:lnTo>
                      <a:pt x="186" y="432"/>
                    </a:lnTo>
                    <a:lnTo>
                      <a:pt x="194" y="430"/>
                    </a:lnTo>
                    <a:lnTo>
                      <a:pt x="199" y="429"/>
                    </a:lnTo>
                    <a:lnTo>
                      <a:pt x="203" y="427"/>
                    </a:lnTo>
                    <a:lnTo>
                      <a:pt x="208" y="424"/>
                    </a:lnTo>
                    <a:lnTo>
                      <a:pt x="210" y="421"/>
                    </a:lnTo>
                    <a:lnTo>
                      <a:pt x="211" y="419"/>
                    </a:lnTo>
                    <a:lnTo>
                      <a:pt x="212" y="414"/>
                    </a:lnTo>
                    <a:lnTo>
                      <a:pt x="213" y="411"/>
                    </a:lnTo>
                    <a:lnTo>
                      <a:pt x="213" y="403"/>
                    </a:lnTo>
                    <a:lnTo>
                      <a:pt x="214" y="394"/>
                    </a:lnTo>
                    <a:lnTo>
                      <a:pt x="214" y="390"/>
                    </a:lnTo>
                    <a:lnTo>
                      <a:pt x="215" y="385"/>
                    </a:lnTo>
                    <a:lnTo>
                      <a:pt x="217" y="381"/>
                    </a:lnTo>
                    <a:lnTo>
                      <a:pt x="219" y="375"/>
                    </a:lnTo>
                    <a:lnTo>
                      <a:pt x="219" y="370"/>
                    </a:lnTo>
                    <a:lnTo>
                      <a:pt x="219" y="365"/>
                    </a:lnTo>
                    <a:lnTo>
                      <a:pt x="220" y="361"/>
                    </a:lnTo>
                    <a:lnTo>
                      <a:pt x="222" y="358"/>
                    </a:lnTo>
                    <a:lnTo>
                      <a:pt x="228" y="353"/>
                    </a:lnTo>
                    <a:lnTo>
                      <a:pt x="234" y="349"/>
                    </a:lnTo>
                    <a:lnTo>
                      <a:pt x="241" y="346"/>
                    </a:lnTo>
                    <a:lnTo>
                      <a:pt x="246" y="342"/>
                    </a:lnTo>
                    <a:lnTo>
                      <a:pt x="249" y="339"/>
                    </a:lnTo>
                    <a:lnTo>
                      <a:pt x="251" y="335"/>
                    </a:lnTo>
                    <a:lnTo>
                      <a:pt x="252" y="331"/>
                    </a:lnTo>
                    <a:lnTo>
                      <a:pt x="252" y="327"/>
                    </a:lnTo>
                    <a:lnTo>
                      <a:pt x="243" y="327"/>
                    </a:lnTo>
                    <a:lnTo>
                      <a:pt x="236" y="327"/>
                    </a:lnTo>
                    <a:lnTo>
                      <a:pt x="232" y="322"/>
                    </a:lnTo>
                    <a:lnTo>
                      <a:pt x="230" y="317"/>
                    </a:lnTo>
                    <a:lnTo>
                      <a:pt x="228" y="309"/>
                    </a:lnTo>
                    <a:lnTo>
                      <a:pt x="228" y="302"/>
                    </a:lnTo>
                    <a:lnTo>
                      <a:pt x="228" y="295"/>
                    </a:lnTo>
                    <a:lnTo>
                      <a:pt x="230" y="288"/>
                    </a:lnTo>
                    <a:lnTo>
                      <a:pt x="232" y="283"/>
                    </a:lnTo>
                    <a:lnTo>
                      <a:pt x="236" y="278"/>
                    </a:lnTo>
                    <a:lnTo>
                      <a:pt x="242" y="275"/>
                    </a:lnTo>
                    <a:lnTo>
                      <a:pt x="246" y="272"/>
                    </a:lnTo>
                    <a:lnTo>
                      <a:pt x="250" y="268"/>
                    </a:lnTo>
                    <a:lnTo>
                      <a:pt x="254" y="263"/>
                    </a:lnTo>
                    <a:lnTo>
                      <a:pt x="257" y="259"/>
                    </a:lnTo>
                    <a:lnTo>
                      <a:pt x="262" y="255"/>
                    </a:lnTo>
                    <a:lnTo>
                      <a:pt x="264" y="254"/>
                    </a:lnTo>
                    <a:lnTo>
                      <a:pt x="268" y="253"/>
                    </a:lnTo>
                    <a:lnTo>
                      <a:pt x="272" y="253"/>
                    </a:lnTo>
                    <a:lnTo>
                      <a:pt x="276" y="253"/>
                    </a:lnTo>
                    <a:lnTo>
                      <a:pt x="277" y="256"/>
                    </a:lnTo>
                    <a:lnTo>
                      <a:pt x="278" y="259"/>
                    </a:lnTo>
                    <a:lnTo>
                      <a:pt x="280" y="261"/>
                    </a:lnTo>
                    <a:lnTo>
                      <a:pt x="282" y="262"/>
                    </a:lnTo>
                    <a:lnTo>
                      <a:pt x="289" y="263"/>
                    </a:lnTo>
                    <a:lnTo>
                      <a:pt x="296" y="263"/>
                    </a:lnTo>
                    <a:lnTo>
                      <a:pt x="303" y="262"/>
                    </a:lnTo>
                    <a:lnTo>
                      <a:pt x="312" y="261"/>
                    </a:lnTo>
                    <a:lnTo>
                      <a:pt x="319" y="261"/>
                    </a:lnTo>
                    <a:lnTo>
                      <a:pt x="325" y="262"/>
                    </a:lnTo>
                    <a:lnTo>
                      <a:pt x="323" y="253"/>
                    </a:lnTo>
                    <a:lnTo>
                      <a:pt x="320" y="246"/>
                    </a:lnTo>
                    <a:lnTo>
                      <a:pt x="317" y="240"/>
                    </a:lnTo>
                    <a:lnTo>
                      <a:pt x="313" y="233"/>
                    </a:lnTo>
                    <a:lnTo>
                      <a:pt x="310" y="226"/>
                    </a:lnTo>
                    <a:lnTo>
                      <a:pt x="305" y="220"/>
                    </a:lnTo>
                    <a:lnTo>
                      <a:pt x="302" y="212"/>
                    </a:lnTo>
                    <a:lnTo>
                      <a:pt x="300" y="205"/>
                    </a:lnTo>
                    <a:lnTo>
                      <a:pt x="311" y="205"/>
                    </a:lnTo>
                    <a:lnTo>
                      <a:pt x="319" y="206"/>
                    </a:lnTo>
                    <a:lnTo>
                      <a:pt x="327" y="209"/>
                    </a:lnTo>
                    <a:lnTo>
                      <a:pt x="333" y="212"/>
                    </a:lnTo>
                    <a:lnTo>
                      <a:pt x="347" y="218"/>
                    </a:lnTo>
                    <a:lnTo>
                      <a:pt x="359" y="224"/>
                    </a:lnTo>
                    <a:lnTo>
                      <a:pt x="364" y="227"/>
                    </a:lnTo>
                    <a:lnTo>
                      <a:pt x="369" y="232"/>
                    </a:lnTo>
                    <a:lnTo>
                      <a:pt x="372" y="238"/>
                    </a:lnTo>
                    <a:lnTo>
                      <a:pt x="374" y="245"/>
                    </a:lnTo>
                    <a:lnTo>
                      <a:pt x="385" y="242"/>
                    </a:lnTo>
                    <a:lnTo>
                      <a:pt x="397" y="236"/>
                    </a:lnTo>
                    <a:lnTo>
                      <a:pt x="408" y="230"/>
                    </a:lnTo>
                    <a:lnTo>
                      <a:pt x="417" y="224"/>
                    </a:lnTo>
                    <a:lnTo>
                      <a:pt x="428" y="218"/>
                    </a:lnTo>
                    <a:lnTo>
                      <a:pt x="438" y="212"/>
                    </a:lnTo>
                    <a:lnTo>
                      <a:pt x="450" y="207"/>
                    </a:lnTo>
                    <a:lnTo>
                      <a:pt x="463" y="205"/>
                    </a:lnTo>
                    <a:lnTo>
                      <a:pt x="457" y="194"/>
                    </a:lnTo>
                    <a:lnTo>
                      <a:pt x="453" y="184"/>
                    </a:lnTo>
                    <a:lnTo>
                      <a:pt x="452" y="175"/>
                    </a:lnTo>
                    <a:lnTo>
                      <a:pt x="452" y="167"/>
                    </a:lnTo>
                    <a:lnTo>
                      <a:pt x="455" y="159"/>
                    </a:lnTo>
                    <a:lnTo>
                      <a:pt x="458" y="150"/>
                    </a:lnTo>
                    <a:lnTo>
                      <a:pt x="464" y="141"/>
                    </a:lnTo>
                    <a:lnTo>
                      <a:pt x="471" y="131"/>
                    </a:lnTo>
                    <a:lnTo>
                      <a:pt x="467" y="129"/>
                    </a:lnTo>
                    <a:lnTo>
                      <a:pt x="463" y="127"/>
                    </a:lnTo>
                    <a:lnTo>
                      <a:pt x="460" y="124"/>
                    </a:lnTo>
                    <a:lnTo>
                      <a:pt x="457" y="121"/>
                    </a:lnTo>
                    <a:lnTo>
                      <a:pt x="453" y="113"/>
                    </a:lnTo>
                    <a:lnTo>
                      <a:pt x="449" y="106"/>
                    </a:lnTo>
                    <a:lnTo>
                      <a:pt x="444" y="97"/>
                    </a:lnTo>
                    <a:lnTo>
                      <a:pt x="438" y="91"/>
                    </a:lnTo>
                    <a:lnTo>
                      <a:pt x="435" y="88"/>
                    </a:lnTo>
                    <a:lnTo>
                      <a:pt x="432" y="86"/>
                    </a:lnTo>
                    <a:lnTo>
                      <a:pt x="428" y="84"/>
                    </a:lnTo>
                    <a:lnTo>
                      <a:pt x="422" y="83"/>
                    </a:lnTo>
                    <a:lnTo>
                      <a:pt x="416" y="79"/>
                    </a:lnTo>
                    <a:lnTo>
                      <a:pt x="409" y="76"/>
                    </a:lnTo>
                    <a:lnTo>
                      <a:pt x="400" y="74"/>
                    </a:lnTo>
                    <a:lnTo>
                      <a:pt x="390" y="74"/>
                    </a:lnTo>
                    <a:lnTo>
                      <a:pt x="390" y="81"/>
                    </a:lnTo>
                    <a:lnTo>
                      <a:pt x="389" y="86"/>
                    </a:lnTo>
                    <a:lnTo>
                      <a:pt x="385" y="89"/>
                    </a:lnTo>
                    <a:lnTo>
                      <a:pt x="382" y="91"/>
                    </a:lnTo>
                    <a:lnTo>
                      <a:pt x="372" y="90"/>
                    </a:lnTo>
                    <a:lnTo>
                      <a:pt x="362" y="88"/>
                    </a:lnTo>
                    <a:lnTo>
                      <a:pt x="354" y="86"/>
                    </a:lnTo>
                    <a:lnTo>
                      <a:pt x="345" y="83"/>
                    </a:lnTo>
                    <a:lnTo>
                      <a:pt x="331" y="74"/>
                    </a:lnTo>
                    <a:lnTo>
                      <a:pt x="317" y="67"/>
                    </a:lnTo>
                    <a:lnTo>
                      <a:pt x="315" y="61"/>
                    </a:lnTo>
                    <a:lnTo>
                      <a:pt x="315" y="54"/>
                    </a:lnTo>
                    <a:lnTo>
                      <a:pt x="317" y="48"/>
                    </a:lnTo>
                    <a:lnTo>
                      <a:pt x="320" y="42"/>
                    </a:lnTo>
                    <a:lnTo>
                      <a:pt x="325" y="35"/>
                    </a:lnTo>
                    <a:lnTo>
                      <a:pt x="331" y="29"/>
                    </a:lnTo>
                    <a:lnTo>
                      <a:pt x="338" y="23"/>
                    </a:lnTo>
                    <a:lnTo>
                      <a:pt x="345" y="17"/>
                    </a:lnTo>
                    <a:lnTo>
                      <a:pt x="353" y="13"/>
                    </a:lnTo>
                    <a:lnTo>
                      <a:pt x="361" y="8"/>
                    </a:lnTo>
                    <a:lnTo>
                      <a:pt x="370" y="5"/>
                    </a:lnTo>
                    <a:lnTo>
                      <a:pt x="378" y="3"/>
                    </a:lnTo>
                    <a:lnTo>
                      <a:pt x="385" y="1"/>
                    </a:lnTo>
                    <a:lnTo>
                      <a:pt x="394" y="0"/>
                    </a:lnTo>
                    <a:lnTo>
                      <a:pt x="400" y="0"/>
                    </a:lnTo>
                    <a:lnTo>
                      <a:pt x="407" y="2"/>
                    </a:lnTo>
                    <a:lnTo>
                      <a:pt x="407" y="8"/>
                    </a:lnTo>
                    <a:lnTo>
                      <a:pt x="408" y="12"/>
                    </a:lnTo>
                    <a:lnTo>
                      <a:pt x="411" y="15"/>
                    </a:lnTo>
                    <a:lnTo>
                      <a:pt x="414" y="17"/>
                    </a:lnTo>
                    <a:lnTo>
                      <a:pt x="415" y="21"/>
                    </a:lnTo>
                    <a:lnTo>
                      <a:pt x="414" y="23"/>
                    </a:lnTo>
                    <a:lnTo>
                      <a:pt x="412" y="26"/>
                    </a:lnTo>
                    <a:lnTo>
                      <a:pt x="410" y="28"/>
                    </a:lnTo>
                    <a:lnTo>
                      <a:pt x="403" y="31"/>
                    </a:lnTo>
                    <a:lnTo>
                      <a:pt x="397" y="34"/>
                    </a:lnTo>
                    <a:lnTo>
                      <a:pt x="392" y="39"/>
                    </a:lnTo>
                    <a:lnTo>
                      <a:pt x="390" y="42"/>
                    </a:lnTo>
                    <a:lnTo>
                      <a:pt x="390" y="44"/>
                    </a:lnTo>
                    <a:lnTo>
                      <a:pt x="391" y="46"/>
                    </a:lnTo>
                    <a:lnTo>
                      <a:pt x="394" y="48"/>
                    </a:lnTo>
                    <a:lnTo>
                      <a:pt x="398" y="50"/>
                    </a:lnTo>
                    <a:lnTo>
                      <a:pt x="400" y="44"/>
                    </a:lnTo>
                    <a:lnTo>
                      <a:pt x="404" y="39"/>
                    </a:lnTo>
                    <a:lnTo>
                      <a:pt x="408" y="33"/>
                    </a:lnTo>
                    <a:lnTo>
                      <a:pt x="412" y="29"/>
                    </a:lnTo>
                    <a:lnTo>
                      <a:pt x="416" y="26"/>
                    </a:lnTo>
                    <a:lnTo>
                      <a:pt x="421" y="24"/>
                    </a:lnTo>
                    <a:lnTo>
                      <a:pt x="427" y="22"/>
                    </a:lnTo>
                    <a:lnTo>
                      <a:pt x="432" y="21"/>
                    </a:lnTo>
                    <a:lnTo>
                      <a:pt x="437" y="21"/>
                    </a:lnTo>
                    <a:lnTo>
                      <a:pt x="442" y="22"/>
                    </a:lnTo>
                    <a:lnTo>
                      <a:pt x="448" y="24"/>
                    </a:lnTo>
                    <a:lnTo>
                      <a:pt x="453" y="26"/>
                    </a:lnTo>
                    <a:lnTo>
                      <a:pt x="458" y="29"/>
                    </a:lnTo>
                    <a:lnTo>
                      <a:pt x="462" y="32"/>
                    </a:lnTo>
                    <a:lnTo>
                      <a:pt x="468" y="36"/>
                    </a:lnTo>
                    <a:lnTo>
                      <a:pt x="471" y="42"/>
                    </a:lnTo>
                    <a:lnTo>
                      <a:pt x="478" y="50"/>
                    </a:lnTo>
                    <a:lnTo>
                      <a:pt x="484" y="60"/>
                    </a:lnTo>
                    <a:lnTo>
                      <a:pt x="492" y="67"/>
                    </a:lnTo>
                    <a:lnTo>
                      <a:pt x="500" y="74"/>
                    </a:lnTo>
                    <a:lnTo>
                      <a:pt x="504" y="77"/>
                    </a:lnTo>
                    <a:lnTo>
                      <a:pt x="510" y="80"/>
                    </a:lnTo>
                    <a:lnTo>
                      <a:pt x="515" y="82"/>
                    </a:lnTo>
                    <a:lnTo>
                      <a:pt x="521" y="84"/>
                    </a:lnTo>
                    <a:lnTo>
                      <a:pt x="528" y="85"/>
                    </a:lnTo>
                    <a:lnTo>
                      <a:pt x="535" y="85"/>
                    </a:lnTo>
                    <a:lnTo>
                      <a:pt x="543" y="84"/>
                    </a:lnTo>
                    <a:lnTo>
                      <a:pt x="553" y="83"/>
                    </a:lnTo>
                    <a:lnTo>
                      <a:pt x="554" y="86"/>
                    </a:lnTo>
                    <a:lnTo>
                      <a:pt x="557" y="88"/>
                    </a:lnTo>
                    <a:lnTo>
                      <a:pt x="562" y="89"/>
                    </a:lnTo>
                    <a:lnTo>
                      <a:pt x="569" y="91"/>
                    </a:lnTo>
                    <a:lnTo>
                      <a:pt x="583" y="92"/>
                    </a:lnTo>
                    <a:lnTo>
                      <a:pt x="599" y="92"/>
                    </a:lnTo>
                    <a:lnTo>
                      <a:pt x="613" y="91"/>
                    </a:lnTo>
                    <a:lnTo>
                      <a:pt x="625" y="89"/>
                    </a:lnTo>
                    <a:lnTo>
                      <a:pt x="628" y="88"/>
                    </a:lnTo>
                    <a:lnTo>
                      <a:pt x="629" y="86"/>
                    </a:lnTo>
                    <a:lnTo>
                      <a:pt x="629" y="85"/>
                    </a:lnTo>
                    <a:lnTo>
                      <a:pt x="626" y="83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55" name="Freeform 542"/>
              <p:cNvSpPr>
                <a:spLocks/>
              </p:cNvSpPr>
              <p:nvPr/>
            </p:nvSpPr>
            <p:spPr bwMode="auto">
              <a:xfrm>
                <a:off x="3765550" y="6073775"/>
                <a:ext cx="50800" cy="25400"/>
              </a:xfrm>
              <a:custGeom>
                <a:avLst/>
                <a:gdLst>
                  <a:gd name="T0" fmla="*/ 0 w 98"/>
                  <a:gd name="T1" fmla="*/ 16 h 48"/>
                  <a:gd name="T2" fmla="*/ 9 w 98"/>
                  <a:gd name="T3" fmla="*/ 13 h 48"/>
                  <a:gd name="T4" fmla="*/ 18 w 98"/>
                  <a:gd name="T5" fmla="*/ 10 h 48"/>
                  <a:gd name="T6" fmla="*/ 22 w 98"/>
                  <a:gd name="T7" fmla="*/ 8 h 48"/>
                  <a:gd name="T8" fmla="*/ 26 w 98"/>
                  <a:gd name="T9" fmla="*/ 6 h 48"/>
                  <a:gd name="T10" fmla="*/ 29 w 98"/>
                  <a:gd name="T11" fmla="*/ 3 h 48"/>
                  <a:gd name="T12" fmla="*/ 32 w 98"/>
                  <a:gd name="T13" fmla="*/ 0 h 48"/>
                  <a:gd name="T14" fmla="*/ 31 w 98"/>
                  <a:gd name="T15" fmla="*/ 2 h 48"/>
                  <a:gd name="T16" fmla="*/ 31 w 98"/>
                  <a:gd name="T17" fmla="*/ 4 h 48"/>
                  <a:gd name="T18" fmla="*/ 30 w 98"/>
                  <a:gd name="T19" fmla="*/ 5 h 48"/>
                  <a:gd name="T20" fmla="*/ 29 w 98"/>
                  <a:gd name="T21" fmla="*/ 7 h 48"/>
                  <a:gd name="T22" fmla="*/ 28 w 98"/>
                  <a:gd name="T23" fmla="*/ 8 h 48"/>
                  <a:gd name="T24" fmla="*/ 27 w 98"/>
                  <a:gd name="T25" fmla="*/ 9 h 48"/>
                  <a:gd name="T26" fmla="*/ 26 w 98"/>
                  <a:gd name="T27" fmla="*/ 10 h 48"/>
                  <a:gd name="T28" fmla="*/ 24 w 98"/>
                  <a:gd name="T29" fmla="*/ 11 h 48"/>
                  <a:gd name="T30" fmla="*/ 21 w 98"/>
                  <a:gd name="T31" fmla="*/ 13 h 48"/>
                  <a:gd name="T32" fmla="*/ 18 w 98"/>
                  <a:gd name="T33" fmla="*/ 14 h 48"/>
                  <a:gd name="T34" fmla="*/ 14 w 98"/>
                  <a:gd name="T35" fmla="*/ 15 h 48"/>
                  <a:gd name="T36" fmla="*/ 10 w 98"/>
                  <a:gd name="T37" fmla="*/ 16 h 48"/>
                  <a:gd name="T38" fmla="*/ 8 w 98"/>
                  <a:gd name="T39" fmla="*/ 16 h 48"/>
                  <a:gd name="T40" fmla="*/ 5 w 98"/>
                  <a:gd name="T41" fmla="*/ 16 h 48"/>
                  <a:gd name="T42" fmla="*/ 3 w 98"/>
                  <a:gd name="T43" fmla="*/ 16 h 48"/>
                  <a:gd name="T44" fmla="*/ 0 w 98"/>
                  <a:gd name="T45" fmla="*/ 16 h 48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98" h="48">
                    <a:moveTo>
                      <a:pt x="0" y="48"/>
                    </a:moveTo>
                    <a:lnTo>
                      <a:pt x="28" y="40"/>
                    </a:lnTo>
                    <a:lnTo>
                      <a:pt x="54" y="30"/>
                    </a:lnTo>
                    <a:lnTo>
                      <a:pt x="67" y="24"/>
                    </a:lnTo>
                    <a:lnTo>
                      <a:pt x="79" y="17"/>
                    </a:lnTo>
                    <a:lnTo>
                      <a:pt x="88" y="9"/>
                    </a:lnTo>
                    <a:lnTo>
                      <a:pt x="98" y="0"/>
                    </a:lnTo>
                    <a:lnTo>
                      <a:pt x="96" y="6"/>
                    </a:lnTo>
                    <a:lnTo>
                      <a:pt x="94" y="11"/>
                    </a:lnTo>
                    <a:lnTo>
                      <a:pt x="92" y="16"/>
                    </a:lnTo>
                    <a:lnTo>
                      <a:pt x="90" y="21"/>
                    </a:lnTo>
                    <a:lnTo>
                      <a:pt x="87" y="25"/>
                    </a:lnTo>
                    <a:lnTo>
                      <a:pt x="83" y="28"/>
                    </a:lnTo>
                    <a:lnTo>
                      <a:pt x="80" y="31"/>
                    </a:lnTo>
                    <a:lnTo>
                      <a:pt x="74" y="34"/>
                    </a:lnTo>
                    <a:lnTo>
                      <a:pt x="65" y="39"/>
                    </a:lnTo>
                    <a:lnTo>
                      <a:pt x="55" y="43"/>
                    </a:lnTo>
                    <a:lnTo>
                      <a:pt x="44" y="46"/>
                    </a:lnTo>
                    <a:lnTo>
                      <a:pt x="32" y="48"/>
                    </a:lnTo>
                    <a:lnTo>
                      <a:pt x="24" y="48"/>
                    </a:lnTo>
                    <a:lnTo>
                      <a:pt x="16" y="48"/>
                    </a:lnTo>
                    <a:lnTo>
                      <a:pt x="8" y="48"/>
                    </a:lnTo>
                    <a:lnTo>
                      <a:pt x="0" y="48"/>
                    </a:lnTo>
                    <a:close/>
                  </a:path>
                </a:pathLst>
              </a:custGeom>
              <a:grpFill/>
              <a:ln w="9525">
                <a:solidFill>
                  <a:srgbClr val="000000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56" name="Vordingborg"/>
              <p:cNvSpPr>
                <a:spLocks/>
              </p:cNvSpPr>
              <p:nvPr/>
            </p:nvSpPr>
            <p:spPr bwMode="auto">
              <a:xfrm>
                <a:off x="3692525" y="5945188"/>
                <a:ext cx="38100" cy="30163"/>
              </a:xfrm>
              <a:custGeom>
                <a:avLst/>
                <a:gdLst>
                  <a:gd name="T0" fmla="*/ 3 w 72"/>
                  <a:gd name="T1" fmla="*/ 11 h 56"/>
                  <a:gd name="T2" fmla="*/ 8 w 72"/>
                  <a:gd name="T3" fmla="*/ 6 h 56"/>
                  <a:gd name="T4" fmla="*/ 14 w 72"/>
                  <a:gd name="T5" fmla="*/ 2 h 56"/>
                  <a:gd name="T6" fmla="*/ 15 w 72"/>
                  <a:gd name="T7" fmla="*/ 1 h 56"/>
                  <a:gd name="T8" fmla="*/ 16 w 72"/>
                  <a:gd name="T9" fmla="*/ 0 h 56"/>
                  <a:gd name="T10" fmla="*/ 17 w 72"/>
                  <a:gd name="T11" fmla="*/ 0 h 56"/>
                  <a:gd name="T12" fmla="*/ 18 w 72"/>
                  <a:gd name="T13" fmla="*/ 0 h 56"/>
                  <a:gd name="T14" fmla="*/ 20 w 72"/>
                  <a:gd name="T15" fmla="*/ 0 h 56"/>
                  <a:gd name="T16" fmla="*/ 21 w 72"/>
                  <a:gd name="T17" fmla="*/ 0 h 56"/>
                  <a:gd name="T18" fmla="*/ 23 w 72"/>
                  <a:gd name="T19" fmla="*/ 1 h 56"/>
                  <a:gd name="T20" fmla="*/ 24 w 72"/>
                  <a:gd name="T21" fmla="*/ 2 h 56"/>
                  <a:gd name="T22" fmla="*/ 24 w 72"/>
                  <a:gd name="T23" fmla="*/ 4 h 56"/>
                  <a:gd name="T24" fmla="*/ 23 w 72"/>
                  <a:gd name="T25" fmla="*/ 5 h 56"/>
                  <a:gd name="T26" fmla="*/ 21 w 72"/>
                  <a:gd name="T27" fmla="*/ 6 h 56"/>
                  <a:gd name="T28" fmla="*/ 20 w 72"/>
                  <a:gd name="T29" fmla="*/ 8 h 56"/>
                  <a:gd name="T30" fmla="*/ 19 w 72"/>
                  <a:gd name="T31" fmla="*/ 10 h 56"/>
                  <a:gd name="T32" fmla="*/ 18 w 72"/>
                  <a:gd name="T33" fmla="*/ 11 h 56"/>
                  <a:gd name="T34" fmla="*/ 19 w 72"/>
                  <a:gd name="T35" fmla="*/ 12 h 56"/>
                  <a:gd name="T36" fmla="*/ 19 w 72"/>
                  <a:gd name="T37" fmla="*/ 12 h 56"/>
                  <a:gd name="T38" fmla="*/ 20 w 72"/>
                  <a:gd name="T39" fmla="*/ 13 h 56"/>
                  <a:gd name="T40" fmla="*/ 22 w 72"/>
                  <a:gd name="T41" fmla="*/ 13 h 56"/>
                  <a:gd name="T42" fmla="*/ 21 w 72"/>
                  <a:gd name="T43" fmla="*/ 14 h 56"/>
                  <a:gd name="T44" fmla="*/ 20 w 72"/>
                  <a:gd name="T45" fmla="*/ 16 h 56"/>
                  <a:gd name="T46" fmla="*/ 20 w 72"/>
                  <a:gd name="T47" fmla="*/ 17 h 56"/>
                  <a:gd name="T48" fmla="*/ 19 w 72"/>
                  <a:gd name="T49" fmla="*/ 17 h 56"/>
                  <a:gd name="T50" fmla="*/ 18 w 72"/>
                  <a:gd name="T51" fmla="*/ 18 h 56"/>
                  <a:gd name="T52" fmla="*/ 16 w 72"/>
                  <a:gd name="T53" fmla="*/ 19 h 56"/>
                  <a:gd name="T54" fmla="*/ 15 w 72"/>
                  <a:gd name="T55" fmla="*/ 19 h 56"/>
                  <a:gd name="T56" fmla="*/ 13 w 72"/>
                  <a:gd name="T57" fmla="*/ 19 h 56"/>
                  <a:gd name="T58" fmla="*/ 12 w 72"/>
                  <a:gd name="T59" fmla="*/ 19 h 56"/>
                  <a:gd name="T60" fmla="*/ 11 w 72"/>
                  <a:gd name="T61" fmla="*/ 19 h 56"/>
                  <a:gd name="T62" fmla="*/ 10 w 72"/>
                  <a:gd name="T63" fmla="*/ 17 h 56"/>
                  <a:gd name="T64" fmla="*/ 9 w 72"/>
                  <a:gd name="T65" fmla="*/ 16 h 56"/>
                  <a:gd name="T66" fmla="*/ 8 w 72"/>
                  <a:gd name="T67" fmla="*/ 15 h 56"/>
                  <a:gd name="T68" fmla="*/ 8 w 72"/>
                  <a:gd name="T69" fmla="*/ 13 h 56"/>
                  <a:gd name="T70" fmla="*/ 8 w 72"/>
                  <a:gd name="T71" fmla="*/ 12 h 56"/>
                  <a:gd name="T72" fmla="*/ 9 w 72"/>
                  <a:gd name="T73" fmla="*/ 11 h 56"/>
                  <a:gd name="T74" fmla="*/ 10 w 72"/>
                  <a:gd name="T75" fmla="*/ 10 h 56"/>
                  <a:gd name="T76" fmla="*/ 11 w 72"/>
                  <a:gd name="T77" fmla="*/ 8 h 56"/>
                  <a:gd name="T78" fmla="*/ 10 w 72"/>
                  <a:gd name="T79" fmla="*/ 7 h 56"/>
                  <a:gd name="T80" fmla="*/ 9 w 72"/>
                  <a:gd name="T81" fmla="*/ 8 h 56"/>
                  <a:gd name="T82" fmla="*/ 8 w 72"/>
                  <a:gd name="T83" fmla="*/ 8 h 56"/>
                  <a:gd name="T84" fmla="*/ 8 w 72"/>
                  <a:gd name="T85" fmla="*/ 9 h 56"/>
                  <a:gd name="T86" fmla="*/ 7 w 72"/>
                  <a:gd name="T87" fmla="*/ 10 h 56"/>
                  <a:gd name="T88" fmla="*/ 6 w 72"/>
                  <a:gd name="T89" fmla="*/ 12 h 56"/>
                  <a:gd name="T90" fmla="*/ 6 w 72"/>
                  <a:gd name="T91" fmla="*/ 13 h 56"/>
                  <a:gd name="T92" fmla="*/ 5 w 72"/>
                  <a:gd name="T93" fmla="*/ 14 h 56"/>
                  <a:gd name="T94" fmla="*/ 5 w 72"/>
                  <a:gd name="T95" fmla="*/ 15 h 56"/>
                  <a:gd name="T96" fmla="*/ 4 w 72"/>
                  <a:gd name="T97" fmla="*/ 16 h 56"/>
                  <a:gd name="T98" fmla="*/ 3 w 72"/>
                  <a:gd name="T99" fmla="*/ 16 h 56"/>
                  <a:gd name="T100" fmla="*/ 3 w 72"/>
                  <a:gd name="T101" fmla="*/ 16 h 56"/>
                  <a:gd name="T102" fmla="*/ 2 w 72"/>
                  <a:gd name="T103" fmla="*/ 15 h 56"/>
                  <a:gd name="T104" fmla="*/ 2 w 72"/>
                  <a:gd name="T105" fmla="*/ 14 h 56"/>
                  <a:gd name="T106" fmla="*/ 2 w 72"/>
                  <a:gd name="T107" fmla="*/ 14 h 56"/>
                  <a:gd name="T108" fmla="*/ 1 w 72"/>
                  <a:gd name="T109" fmla="*/ 13 h 56"/>
                  <a:gd name="T110" fmla="*/ 1 w 72"/>
                  <a:gd name="T111" fmla="*/ 13 h 56"/>
                  <a:gd name="T112" fmla="*/ 0 w 72"/>
                  <a:gd name="T113" fmla="*/ 13 h 56"/>
                  <a:gd name="T114" fmla="*/ 0 w 72"/>
                  <a:gd name="T115" fmla="*/ 12 h 56"/>
                  <a:gd name="T116" fmla="*/ 0 w 72"/>
                  <a:gd name="T117" fmla="*/ 11 h 56"/>
                  <a:gd name="T118" fmla="*/ 1 w 72"/>
                  <a:gd name="T119" fmla="*/ 11 h 56"/>
                  <a:gd name="T120" fmla="*/ 1 w 72"/>
                  <a:gd name="T121" fmla="*/ 11 h 56"/>
                  <a:gd name="T122" fmla="*/ 2 w 72"/>
                  <a:gd name="T123" fmla="*/ 11 h 56"/>
                  <a:gd name="T124" fmla="*/ 3 w 72"/>
                  <a:gd name="T125" fmla="*/ 11 h 5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72" h="56">
                    <a:moveTo>
                      <a:pt x="8" y="31"/>
                    </a:moveTo>
                    <a:lnTo>
                      <a:pt x="25" y="17"/>
                    </a:lnTo>
                    <a:lnTo>
                      <a:pt x="41" y="6"/>
                    </a:lnTo>
                    <a:lnTo>
                      <a:pt x="44" y="4"/>
                    </a:lnTo>
                    <a:lnTo>
                      <a:pt x="48" y="1"/>
                    </a:lnTo>
                    <a:lnTo>
                      <a:pt x="52" y="0"/>
                    </a:lnTo>
                    <a:lnTo>
                      <a:pt x="55" y="0"/>
                    </a:lnTo>
                    <a:lnTo>
                      <a:pt x="60" y="0"/>
                    </a:lnTo>
                    <a:lnTo>
                      <a:pt x="64" y="1"/>
                    </a:lnTo>
                    <a:lnTo>
                      <a:pt x="68" y="4"/>
                    </a:lnTo>
                    <a:lnTo>
                      <a:pt x="72" y="7"/>
                    </a:lnTo>
                    <a:lnTo>
                      <a:pt x="71" y="11"/>
                    </a:lnTo>
                    <a:lnTo>
                      <a:pt x="68" y="15"/>
                    </a:lnTo>
                    <a:lnTo>
                      <a:pt x="64" y="19"/>
                    </a:lnTo>
                    <a:lnTo>
                      <a:pt x="60" y="25"/>
                    </a:lnTo>
                    <a:lnTo>
                      <a:pt x="57" y="29"/>
                    </a:lnTo>
                    <a:lnTo>
                      <a:pt x="55" y="32"/>
                    </a:lnTo>
                    <a:lnTo>
                      <a:pt x="57" y="34"/>
                    </a:lnTo>
                    <a:lnTo>
                      <a:pt x="58" y="36"/>
                    </a:lnTo>
                    <a:lnTo>
                      <a:pt x="61" y="38"/>
                    </a:lnTo>
                    <a:lnTo>
                      <a:pt x="65" y="39"/>
                    </a:lnTo>
                    <a:lnTo>
                      <a:pt x="63" y="42"/>
                    </a:lnTo>
                    <a:lnTo>
                      <a:pt x="61" y="47"/>
                    </a:lnTo>
                    <a:lnTo>
                      <a:pt x="59" y="49"/>
                    </a:lnTo>
                    <a:lnTo>
                      <a:pt x="57" y="51"/>
                    </a:lnTo>
                    <a:lnTo>
                      <a:pt x="53" y="53"/>
                    </a:lnTo>
                    <a:lnTo>
                      <a:pt x="49" y="55"/>
                    </a:lnTo>
                    <a:lnTo>
                      <a:pt x="45" y="55"/>
                    </a:lnTo>
                    <a:lnTo>
                      <a:pt x="40" y="56"/>
                    </a:lnTo>
                    <a:lnTo>
                      <a:pt x="37" y="56"/>
                    </a:lnTo>
                    <a:lnTo>
                      <a:pt x="32" y="56"/>
                    </a:lnTo>
                    <a:lnTo>
                      <a:pt x="29" y="51"/>
                    </a:lnTo>
                    <a:lnTo>
                      <a:pt x="27" y="47"/>
                    </a:lnTo>
                    <a:lnTo>
                      <a:pt x="25" y="44"/>
                    </a:lnTo>
                    <a:lnTo>
                      <a:pt x="25" y="39"/>
                    </a:lnTo>
                    <a:lnTo>
                      <a:pt x="25" y="35"/>
                    </a:lnTo>
                    <a:lnTo>
                      <a:pt x="27" y="32"/>
                    </a:lnTo>
                    <a:lnTo>
                      <a:pt x="29" y="28"/>
                    </a:lnTo>
                    <a:lnTo>
                      <a:pt x="32" y="24"/>
                    </a:lnTo>
                    <a:lnTo>
                      <a:pt x="29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3" y="26"/>
                    </a:lnTo>
                    <a:lnTo>
                      <a:pt x="20" y="30"/>
                    </a:lnTo>
                    <a:lnTo>
                      <a:pt x="19" y="34"/>
                    </a:lnTo>
                    <a:lnTo>
                      <a:pt x="18" y="38"/>
                    </a:lnTo>
                    <a:lnTo>
                      <a:pt x="15" y="42"/>
                    </a:lnTo>
                    <a:lnTo>
                      <a:pt x="14" y="45"/>
                    </a:lnTo>
                    <a:lnTo>
                      <a:pt x="12" y="46"/>
                    </a:lnTo>
                    <a:lnTo>
                      <a:pt x="10" y="47"/>
                    </a:lnTo>
                    <a:lnTo>
                      <a:pt x="8" y="48"/>
                    </a:lnTo>
                    <a:lnTo>
                      <a:pt x="7" y="44"/>
                    </a:lnTo>
                    <a:lnTo>
                      <a:pt x="6" y="41"/>
                    </a:lnTo>
                    <a:lnTo>
                      <a:pt x="5" y="40"/>
                    </a:lnTo>
                    <a:lnTo>
                      <a:pt x="4" y="39"/>
                    </a:lnTo>
                    <a:lnTo>
                      <a:pt x="2" y="39"/>
                    </a:lnTo>
                    <a:lnTo>
                      <a:pt x="0" y="39"/>
                    </a:lnTo>
                    <a:lnTo>
                      <a:pt x="0" y="36"/>
                    </a:lnTo>
                    <a:lnTo>
                      <a:pt x="1" y="33"/>
                    </a:lnTo>
                    <a:lnTo>
                      <a:pt x="2" y="32"/>
                    </a:lnTo>
                    <a:lnTo>
                      <a:pt x="4" y="31"/>
                    </a:lnTo>
                    <a:lnTo>
                      <a:pt x="5" y="31"/>
                    </a:lnTo>
                    <a:lnTo>
                      <a:pt x="8" y="31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57" name="Vordingborg kant"/>
              <p:cNvSpPr>
                <a:spLocks/>
              </p:cNvSpPr>
              <p:nvPr/>
            </p:nvSpPr>
            <p:spPr bwMode="auto">
              <a:xfrm>
                <a:off x="3692525" y="5945188"/>
                <a:ext cx="38100" cy="30163"/>
              </a:xfrm>
              <a:custGeom>
                <a:avLst/>
                <a:gdLst>
                  <a:gd name="T0" fmla="*/ 3 w 72"/>
                  <a:gd name="T1" fmla="*/ 11 h 56"/>
                  <a:gd name="T2" fmla="*/ 8 w 72"/>
                  <a:gd name="T3" fmla="*/ 6 h 56"/>
                  <a:gd name="T4" fmla="*/ 14 w 72"/>
                  <a:gd name="T5" fmla="*/ 2 h 56"/>
                  <a:gd name="T6" fmla="*/ 15 w 72"/>
                  <a:gd name="T7" fmla="*/ 1 h 56"/>
                  <a:gd name="T8" fmla="*/ 16 w 72"/>
                  <a:gd name="T9" fmla="*/ 0 h 56"/>
                  <a:gd name="T10" fmla="*/ 17 w 72"/>
                  <a:gd name="T11" fmla="*/ 0 h 56"/>
                  <a:gd name="T12" fmla="*/ 18 w 72"/>
                  <a:gd name="T13" fmla="*/ 0 h 56"/>
                  <a:gd name="T14" fmla="*/ 20 w 72"/>
                  <a:gd name="T15" fmla="*/ 0 h 56"/>
                  <a:gd name="T16" fmla="*/ 21 w 72"/>
                  <a:gd name="T17" fmla="*/ 0 h 56"/>
                  <a:gd name="T18" fmla="*/ 23 w 72"/>
                  <a:gd name="T19" fmla="*/ 1 h 56"/>
                  <a:gd name="T20" fmla="*/ 24 w 72"/>
                  <a:gd name="T21" fmla="*/ 2 h 56"/>
                  <a:gd name="T22" fmla="*/ 24 w 72"/>
                  <a:gd name="T23" fmla="*/ 4 h 56"/>
                  <a:gd name="T24" fmla="*/ 23 w 72"/>
                  <a:gd name="T25" fmla="*/ 5 h 56"/>
                  <a:gd name="T26" fmla="*/ 21 w 72"/>
                  <a:gd name="T27" fmla="*/ 6 h 56"/>
                  <a:gd name="T28" fmla="*/ 20 w 72"/>
                  <a:gd name="T29" fmla="*/ 8 h 56"/>
                  <a:gd name="T30" fmla="*/ 19 w 72"/>
                  <a:gd name="T31" fmla="*/ 10 h 56"/>
                  <a:gd name="T32" fmla="*/ 18 w 72"/>
                  <a:gd name="T33" fmla="*/ 11 h 56"/>
                  <a:gd name="T34" fmla="*/ 19 w 72"/>
                  <a:gd name="T35" fmla="*/ 12 h 56"/>
                  <a:gd name="T36" fmla="*/ 19 w 72"/>
                  <a:gd name="T37" fmla="*/ 12 h 56"/>
                  <a:gd name="T38" fmla="*/ 20 w 72"/>
                  <a:gd name="T39" fmla="*/ 13 h 56"/>
                  <a:gd name="T40" fmla="*/ 22 w 72"/>
                  <a:gd name="T41" fmla="*/ 13 h 56"/>
                  <a:gd name="T42" fmla="*/ 21 w 72"/>
                  <a:gd name="T43" fmla="*/ 14 h 56"/>
                  <a:gd name="T44" fmla="*/ 20 w 72"/>
                  <a:gd name="T45" fmla="*/ 16 h 56"/>
                  <a:gd name="T46" fmla="*/ 20 w 72"/>
                  <a:gd name="T47" fmla="*/ 17 h 56"/>
                  <a:gd name="T48" fmla="*/ 19 w 72"/>
                  <a:gd name="T49" fmla="*/ 17 h 56"/>
                  <a:gd name="T50" fmla="*/ 18 w 72"/>
                  <a:gd name="T51" fmla="*/ 18 h 56"/>
                  <a:gd name="T52" fmla="*/ 16 w 72"/>
                  <a:gd name="T53" fmla="*/ 19 h 56"/>
                  <a:gd name="T54" fmla="*/ 15 w 72"/>
                  <a:gd name="T55" fmla="*/ 19 h 56"/>
                  <a:gd name="T56" fmla="*/ 13 w 72"/>
                  <a:gd name="T57" fmla="*/ 19 h 56"/>
                  <a:gd name="T58" fmla="*/ 12 w 72"/>
                  <a:gd name="T59" fmla="*/ 19 h 56"/>
                  <a:gd name="T60" fmla="*/ 11 w 72"/>
                  <a:gd name="T61" fmla="*/ 19 h 56"/>
                  <a:gd name="T62" fmla="*/ 10 w 72"/>
                  <a:gd name="T63" fmla="*/ 17 h 56"/>
                  <a:gd name="T64" fmla="*/ 9 w 72"/>
                  <a:gd name="T65" fmla="*/ 16 h 56"/>
                  <a:gd name="T66" fmla="*/ 8 w 72"/>
                  <a:gd name="T67" fmla="*/ 15 h 56"/>
                  <a:gd name="T68" fmla="*/ 8 w 72"/>
                  <a:gd name="T69" fmla="*/ 13 h 56"/>
                  <a:gd name="T70" fmla="*/ 8 w 72"/>
                  <a:gd name="T71" fmla="*/ 12 h 56"/>
                  <a:gd name="T72" fmla="*/ 9 w 72"/>
                  <a:gd name="T73" fmla="*/ 11 h 56"/>
                  <a:gd name="T74" fmla="*/ 10 w 72"/>
                  <a:gd name="T75" fmla="*/ 10 h 56"/>
                  <a:gd name="T76" fmla="*/ 11 w 72"/>
                  <a:gd name="T77" fmla="*/ 8 h 56"/>
                  <a:gd name="T78" fmla="*/ 10 w 72"/>
                  <a:gd name="T79" fmla="*/ 7 h 56"/>
                  <a:gd name="T80" fmla="*/ 9 w 72"/>
                  <a:gd name="T81" fmla="*/ 8 h 56"/>
                  <a:gd name="T82" fmla="*/ 8 w 72"/>
                  <a:gd name="T83" fmla="*/ 8 h 56"/>
                  <a:gd name="T84" fmla="*/ 8 w 72"/>
                  <a:gd name="T85" fmla="*/ 9 h 56"/>
                  <a:gd name="T86" fmla="*/ 7 w 72"/>
                  <a:gd name="T87" fmla="*/ 10 h 56"/>
                  <a:gd name="T88" fmla="*/ 6 w 72"/>
                  <a:gd name="T89" fmla="*/ 12 h 56"/>
                  <a:gd name="T90" fmla="*/ 6 w 72"/>
                  <a:gd name="T91" fmla="*/ 13 h 56"/>
                  <a:gd name="T92" fmla="*/ 5 w 72"/>
                  <a:gd name="T93" fmla="*/ 14 h 56"/>
                  <a:gd name="T94" fmla="*/ 5 w 72"/>
                  <a:gd name="T95" fmla="*/ 15 h 56"/>
                  <a:gd name="T96" fmla="*/ 4 w 72"/>
                  <a:gd name="T97" fmla="*/ 16 h 56"/>
                  <a:gd name="T98" fmla="*/ 3 w 72"/>
                  <a:gd name="T99" fmla="*/ 16 h 56"/>
                  <a:gd name="T100" fmla="*/ 3 w 72"/>
                  <a:gd name="T101" fmla="*/ 16 h 56"/>
                  <a:gd name="T102" fmla="*/ 2 w 72"/>
                  <a:gd name="T103" fmla="*/ 15 h 56"/>
                  <a:gd name="T104" fmla="*/ 2 w 72"/>
                  <a:gd name="T105" fmla="*/ 14 h 56"/>
                  <a:gd name="T106" fmla="*/ 2 w 72"/>
                  <a:gd name="T107" fmla="*/ 14 h 56"/>
                  <a:gd name="T108" fmla="*/ 1 w 72"/>
                  <a:gd name="T109" fmla="*/ 13 h 56"/>
                  <a:gd name="T110" fmla="*/ 1 w 72"/>
                  <a:gd name="T111" fmla="*/ 13 h 56"/>
                  <a:gd name="T112" fmla="*/ 0 w 72"/>
                  <a:gd name="T113" fmla="*/ 13 h 56"/>
                  <a:gd name="T114" fmla="*/ 0 w 72"/>
                  <a:gd name="T115" fmla="*/ 12 h 56"/>
                  <a:gd name="T116" fmla="*/ 0 w 72"/>
                  <a:gd name="T117" fmla="*/ 11 h 56"/>
                  <a:gd name="T118" fmla="*/ 1 w 72"/>
                  <a:gd name="T119" fmla="*/ 11 h 56"/>
                  <a:gd name="T120" fmla="*/ 1 w 72"/>
                  <a:gd name="T121" fmla="*/ 11 h 56"/>
                  <a:gd name="T122" fmla="*/ 2 w 72"/>
                  <a:gd name="T123" fmla="*/ 11 h 56"/>
                  <a:gd name="T124" fmla="*/ 3 w 72"/>
                  <a:gd name="T125" fmla="*/ 11 h 5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72" h="56">
                    <a:moveTo>
                      <a:pt x="8" y="31"/>
                    </a:moveTo>
                    <a:lnTo>
                      <a:pt x="25" y="17"/>
                    </a:lnTo>
                    <a:lnTo>
                      <a:pt x="41" y="6"/>
                    </a:lnTo>
                    <a:lnTo>
                      <a:pt x="44" y="4"/>
                    </a:lnTo>
                    <a:lnTo>
                      <a:pt x="48" y="1"/>
                    </a:lnTo>
                    <a:lnTo>
                      <a:pt x="52" y="0"/>
                    </a:lnTo>
                    <a:lnTo>
                      <a:pt x="55" y="0"/>
                    </a:lnTo>
                    <a:lnTo>
                      <a:pt x="60" y="0"/>
                    </a:lnTo>
                    <a:lnTo>
                      <a:pt x="64" y="1"/>
                    </a:lnTo>
                    <a:lnTo>
                      <a:pt x="68" y="4"/>
                    </a:lnTo>
                    <a:lnTo>
                      <a:pt x="72" y="7"/>
                    </a:lnTo>
                    <a:lnTo>
                      <a:pt x="71" y="11"/>
                    </a:lnTo>
                    <a:lnTo>
                      <a:pt x="68" y="15"/>
                    </a:lnTo>
                    <a:lnTo>
                      <a:pt x="64" y="19"/>
                    </a:lnTo>
                    <a:lnTo>
                      <a:pt x="60" y="25"/>
                    </a:lnTo>
                    <a:lnTo>
                      <a:pt x="57" y="29"/>
                    </a:lnTo>
                    <a:lnTo>
                      <a:pt x="55" y="32"/>
                    </a:lnTo>
                    <a:lnTo>
                      <a:pt x="57" y="34"/>
                    </a:lnTo>
                    <a:lnTo>
                      <a:pt x="58" y="36"/>
                    </a:lnTo>
                    <a:lnTo>
                      <a:pt x="61" y="38"/>
                    </a:lnTo>
                    <a:lnTo>
                      <a:pt x="65" y="39"/>
                    </a:lnTo>
                    <a:lnTo>
                      <a:pt x="63" y="42"/>
                    </a:lnTo>
                    <a:lnTo>
                      <a:pt x="61" y="47"/>
                    </a:lnTo>
                    <a:lnTo>
                      <a:pt x="59" y="49"/>
                    </a:lnTo>
                    <a:lnTo>
                      <a:pt x="57" y="51"/>
                    </a:lnTo>
                    <a:lnTo>
                      <a:pt x="53" y="53"/>
                    </a:lnTo>
                    <a:lnTo>
                      <a:pt x="49" y="55"/>
                    </a:lnTo>
                    <a:lnTo>
                      <a:pt x="45" y="55"/>
                    </a:lnTo>
                    <a:lnTo>
                      <a:pt x="40" y="56"/>
                    </a:lnTo>
                    <a:lnTo>
                      <a:pt x="37" y="56"/>
                    </a:lnTo>
                    <a:lnTo>
                      <a:pt x="32" y="56"/>
                    </a:lnTo>
                    <a:lnTo>
                      <a:pt x="29" y="51"/>
                    </a:lnTo>
                    <a:lnTo>
                      <a:pt x="27" y="47"/>
                    </a:lnTo>
                    <a:lnTo>
                      <a:pt x="25" y="44"/>
                    </a:lnTo>
                    <a:lnTo>
                      <a:pt x="25" y="39"/>
                    </a:lnTo>
                    <a:lnTo>
                      <a:pt x="25" y="35"/>
                    </a:lnTo>
                    <a:lnTo>
                      <a:pt x="27" y="32"/>
                    </a:lnTo>
                    <a:lnTo>
                      <a:pt x="29" y="28"/>
                    </a:lnTo>
                    <a:lnTo>
                      <a:pt x="32" y="24"/>
                    </a:lnTo>
                    <a:lnTo>
                      <a:pt x="29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3" y="26"/>
                    </a:lnTo>
                    <a:lnTo>
                      <a:pt x="20" y="30"/>
                    </a:lnTo>
                    <a:lnTo>
                      <a:pt x="19" y="34"/>
                    </a:lnTo>
                    <a:lnTo>
                      <a:pt x="18" y="38"/>
                    </a:lnTo>
                    <a:lnTo>
                      <a:pt x="15" y="42"/>
                    </a:lnTo>
                    <a:lnTo>
                      <a:pt x="14" y="45"/>
                    </a:lnTo>
                    <a:lnTo>
                      <a:pt x="12" y="46"/>
                    </a:lnTo>
                    <a:lnTo>
                      <a:pt x="10" y="47"/>
                    </a:lnTo>
                    <a:lnTo>
                      <a:pt x="8" y="48"/>
                    </a:lnTo>
                    <a:lnTo>
                      <a:pt x="7" y="44"/>
                    </a:lnTo>
                    <a:lnTo>
                      <a:pt x="6" y="41"/>
                    </a:lnTo>
                    <a:lnTo>
                      <a:pt x="5" y="40"/>
                    </a:lnTo>
                    <a:lnTo>
                      <a:pt x="4" y="39"/>
                    </a:lnTo>
                    <a:lnTo>
                      <a:pt x="2" y="39"/>
                    </a:lnTo>
                    <a:lnTo>
                      <a:pt x="0" y="39"/>
                    </a:lnTo>
                    <a:lnTo>
                      <a:pt x="0" y="36"/>
                    </a:lnTo>
                    <a:lnTo>
                      <a:pt x="1" y="33"/>
                    </a:lnTo>
                    <a:lnTo>
                      <a:pt x="2" y="32"/>
                    </a:lnTo>
                    <a:lnTo>
                      <a:pt x="4" y="31"/>
                    </a:lnTo>
                    <a:lnTo>
                      <a:pt x="5" y="31"/>
                    </a:lnTo>
                    <a:lnTo>
                      <a:pt x="8" y="31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58" name="Vordingborg"/>
              <p:cNvSpPr>
                <a:spLocks/>
              </p:cNvSpPr>
              <p:nvPr/>
            </p:nvSpPr>
            <p:spPr bwMode="auto">
              <a:xfrm>
                <a:off x="3713163" y="5946775"/>
                <a:ext cx="47625" cy="34925"/>
              </a:xfrm>
              <a:custGeom>
                <a:avLst/>
                <a:gdLst>
                  <a:gd name="T0" fmla="*/ 28 w 89"/>
                  <a:gd name="T1" fmla="*/ 2 h 68"/>
                  <a:gd name="T2" fmla="*/ 29 w 89"/>
                  <a:gd name="T3" fmla="*/ 4 h 68"/>
                  <a:gd name="T4" fmla="*/ 29 w 89"/>
                  <a:gd name="T5" fmla="*/ 5 h 68"/>
                  <a:gd name="T6" fmla="*/ 30 w 89"/>
                  <a:gd name="T7" fmla="*/ 7 h 68"/>
                  <a:gd name="T8" fmla="*/ 30 w 89"/>
                  <a:gd name="T9" fmla="*/ 10 h 68"/>
                  <a:gd name="T10" fmla="*/ 29 w 89"/>
                  <a:gd name="T11" fmla="*/ 10 h 68"/>
                  <a:gd name="T12" fmla="*/ 28 w 89"/>
                  <a:gd name="T13" fmla="*/ 10 h 68"/>
                  <a:gd name="T14" fmla="*/ 27 w 89"/>
                  <a:gd name="T15" fmla="*/ 10 h 68"/>
                  <a:gd name="T16" fmla="*/ 26 w 89"/>
                  <a:gd name="T17" fmla="*/ 11 h 68"/>
                  <a:gd name="T18" fmla="*/ 24 w 89"/>
                  <a:gd name="T19" fmla="*/ 12 h 68"/>
                  <a:gd name="T20" fmla="*/ 22 w 89"/>
                  <a:gd name="T21" fmla="*/ 12 h 68"/>
                  <a:gd name="T22" fmla="*/ 21 w 89"/>
                  <a:gd name="T23" fmla="*/ 12 h 68"/>
                  <a:gd name="T24" fmla="*/ 19 w 89"/>
                  <a:gd name="T25" fmla="*/ 12 h 68"/>
                  <a:gd name="T26" fmla="*/ 18 w 89"/>
                  <a:gd name="T27" fmla="*/ 13 h 68"/>
                  <a:gd name="T28" fmla="*/ 17 w 89"/>
                  <a:gd name="T29" fmla="*/ 13 h 68"/>
                  <a:gd name="T30" fmla="*/ 16 w 89"/>
                  <a:gd name="T31" fmla="*/ 14 h 68"/>
                  <a:gd name="T32" fmla="*/ 14 w 89"/>
                  <a:gd name="T33" fmla="*/ 16 h 68"/>
                  <a:gd name="T34" fmla="*/ 13 w 89"/>
                  <a:gd name="T35" fmla="*/ 17 h 68"/>
                  <a:gd name="T36" fmla="*/ 12 w 89"/>
                  <a:gd name="T37" fmla="*/ 18 h 68"/>
                  <a:gd name="T38" fmla="*/ 10 w 89"/>
                  <a:gd name="T39" fmla="*/ 19 h 68"/>
                  <a:gd name="T40" fmla="*/ 8 w 89"/>
                  <a:gd name="T41" fmla="*/ 20 h 68"/>
                  <a:gd name="T42" fmla="*/ 7 w 89"/>
                  <a:gd name="T43" fmla="*/ 21 h 68"/>
                  <a:gd name="T44" fmla="*/ 6 w 89"/>
                  <a:gd name="T45" fmla="*/ 22 h 68"/>
                  <a:gd name="T46" fmla="*/ 5 w 89"/>
                  <a:gd name="T47" fmla="*/ 22 h 68"/>
                  <a:gd name="T48" fmla="*/ 4 w 89"/>
                  <a:gd name="T49" fmla="*/ 22 h 68"/>
                  <a:gd name="T50" fmla="*/ 2 w 89"/>
                  <a:gd name="T51" fmla="*/ 21 h 68"/>
                  <a:gd name="T52" fmla="*/ 0 w 89"/>
                  <a:gd name="T53" fmla="*/ 20 h 68"/>
                  <a:gd name="T54" fmla="*/ 0 w 89"/>
                  <a:gd name="T55" fmla="*/ 19 h 68"/>
                  <a:gd name="T56" fmla="*/ 0 w 89"/>
                  <a:gd name="T57" fmla="*/ 18 h 68"/>
                  <a:gd name="T58" fmla="*/ 2 w 89"/>
                  <a:gd name="T59" fmla="*/ 17 h 68"/>
                  <a:gd name="T60" fmla="*/ 3 w 89"/>
                  <a:gd name="T61" fmla="*/ 17 h 68"/>
                  <a:gd name="T62" fmla="*/ 4 w 89"/>
                  <a:gd name="T63" fmla="*/ 17 h 68"/>
                  <a:gd name="T64" fmla="*/ 6 w 89"/>
                  <a:gd name="T65" fmla="*/ 16 h 68"/>
                  <a:gd name="T66" fmla="*/ 6 w 89"/>
                  <a:gd name="T67" fmla="*/ 16 h 68"/>
                  <a:gd name="T68" fmla="*/ 7 w 89"/>
                  <a:gd name="T69" fmla="*/ 15 h 68"/>
                  <a:gd name="T70" fmla="*/ 8 w 89"/>
                  <a:gd name="T71" fmla="*/ 13 h 68"/>
                  <a:gd name="T72" fmla="*/ 8 w 89"/>
                  <a:gd name="T73" fmla="*/ 12 h 68"/>
                  <a:gd name="T74" fmla="*/ 8 w 89"/>
                  <a:gd name="T75" fmla="*/ 10 h 68"/>
                  <a:gd name="T76" fmla="*/ 8 w 89"/>
                  <a:gd name="T77" fmla="*/ 9 h 68"/>
                  <a:gd name="T78" fmla="*/ 9 w 89"/>
                  <a:gd name="T79" fmla="*/ 7 h 68"/>
                  <a:gd name="T80" fmla="*/ 10 w 89"/>
                  <a:gd name="T81" fmla="*/ 6 h 68"/>
                  <a:gd name="T82" fmla="*/ 11 w 89"/>
                  <a:gd name="T83" fmla="*/ 6 h 68"/>
                  <a:gd name="T84" fmla="*/ 13 w 89"/>
                  <a:gd name="T85" fmla="*/ 5 h 68"/>
                  <a:gd name="T86" fmla="*/ 13 w 89"/>
                  <a:gd name="T87" fmla="*/ 4 h 68"/>
                  <a:gd name="T88" fmla="*/ 14 w 89"/>
                  <a:gd name="T89" fmla="*/ 2 h 68"/>
                  <a:gd name="T90" fmla="*/ 17 w 89"/>
                  <a:gd name="T91" fmla="*/ 2 h 68"/>
                  <a:gd name="T92" fmla="*/ 19 w 89"/>
                  <a:gd name="T93" fmla="*/ 2 h 68"/>
                  <a:gd name="T94" fmla="*/ 21 w 89"/>
                  <a:gd name="T95" fmla="*/ 1 h 68"/>
                  <a:gd name="T96" fmla="*/ 22 w 89"/>
                  <a:gd name="T97" fmla="*/ 0 h 68"/>
                  <a:gd name="T98" fmla="*/ 23 w 89"/>
                  <a:gd name="T99" fmla="*/ 0 h 68"/>
                  <a:gd name="T100" fmla="*/ 24 w 89"/>
                  <a:gd name="T101" fmla="*/ 0 h 68"/>
                  <a:gd name="T102" fmla="*/ 26 w 89"/>
                  <a:gd name="T103" fmla="*/ 0 h 68"/>
                  <a:gd name="T104" fmla="*/ 28 w 89"/>
                  <a:gd name="T105" fmla="*/ 2 h 68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0" t="0" r="r" b="b"/>
                <a:pathLst>
                  <a:path w="89" h="68">
                    <a:moveTo>
                      <a:pt x="82" y="6"/>
                    </a:moveTo>
                    <a:lnTo>
                      <a:pt x="85" y="11"/>
                    </a:lnTo>
                    <a:lnTo>
                      <a:pt x="87" y="16"/>
                    </a:lnTo>
                    <a:lnTo>
                      <a:pt x="89" y="23"/>
                    </a:lnTo>
                    <a:lnTo>
                      <a:pt x="89" y="30"/>
                    </a:lnTo>
                    <a:lnTo>
                      <a:pt x="85" y="30"/>
                    </a:lnTo>
                    <a:lnTo>
                      <a:pt x="82" y="31"/>
                    </a:lnTo>
                    <a:lnTo>
                      <a:pt x="79" y="32"/>
                    </a:lnTo>
                    <a:lnTo>
                      <a:pt x="77" y="33"/>
                    </a:lnTo>
                    <a:lnTo>
                      <a:pt x="71" y="36"/>
                    </a:lnTo>
                    <a:lnTo>
                      <a:pt x="65" y="38"/>
                    </a:lnTo>
                    <a:lnTo>
                      <a:pt x="61" y="38"/>
                    </a:lnTo>
                    <a:lnTo>
                      <a:pt x="57" y="38"/>
                    </a:lnTo>
                    <a:lnTo>
                      <a:pt x="53" y="39"/>
                    </a:lnTo>
                    <a:lnTo>
                      <a:pt x="51" y="40"/>
                    </a:lnTo>
                    <a:lnTo>
                      <a:pt x="46" y="44"/>
                    </a:lnTo>
                    <a:lnTo>
                      <a:pt x="43" y="48"/>
                    </a:lnTo>
                    <a:lnTo>
                      <a:pt x="39" y="53"/>
                    </a:lnTo>
                    <a:lnTo>
                      <a:pt x="35" y="57"/>
                    </a:lnTo>
                    <a:lnTo>
                      <a:pt x="31" y="60"/>
                    </a:lnTo>
                    <a:lnTo>
                      <a:pt x="25" y="63"/>
                    </a:lnTo>
                    <a:lnTo>
                      <a:pt x="21" y="66"/>
                    </a:lnTo>
                    <a:lnTo>
                      <a:pt x="18" y="68"/>
                    </a:lnTo>
                    <a:lnTo>
                      <a:pt x="15" y="68"/>
                    </a:lnTo>
                    <a:lnTo>
                      <a:pt x="12" y="68"/>
                    </a:lnTo>
                    <a:lnTo>
                      <a:pt x="7" y="66"/>
                    </a:lnTo>
                    <a:lnTo>
                      <a:pt x="0" y="63"/>
                    </a:lnTo>
                    <a:lnTo>
                      <a:pt x="0" y="58"/>
                    </a:lnTo>
                    <a:lnTo>
                      <a:pt x="0" y="55"/>
                    </a:lnTo>
                    <a:lnTo>
                      <a:pt x="5" y="54"/>
                    </a:lnTo>
                    <a:lnTo>
                      <a:pt x="9" y="54"/>
                    </a:lnTo>
                    <a:lnTo>
                      <a:pt x="13" y="52"/>
                    </a:lnTo>
                    <a:lnTo>
                      <a:pt x="17" y="50"/>
                    </a:lnTo>
                    <a:lnTo>
                      <a:pt x="19" y="48"/>
                    </a:lnTo>
                    <a:lnTo>
                      <a:pt x="21" y="46"/>
                    </a:lnTo>
                    <a:lnTo>
                      <a:pt x="23" y="41"/>
                    </a:lnTo>
                    <a:lnTo>
                      <a:pt x="25" y="38"/>
                    </a:lnTo>
                    <a:lnTo>
                      <a:pt x="24" y="31"/>
                    </a:lnTo>
                    <a:lnTo>
                      <a:pt x="25" y="27"/>
                    </a:lnTo>
                    <a:lnTo>
                      <a:pt x="27" y="23"/>
                    </a:lnTo>
                    <a:lnTo>
                      <a:pt x="30" y="19"/>
                    </a:lnTo>
                    <a:lnTo>
                      <a:pt x="34" y="17"/>
                    </a:lnTo>
                    <a:lnTo>
                      <a:pt x="38" y="15"/>
                    </a:lnTo>
                    <a:lnTo>
                      <a:pt x="40" y="11"/>
                    </a:lnTo>
                    <a:lnTo>
                      <a:pt x="41" y="6"/>
                    </a:lnTo>
                    <a:lnTo>
                      <a:pt x="49" y="7"/>
                    </a:lnTo>
                    <a:lnTo>
                      <a:pt x="55" y="6"/>
                    </a:lnTo>
                    <a:lnTo>
                      <a:pt x="61" y="4"/>
                    </a:lnTo>
                    <a:lnTo>
                      <a:pt x="65" y="1"/>
                    </a:lnTo>
                    <a:lnTo>
                      <a:pt x="68" y="0"/>
                    </a:lnTo>
                    <a:lnTo>
                      <a:pt x="72" y="0"/>
                    </a:lnTo>
                    <a:lnTo>
                      <a:pt x="77" y="1"/>
                    </a:lnTo>
                    <a:lnTo>
                      <a:pt x="82" y="6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59" name="Vordingborg kant"/>
              <p:cNvSpPr>
                <a:spLocks/>
              </p:cNvSpPr>
              <p:nvPr/>
            </p:nvSpPr>
            <p:spPr bwMode="auto">
              <a:xfrm>
                <a:off x="3713163" y="5946775"/>
                <a:ext cx="47625" cy="34925"/>
              </a:xfrm>
              <a:custGeom>
                <a:avLst/>
                <a:gdLst>
                  <a:gd name="T0" fmla="*/ 28 w 89"/>
                  <a:gd name="T1" fmla="*/ 2 h 68"/>
                  <a:gd name="T2" fmla="*/ 29 w 89"/>
                  <a:gd name="T3" fmla="*/ 4 h 68"/>
                  <a:gd name="T4" fmla="*/ 29 w 89"/>
                  <a:gd name="T5" fmla="*/ 5 h 68"/>
                  <a:gd name="T6" fmla="*/ 30 w 89"/>
                  <a:gd name="T7" fmla="*/ 7 h 68"/>
                  <a:gd name="T8" fmla="*/ 30 w 89"/>
                  <a:gd name="T9" fmla="*/ 10 h 68"/>
                  <a:gd name="T10" fmla="*/ 29 w 89"/>
                  <a:gd name="T11" fmla="*/ 10 h 68"/>
                  <a:gd name="T12" fmla="*/ 28 w 89"/>
                  <a:gd name="T13" fmla="*/ 10 h 68"/>
                  <a:gd name="T14" fmla="*/ 27 w 89"/>
                  <a:gd name="T15" fmla="*/ 10 h 68"/>
                  <a:gd name="T16" fmla="*/ 26 w 89"/>
                  <a:gd name="T17" fmla="*/ 11 h 68"/>
                  <a:gd name="T18" fmla="*/ 24 w 89"/>
                  <a:gd name="T19" fmla="*/ 12 h 68"/>
                  <a:gd name="T20" fmla="*/ 22 w 89"/>
                  <a:gd name="T21" fmla="*/ 12 h 68"/>
                  <a:gd name="T22" fmla="*/ 21 w 89"/>
                  <a:gd name="T23" fmla="*/ 12 h 68"/>
                  <a:gd name="T24" fmla="*/ 19 w 89"/>
                  <a:gd name="T25" fmla="*/ 12 h 68"/>
                  <a:gd name="T26" fmla="*/ 18 w 89"/>
                  <a:gd name="T27" fmla="*/ 13 h 68"/>
                  <a:gd name="T28" fmla="*/ 17 w 89"/>
                  <a:gd name="T29" fmla="*/ 13 h 68"/>
                  <a:gd name="T30" fmla="*/ 16 w 89"/>
                  <a:gd name="T31" fmla="*/ 14 h 68"/>
                  <a:gd name="T32" fmla="*/ 14 w 89"/>
                  <a:gd name="T33" fmla="*/ 16 h 68"/>
                  <a:gd name="T34" fmla="*/ 13 w 89"/>
                  <a:gd name="T35" fmla="*/ 17 h 68"/>
                  <a:gd name="T36" fmla="*/ 12 w 89"/>
                  <a:gd name="T37" fmla="*/ 18 h 68"/>
                  <a:gd name="T38" fmla="*/ 10 w 89"/>
                  <a:gd name="T39" fmla="*/ 19 h 68"/>
                  <a:gd name="T40" fmla="*/ 8 w 89"/>
                  <a:gd name="T41" fmla="*/ 20 h 68"/>
                  <a:gd name="T42" fmla="*/ 7 w 89"/>
                  <a:gd name="T43" fmla="*/ 21 h 68"/>
                  <a:gd name="T44" fmla="*/ 6 w 89"/>
                  <a:gd name="T45" fmla="*/ 22 h 68"/>
                  <a:gd name="T46" fmla="*/ 5 w 89"/>
                  <a:gd name="T47" fmla="*/ 22 h 68"/>
                  <a:gd name="T48" fmla="*/ 4 w 89"/>
                  <a:gd name="T49" fmla="*/ 22 h 68"/>
                  <a:gd name="T50" fmla="*/ 2 w 89"/>
                  <a:gd name="T51" fmla="*/ 21 h 68"/>
                  <a:gd name="T52" fmla="*/ 0 w 89"/>
                  <a:gd name="T53" fmla="*/ 20 h 68"/>
                  <a:gd name="T54" fmla="*/ 0 w 89"/>
                  <a:gd name="T55" fmla="*/ 19 h 68"/>
                  <a:gd name="T56" fmla="*/ 0 w 89"/>
                  <a:gd name="T57" fmla="*/ 18 h 68"/>
                  <a:gd name="T58" fmla="*/ 2 w 89"/>
                  <a:gd name="T59" fmla="*/ 17 h 68"/>
                  <a:gd name="T60" fmla="*/ 3 w 89"/>
                  <a:gd name="T61" fmla="*/ 17 h 68"/>
                  <a:gd name="T62" fmla="*/ 4 w 89"/>
                  <a:gd name="T63" fmla="*/ 17 h 68"/>
                  <a:gd name="T64" fmla="*/ 6 w 89"/>
                  <a:gd name="T65" fmla="*/ 16 h 68"/>
                  <a:gd name="T66" fmla="*/ 6 w 89"/>
                  <a:gd name="T67" fmla="*/ 16 h 68"/>
                  <a:gd name="T68" fmla="*/ 7 w 89"/>
                  <a:gd name="T69" fmla="*/ 15 h 68"/>
                  <a:gd name="T70" fmla="*/ 8 w 89"/>
                  <a:gd name="T71" fmla="*/ 13 h 68"/>
                  <a:gd name="T72" fmla="*/ 8 w 89"/>
                  <a:gd name="T73" fmla="*/ 12 h 68"/>
                  <a:gd name="T74" fmla="*/ 8 w 89"/>
                  <a:gd name="T75" fmla="*/ 10 h 68"/>
                  <a:gd name="T76" fmla="*/ 8 w 89"/>
                  <a:gd name="T77" fmla="*/ 9 h 68"/>
                  <a:gd name="T78" fmla="*/ 9 w 89"/>
                  <a:gd name="T79" fmla="*/ 7 h 68"/>
                  <a:gd name="T80" fmla="*/ 10 w 89"/>
                  <a:gd name="T81" fmla="*/ 6 h 68"/>
                  <a:gd name="T82" fmla="*/ 11 w 89"/>
                  <a:gd name="T83" fmla="*/ 6 h 68"/>
                  <a:gd name="T84" fmla="*/ 13 w 89"/>
                  <a:gd name="T85" fmla="*/ 5 h 68"/>
                  <a:gd name="T86" fmla="*/ 13 w 89"/>
                  <a:gd name="T87" fmla="*/ 4 h 68"/>
                  <a:gd name="T88" fmla="*/ 14 w 89"/>
                  <a:gd name="T89" fmla="*/ 2 h 68"/>
                  <a:gd name="T90" fmla="*/ 17 w 89"/>
                  <a:gd name="T91" fmla="*/ 2 h 68"/>
                  <a:gd name="T92" fmla="*/ 19 w 89"/>
                  <a:gd name="T93" fmla="*/ 2 h 68"/>
                  <a:gd name="T94" fmla="*/ 21 w 89"/>
                  <a:gd name="T95" fmla="*/ 1 h 68"/>
                  <a:gd name="T96" fmla="*/ 22 w 89"/>
                  <a:gd name="T97" fmla="*/ 0 h 68"/>
                  <a:gd name="T98" fmla="*/ 23 w 89"/>
                  <a:gd name="T99" fmla="*/ 0 h 68"/>
                  <a:gd name="T100" fmla="*/ 24 w 89"/>
                  <a:gd name="T101" fmla="*/ 0 h 68"/>
                  <a:gd name="T102" fmla="*/ 26 w 89"/>
                  <a:gd name="T103" fmla="*/ 0 h 68"/>
                  <a:gd name="T104" fmla="*/ 28 w 89"/>
                  <a:gd name="T105" fmla="*/ 2 h 68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0" t="0" r="r" b="b"/>
                <a:pathLst>
                  <a:path w="89" h="68">
                    <a:moveTo>
                      <a:pt x="82" y="6"/>
                    </a:moveTo>
                    <a:lnTo>
                      <a:pt x="85" y="11"/>
                    </a:lnTo>
                    <a:lnTo>
                      <a:pt x="87" y="16"/>
                    </a:lnTo>
                    <a:lnTo>
                      <a:pt x="89" y="23"/>
                    </a:lnTo>
                    <a:lnTo>
                      <a:pt x="89" y="30"/>
                    </a:lnTo>
                    <a:lnTo>
                      <a:pt x="85" y="30"/>
                    </a:lnTo>
                    <a:lnTo>
                      <a:pt x="82" y="31"/>
                    </a:lnTo>
                    <a:lnTo>
                      <a:pt x="79" y="32"/>
                    </a:lnTo>
                    <a:lnTo>
                      <a:pt x="77" y="33"/>
                    </a:lnTo>
                    <a:lnTo>
                      <a:pt x="71" y="36"/>
                    </a:lnTo>
                    <a:lnTo>
                      <a:pt x="65" y="38"/>
                    </a:lnTo>
                    <a:lnTo>
                      <a:pt x="61" y="38"/>
                    </a:lnTo>
                    <a:lnTo>
                      <a:pt x="57" y="38"/>
                    </a:lnTo>
                    <a:lnTo>
                      <a:pt x="53" y="39"/>
                    </a:lnTo>
                    <a:lnTo>
                      <a:pt x="51" y="40"/>
                    </a:lnTo>
                    <a:lnTo>
                      <a:pt x="46" y="44"/>
                    </a:lnTo>
                    <a:lnTo>
                      <a:pt x="43" y="48"/>
                    </a:lnTo>
                    <a:lnTo>
                      <a:pt x="39" y="53"/>
                    </a:lnTo>
                    <a:lnTo>
                      <a:pt x="35" y="57"/>
                    </a:lnTo>
                    <a:lnTo>
                      <a:pt x="31" y="60"/>
                    </a:lnTo>
                    <a:lnTo>
                      <a:pt x="25" y="63"/>
                    </a:lnTo>
                    <a:lnTo>
                      <a:pt x="21" y="66"/>
                    </a:lnTo>
                    <a:lnTo>
                      <a:pt x="18" y="68"/>
                    </a:lnTo>
                    <a:lnTo>
                      <a:pt x="15" y="68"/>
                    </a:lnTo>
                    <a:lnTo>
                      <a:pt x="12" y="68"/>
                    </a:lnTo>
                    <a:lnTo>
                      <a:pt x="7" y="66"/>
                    </a:lnTo>
                    <a:lnTo>
                      <a:pt x="0" y="63"/>
                    </a:lnTo>
                    <a:lnTo>
                      <a:pt x="0" y="58"/>
                    </a:lnTo>
                    <a:lnTo>
                      <a:pt x="0" y="55"/>
                    </a:lnTo>
                    <a:lnTo>
                      <a:pt x="5" y="54"/>
                    </a:lnTo>
                    <a:lnTo>
                      <a:pt x="9" y="54"/>
                    </a:lnTo>
                    <a:lnTo>
                      <a:pt x="13" y="52"/>
                    </a:lnTo>
                    <a:lnTo>
                      <a:pt x="17" y="50"/>
                    </a:lnTo>
                    <a:lnTo>
                      <a:pt x="19" y="48"/>
                    </a:lnTo>
                    <a:lnTo>
                      <a:pt x="21" y="46"/>
                    </a:lnTo>
                    <a:lnTo>
                      <a:pt x="23" y="41"/>
                    </a:lnTo>
                    <a:lnTo>
                      <a:pt x="25" y="38"/>
                    </a:lnTo>
                    <a:lnTo>
                      <a:pt x="24" y="31"/>
                    </a:lnTo>
                    <a:lnTo>
                      <a:pt x="25" y="27"/>
                    </a:lnTo>
                    <a:lnTo>
                      <a:pt x="27" y="23"/>
                    </a:lnTo>
                    <a:lnTo>
                      <a:pt x="30" y="19"/>
                    </a:lnTo>
                    <a:lnTo>
                      <a:pt x="34" y="17"/>
                    </a:lnTo>
                    <a:lnTo>
                      <a:pt x="38" y="15"/>
                    </a:lnTo>
                    <a:lnTo>
                      <a:pt x="40" y="11"/>
                    </a:lnTo>
                    <a:lnTo>
                      <a:pt x="41" y="6"/>
                    </a:lnTo>
                    <a:lnTo>
                      <a:pt x="49" y="7"/>
                    </a:lnTo>
                    <a:lnTo>
                      <a:pt x="55" y="6"/>
                    </a:lnTo>
                    <a:lnTo>
                      <a:pt x="61" y="4"/>
                    </a:lnTo>
                    <a:lnTo>
                      <a:pt x="65" y="1"/>
                    </a:lnTo>
                    <a:lnTo>
                      <a:pt x="68" y="0"/>
                    </a:lnTo>
                    <a:lnTo>
                      <a:pt x="72" y="0"/>
                    </a:lnTo>
                    <a:lnTo>
                      <a:pt x="77" y="1"/>
                    </a:lnTo>
                    <a:lnTo>
                      <a:pt x="82" y="6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60" name="Vordingborg"/>
              <p:cNvSpPr>
                <a:spLocks/>
              </p:cNvSpPr>
              <p:nvPr/>
            </p:nvSpPr>
            <p:spPr bwMode="auto">
              <a:xfrm>
                <a:off x="3300413" y="5713413"/>
                <a:ext cx="468312" cy="274638"/>
              </a:xfrm>
              <a:custGeom>
                <a:avLst/>
                <a:gdLst>
                  <a:gd name="T0" fmla="*/ 19 w 887"/>
                  <a:gd name="T1" fmla="*/ 78 h 520"/>
                  <a:gd name="T2" fmla="*/ 1 w 887"/>
                  <a:gd name="T3" fmla="*/ 73 h 520"/>
                  <a:gd name="T4" fmla="*/ 5 w 887"/>
                  <a:gd name="T5" fmla="*/ 68 h 520"/>
                  <a:gd name="T6" fmla="*/ 37 w 887"/>
                  <a:gd name="T7" fmla="*/ 73 h 520"/>
                  <a:gd name="T8" fmla="*/ 86 w 887"/>
                  <a:gd name="T9" fmla="*/ 87 h 520"/>
                  <a:gd name="T10" fmla="*/ 108 w 887"/>
                  <a:gd name="T11" fmla="*/ 94 h 520"/>
                  <a:gd name="T12" fmla="*/ 98 w 887"/>
                  <a:gd name="T13" fmla="*/ 79 h 520"/>
                  <a:gd name="T14" fmla="*/ 87 w 887"/>
                  <a:gd name="T15" fmla="*/ 75 h 520"/>
                  <a:gd name="T16" fmla="*/ 75 w 887"/>
                  <a:gd name="T17" fmla="*/ 77 h 520"/>
                  <a:gd name="T18" fmla="*/ 65 w 887"/>
                  <a:gd name="T19" fmla="*/ 61 h 520"/>
                  <a:gd name="T20" fmla="*/ 53 w 887"/>
                  <a:gd name="T21" fmla="*/ 43 h 520"/>
                  <a:gd name="T22" fmla="*/ 53 w 887"/>
                  <a:gd name="T23" fmla="*/ 23 h 520"/>
                  <a:gd name="T24" fmla="*/ 56 w 887"/>
                  <a:gd name="T25" fmla="*/ 11 h 520"/>
                  <a:gd name="T26" fmla="*/ 64 w 887"/>
                  <a:gd name="T27" fmla="*/ 13 h 520"/>
                  <a:gd name="T28" fmla="*/ 63 w 887"/>
                  <a:gd name="T29" fmla="*/ 24 h 520"/>
                  <a:gd name="T30" fmla="*/ 73 w 887"/>
                  <a:gd name="T31" fmla="*/ 31 h 520"/>
                  <a:gd name="T32" fmla="*/ 86 w 887"/>
                  <a:gd name="T33" fmla="*/ 20 h 520"/>
                  <a:gd name="T34" fmla="*/ 109 w 887"/>
                  <a:gd name="T35" fmla="*/ 30 h 520"/>
                  <a:gd name="T36" fmla="*/ 131 w 887"/>
                  <a:gd name="T37" fmla="*/ 24 h 520"/>
                  <a:gd name="T38" fmla="*/ 148 w 887"/>
                  <a:gd name="T39" fmla="*/ 7 h 520"/>
                  <a:gd name="T40" fmla="*/ 163 w 887"/>
                  <a:gd name="T41" fmla="*/ 11 h 520"/>
                  <a:gd name="T42" fmla="*/ 170 w 887"/>
                  <a:gd name="T43" fmla="*/ 6 h 520"/>
                  <a:gd name="T44" fmla="*/ 182 w 887"/>
                  <a:gd name="T45" fmla="*/ 13 h 520"/>
                  <a:gd name="T46" fmla="*/ 193 w 887"/>
                  <a:gd name="T47" fmla="*/ 15 h 520"/>
                  <a:gd name="T48" fmla="*/ 195 w 887"/>
                  <a:gd name="T49" fmla="*/ 5 h 520"/>
                  <a:gd name="T50" fmla="*/ 202 w 887"/>
                  <a:gd name="T51" fmla="*/ 0 h 520"/>
                  <a:gd name="T52" fmla="*/ 212 w 887"/>
                  <a:gd name="T53" fmla="*/ 4 h 520"/>
                  <a:gd name="T54" fmla="*/ 218 w 887"/>
                  <a:gd name="T55" fmla="*/ 12 h 520"/>
                  <a:gd name="T56" fmla="*/ 227 w 887"/>
                  <a:gd name="T57" fmla="*/ 20 h 520"/>
                  <a:gd name="T58" fmla="*/ 240 w 887"/>
                  <a:gd name="T59" fmla="*/ 14 h 520"/>
                  <a:gd name="T60" fmla="*/ 243 w 887"/>
                  <a:gd name="T61" fmla="*/ 23 h 520"/>
                  <a:gd name="T62" fmla="*/ 245 w 887"/>
                  <a:gd name="T63" fmla="*/ 21 h 520"/>
                  <a:gd name="T64" fmla="*/ 251 w 887"/>
                  <a:gd name="T65" fmla="*/ 18 h 520"/>
                  <a:gd name="T66" fmla="*/ 257 w 887"/>
                  <a:gd name="T67" fmla="*/ 15 h 520"/>
                  <a:gd name="T68" fmla="*/ 261 w 887"/>
                  <a:gd name="T69" fmla="*/ 17 h 520"/>
                  <a:gd name="T70" fmla="*/ 267 w 887"/>
                  <a:gd name="T71" fmla="*/ 15 h 520"/>
                  <a:gd name="T72" fmla="*/ 287 w 887"/>
                  <a:gd name="T73" fmla="*/ 28 h 520"/>
                  <a:gd name="T74" fmla="*/ 289 w 887"/>
                  <a:gd name="T75" fmla="*/ 51 h 520"/>
                  <a:gd name="T76" fmla="*/ 280 w 887"/>
                  <a:gd name="T77" fmla="*/ 64 h 520"/>
                  <a:gd name="T78" fmla="*/ 269 w 887"/>
                  <a:gd name="T79" fmla="*/ 68 h 520"/>
                  <a:gd name="T80" fmla="*/ 267 w 887"/>
                  <a:gd name="T81" fmla="*/ 78 h 520"/>
                  <a:gd name="T82" fmla="*/ 283 w 887"/>
                  <a:gd name="T83" fmla="*/ 109 h 520"/>
                  <a:gd name="T84" fmla="*/ 291 w 887"/>
                  <a:gd name="T85" fmla="*/ 124 h 520"/>
                  <a:gd name="T86" fmla="*/ 289 w 887"/>
                  <a:gd name="T87" fmla="*/ 140 h 520"/>
                  <a:gd name="T88" fmla="*/ 276 w 887"/>
                  <a:gd name="T89" fmla="*/ 137 h 520"/>
                  <a:gd name="T90" fmla="*/ 268 w 887"/>
                  <a:gd name="T91" fmla="*/ 140 h 520"/>
                  <a:gd name="T92" fmla="*/ 253 w 887"/>
                  <a:gd name="T93" fmla="*/ 151 h 520"/>
                  <a:gd name="T94" fmla="*/ 246 w 887"/>
                  <a:gd name="T95" fmla="*/ 158 h 520"/>
                  <a:gd name="T96" fmla="*/ 237 w 887"/>
                  <a:gd name="T97" fmla="*/ 167 h 520"/>
                  <a:gd name="T98" fmla="*/ 206 w 887"/>
                  <a:gd name="T99" fmla="*/ 170 h 520"/>
                  <a:gd name="T100" fmla="*/ 188 w 887"/>
                  <a:gd name="T101" fmla="*/ 156 h 520"/>
                  <a:gd name="T102" fmla="*/ 171 w 887"/>
                  <a:gd name="T103" fmla="*/ 141 h 520"/>
                  <a:gd name="T104" fmla="*/ 161 w 887"/>
                  <a:gd name="T105" fmla="*/ 145 h 520"/>
                  <a:gd name="T106" fmla="*/ 152 w 887"/>
                  <a:gd name="T107" fmla="*/ 150 h 520"/>
                  <a:gd name="T108" fmla="*/ 154 w 887"/>
                  <a:gd name="T109" fmla="*/ 159 h 520"/>
                  <a:gd name="T110" fmla="*/ 142 w 887"/>
                  <a:gd name="T111" fmla="*/ 159 h 520"/>
                  <a:gd name="T112" fmla="*/ 136 w 887"/>
                  <a:gd name="T113" fmla="*/ 148 h 520"/>
                  <a:gd name="T114" fmla="*/ 136 w 887"/>
                  <a:gd name="T115" fmla="*/ 133 h 520"/>
                  <a:gd name="T116" fmla="*/ 80 w 887"/>
                  <a:gd name="T117" fmla="*/ 102 h 520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0" t="0" r="r" b="b"/>
                <a:pathLst>
                  <a:path w="887" h="520">
                    <a:moveTo>
                      <a:pt x="123" y="252"/>
                    </a:moveTo>
                    <a:lnTo>
                      <a:pt x="101" y="249"/>
                    </a:lnTo>
                    <a:lnTo>
                      <a:pt x="81" y="245"/>
                    </a:lnTo>
                    <a:lnTo>
                      <a:pt x="72" y="242"/>
                    </a:lnTo>
                    <a:lnTo>
                      <a:pt x="64" y="238"/>
                    </a:lnTo>
                    <a:lnTo>
                      <a:pt x="56" y="234"/>
                    </a:lnTo>
                    <a:lnTo>
                      <a:pt x="50" y="228"/>
                    </a:lnTo>
                    <a:lnTo>
                      <a:pt x="33" y="228"/>
                    </a:lnTo>
                    <a:lnTo>
                      <a:pt x="17" y="227"/>
                    </a:lnTo>
                    <a:lnTo>
                      <a:pt x="11" y="226"/>
                    </a:lnTo>
                    <a:lnTo>
                      <a:pt x="6" y="222"/>
                    </a:lnTo>
                    <a:lnTo>
                      <a:pt x="4" y="220"/>
                    </a:lnTo>
                    <a:lnTo>
                      <a:pt x="3" y="218"/>
                    </a:lnTo>
                    <a:lnTo>
                      <a:pt x="1" y="215"/>
                    </a:lnTo>
                    <a:lnTo>
                      <a:pt x="0" y="211"/>
                    </a:lnTo>
                    <a:lnTo>
                      <a:pt x="5" y="208"/>
                    </a:lnTo>
                    <a:lnTo>
                      <a:pt x="10" y="206"/>
                    </a:lnTo>
                    <a:lnTo>
                      <a:pt x="15" y="205"/>
                    </a:lnTo>
                    <a:lnTo>
                      <a:pt x="21" y="203"/>
                    </a:lnTo>
                    <a:lnTo>
                      <a:pt x="35" y="202"/>
                    </a:lnTo>
                    <a:lnTo>
                      <a:pt x="50" y="203"/>
                    </a:lnTo>
                    <a:lnTo>
                      <a:pt x="70" y="209"/>
                    </a:lnTo>
                    <a:lnTo>
                      <a:pt x="91" y="215"/>
                    </a:lnTo>
                    <a:lnTo>
                      <a:pt x="111" y="220"/>
                    </a:lnTo>
                    <a:lnTo>
                      <a:pt x="131" y="228"/>
                    </a:lnTo>
                    <a:lnTo>
                      <a:pt x="155" y="235"/>
                    </a:lnTo>
                    <a:lnTo>
                      <a:pt x="180" y="242"/>
                    </a:lnTo>
                    <a:lnTo>
                      <a:pt x="207" y="249"/>
                    </a:lnTo>
                    <a:lnTo>
                      <a:pt x="233" y="255"/>
                    </a:lnTo>
                    <a:lnTo>
                      <a:pt x="258" y="262"/>
                    </a:lnTo>
                    <a:lnTo>
                      <a:pt x="283" y="271"/>
                    </a:lnTo>
                    <a:lnTo>
                      <a:pt x="294" y="275"/>
                    </a:lnTo>
                    <a:lnTo>
                      <a:pt x="306" y="280"/>
                    </a:lnTo>
                    <a:lnTo>
                      <a:pt x="316" y="287"/>
                    </a:lnTo>
                    <a:lnTo>
                      <a:pt x="326" y="293"/>
                    </a:lnTo>
                    <a:lnTo>
                      <a:pt x="324" y="283"/>
                    </a:lnTo>
                    <a:lnTo>
                      <a:pt x="319" y="275"/>
                    </a:lnTo>
                    <a:lnTo>
                      <a:pt x="314" y="268"/>
                    </a:lnTo>
                    <a:lnTo>
                      <a:pt x="309" y="260"/>
                    </a:lnTo>
                    <a:lnTo>
                      <a:pt x="304" y="253"/>
                    </a:lnTo>
                    <a:lnTo>
                      <a:pt x="299" y="246"/>
                    </a:lnTo>
                    <a:lnTo>
                      <a:pt x="295" y="237"/>
                    </a:lnTo>
                    <a:lnTo>
                      <a:pt x="293" y="228"/>
                    </a:lnTo>
                    <a:lnTo>
                      <a:pt x="287" y="226"/>
                    </a:lnTo>
                    <a:lnTo>
                      <a:pt x="281" y="223"/>
                    </a:lnTo>
                    <a:lnTo>
                      <a:pt x="275" y="223"/>
                    </a:lnTo>
                    <a:lnTo>
                      <a:pt x="271" y="223"/>
                    </a:lnTo>
                    <a:lnTo>
                      <a:pt x="263" y="226"/>
                    </a:lnTo>
                    <a:lnTo>
                      <a:pt x="256" y="229"/>
                    </a:lnTo>
                    <a:lnTo>
                      <a:pt x="250" y="231"/>
                    </a:lnTo>
                    <a:lnTo>
                      <a:pt x="242" y="233"/>
                    </a:lnTo>
                    <a:lnTo>
                      <a:pt x="237" y="233"/>
                    </a:lnTo>
                    <a:lnTo>
                      <a:pt x="232" y="232"/>
                    </a:lnTo>
                    <a:lnTo>
                      <a:pt x="227" y="230"/>
                    </a:lnTo>
                    <a:lnTo>
                      <a:pt x="220" y="228"/>
                    </a:lnTo>
                    <a:lnTo>
                      <a:pt x="218" y="218"/>
                    </a:lnTo>
                    <a:lnTo>
                      <a:pt x="216" y="210"/>
                    </a:lnTo>
                    <a:lnTo>
                      <a:pt x="212" y="202"/>
                    </a:lnTo>
                    <a:lnTo>
                      <a:pt x="207" y="195"/>
                    </a:lnTo>
                    <a:lnTo>
                      <a:pt x="196" y="182"/>
                    </a:lnTo>
                    <a:lnTo>
                      <a:pt x="185" y="169"/>
                    </a:lnTo>
                    <a:lnTo>
                      <a:pt x="178" y="162"/>
                    </a:lnTo>
                    <a:lnTo>
                      <a:pt x="173" y="155"/>
                    </a:lnTo>
                    <a:lnTo>
                      <a:pt x="168" y="147"/>
                    </a:lnTo>
                    <a:lnTo>
                      <a:pt x="164" y="137"/>
                    </a:lnTo>
                    <a:lnTo>
                      <a:pt x="159" y="128"/>
                    </a:lnTo>
                    <a:lnTo>
                      <a:pt x="157" y="116"/>
                    </a:lnTo>
                    <a:lnTo>
                      <a:pt x="155" y="103"/>
                    </a:lnTo>
                    <a:lnTo>
                      <a:pt x="155" y="90"/>
                    </a:lnTo>
                    <a:lnTo>
                      <a:pt x="155" y="80"/>
                    </a:lnTo>
                    <a:lnTo>
                      <a:pt x="156" y="74"/>
                    </a:lnTo>
                    <a:lnTo>
                      <a:pt x="158" y="68"/>
                    </a:lnTo>
                    <a:lnTo>
                      <a:pt x="160" y="61"/>
                    </a:lnTo>
                    <a:lnTo>
                      <a:pt x="163" y="56"/>
                    </a:lnTo>
                    <a:lnTo>
                      <a:pt x="165" y="50"/>
                    </a:lnTo>
                    <a:lnTo>
                      <a:pt x="165" y="42"/>
                    </a:lnTo>
                    <a:lnTo>
                      <a:pt x="164" y="33"/>
                    </a:lnTo>
                    <a:lnTo>
                      <a:pt x="169" y="33"/>
                    </a:lnTo>
                    <a:lnTo>
                      <a:pt x="172" y="34"/>
                    </a:lnTo>
                    <a:lnTo>
                      <a:pt x="176" y="35"/>
                    </a:lnTo>
                    <a:lnTo>
                      <a:pt x="179" y="37"/>
                    </a:lnTo>
                    <a:lnTo>
                      <a:pt x="183" y="38"/>
                    </a:lnTo>
                    <a:lnTo>
                      <a:pt x="187" y="40"/>
                    </a:lnTo>
                    <a:lnTo>
                      <a:pt x="191" y="40"/>
                    </a:lnTo>
                    <a:lnTo>
                      <a:pt x="196" y="40"/>
                    </a:lnTo>
                    <a:lnTo>
                      <a:pt x="196" y="53"/>
                    </a:lnTo>
                    <a:lnTo>
                      <a:pt x="196" y="64"/>
                    </a:lnTo>
                    <a:lnTo>
                      <a:pt x="192" y="67"/>
                    </a:lnTo>
                    <a:lnTo>
                      <a:pt x="190" y="70"/>
                    </a:lnTo>
                    <a:lnTo>
                      <a:pt x="189" y="73"/>
                    </a:lnTo>
                    <a:lnTo>
                      <a:pt x="188" y="77"/>
                    </a:lnTo>
                    <a:lnTo>
                      <a:pt x="188" y="88"/>
                    </a:lnTo>
                    <a:lnTo>
                      <a:pt x="188" y="97"/>
                    </a:lnTo>
                    <a:lnTo>
                      <a:pt x="200" y="97"/>
                    </a:lnTo>
                    <a:lnTo>
                      <a:pt x="212" y="97"/>
                    </a:lnTo>
                    <a:lnTo>
                      <a:pt x="220" y="94"/>
                    </a:lnTo>
                    <a:lnTo>
                      <a:pt x="228" y="89"/>
                    </a:lnTo>
                    <a:lnTo>
                      <a:pt x="234" y="82"/>
                    </a:lnTo>
                    <a:lnTo>
                      <a:pt x="240" y="76"/>
                    </a:lnTo>
                    <a:lnTo>
                      <a:pt x="246" y="71"/>
                    </a:lnTo>
                    <a:lnTo>
                      <a:pt x="253" y="64"/>
                    </a:lnTo>
                    <a:lnTo>
                      <a:pt x="260" y="60"/>
                    </a:lnTo>
                    <a:lnTo>
                      <a:pt x="269" y="57"/>
                    </a:lnTo>
                    <a:lnTo>
                      <a:pt x="282" y="68"/>
                    </a:lnTo>
                    <a:lnTo>
                      <a:pt x="293" y="76"/>
                    </a:lnTo>
                    <a:lnTo>
                      <a:pt x="306" y="82"/>
                    </a:lnTo>
                    <a:lnTo>
                      <a:pt x="317" y="88"/>
                    </a:lnTo>
                    <a:lnTo>
                      <a:pt x="329" y="90"/>
                    </a:lnTo>
                    <a:lnTo>
                      <a:pt x="341" y="91"/>
                    </a:lnTo>
                    <a:lnTo>
                      <a:pt x="352" y="91"/>
                    </a:lnTo>
                    <a:lnTo>
                      <a:pt x="363" y="88"/>
                    </a:lnTo>
                    <a:lnTo>
                      <a:pt x="374" y="83"/>
                    </a:lnTo>
                    <a:lnTo>
                      <a:pt x="385" y="78"/>
                    </a:lnTo>
                    <a:lnTo>
                      <a:pt x="394" y="71"/>
                    </a:lnTo>
                    <a:lnTo>
                      <a:pt x="405" y="62"/>
                    </a:lnTo>
                    <a:lnTo>
                      <a:pt x="414" y="53"/>
                    </a:lnTo>
                    <a:lnTo>
                      <a:pt x="423" y="41"/>
                    </a:lnTo>
                    <a:lnTo>
                      <a:pt x="432" y="30"/>
                    </a:lnTo>
                    <a:lnTo>
                      <a:pt x="440" y="16"/>
                    </a:lnTo>
                    <a:lnTo>
                      <a:pt x="444" y="21"/>
                    </a:lnTo>
                    <a:lnTo>
                      <a:pt x="452" y="25"/>
                    </a:lnTo>
                    <a:lnTo>
                      <a:pt x="463" y="31"/>
                    </a:lnTo>
                    <a:lnTo>
                      <a:pt x="474" y="34"/>
                    </a:lnTo>
                    <a:lnTo>
                      <a:pt x="481" y="34"/>
                    </a:lnTo>
                    <a:lnTo>
                      <a:pt x="486" y="35"/>
                    </a:lnTo>
                    <a:lnTo>
                      <a:pt x="491" y="34"/>
                    </a:lnTo>
                    <a:lnTo>
                      <a:pt x="495" y="33"/>
                    </a:lnTo>
                    <a:lnTo>
                      <a:pt x="500" y="30"/>
                    </a:lnTo>
                    <a:lnTo>
                      <a:pt x="503" y="27"/>
                    </a:lnTo>
                    <a:lnTo>
                      <a:pt x="504" y="22"/>
                    </a:lnTo>
                    <a:lnTo>
                      <a:pt x="505" y="16"/>
                    </a:lnTo>
                    <a:lnTo>
                      <a:pt x="511" y="17"/>
                    </a:lnTo>
                    <a:lnTo>
                      <a:pt x="515" y="18"/>
                    </a:lnTo>
                    <a:lnTo>
                      <a:pt x="521" y="20"/>
                    </a:lnTo>
                    <a:lnTo>
                      <a:pt x="525" y="22"/>
                    </a:lnTo>
                    <a:lnTo>
                      <a:pt x="532" y="28"/>
                    </a:lnTo>
                    <a:lnTo>
                      <a:pt x="540" y="34"/>
                    </a:lnTo>
                    <a:lnTo>
                      <a:pt x="547" y="39"/>
                    </a:lnTo>
                    <a:lnTo>
                      <a:pt x="555" y="44"/>
                    </a:lnTo>
                    <a:lnTo>
                      <a:pt x="561" y="47"/>
                    </a:lnTo>
                    <a:lnTo>
                      <a:pt x="566" y="48"/>
                    </a:lnTo>
                    <a:lnTo>
                      <a:pt x="571" y="49"/>
                    </a:lnTo>
                    <a:lnTo>
                      <a:pt x="579" y="49"/>
                    </a:lnTo>
                    <a:lnTo>
                      <a:pt x="581" y="45"/>
                    </a:lnTo>
                    <a:lnTo>
                      <a:pt x="582" y="41"/>
                    </a:lnTo>
                    <a:lnTo>
                      <a:pt x="584" y="38"/>
                    </a:lnTo>
                    <a:lnTo>
                      <a:pt x="584" y="34"/>
                    </a:lnTo>
                    <a:lnTo>
                      <a:pt x="584" y="28"/>
                    </a:lnTo>
                    <a:lnTo>
                      <a:pt x="584" y="21"/>
                    </a:lnTo>
                    <a:lnTo>
                      <a:pt x="585" y="15"/>
                    </a:lnTo>
                    <a:lnTo>
                      <a:pt x="587" y="10"/>
                    </a:lnTo>
                    <a:lnTo>
                      <a:pt x="590" y="7"/>
                    </a:lnTo>
                    <a:lnTo>
                      <a:pt x="593" y="4"/>
                    </a:lnTo>
                    <a:lnTo>
                      <a:pt x="597" y="2"/>
                    </a:lnTo>
                    <a:lnTo>
                      <a:pt x="603" y="0"/>
                    </a:lnTo>
                    <a:lnTo>
                      <a:pt x="608" y="1"/>
                    </a:lnTo>
                    <a:lnTo>
                      <a:pt x="620" y="2"/>
                    </a:lnTo>
                    <a:lnTo>
                      <a:pt x="631" y="4"/>
                    </a:lnTo>
                    <a:lnTo>
                      <a:pt x="636" y="4"/>
                    </a:lnTo>
                    <a:lnTo>
                      <a:pt x="636" y="7"/>
                    </a:lnTo>
                    <a:lnTo>
                      <a:pt x="636" y="9"/>
                    </a:lnTo>
                    <a:lnTo>
                      <a:pt x="637" y="11"/>
                    </a:lnTo>
                    <a:lnTo>
                      <a:pt x="639" y="12"/>
                    </a:lnTo>
                    <a:lnTo>
                      <a:pt x="644" y="15"/>
                    </a:lnTo>
                    <a:lnTo>
                      <a:pt x="651" y="16"/>
                    </a:lnTo>
                    <a:lnTo>
                      <a:pt x="651" y="24"/>
                    </a:lnTo>
                    <a:lnTo>
                      <a:pt x="653" y="31"/>
                    </a:lnTo>
                    <a:lnTo>
                      <a:pt x="656" y="36"/>
                    </a:lnTo>
                    <a:lnTo>
                      <a:pt x="660" y="40"/>
                    </a:lnTo>
                    <a:lnTo>
                      <a:pt x="663" y="45"/>
                    </a:lnTo>
                    <a:lnTo>
                      <a:pt x="666" y="51"/>
                    </a:lnTo>
                    <a:lnTo>
                      <a:pt x="667" y="57"/>
                    </a:lnTo>
                    <a:lnTo>
                      <a:pt x="667" y="64"/>
                    </a:lnTo>
                    <a:lnTo>
                      <a:pt x="682" y="61"/>
                    </a:lnTo>
                    <a:lnTo>
                      <a:pt x="695" y="56"/>
                    </a:lnTo>
                    <a:lnTo>
                      <a:pt x="702" y="53"/>
                    </a:lnTo>
                    <a:lnTo>
                      <a:pt x="707" y="50"/>
                    </a:lnTo>
                    <a:lnTo>
                      <a:pt x="711" y="45"/>
                    </a:lnTo>
                    <a:lnTo>
                      <a:pt x="716" y="40"/>
                    </a:lnTo>
                    <a:lnTo>
                      <a:pt x="721" y="41"/>
                    </a:lnTo>
                    <a:lnTo>
                      <a:pt x="724" y="42"/>
                    </a:lnTo>
                    <a:lnTo>
                      <a:pt x="726" y="44"/>
                    </a:lnTo>
                    <a:lnTo>
                      <a:pt x="728" y="48"/>
                    </a:lnTo>
                    <a:lnTo>
                      <a:pt x="729" y="55"/>
                    </a:lnTo>
                    <a:lnTo>
                      <a:pt x="730" y="62"/>
                    </a:lnTo>
                    <a:lnTo>
                      <a:pt x="730" y="70"/>
                    </a:lnTo>
                    <a:lnTo>
                      <a:pt x="731" y="75"/>
                    </a:lnTo>
                    <a:lnTo>
                      <a:pt x="732" y="76"/>
                    </a:lnTo>
                    <a:lnTo>
                      <a:pt x="734" y="76"/>
                    </a:lnTo>
                    <a:lnTo>
                      <a:pt x="736" y="75"/>
                    </a:lnTo>
                    <a:lnTo>
                      <a:pt x="741" y="73"/>
                    </a:lnTo>
                    <a:lnTo>
                      <a:pt x="738" y="64"/>
                    </a:lnTo>
                    <a:lnTo>
                      <a:pt x="732" y="57"/>
                    </a:lnTo>
                    <a:lnTo>
                      <a:pt x="738" y="58"/>
                    </a:lnTo>
                    <a:lnTo>
                      <a:pt x="743" y="58"/>
                    </a:lnTo>
                    <a:lnTo>
                      <a:pt x="747" y="57"/>
                    </a:lnTo>
                    <a:lnTo>
                      <a:pt x="750" y="57"/>
                    </a:lnTo>
                    <a:lnTo>
                      <a:pt x="756" y="53"/>
                    </a:lnTo>
                    <a:lnTo>
                      <a:pt x="761" y="49"/>
                    </a:lnTo>
                    <a:lnTo>
                      <a:pt x="765" y="44"/>
                    </a:lnTo>
                    <a:lnTo>
                      <a:pt x="769" y="39"/>
                    </a:lnTo>
                    <a:lnTo>
                      <a:pt x="774" y="35"/>
                    </a:lnTo>
                    <a:lnTo>
                      <a:pt x="781" y="33"/>
                    </a:lnTo>
                    <a:lnTo>
                      <a:pt x="772" y="44"/>
                    </a:lnTo>
                    <a:lnTo>
                      <a:pt x="765" y="57"/>
                    </a:lnTo>
                    <a:lnTo>
                      <a:pt x="769" y="58"/>
                    </a:lnTo>
                    <a:lnTo>
                      <a:pt x="772" y="58"/>
                    </a:lnTo>
                    <a:lnTo>
                      <a:pt x="775" y="57"/>
                    </a:lnTo>
                    <a:lnTo>
                      <a:pt x="779" y="55"/>
                    </a:lnTo>
                    <a:lnTo>
                      <a:pt x="784" y="51"/>
                    </a:lnTo>
                    <a:lnTo>
                      <a:pt x="788" y="45"/>
                    </a:lnTo>
                    <a:lnTo>
                      <a:pt x="793" y="41"/>
                    </a:lnTo>
                    <a:lnTo>
                      <a:pt x="796" y="40"/>
                    </a:lnTo>
                    <a:lnTo>
                      <a:pt x="799" y="40"/>
                    </a:lnTo>
                    <a:lnTo>
                      <a:pt x="801" y="41"/>
                    </a:lnTo>
                    <a:lnTo>
                      <a:pt x="803" y="44"/>
                    </a:lnTo>
                    <a:lnTo>
                      <a:pt x="806" y="49"/>
                    </a:lnTo>
                    <a:lnTo>
                      <a:pt x="819" y="54"/>
                    </a:lnTo>
                    <a:lnTo>
                      <a:pt x="830" y="61"/>
                    </a:lnTo>
                    <a:lnTo>
                      <a:pt x="842" y="68"/>
                    </a:lnTo>
                    <a:lnTo>
                      <a:pt x="852" y="76"/>
                    </a:lnTo>
                    <a:lnTo>
                      <a:pt x="862" y="84"/>
                    </a:lnTo>
                    <a:lnTo>
                      <a:pt x="871" y="93"/>
                    </a:lnTo>
                    <a:lnTo>
                      <a:pt x="880" y="103"/>
                    </a:lnTo>
                    <a:lnTo>
                      <a:pt x="887" y="114"/>
                    </a:lnTo>
                    <a:lnTo>
                      <a:pt x="881" y="130"/>
                    </a:lnTo>
                    <a:lnTo>
                      <a:pt x="873" y="146"/>
                    </a:lnTo>
                    <a:lnTo>
                      <a:pt x="870" y="153"/>
                    </a:lnTo>
                    <a:lnTo>
                      <a:pt x="869" y="162"/>
                    </a:lnTo>
                    <a:lnTo>
                      <a:pt x="869" y="174"/>
                    </a:lnTo>
                    <a:lnTo>
                      <a:pt x="870" y="187"/>
                    </a:lnTo>
                    <a:lnTo>
                      <a:pt x="854" y="190"/>
                    </a:lnTo>
                    <a:lnTo>
                      <a:pt x="846" y="191"/>
                    </a:lnTo>
                    <a:lnTo>
                      <a:pt x="843" y="192"/>
                    </a:lnTo>
                    <a:lnTo>
                      <a:pt x="840" y="193"/>
                    </a:lnTo>
                    <a:lnTo>
                      <a:pt x="835" y="197"/>
                    </a:lnTo>
                    <a:lnTo>
                      <a:pt x="830" y="203"/>
                    </a:lnTo>
                    <a:lnTo>
                      <a:pt x="822" y="203"/>
                    </a:lnTo>
                    <a:lnTo>
                      <a:pt x="813" y="203"/>
                    </a:lnTo>
                    <a:lnTo>
                      <a:pt x="810" y="205"/>
                    </a:lnTo>
                    <a:lnTo>
                      <a:pt x="808" y="207"/>
                    </a:lnTo>
                    <a:lnTo>
                      <a:pt x="806" y="209"/>
                    </a:lnTo>
                    <a:lnTo>
                      <a:pt x="804" y="211"/>
                    </a:lnTo>
                    <a:lnTo>
                      <a:pt x="802" y="217"/>
                    </a:lnTo>
                    <a:lnTo>
                      <a:pt x="802" y="226"/>
                    </a:lnTo>
                    <a:lnTo>
                      <a:pt x="804" y="235"/>
                    </a:lnTo>
                    <a:lnTo>
                      <a:pt x="806" y="245"/>
                    </a:lnTo>
                    <a:lnTo>
                      <a:pt x="810" y="255"/>
                    </a:lnTo>
                    <a:lnTo>
                      <a:pt x="814" y="267"/>
                    </a:lnTo>
                    <a:lnTo>
                      <a:pt x="826" y="289"/>
                    </a:lnTo>
                    <a:lnTo>
                      <a:pt x="839" y="310"/>
                    </a:lnTo>
                    <a:lnTo>
                      <a:pt x="851" y="328"/>
                    </a:lnTo>
                    <a:lnTo>
                      <a:pt x="863" y="341"/>
                    </a:lnTo>
                    <a:lnTo>
                      <a:pt x="864" y="352"/>
                    </a:lnTo>
                    <a:lnTo>
                      <a:pt x="867" y="361"/>
                    </a:lnTo>
                    <a:lnTo>
                      <a:pt x="869" y="366"/>
                    </a:lnTo>
                    <a:lnTo>
                      <a:pt x="871" y="369"/>
                    </a:lnTo>
                    <a:lnTo>
                      <a:pt x="875" y="372"/>
                    </a:lnTo>
                    <a:lnTo>
                      <a:pt x="879" y="374"/>
                    </a:lnTo>
                    <a:lnTo>
                      <a:pt x="879" y="386"/>
                    </a:lnTo>
                    <a:lnTo>
                      <a:pt x="879" y="398"/>
                    </a:lnTo>
                    <a:lnTo>
                      <a:pt x="879" y="410"/>
                    </a:lnTo>
                    <a:lnTo>
                      <a:pt x="879" y="422"/>
                    </a:lnTo>
                    <a:lnTo>
                      <a:pt x="870" y="422"/>
                    </a:lnTo>
                    <a:lnTo>
                      <a:pt x="863" y="422"/>
                    </a:lnTo>
                    <a:lnTo>
                      <a:pt x="859" y="420"/>
                    </a:lnTo>
                    <a:lnTo>
                      <a:pt x="853" y="417"/>
                    </a:lnTo>
                    <a:lnTo>
                      <a:pt x="845" y="415"/>
                    </a:lnTo>
                    <a:lnTo>
                      <a:pt x="838" y="413"/>
                    </a:lnTo>
                    <a:lnTo>
                      <a:pt x="829" y="413"/>
                    </a:lnTo>
                    <a:lnTo>
                      <a:pt x="822" y="414"/>
                    </a:lnTo>
                    <a:lnTo>
                      <a:pt x="819" y="415"/>
                    </a:lnTo>
                    <a:lnTo>
                      <a:pt x="816" y="417"/>
                    </a:lnTo>
                    <a:lnTo>
                      <a:pt x="814" y="419"/>
                    </a:lnTo>
                    <a:lnTo>
                      <a:pt x="813" y="422"/>
                    </a:lnTo>
                    <a:lnTo>
                      <a:pt x="807" y="422"/>
                    </a:lnTo>
                    <a:lnTo>
                      <a:pt x="801" y="424"/>
                    </a:lnTo>
                    <a:lnTo>
                      <a:pt x="795" y="426"/>
                    </a:lnTo>
                    <a:lnTo>
                      <a:pt x="790" y="428"/>
                    </a:lnTo>
                    <a:lnTo>
                      <a:pt x="782" y="433"/>
                    </a:lnTo>
                    <a:lnTo>
                      <a:pt x="774" y="439"/>
                    </a:lnTo>
                    <a:lnTo>
                      <a:pt x="762" y="455"/>
                    </a:lnTo>
                    <a:lnTo>
                      <a:pt x="749" y="471"/>
                    </a:lnTo>
                    <a:lnTo>
                      <a:pt x="746" y="471"/>
                    </a:lnTo>
                    <a:lnTo>
                      <a:pt x="745" y="471"/>
                    </a:lnTo>
                    <a:lnTo>
                      <a:pt x="743" y="472"/>
                    </a:lnTo>
                    <a:lnTo>
                      <a:pt x="742" y="473"/>
                    </a:lnTo>
                    <a:lnTo>
                      <a:pt x="741" y="476"/>
                    </a:lnTo>
                    <a:lnTo>
                      <a:pt x="741" y="479"/>
                    </a:lnTo>
                    <a:lnTo>
                      <a:pt x="738" y="485"/>
                    </a:lnTo>
                    <a:lnTo>
                      <a:pt x="734" y="489"/>
                    </a:lnTo>
                    <a:lnTo>
                      <a:pt x="730" y="493"/>
                    </a:lnTo>
                    <a:lnTo>
                      <a:pt x="725" y="496"/>
                    </a:lnTo>
                    <a:lnTo>
                      <a:pt x="714" y="502"/>
                    </a:lnTo>
                    <a:lnTo>
                      <a:pt x="703" y="507"/>
                    </a:lnTo>
                    <a:lnTo>
                      <a:pt x="676" y="513"/>
                    </a:lnTo>
                    <a:lnTo>
                      <a:pt x="651" y="520"/>
                    </a:lnTo>
                    <a:lnTo>
                      <a:pt x="640" y="517"/>
                    </a:lnTo>
                    <a:lnTo>
                      <a:pt x="629" y="514"/>
                    </a:lnTo>
                    <a:lnTo>
                      <a:pt x="620" y="510"/>
                    </a:lnTo>
                    <a:lnTo>
                      <a:pt x="611" y="506"/>
                    </a:lnTo>
                    <a:lnTo>
                      <a:pt x="603" y="500"/>
                    </a:lnTo>
                    <a:lnTo>
                      <a:pt x="594" y="494"/>
                    </a:lnTo>
                    <a:lnTo>
                      <a:pt x="587" y="488"/>
                    </a:lnTo>
                    <a:lnTo>
                      <a:pt x="580" y="481"/>
                    </a:lnTo>
                    <a:lnTo>
                      <a:pt x="566" y="469"/>
                    </a:lnTo>
                    <a:lnTo>
                      <a:pt x="552" y="455"/>
                    </a:lnTo>
                    <a:lnTo>
                      <a:pt x="537" y="442"/>
                    </a:lnTo>
                    <a:lnTo>
                      <a:pt x="521" y="431"/>
                    </a:lnTo>
                    <a:lnTo>
                      <a:pt x="520" y="427"/>
                    </a:lnTo>
                    <a:lnTo>
                      <a:pt x="516" y="425"/>
                    </a:lnTo>
                    <a:lnTo>
                      <a:pt x="513" y="424"/>
                    </a:lnTo>
                    <a:lnTo>
                      <a:pt x="508" y="422"/>
                    </a:lnTo>
                    <a:lnTo>
                      <a:pt x="498" y="422"/>
                    </a:lnTo>
                    <a:lnTo>
                      <a:pt x="489" y="422"/>
                    </a:lnTo>
                    <a:lnTo>
                      <a:pt x="489" y="429"/>
                    </a:lnTo>
                    <a:lnTo>
                      <a:pt x="487" y="433"/>
                    </a:lnTo>
                    <a:lnTo>
                      <a:pt x="485" y="437"/>
                    </a:lnTo>
                    <a:lnTo>
                      <a:pt x="481" y="438"/>
                    </a:lnTo>
                    <a:lnTo>
                      <a:pt x="468" y="438"/>
                    </a:lnTo>
                    <a:lnTo>
                      <a:pt x="456" y="438"/>
                    </a:lnTo>
                    <a:lnTo>
                      <a:pt x="457" y="444"/>
                    </a:lnTo>
                    <a:lnTo>
                      <a:pt x="457" y="449"/>
                    </a:lnTo>
                    <a:lnTo>
                      <a:pt x="458" y="452"/>
                    </a:lnTo>
                    <a:lnTo>
                      <a:pt x="460" y="453"/>
                    </a:lnTo>
                    <a:lnTo>
                      <a:pt x="462" y="454"/>
                    </a:lnTo>
                    <a:lnTo>
                      <a:pt x="464" y="455"/>
                    </a:lnTo>
                    <a:lnTo>
                      <a:pt x="464" y="464"/>
                    </a:lnTo>
                    <a:lnTo>
                      <a:pt x="464" y="471"/>
                    </a:lnTo>
                    <a:lnTo>
                      <a:pt x="464" y="479"/>
                    </a:lnTo>
                    <a:lnTo>
                      <a:pt x="464" y="488"/>
                    </a:lnTo>
                    <a:lnTo>
                      <a:pt x="455" y="489"/>
                    </a:lnTo>
                    <a:lnTo>
                      <a:pt x="447" y="488"/>
                    </a:lnTo>
                    <a:lnTo>
                      <a:pt x="440" y="487"/>
                    </a:lnTo>
                    <a:lnTo>
                      <a:pt x="432" y="484"/>
                    </a:lnTo>
                    <a:lnTo>
                      <a:pt x="426" y="479"/>
                    </a:lnTo>
                    <a:lnTo>
                      <a:pt x="421" y="475"/>
                    </a:lnTo>
                    <a:lnTo>
                      <a:pt x="416" y="470"/>
                    </a:lnTo>
                    <a:lnTo>
                      <a:pt x="413" y="464"/>
                    </a:lnTo>
                    <a:lnTo>
                      <a:pt x="411" y="457"/>
                    </a:lnTo>
                    <a:lnTo>
                      <a:pt x="410" y="451"/>
                    </a:lnTo>
                    <a:lnTo>
                      <a:pt x="409" y="444"/>
                    </a:lnTo>
                    <a:lnTo>
                      <a:pt x="410" y="437"/>
                    </a:lnTo>
                    <a:lnTo>
                      <a:pt x="412" y="431"/>
                    </a:lnTo>
                    <a:lnTo>
                      <a:pt x="414" y="425"/>
                    </a:lnTo>
                    <a:lnTo>
                      <a:pt x="418" y="419"/>
                    </a:lnTo>
                    <a:lnTo>
                      <a:pt x="424" y="414"/>
                    </a:lnTo>
                    <a:lnTo>
                      <a:pt x="408" y="401"/>
                    </a:lnTo>
                    <a:lnTo>
                      <a:pt x="391" y="389"/>
                    </a:lnTo>
                    <a:lnTo>
                      <a:pt x="374" y="377"/>
                    </a:lnTo>
                    <a:lnTo>
                      <a:pt x="356" y="366"/>
                    </a:lnTo>
                    <a:lnTo>
                      <a:pt x="319" y="345"/>
                    </a:lnTo>
                    <a:lnTo>
                      <a:pt x="282" y="326"/>
                    </a:lnTo>
                    <a:lnTo>
                      <a:pt x="242" y="307"/>
                    </a:lnTo>
                    <a:lnTo>
                      <a:pt x="202" y="289"/>
                    </a:lnTo>
                    <a:lnTo>
                      <a:pt x="163" y="271"/>
                    </a:lnTo>
                    <a:lnTo>
                      <a:pt x="123" y="252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61" name="Vordingborg kant"/>
              <p:cNvSpPr>
                <a:spLocks/>
              </p:cNvSpPr>
              <p:nvPr/>
            </p:nvSpPr>
            <p:spPr bwMode="auto">
              <a:xfrm>
                <a:off x="3300413" y="5713413"/>
                <a:ext cx="468312" cy="274638"/>
              </a:xfrm>
              <a:custGeom>
                <a:avLst/>
                <a:gdLst>
                  <a:gd name="T0" fmla="*/ 19 w 887"/>
                  <a:gd name="T1" fmla="*/ 78 h 520"/>
                  <a:gd name="T2" fmla="*/ 1 w 887"/>
                  <a:gd name="T3" fmla="*/ 73 h 520"/>
                  <a:gd name="T4" fmla="*/ 5 w 887"/>
                  <a:gd name="T5" fmla="*/ 68 h 520"/>
                  <a:gd name="T6" fmla="*/ 37 w 887"/>
                  <a:gd name="T7" fmla="*/ 73 h 520"/>
                  <a:gd name="T8" fmla="*/ 86 w 887"/>
                  <a:gd name="T9" fmla="*/ 87 h 520"/>
                  <a:gd name="T10" fmla="*/ 108 w 887"/>
                  <a:gd name="T11" fmla="*/ 94 h 520"/>
                  <a:gd name="T12" fmla="*/ 98 w 887"/>
                  <a:gd name="T13" fmla="*/ 79 h 520"/>
                  <a:gd name="T14" fmla="*/ 87 w 887"/>
                  <a:gd name="T15" fmla="*/ 75 h 520"/>
                  <a:gd name="T16" fmla="*/ 75 w 887"/>
                  <a:gd name="T17" fmla="*/ 77 h 520"/>
                  <a:gd name="T18" fmla="*/ 65 w 887"/>
                  <a:gd name="T19" fmla="*/ 61 h 520"/>
                  <a:gd name="T20" fmla="*/ 53 w 887"/>
                  <a:gd name="T21" fmla="*/ 43 h 520"/>
                  <a:gd name="T22" fmla="*/ 53 w 887"/>
                  <a:gd name="T23" fmla="*/ 23 h 520"/>
                  <a:gd name="T24" fmla="*/ 56 w 887"/>
                  <a:gd name="T25" fmla="*/ 11 h 520"/>
                  <a:gd name="T26" fmla="*/ 64 w 887"/>
                  <a:gd name="T27" fmla="*/ 13 h 520"/>
                  <a:gd name="T28" fmla="*/ 63 w 887"/>
                  <a:gd name="T29" fmla="*/ 24 h 520"/>
                  <a:gd name="T30" fmla="*/ 73 w 887"/>
                  <a:gd name="T31" fmla="*/ 31 h 520"/>
                  <a:gd name="T32" fmla="*/ 86 w 887"/>
                  <a:gd name="T33" fmla="*/ 20 h 520"/>
                  <a:gd name="T34" fmla="*/ 109 w 887"/>
                  <a:gd name="T35" fmla="*/ 30 h 520"/>
                  <a:gd name="T36" fmla="*/ 131 w 887"/>
                  <a:gd name="T37" fmla="*/ 24 h 520"/>
                  <a:gd name="T38" fmla="*/ 148 w 887"/>
                  <a:gd name="T39" fmla="*/ 7 h 520"/>
                  <a:gd name="T40" fmla="*/ 163 w 887"/>
                  <a:gd name="T41" fmla="*/ 11 h 520"/>
                  <a:gd name="T42" fmla="*/ 170 w 887"/>
                  <a:gd name="T43" fmla="*/ 6 h 520"/>
                  <a:gd name="T44" fmla="*/ 182 w 887"/>
                  <a:gd name="T45" fmla="*/ 13 h 520"/>
                  <a:gd name="T46" fmla="*/ 193 w 887"/>
                  <a:gd name="T47" fmla="*/ 15 h 520"/>
                  <a:gd name="T48" fmla="*/ 195 w 887"/>
                  <a:gd name="T49" fmla="*/ 5 h 520"/>
                  <a:gd name="T50" fmla="*/ 202 w 887"/>
                  <a:gd name="T51" fmla="*/ 0 h 520"/>
                  <a:gd name="T52" fmla="*/ 212 w 887"/>
                  <a:gd name="T53" fmla="*/ 4 h 520"/>
                  <a:gd name="T54" fmla="*/ 218 w 887"/>
                  <a:gd name="T55" fmla="*/ 12 h 520"/>
                  <a:gd name="T56" fmla="*/ 227 w 887"/>
                  <a:gd name="T57" fmla="*/ 20 h 520"/>
                  <a:gd name="T58" fmla="*/ 240 w 887"/>
                  <a:gd name="T59" fmla="*/ 14 h 520"/>
                  <a:gd name="T60" fmla="*/ 243 w 887"/>
                  <a:gd name="T61" fmla="*/ 23 h 520"/>
                  <a:gd name="T62" fmla="*/ 245 w 887"/>
                  <a:gd name="T63" fmla="*/ 21 h 520"/>
                  <a:gd name="T64" fmla="*/ 251 w 887"/>
                  <a:gd name="T65" fmla="*/ 18 h 520"/>
                  <a:gd name="T66" fmla="*/ 257 w 887"/>
                  <a:gd name="T67" fmla="*/ 15 h 520"/>
                  <a:gd name="T68" fmla="*/ 261 w 887"/>
                  <a:gd name="T69" fmla="*/ 17 h 520"/>
                  <a:gd name="T70" fmla="*/ 267 w 887"/>
                  <a:gd name="T71" fmla="*/ 15 h 520"/>
                  <a:gd name="T72" fmla="*/ 287 w 887"/>
                  <a:gd name="T73" fmla="*/ 28 h 520"/>
                  <a:gd name="T74" fmla="*/ 289 w 887"/>
                  <a:gd name="T75" fmla="*/ 51 h 520"/>
                  <a:gd name="T76" fmla="*/ 280 w 887"/>
                  <a:gd name="T77" fmla="*/ 64 h 520"/>
                  <a:gd name="T78" fmla="*/ 269 w 887"/>
                  <a:gd name="T79" fmla="*/ 68 h 520"/>
                  <a:gd name="T80" fmla="*/ 267 w 887"/>
                  <a:gd name="T81" fmla="*/ 78 h 520"/>
                  <a:gd name="T82" fmla="*/ 283 w 887"/>
                  <a:gd name="T83" fmla="*/ 109 h 520"/>
                  <a:gd name="T84" fmla="*/ 291 w 887"/>
                  <a:gd name="T85" fmla="*/ 124 h 520"/>
                  <a:gd name="T86" fmla="*/ 289 w 887"/>
                  <a:gd name="T87" fmla="*/ 140 h 520"/>
                  <a:gd name="T88" fmla="*/ 276 w 887"/>
                  <a:gd name="T89" fmla="*/ 137 h 520"/>
                  <a:gd name="T90" fmla="*/ 268 w 887"/>
                  <a:gd name="T91" fmla="*/ 140 h 520"/>
                  <a:gd name="T92" fmla="*/ 253 w 887"/>
                  <a:gd name="T93" fmla="*/ 151 h 520"/>
                  <a:gd name="T94" fmla="*/ 246 w 887"/>
                  <a:gd name="T95" fmla="*/ 158 h 520"/>
                  <a:gd name="T96" fmla="*/ 237 w 887"/>
                  <a:gd name="T97" fmla="*/ 167 h 520"/>
                  <a:gd name="T98" fmla="*/ 206 w 887"/>
                  <a:gd name="T99" fmla="*/ 170 h 520"/>
                  <a:gd name="T100" fmla="*/ 188 w 887"/>
                  <a:gd name="T101" fmla="*/ 156 h 520"/>
                  <a:gd name="T102" fmla="*/ 171 w 887"/>
                  <a:gd name="T103" fmla="*/ 141 h 520"/>
                  <a:gd name="T104" fmla="*/ 161 w 887"/>
                  <a:gd name="T105" fmla="*/ 145 h 520"/>
                  <a:gd name="T106" fmla="*/ 152 w 887"/>
                  <a:gd name="T107" fmla="*/ 150 h 520"/>
                  <a:gd name="T108" fmla="*/ 154 w 887"/>
                  <a:gd name="T109" fmla="*/ 159 h 520"/>
                  <a:gd name="T110" fmla="*/ 142 w 887"/>
                  <a:gd name="T111" fmla="*/ 159 h 520"/>
                  <a:gd name="T112" fmla="*/ 136 w 887"/>
                  <a:gd name="T113" fmla="*/ 148 h 520"/>
                  <a:gd name="T114" fmla="*/ 136 w 887"/>
                  <a:gd name="T115" fmla="*/ 133 h 520"/>
                  <a:gd name="T116" fmla="*/ 80 w 887"/>
                  <a:gd name="T117" fmla="*/ 102 h 520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0" t="0" r="r" b="b"/>
                <a:pathLst>
                  <a:path w="887" h="520">
                    <a:moveTo>
                      <a:pt x="123" y="252"/>
                    </a:moveTo>
                    <a:lnTo>
                      <a:pt x="101" y="249"/>
                    </a:lnTo>
                    <a:lnTo>
                      <a:pt x="81" y="245"/>
                    </a:lnTo>
                    <a:lnTo>
                      <a:pt x="72" y="242"/>
                    </a:lnTo>
                    <a:lnTo>
                      <a:pt x="64" y="238"/>
                    </a:lnTo>
                    <a:lnTo>
                      <a:pt x="56" y="234"/>
                    </a:lnTo>
                    <a:lnTo>
                      <a:pt x="50" y="228"/>
                    </a:lnTo>
                    <a:lnTo>
                      <a:pt x="33" y="228"/>
                    </a:lnTo>
                    <a:lnTo>
                      <a:pt x="17" y="227"/>
                    </a:lnTo>
                    <a:lnTo>
                      <a:pt x="11" y="226"/>
                    </a:lnTo>
                    <a:lnTo>
                      <a:pt x="6" y="222"/>
                    </a:lnTo>
                    <a:lnTo>
                      <a:pt x="4" y="220"/>
                    </a:lnTo>
                    <a:lnTo>
                      <a:pt x="3" y="218"/>
                    </a:lnTo>
                    <a:lnTo>
                      <a:pt x="1" y="215"/>
                    </a:lnTo>
                    <a:lnTo>
                      <a:pt x="0" y="211"/>
                    </a:lnTo>
                    <a:lnTo>
                      <a:pt x="5" y="208"/>
                    </a:lnTo>
                    <a:lnTo>
                      <a:pt x="10" y="206"/>
                    </a:lnTo>
                    <a:lnTo>
                      <a:pt x="15" y="205"/>
                    </a:lnTo>
                    <a:lnTo>
                      <a:pt x="21" y="203"/>
                    </a:lnTo>
                    <a:lnTo>
                      <a:pt x="35" y="202"/>
                    </a:lnTo>
                    <a:lnTo>
                      <a:pt x="50" y="203"/>
                    </a:lnTo>
                    <a:lnTo>
                      <a:pt x="70" y="209"/>
                    </a:lnTo>
                    <a:lnTo>
                      <a:pt x="91" y="215"/>
                    </a:lnTo>
                    <a:lnTo>
                      <a:pt x="111" y="220"/>
                    </a:lnTo>
                    <a:lnTo>
                      <a:pt x="131" y="228"/>
                    </a:lnTo>
                    <a:lnTo>
                      <a:pt x="155" y="235"/>
                    </a:lnTo>
                    <a:lnTo>
                      <a:pt x="180" y="242"/>
                    </a:lnTo>
                    <a:lnTo>
                      <a:pt x="207" y="249"/>
                    </a:lnTo>
                    <a:lnTo>
                      <a:pt x="233" y="255"/>
                    </a:lnTo>
                    <a:lnTo>
                      <a:pt x="258" y="262"/>
                    </a:lnTo>
                    <a:lnTo>
                      <a:pt x="283" y="271"/>
                    </a:lnTo>
                    <a:lnTo>
                      <a:pt x="294" y="275"/>
                    </a:lnTo>
                    <a:lnTo>
                      <a:pt x="306" y="280"/>
                    </a:lnTo>
                    <a:lnTo>
                      <a:pt x="316" y="287"/>
                    </a:lnTo>
                    <a:lnTo>
                      <a:pt x="326" y="293"/>
                    </a:lnTo>
                    <a:lnTo>
                      <a:pt x="324" y="283"/>
                    </a:lnTo>
                    <a:lnTo>
                      <a:pt x="319" y="275"/>
                    </a:lnTo>
                    <a:lnTo>
                      <a:pt x="314" y="268"/>
                    </a:lnTo>
                    <a:lnTo>
                      <a:pt x="309" y="260"/>
                    </a:lnTo>
                    <a:lnTo>
                      <a:pt x="304" y="253"/>
                    </a:lnTo>
                    <a:lnTo>
                      <a:pt x="299" y="246"/>
                    </a:lnTo>
                    <a:lnTo>
                      <a:pt x="295" y="237"/>
                    </a:lnTo>
                    <a:lnTo>
                      <a:pt x="293" y="228"/>
                    </a:lnTo>
                    <a:lnTo>
                      <a:pt x="287" y="226"/>
                    </a:lnTo>
                    <a:lnTo>
                      <a:pt x="281" y="223"/>
                    </a:lnTo>
                    <a:lnTo>
                      <a:pt x="275" y="223"/>
                    </a:lnTo>
                    <a:lnTo>
                      <a:pt x="271" y="223"/>
                    </a:lnTo>
                    <a:lnTo>
                      <a:pt x="263" y="226"/>
                    </a:lnTo>
                    <a:lnTo>
                      <a:pt x="256" y="229"/>
                    </a:lnTo>
                    <a:lnTo>
                      <a:pt x="250" y="231"/>
                    </a:lnTo>
                    <a:lnTo>
                      <a:pt x="242" y="233"/>
                    </a:lnTo>
                    <a:lnTo>
                      <a:pt x="237" y="233"/>
                    </a:lnTo>
                    <a:lnTo>
                      <a:pt x="232" y="232"/>
                    </a:lnTo>
                    <a:lnTo>
                      <a:pt x="227" y="230"/>
                    </a:lnTo>
                    <a:lnTo>
                      <a:pt x="220" y="228"/>
                    </a:lnTo>
                    <a:lnTo>
                      <a:pt x="218" y="218"/>
                    </a:lnTo>
                    <a:lnTo>
                      <a:pt x="216" y="210"/>
                    </a:lnTo>
                    <a:lnTo>
                      <a:pt x="212" y="202"/>
                    </a:lnTo>
                    <a:lnTo>
                      <a:pt x="207" y="195"/>
                    </a:lnTo>
                    <a:lnTo>
                      <a:pt x="196" y="182"/>
                    </a:lnTo>
                    <a:lnTo>
                      <a:pt x="185" y="169"/>
                    </a:lnTo>
                    <a:lnTo>
                      <a:pt x="178" y="162"/>
                    </a:lnTo>
                    <a:lnTo>
                      <a:pt x="173" y="155"/>
                    </a:lnTo>
                    <a:lnTo>
                      <a:pt x="168" y="147"/>
                    </a:lnTo>
                    <a:lnTo>
                      <a:pt x="164" y="137"/>
                    </a:lnTo>
                    <a:lnTo>
                      <a:pt x="159" y="128"/>
                    </a:lnTo>
                    <a:lnTo>
                      <a:pt x="157" y="116"/>
                    </a:lnTo>
                    <a:lnTo>
                      <a:pt x="155" y="103"/>
                    </a:lnTo>
                    <a:lnTo>
                      <a:pt x="155" y="90"/>
                    </a:lnTo>
                    <a:lnTo>
                      <a:pt x="155" y="80"/>
                    </a:lnTo>
                    <a:lnTo>
                      <a:pt x="156" y="74"/>
                    </a:lnTo>
                    <a:lnTo>
                      <a:pt x="158" y="68"/>
                    </a:lnTo>
                    <a:lnTo>
                      <a:pt x="160" y="61"/>
                    </a:lnTo>
                    <a:lnTo>
                      <a:pt x="163" y="56"/>
                    </a:lnTo>
                    <a:lnTo>
                      <a:pt x="165" y="50"/>
                    </a:lnTo>
                    <a:lnTo>
                      <a:pt x="165" y="42"/>
                    </a:lnTo>
                    <a:lnTo>
                      <a:pt x="164" y="33"/>
                    </a:lnTo>
                    <a:lnTo>
                      <a:pt x="169" y="33"/>
                    </a:lnTo>
                    <a:lnTo>
                      <a:pt x="172" y="34"/>
                    </a:lnTo>
                    <a:lnTo>
                      <a:pt x="176" y="35"/>
                    </a:lnTo>
                    <a:lnTo>
                      <a:pt x="179" y="37"/>
                    </a:lnTo>
                    <a:lnTo>
                      <a:pt x="183" y="38"/>
                    </a:lnTo>
                    <a:lnTo>
                      <a:pt x="187" y="40"/>
                    </a:lnTo>
                    <a:lnTo>
                      <a:pt x="191" y="40"/>
                    </a:lnTo>
                    <a:lnTo>
                      <a:pt x="196" y="40"/>
                    </a:lnTo>
                    <a:lnTo>
                      <a:pt x="196" y="53"/>
                    </a:lnTo>
                    <a:lnTo>
                      <a:pt x="196" y="64"/>
                    </a:lnTo>
                    <a:lnTo>
                      <a:pt x="192" y="67"/>
                    </a:lnTo>
                    <a:lnTo>
                      <a:pt x="190" y="70"/>
                    </a:lnTo>
                    <a:lnTo>
                      <a:pt x="189" y="73"/>
                    </a:lnTo>
                    <a:lnTo>
                      <a:pt x="188" y="77"/>
                    </a:lnTo>
                    <a:lnTo>
                      <a:pt x="188" y="88"/>
                    </a:lnTo>
                    <a:lnTo>
                      <a:pt x="188" y="97"/>
                    </a:lnTo>
                    <a:lnTo>
                      <a:pt x="200" y="97"/>
                    </a:lnTo>
                    <a:lnTo>
                      <a:pt x="212" y="97"/>
                    </a:lnTo>
                    <a:lnTo>
                      <a:pt x="220" y="94"/>
                    </a:lnTo>
                    <a:lnTo>
                      <a:pt x="228" y="89"/>
                    </a:lnTo>
                    <a:lnTo>
                      <a:pt x="234" y="82"/>
                    </a:lnTo>
                    <a:lnTo>
                      <a:pt x="240" y="76"/>
                    </a:lnTo>
                    <a:lnTo>
                      <a:pt x="246" y="71"/>
                    </a:lnTo>
                    <a:lnTo>
                      <a:pt x="253" y="64"/>
                    </a:lnTo>
                    <a:lnTo>
                      <a:pt x="260" y="60"/>
                    </a:lnTo>
                    <a:lnTo>
                      <a:pt x="269" y="57"/>
                    </a:lnTo>
                    <a:lnTo>
                      <a:pt x="282" y="68"/>
                    </a:lnTo>
                    <a:lnTo>
                      <a:pt x="293" y="76"/>
                    </a:lnTo>
                    <a:lnTo>
                      <a:pt x="306" y="82"/>
                    </a:lnTo>
                    <a:lnTo>
                      <a:pt x="317" y="88"/>
                    </a:lnTo>
                    <a:lnTo>
                      <a:pt x="329" y="90"/>
                    </a:lnTo>
                    <a:lnTo>
                      <a:pt x="341" y="91"/>
                    </a:lnTo>
                    <a:lnTo>
                      <a:pt x="352" y="91"/>
                    </a:lnTo>
                    <a:lnTo>
                      <a:pt x="363" y="88"/>
                    </a:lnTo>
                    <a:lnTo>
                      <a:pt x="374" y="83"/>
                    </a:lnTo>
                    <a:lnTo>
                      <a:pt x="385" y="78"/>
                    </a:lnTo>
                    <a:lnTo>
                      <a:pt x="394" y="71"/>
                    </a:lnTo>
                    <a:lnTo>
                      <a:pt x="405" y="62"/>
                    </a:lnTo>
                    <a:lnTo>
                      <a:pt x="414" y="53"/>
                    </a:lnTo>
                    <a:lnTo>
                      <a:pt x="423" y="41"/>
                    </a:lnTo>
                    <a:lnTo>
                      <a:pt x="432" y="30"/>
                    </a:lnTo>
                    <a:lnTo>
                      <a:pt x="440" y="16"/>
                    </a:lnTo>
                    <a:lnTo>
                      <a:pt x="444" y="21"/>
                    </a:lnTo>
                    <a:lnTo>
                      <a:pt x="452" y="25"/>
                    </a:lnTo>
                    <a:lnTo>
                      <a:pt x="463" y="31"/>
                    </a:lnTo>
                    <a:lnTo>
                      <a:pt x="474" y="34"/>
                    </a:lnTo>
                    <a:lnTo>
                      <a:pt x="481" y="34"/>
                    </a:lnTo>
                    <a:lnTo>
                      <a:pt x="486" y="35"/>
                    </a:lnTo>
                    <a:lnTo>
                      <a:pt x="491" y="34"/>
                    </a:lnTo>
                    <a:lnTo>
                      <a:pt x="495" y="33"/>
                    </a:lnTo>
                    <a:lnTo>
                      <a:pt x="500" y="30"/>
                    </a:lnTo>
                    <a:lnTo>
                      <a:pt x="503" y="27"/>
                    </a:lnTo>
                    <a:lnTo>
                      <a:pt x="504" y="22"/>
                    </a:lnTo>
                    <a:lnTo>
                      <a:pt x="505" y="16"/>
                    </a:lnTo>
                    <a:lnTo>
                      <a:pt x="511" y="17"/>
                    </a:lnTo>
                    <a:lnTo>
                      <a:pt x="515" y="18"/>
                    </a:lnTo>
                    <a:lnTo>
                      <a:pt x="521" y="20"/>
                    </a:lnTo>
                    <a:lnTo>
                      <a:pt x="525" y="22"/>
                    </a:lnTo>
                    <a:lnTo>
                      <a:pt x="532" y="28"/>
                    </a:lnTo>
                    <a:lnTo>
                      <a:pt x="540" y="34"/>
                    </a:lnTo>
                    <a:lnTo>
                      <a:pt x="547" y="39"/>
                    </a:lnTo>
                    <a:lnTo>
                      <a:pt x="555" y="44"/>
                    </a:lnTo>
                    <a:lnTo>
                      <a:pt x="561" y="47"/>
                    </a:lnTo>
                    <a:lnTo>
                      <a:pt x="566" y="48"/>
                    </a:lnTo>
                    <a:lnTo>
                      <a:pt x="571" y="49"/>
                    </a:lnTo>
                    <a:lnTo>
                      <a:pt x="579" y="49"/>
                    </a:lnTo>
                    <a:lnTo>
                      <a:pt x="581" y="45"/>
                    </a:lnTo>
                    <a:lnTo>
                      <a:pt x="582" y="41"/>
                    </a:lnTo>
                    <a:lnTo>
                      <a:pt x="584" y="38"/>
                    </a:lnTo>
                    <a:lnTo>
                      <a:pt x="584" y="34"/>
                    </a:lnTo>
                    <a:lnTo>
                      <a:pt x="584" y="28"/>
                    </a:lnTo>
                    <a:lnTo>
                      <a:pt x="584" y="21"/>
                    </a:lnTo>
                    <a:lnTo>
                      <a:pt x="585" y="15"/>
                    </a:lnTo>
                    <a:lnTo>
                      <a:pt x="587" y="10"/>
                    </a:lnTo>
                    <a:lnTo>
                      <a:pt x="590" y="7"/>
                    </a:lnTo>
                    <a:lnTo>
                      <a:pt x="593" y="4"/>
                    </a:lnTo>
                    <a:lnTo>
                      <a:pt x="597" y="2"/>
                    </a:lnTo>
                    <a:lnTo>
                      <a:pt x="603" y="0"/>
                    </a:lnTo>
                    <a:lnTo>
                      <a:pt x="608" y="1"/>
                    </a:lnTo>
                    <a:lnTo>
                      <a:pt x="620" y="2"/>
                    </a:lnTo>
                    <a:lnTo>
                      <a:pt x="631" y="4"/>
                    </a:lnTo>
                    <a:lnTo>
                      <a:pt x="636" y="4"/>
                    </a:lnTo>
                    <a:lnTo>
                      <a:pt x="636" y="7"/>
                    </a:lnTo>
                    <a:lnTo>
                      <a:pt x="636" y="9"/>
                    </a:lnTo>
                    <a:lnTo>
                      <a:pt x="637" y="11"/>
                    </a:lnTo>
                    <a:lnTo>
                      <a:pt x="639" y="12"/>
                    </a:lnTo>
                    <a:lnTo>
                      <a:pt x="644" y="15"/>
                    </a:lnTo>
                    <a:lnTo>
                      <a:pt x="651" y="16"/>
                    </a:lnTo>
                    <a:lnTo>
                      <a:pt x="651" y="24"/>
                    </a:lnTo>
                    <a:lnTo>
                      <a:pt x="653" y="31"/>
                    </a:lnTo>
                    <a:lnTo>
                      <a:pt x="656" y="36"/>
                    </a:lnTo>
                    <a:lnTo>
                      <a:pt x="660" y="40"/>
                    </a:lnTo>
                    <a:lnTo>
                      <a:pt x="663" y="45"/>
                    </a:lnTo>
                    <a:lnTo>
                      <a:pt x="666" y="51"/>
                    </a:lnTo>
                    <a:lnTo>
                      <a:pt x="667" y="57"/>
                    </a:lnTo>
                    <a:lnTo>
                      <a:pt x="667" y="64"/>
                    </a:lnTo>
                    <a:lnTo>
                      <a:pt x="682" y="61"/>
                    </a:lnTo>
                    <a:lnTo>
                      <a:pt x="695" y="56"/>
                    </a:lnTo>
                    <a:lnTo>
                      <a:pt x="702" y="53"/>
                    </a:lnTo>
                    <a:lnTo>
                      <a:pt x="707" y="50"/>
                    </a:lnTo>
                    <a:lnTo>
                      <a:pt x="711" y="45"/>
                    </a:lnTo>
                    <a:lnTo>
                      <a:pt x="716" y="40"/>
                    </a:lnTo>
                    <a:lnTo>
                      <a:pt x="721" y="41"/>
                    </a:lnTo>
                    <a:lnTo>
                      <a:pt x="724" y="42"/>
                    </a:lnTo>
                    <a:lnTo>
                      <a:pt x="726" y="44"/>
                    </a:lnTo>
                    <a:lnTo>
                      <a:pt x="728" y="48"/>
                    </a:lnTo>
                    <a:lnTo>
                      <a:pt x="729" y="55"/>
                    </a:lnTo>
                    <a:lnTo>
                      <a:pt x="730" y="62"/>
                    </a:lnTo>
                    <a:lnTo>
                      <a:pt x="730" y="70"/>
                    </a:lnTo>
                    <a:lnTo>
                      <a:pt x="731" y="75"/>
                    </a:lnTo>
                    <a:lnTo>
                      <a:pt x="732" y="76"/>
                    </a:lnTo>
                    <a:lnTo>
                      <a:pt x="734" y="76"/>
                    </a:lnTo>
                    <a:lnTo>
                      <a:pt x="736" y="75"/>
                    </a:lnTo>
                    <a:lnTo>
                      <a:pt x="741" y="73"/>
                    </a:lnTo>
                    <a:lnTo>
                      <a:pt x="738" y="64"/>
                    </a:lnTo>
                    <a:lnTo>
                      <a:pt x="732" y="57"/>
                    </a:lnTo>
                    <a:lnTo>
                      <a:pt x="738" y="58"/>
                    </a:lnTo>
                    <a:lnTo>
                      <a:pt x="743" y="58"/>
                    </a:lnTo>
                    <a:lnTo>
                      <a:pt x="747" y="57"/>
                    </a:lnTo>
                    <a:lnTo>
                      <a:pt x="750" y="57"/>
                    </a:lnTo>
                    <a:lnTo>
                      <a:pt x="756" y="53"/>
                    </a:lnTo>
                    <a:lnTo>
                      <a:pt x="761" y="49"/>
                    </a:lnTo>
                    <a:lnTo>
                      <a:pt x="765" y="44"/>
                    </a:lnTo>
                    <a:lnTo>
                      <a:pt x="769" y="39"/>
                    </a:lnTo>
                    <a:lnTo>
                      <a:pt x="774" y="35"/>
                    </a:lnTo>
                    <a:lnTo>
                      <a:pt x="781" y="33"/>
                    </a:lnTo>
                    <a:lnTo>
                      <a:pt x="772" y="44"/>
                    </a:lnTo>
                    <a:lnTo>
                      <a:pt x="765" y="57"/>
                    </a:lnTo>
                    <a:lnTo>
                      <a:pt x="769" y="58"/>
                    </a:lnTo>
                    <a:lnTo>
                      <a:pt x="772" y="58"/>
                    </a:lnTo>
                    <a:lnTo>
                      <a:pt x="775" y="57"/>
                    </a:lnTo>
                    <a:lnTo>
                      <a:pt x="779" y="55"/>
                    </a:lnTo>
                    <a:lnTo>
                      <a:pt x="784" y="51"/>
                    </a:lnTo>
                    <a:lnTo>
                      <a:pt x="788" y="45"/>
                    </a:lnTo>
                    <a:lnTo>
                      <a:pt x="793" y="41"/>
                    </a:lnTo>
                    <a:lnTo>
                      <a:pt x="796" y="40"/>
                    </a:lnTo>
                    <a:lnTo>
                      <a:pt x="799" y="40"/>
                    </a:lnTo>
                    <a:lnTo>
                      <a:pt x="801" y="41"/>
                    </a:lnTo>
                    <a:lnTo>
                      <a:pt x="803" y="44"/>
                    </a:lnTo>
                    <a:lnTo>
                      <a:pt x="806" y="49"/>
                    </a:lnTo>
                    <a:lnTo>
                      <a:pt x="819" y="54"/>
                    </a:lnTo>
                    <a:lnTo>
                      <a:pt x="830" y="61"/>
                    </a:lnTo>
                    <a:lnTo>
                      <a:pt x="842" y="68"/>
                    </a:lnTo>
                    <a:lnTo>
                      <a:pt x="852" y="76"/>
                    </a:lnTo>
                    <a:lnTo>
                      <a:pt x="862" y="84"/>
                    </a:lnTo>
                    <a:lnTo>
                      <a:pt x="871" y="93"/>
                    </a:lnTo>
                    <a:lnTo>
                      <a:pt x="880" y="103"/>
                    </a:lnTo>
                    <a:lnTo>
                      <a:pt x="887" y="114"/>
                    </a:lnTo>
                    <a:lnTo>
                      <a:pt x="881" y="130"/>
                    </a:lnTo>
                    <a:lnTo>
                      <a:pt x="873" y="146"/>
                    </a:lnTo>
                    <a:lnTo>
                      <a:pt x="870" y="153"/>
                    </a:lnTo>
                    <a:lnTo>
                      <a:pt x="869" y="162"/>
                    </a:lnTo>
                    <a:lnTo>
                      <a:pt x="869" y="174"/>
                    </a:lnTo>
                    <a:lnTo>
                      <a:pt x="870" y="187"/>
                    </a:lnTo>
                    <a:lnTo>
                      <a:pt x="854" y="190"/>
                    </a:lnTo>
                    <a:lnTo>
                      <a:pt x="846" y="191"/>
                    </a:lnTo>
                    <a:lnTo>
                      <a:pt x="843" y="192"/>
                    </a:lnTo>
                    <a:lnTo>
                      <a:pt x="840" y="193"/>
                    </a:lnTo>
                    <a:lnTo>
                      <a:pt x="835" y="197"/>
                    </a:lnTo>
                    <a:lnTo>
                      <a:pt x="830" y="203"/>
                    </a:lnTo>
                    <a:lnTo>
                      <a:pt x="822" y="203"/>
                    </a:lnTo>
                    <a:lnTo>
                      <a:pt x="813" y="203"/>
                    </a:lnTo>
                    <a:lnTo>
                      <a:pt x="810" y="205"/>
                    </a:lnTo>
                    <a:lnTo>
                      <a:pt x="808" y="207"/>
                    </a:lnTo>
                    <a:lnTo>
                      <a:pt x="806" y="209"/>
                    </a:lnTo>
                    <a:lnTo>
                      <a:pt x="804" y="211"/>
                    </a:lnTo>
                    <a:lnTo>
                      <a:pt x="802" y="217"/>
                    </a:lnTo>
                    <a:lnTo>
                      <a:pt x="802" y="226"/>
                    </a:lnTo>
                    <a:lnTo>
                      <a:pt x="804" y="235"/>
                    </a:lnTo>
                    <a:lnTo>
                      <a:pt x="806" y="245"/>
                    </a:lnTo>
                    <a:lnTo>
                      <a:pt x="810" y="255"/>
                    </a:lnTo>
                    <a:lnTo>
                      <a:pt x="814" y="267"/>
                    </a:lnTo>
                    <a:lnTo>
                      <a:pt x="826" y="289"/>
                    </a:lnTo>
                    <a:lnTo>
                      <a:pt x="839" y="310"/>
                    </a:lnTo>
                    <a:lnTo>
                      <a:pt x="851" y="328"/>
                    </a:lnTo>
                    <a:lnTo>
                      <a:pt x="863" y="341"/>
                    </a:lnTo>
                    <a:lnTo>
                      <a:pt x="864" y="352"/>
                    </a:lnTo>
                    <a:lnTo>
                      <a:pt x="867" y="361"/>
                    </a:lnTo>
                    <a:lnTo>
                      <a:pt x="869" y="366"/>
                    </a:lnTo>
                    <a:lnTo>
                      <a:pt x="871" y="369"/>
                    </a:lnTo>
                    <a:lnTo>
                      <a:pt x="875" y="372"/>
                    </a:lnTo>
                    <a:lnTo>
                      <a:pt x="879" y="374"/>
                    </a:lnTo>
                    <a:lnTo>
                      <a:pt x="879" y="386"/>
                    </a:lnTo>
                    <a:lnTo>
                      <a:pt x="879" y="398"/>
                    </a:lnTo>
                    <a:lnTo>
                      <a:pt x="879" y="410"/>
                    </a:lnTo>
                    <a:lnTo>
                      <a:pt x="879" y="422"/>
                    </a:lnTo>
                    <a:lnTo>
                      <a:pt x="870" y="422"/>
                    </a:lnTo>
                    <a:lnTo>
                      <a:pt x="863" y="422"/>
                    </a:lnTo>
                    <a:lnTo>
                      <a:pt x="859" y="420"/>
                    </a:lnTo>
                    <a:lnTo>
                      <a:pt x="853" y="417"/>
                    </a:lnTo>
                    <a:lnTo>
                      <a:pt x="845" y="415"/>
                    </a:lnTo>
                    <a:lnTo>
                      <a:pt x="838" y="413"/>
                    </a:lnTo>
                    <a:lnTo>
                      <a:pt x="829" y="413"/>
                    </a:lnTo>
                    <a:lnTo>
                      <a:pt x="822" y="414"/>
                    </a:lnTo>
                    <a:lnTo>
                      <a:pt x="819" y="415"/>
                    </a:lnTo>
                    <a:lnTo>
                      <a:pt x="816" y="417"/>
                    </a:lnTo>
                    <a:lnTo>
                      <a:pt x="814" y="419"/>
                    </a:lnTo>
                    <a:lnTo>
                      <a:pt x="813" y="422"/>
                    </a:lnTo>
                    <a:lnTo>
                      <a:pt x="807" y="422"/>
                    </a:lnTo>
                    <a:lnTo>
                      <a:pt x="801" y="424"/>
                    </a:lnTo>
                    <a:lnTo>
                      <a:pt x="795" y="426"/>
                    </a:lnTo>
                    <a:lnTo>
                      <a:pt x="790" y="428"/>
                    </a:lnTo>
                    <a:lnTo>
                      <a:pt x="782" y="433"/>
                    </a:lnTo>
                    <a:lnTo>
                      <a:pt x="774" y="439"/>
                    </a:lnTo>
                    <a:lnTo>
                      <a:pt x="762" y="455"/>
                    </a:lnTo>
                    <a:lnTo>
                      <a:pt x="749" y="471"/>
                    </a:lnTo>
                    <a:lnTo>
                      <a:pt x="746" y="471"/>
                    </a:lnTo>
                    <a:lnTo>
                      <a:pt x="745" y="471"/>
                    </a:lnTo>
                    <a:lnTo>
                      <a:pt x="743" y="472"/>
                    </a:lnTo>
                    <a:lnTo>
                      <a:pt x="742" y="473"/>
                    </a:lnTo>
                    <a:lnTo>
                      <a:pt x="741" y="476"/>
                    </a:lnTo>
                    <a:lnTo>
                      <a:pt x="741" y="479"/>
                    </a:lnTo>
                    <a:lnTo>
                      <a:pt x="738" y="485"/>
                    </a:lnTo>
                    <a:lnTo>
                      <a:pt x="734" y="489"/>
                    </a:lnTo>
                    <a:lnTo>
                      <a:pt x="730" y="493"/>
                    </a:lnTo>
                    <a:lnTo>
                      <a:pt x="725" y="496"/>
                    </a:lnTo>
                    <a:lnTo>
                      <a:pt x="714" y="502"/>
                    </a:lnTo>
                    <a:lnTo>
                      <a:pt x="703" y="507"/>
                    </a:lnTo>
                    <a:lnTo>
                      <a:pt x="676" y="513"/>
                    </a:lnTo>
                    <a:lnTo>
                      <a:pt x="651" y="520"/>
                    </a:lnTo>
                    <a:lnTo>
                      <a:pt x="640" y="517"/>
                    </a:lnTo>
                    <a:lnTo>
                      <a:pt x="629" y="514"/>
                    </a:lnTo>
                    <a:lnTo>
                      <a:pt x="620" y="510"/>
                    </a:lnTo>
                    <a:lnTo>
                      <a:pt x="611" y="506"/>
                    </a:lnTo>
                    <a:lnTo>
                      <a:pt x="603" y="500"/>
                    </a:lnTo>
                    <a:lnTo>
                      <a:pt x="594" y="494"/>
                    </a:lnTo>
                    <a:lnTo>
                      <a:pt x="587" y="488"/>
                    </a:lnTo>
                    <a:lnTo>
                      <a:pt x="580" y="481"/>
                    </a:lnTo>
                    <a:lnTo>
                      <a:pt x="566" y="469"/>
                    </a:lnTo>
                    <a:lnTo>
                      <a:pt x="552" y="455"/>
                    </a:lnTo>
                    <a:lnTo>
                      <a:pt x="537" y="442"/>
                    </a:lnTo>
                    <a:lnTo>
                      <a:pt x="521" y="431"/>
                    </a:lnTo>
                    <a:lnTo>
                      <a:pt x="520" y="427"/>
                    </a:lnTo>
                    <a:lnTo>
                      <a:pt x="516" y="425"/>
                    </a:lnTo>
                    <a:lnTo>
                      <a:pt x="513" y="424"/>
                    </a:lnTo>
                    <a:lnTo>
                      <a:pt x="508" y="422"/>
                    </a:lnTo>
                    <a:lnTo>
                      <a:pt x="498" y="422"/>
                    </a:lnTo>
                    <a:lnTo>
                      <a:pt x="489" y="422"/>
                    </a:lnTo>
                    <a:lnTo>
                      <a:pt x="489" y="429"/>
                    </a:lnTo>
                    <a:lnTo>
                      <a:pt x="487" y="433"/>
                    </a:lnTo>
                    <a:lnTo>
                      <a:pt x="485" y="437"/>
                    </a:lnTo>
                    <a:lnTo>
                      <a:pt x="481" y="438"/>
                    </a:lnTo>
                    <a:lnTo>
                      <a:pt x="468" y="438"/>
                    </a:lnTo>
                    <a:lnTo>
                      <a:pt x="456" y="438"/>
                    </a:lnTo>
                    <a:lnTo>
                      <a:pt x="457" y="444"/>
                    </a:lnTo>
                    <a:lnTo>
                      <a:pt x="457" y="449"/>
                    </a:lnTo>
                    <a:lnTo>
                      <a:pt x="458" y="452"/>
                    </a:lnTo>
                    <a:lnTo>
                      <a:pt x="460" y="453"/>
                    </a:lnTo>
                    <a:lnTo>
                      <a:pt x="462" y="454"/>
                    </a:lnTo>
                    <a:lnTo>
                      <a:pt x="464" y="455"/>
                    </a:lnTo>
                    <a:lnTo>
                      <a:pt x="464" y="464"/>
                    </a:lnTo>
                    <a:lnTo>
                      <a:pt x="464" y="471"/>
                    </a:lnTo>
                    <a:lnTo>
                      <a:pt x="464" y="479"/>
                    </a:lnTo>
                    <a:lnTo>
                      <a:pt x="464" y="488"/>
                    </a:lnTo>
                    <a:lnTo>
                      <a:pt x="455" y="489"/>
                    </a:lnTo>
                    <a:lnTo>
                      <a:pt x="447" y="488"/>
                    </a:lnTo>
                    <a:lnTo>
                      <a:pt x="440" y="487"/>
                    </a:lnTo>
                    <a:lnTo>
                      <a:pt x="432" y="484"/>
                    </a:lnTo>
                    <a:lnTo>
                      <a:pt x="426" y="479"/>
                    </a:lnTo>
                    <a:lnTo>
                      <a:pt x="421" y="475"/>
                    </a:lnTo>
                    <a:lnTo>
                      <a:pt x="416" y="470"/>
                    </a:lnTo>
                    <a:lnTo>
                      <a:pt x="413" y="464"/>
                    </a:lnTo>
                    <a:lnTo>
                      <a:pt x="411" y="457"/>
                    </a:lnTo>
                    <a:lnTo>
                      <a:pt x="410" y="451"/>
                    </a:lnTo>
                    <a:lnTo>
                      <a:pt x="409" y="444"/>
                    </a:lnTo>
                    <a:lnTo>
                      <a:pt x="410" y="437"/>
                    </a:lnTo>
                    <a:lnTo>
                      <a:pt x="412" y="431"/>
                    </a:lnTo>
                    <a:lnTo>
                      <a:pt x="414" y="425"/>
                    </a:lnTo>
                    <a:lnTo>
                      <a:pt x="418" y="419"/>
                    </a:lnTo>
                    <a:lnTo>
                      <a:pt x="424" y="414"/>
                    </a:lnTo>
                    <a:lnTo>
                      <a:pt x="408" y="401"/>
                    </a:lnTo>
                    <a:lnTo>
                      <a:pt x="391" y="389"/>
                    </a:lnTo>
                    <a:lnTo>
                      <a:pt x="374" y="377"/>
                    </a:lnTo>
                    <a:lnTo>
                      <a:pt x="356" y="366"/>
                    </a:lnTo>
                    <a:lnTo>
                      <a:pt x="319" y="345"/>
                    </a:lnTo>
                    <a:lnTo>
                      <a:pt x="282" y="326"/>
                    </a:lnTo>
                    <a:lnTo>
                      <a:pt x="242" y="307"/>
                    </a:lnTo>
                    <a:lnTo>
                      <a:pt x="202" y="289"/>
                    </a:lnTo>
                    <a:lnTo>
                      <a:pt x="163" y="271"/>
                    </a:lnTo>
                    <a:lnTo>
                      <a:pt x="123" y="252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62" name="Vordingborg"/>
              <p:cNvSpPr>
                <a:spLocks/>
              </p:cNvSpPr>
              <p:nvPr/>
            </p:nvSpPr>
            <p:spPr bwMode="auto">
              <a:xfrm>
                <a:off x="3730625" y="5930900"/>
                <a:ext cx="25400" cy="14288"/>
              </a:xfrm>
              <a:custGeom>
                <a:avLst/>
                <a:gdLst>
                  <a:gd name="T0" fmla="*/ 0 w 50"/>
                  <a:gd name="T1" fmla="*/ 3 h 25"/>
                  <a:gd name="T2" fmla="*/ 0 w 50"/>
                  <a:gd name="T3" fmla="*/ 2 h 25"/>
                  <a:gd name="T4" fmla="*/ 1 w 50"/>
                  <a:gd name="T5" fmla="*/ 1 h 25"/>
                  <a:gd name="T6" fmla="*/ 2 w 50"/>
                  <a:gd name="T7" fmla="*/ 1 h 25"/>
                  <a:gd name="T8" fmla="*/ 3 w 50"/>
                  <a:gd name="T9" fmla="*/ 0 h 25"/>
                  <a:gd name="T10" fmla="*/ 5 w 50"/>
                  <a:gd name="T11" fmla="*/ 0 h 25"/>
                  <a:gd name="T12" fmla="*/ 8 w 50"/>
                  <a:gd name="T13" fmla="*/ 0 h 25"/>
                  <a:gd name="T14" fmla="*/ 10 w 50"/>
                  <a:gd name="T15" fmla="*/ 1 h 25"/>
                  <a:gd name="T16" fmla="*/ 13 w 50"/>
                  <a:gd name="T17" fmla="*/ 1 h 25"/>
                  <a:gd name="T18" fmla="*/ 15 w 50"/>
                  <a:gd name="T19" fmla="*/ 3 h 25"/>
                  <a:gd name="T20" fmla="*/ 16 w 50"/>
                  <a:gd name="T21" fmla="*/ 3 h 25"/>
                  <a:gd name="T22" fmla="*/ 16 w 50"/>
                  <a:gd name="T23" fmla="*/ 5 h 25"/>
                  <a:gd name="T24" fmla="*/ 16 w 50"/>
                  <a:gd name="T25" fmla="*/ 6 h 25"/>
                  <a:gd name="T26" fmla="*/ 15 w 50"/>
                  <a:gd name="T27" fmla="*/ 6 h 25"/>
                  <a:gd name="T28" fmla="*/ 14 w 50"/>
                  <a:gd name="T29" fmla="*/ 6 h 25"/>
                  <a:gd name="T30" fmla="*/ 12 w 50"/>
                  <a:gd name="T31" fmla="*/ 7 h 25"/>
                  <a:gd name="T32" fmla="*/ 9 w 50"/>
                  <a:gd name="T33" fmla="*/ 6 h 25"/>
                  <a:gd name="T34" fmla="*/ 7 w 50"/>
                  <a:gd name="T35" fmla="*/ 6 h 25"/>
                  <a:gd name="T36" fmla="*/ 4 w 50"/>
                  <a:gd name="T37" fmla="*/ 6 h 25"/>
                  <a:gd name="T38" fmla="*/ 4 w 50"/>
                  <a:gd name="T39" fmla="*/ 6 h 25"/>
                  <a:gd name="T40" fmla="*/ 3 w 50"/>
                  <a:gd name="T41" fmla="*/ 7 h 25"/>
                  <a:gd name="T42" fmla="*/ 3 w 50"/>
                  <a:gd name="T43" fmla="*/ 8 h 25"/>
                  <a:gd name="T44" fmla="*/ 3 w 50"/>
                  <a:gd name="T45" fmla="*/ 9 h 25"/>
                  <a:gd name="T46" fmla="*/ 2 w 50"/>
                  <a:gd name="T47" fmla="*/ 9 h 25"/>
                  <a:gd name="T48" fmla="*/ 0 w 50"/>
                  <a:gd name="T49" fmla="*/ 7 h 25"/>
                  <a:gd name="T50" fmla="*/ 0 w 50"/>
                  <a:gd name="T51" fmla="*/ 6 h 25"/>
                  <a:gd name="T52" fmla="*/ 0 w 50"/>
                  <a:gd name="T53" fmla="*/ 3 h 25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0" h="25">
                    <a:moveTo>
                      <a:pt x="0" y="9"/>
                    </a:moveTo>
                    <a:lnTo>
                      <a:pt x="1" y="6"/>
                    </a:lnTo>
                    <a:lnTo>
                      <a:pt x="3" y="4"/>
                    </a:lnTo>
                    <a:lnTo>
                      <a:pt x="6" y="2"/>
                    </a:lnTo>
                    <a:lnTo>
                      <a:pt x="9" y="1"/>
                    </a:lnTo>
                    <a:lnTo>
                      <a:pt x="16" y="0"/>
                    </a:lnTo>
                    <a:lnTo>
                      <a:pt x="25" y="0"/>
                    </a:lnTo>
                    <a:lnTo>
                      <a:pt x="32" y="2"/>
                    </a:lnTo>
                    <a:lnTo>
                      <a:pt x="40" y="4"/>
                    </a:lnTo>
                    <a:lnTo>
                      <a:pt x="46" y="7"/>
                    </a:lnTo>
                    <a:lnTo>
                      <a:pt x="50" y="9"/>
                    </a:lnTo>
                    <a:lnTo>
                      <a:pt x="50" y="14"/>
                    </a:lnTo>
                    <a:lnTo>
                      <a:pt x="49" y="16"/>
                    </a:lnTo>
                    <a:lnTo>
                      <a:pt x="47" y="18"/>
                    </a:lnTo>
                    <a:lnTo>
                      <a:pt x="45" y="18"/>
                    </a:lnTo>
                    <a:lnTo>
                      <a:pt x="37" y="19"/>
                    </a:lnTo>
                    <a:lnTo>
                      <a:pt x="29" y="18"/>
                    </a:lnTo>
                    <a:lnTo>
                      <a:pt x="21" y="17"/>
                    </a:lnTo>
                    <a:lnTo>
                      <a:pt x="14" y="17"/>
                    </a:lnTo>
                    <a:lnTo>
                      <a:pt x="12" y="18"/>
                    </a:lnTo>
                    <a:lnTo>
                      <a:pt x="10" y="20"/>
                    </a:lnTo>
                    <a:lnTo>
                      <a:pt x="9" y="22"/>
                    </a:lnTo>
                    <a:lnTo>
                      <a:pt x="9" y="25"/>
                    </a:lnTo>
                    <a:lnTo>
                      <a:pt x="5" y="24"/>
                    </a:lnTo>
                    <a:lnTo>
                      <a:pt x="1" y="20"/>
                    </a:lnTo>
                    <a:lnTo>
                      <a:pt x="0" y="16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63" name="Vordingborg kant"/>
              <p:cNvSpPr>
                <a:spLocks/>
              </p:cNvSpPr>
              <p:nvPr/>
            </p:nvSpPr>
            <p:spPr bwMode="auto">
              <a:xfrm>
                <a:off x="3730625" y="5930900"/>
                <a:ext cx="25400" cy="14288"/>
              </a:xfrm>
              <a:custGeom>
                <a:avLst/>
                <a:gdLst>
                  <a:gd name="T0" fmla="*/ 0 w 50"/>
                  <a:gd name="T1" fmla="*/ 3 h 25"/>
                  <a:gd name="T2" fmla="*/ 0 w 50"/>
                  <a:gd name="T3" fmla="*/ 2 h 25"/>
                  <a:gd name="T4" fmla="*/ 1 w 50"/>
                  <a:gd name="T5" fmla="*/ 1 h 25"/>
                  <a:gd name="T6" fmla="*/ 2 w 50"/>
                  <a:gd name="T7" fmla="*/ 1 h 25"/>
                  <a:gd name="T8" fmla="*/ 3 w 50"/>
                  <a:gd name="T9" fmla="*/ 0 h 25"/>
                  <a:gd name="T10" fmla="*/ 5 w 50"/>
                  <a:gd name="T11" fmla="*/ 0 h 25"/>
                  <a:gd name="T12" fmla="*/ 8 w 50"/>
                  <a:gd name="T13" fmla="*/ 0 h 25"/>
                  <a:gd name="T14" fmla="*/ 10 w 50"/>
                  <a:gd name="T15" fmla="*/ 1 h 25"/>
                  <a:gd name="T16" fmla="*/ 13 w 50"/>
                  <a:gd name="T17" fmla="*/ 1 h 25"/>
                  <a:gd name="T18" fmla="*/ 15 w 50"/>
                  <a:gd name="T19" fmla="*/ 3 h 25"/>
                  <a:gd name="T20" fmla="*/ 16 w 50"/>
                  <a:gd name="T21" fmla="*/ 3 h 25"/>
                  <a:gd name="T22" fmla="*/ 16 w 50"/>
                  <a:gd name="T23" fmla="*/ 5 h 25"/>
                  <a:gd name="T24" fmla="*/ 16 w 50"/>
                  <a:gd name="T25" fmla="*/ 6 h 25"/>
                  <a:gd name="T26" fmla="*/ 15 w 50"/>
                  <a:gd name="T27" fmla="*/ 6 h 25"/>
                  <a:gd name="T28" fmla="*/ 14 w 50"/>
                  <a:gd name="T29" fmla="*/ 6 h 25"/>
                  <a:gd name="T30" fmla="*/ 12 w 50"/>
                  <a:gd name="T31" fmla="*/ 7 h 25"/>
                  <a:gd name="T32" fmla="*/ 9 w 50"/>
                  <a:gd name="T33" fmla="*/ 6 h 25"/>
                  <a:gd name="T34" fmla="*/ 7 w 50"/>
                  <a:gd name="T35" fmla="*/ 6 h 25"/>
                  <a:gd name="T36" fmla="*/ 4 w 50"/>
                  <a:gd name="T37" fmla="*/ 6 h 25"/>
                  <a:gd name="T38" fmla="*/ 4 w 50"/>
                  <a:gd name="T39" fmla="*/ 6 h 25"/>
                  <a:gd name="T40" fmla="*/ 3 w 50"/>
                  <a:gd name="T41" fmla="*/ 7 h 25"/>
                  <a:gd name="T42" fmla="*/ 3 w 50"/>
                  <a:gd name="T43" fmla="*/ 8 h 25"/>
                  <a:gd name="T44" fmla="*/ 3 w 50"/>
                  <a:gd name="T45" fmla="*/ 9 h 25"/>
                  <a:gd name="T46" fmla="*/ 2 w 50"/>
                  <a:gd name="T47" fmla="*/ 9 h 25"/>
                  <a:gd name="T48" fmla="*/ 0 w 50"/>
                  <a:gd name="T49" fmla="*/ 7 h 25"/>
                  <a:gd name="T50" fmla="*/ 0 w 50"/>
                  <a:gd name="T51" fmla="*/ 6 h 25"/>
                  <a:gd name="T52" fmla="*/ 0 w 50"/>
                  <a:gd name="T53" fmla="*/ 3 h 25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0" h="25">
                    <a:moveTo>
                      <a:pt x="0" y="9"/>
                    </a:moveTo>
                    <a:lnTo>
                      <a:pt x="1" y="6"/>
                    </a:lnTo>
                    <a:lnTo>
                      <a:pt x="3" y="4"/>
                    </a:lnTo>
                    <a:lnTo>
                      <a:pt x="6" y="2"/>
                    </a:lnTo>
                    <a:lnTo>
                      <a:pt x="9" y="1"/>
                    </a:lnTo>
                    <a:lnTo>
                      <a:pt x="16" y="0"/>
                    </a:lnTo>
                    <a:lnTo>
                      <a:pt x="25" y="0"/>
                    </a:lnTo>
                    <a:lnTo>
                      <a:pt x="32" y="2"/>
                    </a:lnTo>
                    <a:lnTo>
                      <a:pt x="40" y="4"/>
                    </a:lnTo>
                    <a:lnTo>
                      <a:pt x="46" y="7"/>
                    </a:lnTo>
                    <a:lnTo>
                      <a:pt x="50" y="9"/>
                    </a:lnTo>
                    <a:lnTo>
                      <a:pt x="50" y="14"/>
                    </a:lnTo>
                    <a:lnTo>
                      <a:pt x="49" y="16"/>
                    </a:lnTo>
                    <a:lnTo>
                      <a:pt x="47" y="18"/>
                    </a:lnTo>
                    <a:lnTo>
                      <a:pt x="45" y="18"/>
                    </a:lnTo>
                    <a:lnTo>
                      <a:pt x="37" y="19"/>
                    </a:lnTo>
                    <a:lnTo>
                      <a:pt x="29" y="18"/>
                    </a:lnTo>
                    <a:lnTo>
                      <a:pt x="21" y="17"/>
                    </a:lnTo>
                    <a:lnTo>
                      <a:pt x="14" y="17"/>
                    </a:lnTo>
                    <a:lnTo>
                      <a:pt x="12" y="18"/>
                    </a:lnTo>
                    <a:lnTo>
                      <a:pt x="10" y="20"/>
                    </a:lnTo>
                    <a:lnTo>
                      <a:pt x="9" y="22"/>
                    </a:lnTo>
                    <a:lnTo>
                      <a:pt x="9" y="25"/>
                    </a:lnTo>
                    <a:lnTo>
                      <a:pt x="5" y="24"/>
                    </a:lnTo>
                    <a:lnTo>
                      <a:pt x="1" y="20"/>
                    </a:lnTo>
                    <a:lnTo>
                      <a:pt x="0" y="16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64" name="Vordingborg kant"/>
              <p:cNvSpPr>
                <a:spLocks/>
              </p:cNvSpPr>
              <p:nvPr/>
            </p:nvSpPr>
            <p:spPr bwMode="auto">
              <a:xfrm>
                <a:off x="3748088" y="5940425"/>
                <a:ext cx="25400" cy="31750"/>
              </a:xfrm>
              <a:custGeom>
                <a:avLst/>
                <a:gdLst>
                  <a:gd name="T0" fmla="*/ 6 w 49"/>
                  <a:gd name="T1" fmla="*/ 6 h 58"/>
                  <a:gd name="T2" fmla="*/ 6 w 49"/>
                  <a:gd name="T3" fmla="*/ 3 h 58"/>
                  <a:gd name="T4" fmla="*/ 6 w 49"/>
                  <a:gd name="T5" fmla="*/ 2 h 58"/>
                  <a:gd name="T6" fmla="*/ 6 w 49"/>
                  <a:gd name="T7" fmla="*/ 1 h 58"/>
                  <a:gd name="T8" fmla="*/ 7 w 49"/>
                  <a:gd name="T9" fmla="*/ 0 h 58"/>
                  <a:gd name="T10" fmla="*/ 7 w 49"/>
                  <a:gd name="T11" fmla="*/ 0 h 58"/>
                  <a:gd name="T12" fmla="*/ 8 w 49"/>
                  <a:gd name="T13" fmla="*/ 0 h 58"/>
                  <a:gd name="T14" fmla="*/ 8 w 49"/>
                  <a:gd name="T15" fmla="*/ 2 h 58"/>
                  <a:gd name="T16" fmla="*/ 9 w 49"/>
                  <a:gd name="T17" fmla="*/ 5 h 58"/>
                  <a:gd name="T18" fmla="*/ 11 w 49"/>
                  <a:gd name="T19" fmla="*/ 7 h 58"/>
                  <a:gd name="T20" fmla="*/ 12 w 49"/>
                  <a:gd name="T21" fmla="*/ 10 h 58"/>
                  <a:gd name="T22" fmla="*/ 13 w 49"/>
                  <a:gd name="T23" fmla="*/ 12 h 58"/>
                  <a:gd name="T24" fmla="*/ 14 w 49"/>
                  <a:gd name="T25" fmla="*/ 14 h 58"/>
                  <a:gd name="T26" fmla="*/ 15 w 49"/>
                  <a:gd name="T27" fmla="*/ 17 h 58"/>
                  <a:gd name="T28" fmla="*/ 16 w 49"/>
                  <a:gd name="T29" fmla="*/ 20 h 58"/>
                  <a:gd name="T30" fmla="*/ 14 w 49"/>
                  <a:gd name="T31" fmla="*/ 19 h 58"/>
                  <a:gd name="T32" fmla="*/ 12 w 49"/>
                  <a:gd name="T33" fmla="*/ 19 h 58"/>
                  <a:gd name="T34" fmla="*/ 9 w 49"/>
                  <a:gd name="T35" fmla="*/ 20 h 58"/>
                  <a:gd name="T36" fmla="*/ 7 w 49"/>
                  <a:gd name="T37" fmla="*/ 20 h 58"/>
                  <a:gd name="T38" fmla="*/ 4 w 49"/>
                  <a:gd name="T39" fmla="*/ 20 h 58"/>
                  <a:gd name="T40" fmla="*/ 2 w 49"/>
                  <a:gd name="T41" fmla="*/ 20 h 58"/>
                  <a:gd name="T42" fmla="*/ 1 w 49"/>
                  <a:gd name="T43" fmla="*/ 19 h 58"/>
                  <a:gd name="T44" fmla="*/ 1 w 49"/>
                  <a:gd name="T45" fmla="*/ 19 h 58"/>
                  <a:gd name="T46" fmla="*/ 0 w 49"/>
                  <a:gd name="T47" fmla="*/ 18 h 58"/>
                  <a:gd name="T48" fmla="*/ 0 w 49"/>
                  <a:gd name="T49" fmla="*/ 17 h 58"/>
                  <a:gd name="T50" fmla="*/ 2 w 49"/>
                  <a:gd name="T51" fmla="*/ 16 h 58"/>
                  <a:gd name="T52" fmla="*/ 4 w 49"/>
                  <a:gd name="T53" fmla="*/ 15 h 58"/>
                  <a:gd name="T54" fmla="*/ 5 w 49"/>
                  <a:gd name="T55" fmla="*/ 14 h 58"/>
                  <a:gd name="T56" fmla="*/ 6 w 49"/>
                  <a:gd name="T57" fmla="*/ 14 h 58"/>
                  <a:gd name="T58" fmla="*/ 7 w 49"/>
                  <a:gd name="T59" fmla="*/ 14 h 58"/>
                  <a:gd name="T60" fmla="*/ 8 w 49"/>
                  <a:gd name="T61" fmla="*/ 14 h 58"/>
                  <a:gd name="T62" fmla="*/ 8 w 49"/>
                  <a:gd name="T63" fmla="*/ 11 h 58"/>
                  <a:gd name="T64" fmla="*/ 7 w 49"/>
                  <a:gd name="T65" fmla="*/ 9 h 58"/>
                  <a:gd name="T66" fmla="*/ 7 w 49"/>
                  <a:gd name="T67" fmla="*/ 7 h 58"/>
                  <a:gd name="T68" fmla="*/ 6 w 49"/>
                  <a:gd name="T69" fmla="*/ 6 h 58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0" t="0" r="r" b="b"/>
                <a:pathLst>
                  <a:path w="49" h="58">
                    <a:moveTo>
                      <a:pt x="17" y="16"/>
                    </a:moveTo>
                    <a:lnTo>
                      <a:pt x="18" y="10"/>
                    </a:lnTo>
                    <a:lnTo>
                      <a:pt x="18" y="5"/>
                    </a:lnTo>
                    <a:lnTo>
                      <a:pt x="19" y="3"/>
                    </a:lnTo>
                    <a:lnTo>
                      <a:pt x="20" y="1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6" y="7"/>
                    </a:lnTo>
                    <a:lnTo>
                      <a:pt x="29" y="15"/>
                    </a:lnTo>
                    <a:lnTo>
                      <a:pt x="34" y="21"/>
                    </a:lnTo>
                    <a:lnTo>
                      <a:pt x="37" y="28"/>
                    </a:lnTo>
                    <a:lnTo>
                      <a:pt x="41" y="35"/>
                    </a:lnTo>
                    <a:lnTo>
                      <a:pt x="44" y="41"/>
                    </a:lnTo>
                    <a:lnTo>
                      <a:pt x="47" y="48"/>
                    </a:lnTo>
                    <a:lnTo>
                      <a:pt x="49" y="57"/>
                    </a:lnTo>
                    <a:lnTo>
                      <a:pt x="43" y="56"/>
                    </a:lnTo>
                    <a:lnTo>
                      <a:pt x="36" y="56"/>
                    </a:lnTo>
                    <a:lnTo>
                      <a:pt x="27" y="57"/>
                    </a:lnTo>
                    <a:lnTo>
                      <a:pt x="20" y="58"/>
                    </a:lnTo>
                    <a:lnTo>
                      <a:pt x="13" y="58"/>
                    </a:lnTo>
                    <a:lnTo>
                      <a:pt x="6" y="57"/>
                    </a:lnTo>
                    <a:lnTo>
                      <a:pt x="4" y="56"/>
                    </a:lnTo>
                    <a:lnTo>
                      <a:pt x="2" y="54"/>
                    </a:lnTo>
                    <a:lnTo>
                      <a:pt x="1" y="51"/>
                    </a:lnTo>
                    <a:lnTo>
                      <a:pt x="0" y="48"/>
                    </a:lnTo>
                    <a:lnTo>
                      <a:pt x="6" y="46"/>
                    </a:lnTo>
                    <a:lnTo>
                      <a:pt x="12" y="43"/>
                    </a:lnTo>
                    <a:lnTo>
                      <a:pt x="14" y="42"/>
                    </a:lnTo>
                    <a:lnTo>
                      <a:pt x="17" y="41"/>
                    </a:lnTo>
                    <a:lnTo>
                      <a:pt x="20" y="40"/>
                    </a:lnTo>
                    <a:lnTo>
                      <a:pt x="24" y="40"/>
                    </a:lnTo>
                    <a:lnTo>
                      <a:pt x="24" y="33"/>
                    </a:lnTo>
                    <a:lnTo>
                      <a:pt x="22" y="26"/>
                    </a:lnTo>
                    <a:lnTo>
                      <a:pt x="20" y="21"/>
                    </a:lnTo>
                    <a:lnTo>
                      <a:pt x="17" y="16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65" name="Vordingborg"/>
              <p:cNvSpPr>
                <a:spLocks/>
              </p:cNvSpPr>
              <p:nvPr/>
            </p:nvSpPr>
            <p:spPr bwMode="auto">
              <a:xfrm>
                <a:off x="3675063" y="5980113"/>
                <a:ext cx="41275" cy="25400"/>
              </a:xfrm>
              <a:custGeom>
                <a:avLst/>
                <a:gdLst>
                  <a:gd name="T0" fmla="*/ 24 w 78"/>
                  <a:gd name="T1" fmla="*/ 5 h 50"/>
                  <a:gd name="T2" fmla="*/ 24 w 78"/>
                  <a:gd name="T3" fmla="*/ 8 h 50"/>
                  <a:gd name="T4" fmla="*/ 24 w 78"/>
                  <a:gd name="T5" fmla="*/ 11 h 50"/>
                  <a:gd name="T6" fmla="*/ 23 w 78"/>
                  <a:gd name="T7" fmla="*/ 12 h 50"/>
                  <a:gd name="T8" fmla="*/ 22 w 78"/>
                  <a:gd name="T9" fmla="*/ 13 h 50"/>
                  <a:gd name="T10" fmla="*/ 21 w 78"/>
                  <a:gd name="T11" fmla="*/ 13 h 50"/>
                  <a:gd name="T12" fmla="*/ 19 w 78"/>
                  <a:gd name="T13" fmla="*/ 13 h 50"/>
                  <a:gd name="T14" fmla="*/ 18 w 78"/>
                  <a:gd name="T15" fmla="*/ 13 h 50"/>
                  <a:gd name="T16" fmla="*/ 16 w 78"/>
                  <a:gd name="T17" fmla="*/ 13 h 50"/>
                  <a:gd name="T18" fmla="*/ 15 w 78"/>
                  <a:gd name="T19" fmla="*/ 13 h 50"/>
                  <a:gd name="T20" fmla="*/ 13 w 78"/>
                  <a:gd name="T21" fmla="*/ 13 h 50"/>
                  <a:gd name="T22" fmla="*/ 10 w 78"/>
                  <a:gd name="T23" fmla="*/ 14 h 50"/>
                  <a:gd name="T24" fmla="*/ 7 w 78"/>
                  <a:gd name="T25" fmla="*/ 15 h 50"/>
                  <a:gd name="T26" fmla="*/ 6 w 78"/>
                  <a:gd name="T27" fmla="*/ 16 h 50"/>
                  <a:gd name="T28" fmla="*/ 4 w 78"/>
                  <a:gd name="T29" fmla="*/ 16 h 50"/>
                  <a:gd name="T30" fmla="*/ 3 w 78"/>
                  <a:gd name="T31" fmla="*/ 16 h 50"/>
                  <a:gd name="T32" fmla="*/ 2 w 78"/>
                  <a:gd name="T33" fmla="*/ 16 h 50"/>
                  <a:gd name="T34" fmla="*/ 1 w 78"/>
                  <a:gd name="T35" fmla="*/ 15 h 50"/>
                  <a:gd name="T36" fmla="*/ 1 w 78"/>
                  <a:gd name="T37" fmla="*/ 14 h 50"/>
                  <a:gd name="T38" fmla="*/ 0 w 78"/>
                  <a:gd name="T39" fmla="*/ 12 h 50"/>
                  <a:gd name="T40" fmla="*/ 0 w 78"/>
                  <a:gd name="T41" fmla="*/ 10 h 50"/>
                  <a:gd name="T42" fmla="*/ 0 w 78"/>
                  <a:gd name="T43" fmla="*/ 9 h 50"/>
                  <a:gd name="T44" fmla="*/ 1 w 78"/>
                  <a:gd name="T45" fmla="*/ 8 h 50"/>
                  <a:gd name="T46" fmla="*/ 1 w 78"/>
                  <a:gd name="T47" fmla="*/ 8 h 50"/>
                  <a:gd name="T48" fmla="*/ 1 w 78"/>
                  <a:gd name="T49" fmla="*/ 8 h 50"/>
                  <a:gd name="T50" fmla="*/ 2 w 78"/>
                  <a:gd name="T51" fmla="*/ 8 h 50"/>
                  <a:gd name="T52" fmla="*/ 3 w 78"/>
                  <a:gd name="T53" fmla="*/ 8 h 50"/>
                  <a:gd name="T54" fmla="*/ 7 w 78"/>
                  <a:gd name="T55" fmla="*/ 5 h 50"/>
                  <a:gd name="T56" fmla="*/ 12 w 78"/>
                  <a:gd name="T57" fmla="*/ 2 h 50"/>
                  <a:gd name="T58" fmla="*/ 14 w 78"/>
                  <a:gd name="T59" fmla="*/ 1 h 50"/>
                  <a:gd name="T60" fmla="*/ 17 w 78"/>
                  <a:gd name="T61" fmla="*/ 0 h 50"/>
                  <a:gd name="T62" fmla="*/ 20 w 78"/>
                  <a:gd name="T63" fmla="*/ 0 h 50"/>
                  <a:gd name="T64" fmla="*/ 24 w 78"/>
                  <a:gd name="T65" fmla="*/ 0 h 50"/>
                  <a:gd name="T66" fmla="*/ 25 w 78"/>
                  <a:gd name="T67" fmla="*/ 2 h 50"/>
                  <a:gd name="T68" fmla="*/ 26 w 78"/>
                  <a:gd name="T69" fmla="*/ 3 h 50"/>
                  <a:gd name="T70" fmla="*/ 26 w 78"/>
                  <a:gd name="T71" fmla="*/ 4 h 50"/>
                  <a:gd name="T72" fmla="*/ 26 w 78"/>
                  <a:gd name="T73" fmla="*/ 4 h 50"/>
                  <a:gd name="T74" fmla="*/ 26 w 78"/>
                  <a:gd name="T75" fmla="*/ 4 h 50"/>
                  <a:gd name="T76" fmla="*/ 24 w 78"/>
                  <a:gd name="T77" fmla="*/ 5 h 50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</a:gdLst>
                <a:ahLst/>
                <a:cxnLst>
                  <a:cxn ang="T78">
                    <a:pos x="T0" y="T1"/>
                  </a:cxn>
                  <a:cxn ang="T79">
                    <a:pos x="T2" y="T3"/>
                  </a:cxn>
                  <a:cxn ang="T80">
                    <a:pos x="T4" y="T5"/>
                  </a:cxn>
                  <a:cxn ang="T81">
                    <a:pos x="T6" y="T7"/>
                  </a:cxn>
                  <a:cxn ang="T82">
                    <a:pos x="T8" y="T9"/>
                  </a:cxn>
                  <a:cxn ang="T83">
                    <a:pos x="T10" y="T11"/>
                  </a:cxn>
                  <a:cxn ang="T84">
                    <a:pos x="T12" y="T13"/>
                  </a:cxn>
                  <a:cxn ang="T85">
                    <a:pos x="T14" y="T15"/>
                  </a:cxn>
                  <a:cxn ang="T86">
                    <a:pos x="T16" y="T17"/>
                  </a:cxn>
                  <a:cxn ang="T87">
                    <a:pos x="T18" y="T19"/>
                  </a:cxn>
                  <a:cxn ang="T88">
                    <a:pos x="T20" y="T21"/>
                  </a:cxn>
                  <a:cxn ang="T89">
                    <a:pos x="T22" y="T23"/>
                  </a:cxn>
                  <a:cxn ang="T90">
                    <a:pos x="T24" y="T25"/>
                  </a:cxn>
                  <a:cxn ang="T91">
                    <a:pos x="T26" y="T27"/>
                  </a:cxn>
                  <a:cxn ang="T92">
                    <a:pos x="T28" y="T29"/>
                  </a:cxn>
                  <a:cxn ang="T93">
                    <a:pos x="T30" y="T31"/>
                  </a:cxn>
                  <a:cxn ang="T94">
                    <a:pos x="T32" y="T33"/>
                  </a:cxn>
                  <a:cxn ang="T95">
                    <a:pos x="T34" y="T35"/>
                  </a:cxn>
                  <a:cxn ang="T96">
                    <a:pos x="T36" y="T37"/>
                  </a:cxn>
                  <a:cxn ang="T97">
                    <a:pos x="T38" y="T39"/>
                  </a:cxn>
                  <a:cxn ang="T98">
                    <a:pos x="T40" y="T41"/>
                  </a:cxn>
                  <a:cxn ang="T99">
                    <a:pos x="T42" y="T43"/>
                  </a:cxn>
                  <a:cxn ang="T100">
                    <a:pos x="T44" y="T45"/>
                  </a:cxn>
                  <a:cxn ang="T101">
                    <a:pos x="T46" y="T47"/>
                  </a:cxn>
                  <a:cxn ang="T102">
                    <a:pos x="T48" y="T49"/>
                  </a:cxn>
                  <a:cxn ang="T103">
                    <a:pos x="T50" y="T51"/>
                  </a:cxn>
                  <a:cxn ang="T104">
                    <a:pos x="T52" y="T53"/>
                  </a:cxn>
                  <a:cxn ang="T105">
                    <a:pos x="T54" y="T55"/>
                  </a:cxn>
                  <a:cxn ang="T106">
                    <a:pos x="T56" y="T57"/>
                  </a:cxn>
                  <a:cxn ang="T107">
                    <a:pos x="T58" y="T59"/>
                  </a:cxn>
                  <a:cxn ang="T108">
                    <a:pos x="T60" y="T61"/>
                  </a:cxn>
                  <a:cxn ang="T109">
                    <a:pos x="T62" y="T63"/>
                  </a:cxn>
                  <a:cxn ang="T110">
                    <a:pos x="T64" y="T65"/>
                  </a:cxn>
                  <a:cxn ang="T111">
                    <a:pos x="T66" y="T67"/>
                  </a:cxn>
                  <a:cxn ang="T112">
                    <a:pos x="T68" y="T69"/>
                  </a:cxn>
                  <a:cxn ang="T113">
                    <a:pos x="T70" y="T71"/>
                  </a:cxn>
                  <a:cxn ang="T114">
                    <a:pos x="T72" y="T73"/>
                  </a:cxn>
                  <a:cxn ang="T115">
                    <a:pos x="T74" y="T75"/>
                  </a:cxn>
                  <a:cxn ang="T116">
                    <a:pos x="T76" y="T77"/>
                  </a:cxn>
                </a:cxnLst>
                <a:rect l="0" t="0" r="r" b="b"/>
                <a:pathLst>
                  <a:path w="78" h="50">
                    <a:moveTo>
                      <a:pt x="73" y="16"/>
                    </a:moveTo>
                    <a:lnTo>
                      <a:pt x="73" y="26"/>
                    </a:lnTo>
                    <a:lnTo>
                      <a:pt x="72" y="34"/>
                    </a:lnTo>
                    <a:lnTo>
                      <a:pt x="70" y="37"/>
                    </a:lnTo>
                    <a:lnTo>
                      <a:pt x="66" y="40"/>
                    </a:lnTo>
                    <a:lnTo>
                      <a:pt x="62" y="41"/>
                    </a:lnTo>
                    <a:lnTo>
                      <a:pt x="57" y="41"/>
                    </a:lnTo>
                    <a:lnTo>
                      <a:pt x="53" y="40"/>
                    </a:lnTo>
                    <a:lnTo>
                      <a:pt x="48" y="40"/>
                    </a:lnTo>
                    <a:lnTo>
                      <a:pt x="44" y="41"/>
                    </a:lnTo>
                    <a:lnTo>
                      <a:pt x="40" y="42"/>
                    </a:lnTo>
                    <a:lnTo>
                      <a:pt x="31" y="45"/>
                    </a:lnTo>
                    <a:lnTo>
                      <a:pt x="21" y="48"/>
                    </a:lnTo>
                    <a:lnTo>
                      <a:pt x="17" y="49"/>
                    </a:lnTo>
                    <a:lnTo>
                      <a:pt x="13" y="50"/>
                    </a:lnTo>
                    <a:lnTo>
                      <a:pt x="9" y="50"/>
                    </a:lnTo>
                    <a:lnTo>
                      <a:pt x="6" y="49"/>
                    </a:lnTo>
                    <a:lnTo>
                      <a:pt x="4" y="47"/>
                    </a:lnTo>
                    <a:lnTo>
                      <a:pt x="2" y="43"/>
                    </a:lnTo>
                    <a:lnTo>
                      <a:pt x="0" y="39"/>
                    </a:lnTo>
                    <a:lnTo>
                      <a:pt x="0" y="32"/>
                    </a:lnTo>
                    <a:lnTo>
                      <a:pt x="0" y="29"/>
                    </a:lnTo>
                    <a:lnTo>
                      <a:pt x="2" y="26"/>
                    </a:lnTo>
                    <a:lnTo>
                      <a:pt x="3" y="25"/>
                    </a:lnTo>
                    <a:lnTo>
                      <a:pt x="4" y="24"/>
                    </a:lnTo>
                    <a:lnTo>
                      <a:pt x="6" y="24"/>
                    </a:lnTo>
                    <a:lnTo>
                      <a:pt x="8" y="24"/>
                    </a:lnTo>
                    <a:lnTo>
                      <a:pt x="22" y="15"/>
                    </a:lnTo>
                    <a:lnTo>
                      <a:pt x="36" y="7"/>
                    </a:lnTo>
                    <a:lnTo>
                      <a:pt x="43" y="4"/>
                    </a:lnTo>
                    <a:lnTo>
                      <a:pt x="52" y="1"/>
                    </a:lnTo>
                    <a:lnTo>
                      <a:pt x="61" y="0"/>
                    </a:lnTo>
                    <a:lnTo>
                      <a:pt x="73" y="0"/>
                    </a:lnTo>
                    <a:lnTo>
                      <a:pt x="75" y="6"/>
                    </a:lnTo>
                    <a:lnTo>
                      <a:pt x="77" y="10"/>
                    </a:lnTo>
                    <a:lnTo>
                      <a:pt x="78" y="12"/>
                    </a:lnTo>
                    <a:lnTo>
                      <a:pt x="78" y="13"/>
                    </a:lnTo>
                    <a:lnTo>
                      <a:pt x="77" y="14"/>
                    </a:lnTo>
                    <a:lnTo>
                      <a:pt x="73" y="16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66" name="Vordingborg kant"/>
              <p:cNvSpPr>
                <a:spLocks/>
              </p:cNvSpPr>
              <p:nvPr/>
            </p:nvSpPr>
            <p:spPr bwMode="auto">
              <a:xfrm>
                <a:off x="3675063" y="5980113"/>
                <a:ext cx="41275" cy="25400"/>
              </a:xfrm>
              <a:custGeom>
                <a:avLst/>
                <a:gdLst>
                  <a:gd name="T0" fmla="*/ 24 w 78"/>
                  <a:gd name="T1" fmla="*/ 5 h 50"/>
                  <a:gd name="T2" fmla="*/ 24 w 78"/>
                  <a:gd name="T3" fmla="*/ 8 h 50"/>
                  <a:gd name="T4" fmla="*/ 24 w 78"/>
                  <a:gd name="T5" fmla="*/ 11 h 50"/>
                  <a:gd name="T6" fmla="*/ 23 w 78"/>
                  <a:gd name="T7" fmla="*/ 12 h 50"/>
                  <a:gd name="T8" fmla="*/ 22 w 78"/>
                  <a:gd name="T9" fmla="*/ 13 h 50"/>
                  <a:gd name="T10" fmla="*/ 21 w 78"/>
                  <a:gd name="T11" fmla="*/ 13 h 50"/>
                  <a:gd name="T12" fmla="*/ 19 w 78"/>
                  <a:gd name="T13" fmla="*/ 13 h 50"/>
                  <a:gd name="T14" fmla="*/ 18 w 78"/>
                  <a:gd name="T15" fmla="*/ 13 h 50"/>
                  <a:gd name="T16" fmla="*/ 16 w 78"/>
                  <a:gd name="T17" fmla="*/ 13 h 50"/>
                  <a:gd name="T18" fmla="*/ 15 w 78"/>
                  <a:gd name="T19" fmla="*/ 13 h 50"/>
                  <a:gd name="T20" fmla="*/ 13 w 78"/>
                  <a:gd name="T21" fmla="*/ 13 h 50"/>
                  <a:gd name="T22" fmla="*/ 10 w 78"/>
                  <a:gd name="T23" fmla="*/ 14 h 50"/>
                  <a:gd name="T24" fmla="*/ 7 w 78"/>
                  <a:gd name="T25" fmla="*/ 15 h 50"/>
                  <a:gd name="T26" fmla="*/ 6 w 78"/>
                  <a:gd name="T27" fmla="*/ 16 h 50"/>
                  <a:gd name="T28" fmla="*/ 4 w 78"/>
                  <a:gd name="T29" fmla="*/ 16 h 50"/>
                  <a:gd name="T30" fmla="*/ 3 w 78"/>
                  <a:gd name="T31" fmla="*/ 16 h 50"/>
                  <a:gd name="T32" fmla="*/ 2 w 78"/>
                  <a:gd name="T33" fmla="*/ 16 h 50"/>
                  <a:gd name="T34" fmla="*/ 1 w 78"/>
                  <a:gd name="T35" fmla="*/ 15 h 50"/>
                  <a:gd name="T36" fmla="*/ 1 w 78"/>
                  <a:gd name="T37" fmla="*/ 14 h 50"/>
                  <a:gd name="T38" fmla="*/ 0 w 78"/>
                  <a:gd name="T39" fmla="*/ 12 h 50"/>
                  <a:gd name="T40" fmla="*/ 0 w 78"/>
                  <a:gd name="T41" fmla="*/ 10 h 50"/>
                  <a:gd name="T42" fmla="*/ 0 w 78"/>
                  <a:gd name="T43" fmla="*/ 9 h 50"/>
                  <a:gd name="T44" fmla="*/ 1 w 78"/>
                  <a:gd name="T45" fmla="*/ 8 h 50"/>
                  <a:gd name="T46" fmla="*/ 1 w 78"/>
                  <a:gd name="T47" fmla="*/ 8 h 50"/>
                  <a:gd name="T48" fmla="*/ 1 w 78"/>
                  <a:gd name="T49" fmla="*/ 8 h 50"/>
                  <a:gd name="T50" fmla="*/ 2 w 78"/>
                  <a:gd name="T51" fmla="*/ 8 h 50"/>
                  <a:gd name="T52" fmla="*/ 3 w 78"/>
                  <a:gd name="T53" fmla="*/ 8 h 50"/>
                  <a:gd name="T54" fmla="*/ 7 w 78"/>
                  <a:gd name="T55" fmla="*/ 5 h 50"/>
                  <a:gd name="T56" fmla="*/ 12 w 78"/>
                  <a:gd name="T57" fmla="*/ 2 h 50"/>
                  <a:gd name="T58" fmla="*/ 14 w 78"/>
                  <a:gd name="T59" fmla="*/ 1 h 50"/>
                  <a:gd name="T60" fmla="*/ 17 w 78"/>
                  <a:gd name="T61" fmla="*/ 0 h 50"/>
                  <a:gd name="T62" fmla="*/ 20 w 78"/>
                  <a:gd name="T63" fmla="*/ 0 h 50"/>
                  <a:gd name="T64" fmla="*/ 24 w 78"/>
                  <a:gd name="T65" fmla="*/ 0 h 50"/>
                  <a:gd name="T66" fmla="*/ 25 w 78"/>
                  <a:gd name="T67" fmla="*/ 2 h 50"/>
                  <a:gd name="T68" fmla="*/ 26 w 78"/>
                  <a:gd name="T69" fmla="*/ 3 h 50"/>
                  <a:gd name="T70" fmla="*/ 26 w 78"/>
                  <a:gd name="T71" fmla="*/ 4 h 50"/>
                  <a:gd name="T72" fmla="*/ 26 w 78"/>
                  <a:gd name="T73" fmla="*/ 4 h 50"/>
                  <a:gd name="T74" fmla="*/ 26 w 78"/>
                  <a:gd name="T75" fmla="*/ 4 h 50"/>
                  <a:gd name="T76" fmla="*/ 24 w 78"/>
                  <a:gd name="T77" fmla="*/ 5 h 50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</a:gdLst>
                <a:ahLst/>
                <a:cxnLst>
                  <a:cxn ang="T78">
                    <a:pos x="T0" y="T1"/>
                  </a:cxn>
                  <a:cxn ang="T79">
                    <a:pos x="T2" y="T3"/>
                  </a:cxn>
                  <a:cxn ang="T80">
                    <a:pos x="T4" y="T5"/>
                  </a:cxn>
                  <a:cxn ang="T81">
                    <a:pos x="T6" y="T7"/>
                  </a:cxn>
                  <a:cxn ang="T82">
                    <a:pos x="T8" y="T9"/>
                  </a:cxn>
                  <a:cxn ang="T83">
                    <a:pos x="T10" y="T11"/>
                  </a:cxn>
                  <a:cxn ang="T84">
                    <a:pos x="T12" y="T13"/>
                  </a:cxn>
                  <a:cxn ang="T85">
                    <a:pos x="T14" y="T15"/>
                  </a:cxn>
                  <a:cxn ang="T86">
                    <a:pos x="T16" y="T17"/>
                  </a:cxn>
                  <a:cxn ang="T87">
                    <a:pos x="T18" y="T19"/>
                  </a:cxn>
                  <a:cxn ang="T88">
                    <a:pos x="T20" y="T21"/>
                  </a:cxn>
                  <a:cxn ang="T89">
                    <a:pos x="T22" y="T23"/>
                  </a:cxn>
                  <a:cxn ang="T90">
                    <a:pos x="T24" y="T25"/>
                  </a:cxn>
                  <a:cxn ang="T91">
                    <a:pos x="T26" y="T27"/>
                  </a:cxn>
                  <a:cxn ang="T92">
                    <a:pos x="T28" y="T29"/>
                  </a:cxn>
                  <a:cxn ang="T93">
                    <a:pos x="T30" y="T31"/>
                  </a:cxn>
                  <a:cxn ang="T94">
                    <a:pos x="T32" y="T33"/>
                  </a:cxn>
                  <a:cxn ang="T95">
                    <a:pos x="T34" y="T35"/>
                  </a:cxn>
                  <a:cxn ang="T96">
                    <a:pos x="T36" y="T37"/>
                  </a:cxn>
                  <a:cxn ang="T97">
                    <a:pos x="T38" y="T39"/>
                  </a:cxn>
                  <a:cxn ang="T98">
                    <a:pos x="T40" y="T41"/>
                  </a:cxn>
                  <a:cxn ang="T99">
                    <a:pos x="T42" y="T43"/>
                  </a:cxn>
                  <a:cxn ang="T100">
                    <a:pos x="T44" y="T45"/>
                  </a:cxn>
                  <a:cxn ang="T101">
                    <a:pos x="T46" y="T47"/>
                  </a:cxn>
                  <a:cxn ang="T102">
                    <a:pos x="T48" y="T49"/>
                  </a:cxn>
                  <a:cxn ang="T103">
                    <a:pos x="T50" y="T51"/>
                  </a:cxn>
                  <a:cxn ang="T104">
                    <a:pos x="T52" y="T53"/>
                  </a:cxn>
                  <a:cxn ang="T105">
                    <a:pos x="T54" y="T55"/>
                  </a:cxn>
                  <a:cxn ang="T106">
                    <a:pos x="T56" y="T57"/>
                  </a:cxn>
                  <a:cxn ang="T107">
                    <a:pos x="T58" y="T59"/>
                  </a:cxn>
                  <a:cxn ang="T108">
                    <a:pos x="T60" y="T61"/>
                  </a:cxn>
                  <a:cxn ang="T109">
                    <a:pos x="T62" y="T63"/>
                  </a:cxn>
                  <a:cxn ang="T110">
                    <a:pos x="T64" y="T65"/>
                  </a:cxn>
                  <a:cxn ang="T111">
                    <a:pos x="T66" y="T67"/>
                  </a:cxn>
                  <a:cxn ang="T112">
                    <a:pos x="T68" y="T69"/>
                  </a:cxn>
                  <a:cxn ang="T113">
                    <a:pos x="T70" y="T71"/>
                  </a:cxn>
                  <a:cxn ang="T114">
                    <a:pos x="T72" y="T73"/>
                  </a:cxn>
                  <a:cxn ang="T115">
                    <a:pos x="T74" y="T75"/>
                  </a:cxn>
                  <a:cxn ang="T116">
                    <a:pos x="T76" y="T77"/>
                  </a:cxn>
                </a:cxnLst>
                <a:rect l="0" t="0" r="r" b="b"/>
                <a:pathLst>
                  <a:path w="78" h="50">
                    <a:moveTo>
                      <a:pt x="73" y="16"/>
                    </a:moveTo>
                    <a:lnTo>
                      <a:pt x="73" y="26"/>
                    </a:lnTo>
                    <a:lnTo>
                      <a:pt x="72" y="34"/>
                    </a:lnTo>
                    <a:lnTo>
                      <a:pt x="70" y="37"/>
                    </a:lnTo>
                    <a:lnTo>
                      <a:pt x="66" y="40"/>
                    </a:lnTo>
                    <a:lnTo>
                      <a:pt x="62" y="41"/>
                    </a:lnTo>
                    <a:lnTo>
                      <a:pt x="57" y="41"/>
                    </a:lnTo>
                    <a:lnTo>
                      <a:pt x="53" y="40"/>
                    </a:lnTo>
                    <a:lnTo>
                      <a:pt x="48" y="40"/>
                    </a:lnTo>
                    <a:lnTo>
                      <a:pt x="44" y="41"/>
                    </a:lnTo>
                    <a:lnTo>
                      <a:pt x="40" y="42"/>
                    </a:lnTo>
                    <a:lnTo>
                      <a:pt x="31" y="45"/>
                    </a:lnTo>
                    <a:lnTo>
                      <a:pt x="21" y="48"/>
                    </a:lnTo>
                    <a:lnTo>
                      <a:pt x="17" y="49"/>
                    </a:lnTo>
                    <a:lnTo>
                      <a:pt x="13" y="50"/>
                    </a:lnTo>
                    <a:lnTo>
                      <a:pt x="9" y="50"/>
                    </a:lnTo>
                    <a:lnTo>
                      <a:pt x="6" y="49"/>
                    </a:lnTo>
                    <a:lnTo>
                      <a:pt x="4" y="47"/>
                    </a:lnTo>
                    <a:lnTo>
                      <a:pt x="2" y="43"/>
                    </a:lnTo>
                    <a:lnTo>
                      <a:pt x="0" y="39"/>
                    </a:lnTo>
                    <a:lnTo>
                      <a:pt x="0" y="32"/>
                    </a:lnTo>
                    <a:lnTo>
                      <a:pt x="0" y="29"/>
                    </a:lnTo>
                    <a:lnTo>
                      <a:pt x="2" y="26"/>
                    </a:lnTo>
                    <a:lnTo>
                      <a:pt x="3" y="25"/>
                    </a:lnTo>
                    <a:lnTo>
                      <a:pt x="4" y="24"/>
                    </a:lnTo>
                    <a:lnTo>
                      <a:pt x="6" y="24"/>
                    </a:lnTo>
                    <a:lnTo>
                      <a:pt x="8" y="24"/>
                    </a:lnTo>
                    <a:lnTo>
                      <a:pt x="22" y="15"/>
                    </a:lnTo>
                    <a:lnTo>
                      <a:pt x="36" y="7"/>
                    </a:lnTo>
                    <a:lnTo>
                      <a:pt x="43" y="4"/>
                    </a:lnTo>
                    <a:lnTo>
                      <a:pt x="52" y="1"/>
                    </a:lnTo>
                    <a:lnTo>
                      <a:pt x="61" y="0"/>
                    </a:lnTo>
                    <a:lnTo>
                      <a:pt x="73" y="0"/>
                    </a:lnTo>
                    <a:lnTo>
                      <a:pt x="75" y="6"/>
                    </a:lnTo>
                    <a:lnTo>
                      <a:pt x="77" y="10"/>
                    </a:lnTo>
                    <a:lnTo>
                      <a:pt x="78" y="12"/>
                    </a:lnTo>
                    <a:lnTo>
                      <a:pt x="78" y="13"/>
                    </a:lnTo>
                    <a:lnTo>
                      <a:pt x="77" y="14"/>
                    </a:lnTo>
                    <a:lnTo>
                      <a:pt x="73" y="16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67" name="Vordingborg"/>
              <p:cNvSpPr>
                <a:spLocks/>
              </p:cNvSpPr>
              <p:nvPr/>
            </p:nvSpPr>
            <p:spPr bwMode="auto">
              <a:xfrm>
                <a:off x="3403600" y="5734050"/>
                <a:ext cx="38100" cy="30163"/>
              </a:xfrm>
              <a:custGeom>
                <a:avLst/>
                <a:gdLst>
                  <a:gd name="T0" fmla="*/ 0 w 73"/>
                  <a:gd name="T1" fmla="*/ 8 h 57"/>
                  <a:gd name="T2" fmla="*/ 0 w 73"/>
                  <a:gd name="T3" fmla="*/ 4 h 57"/>
                  <a:gd name="T4" fmla="*/ 0 w 73"/>
                  <a:gd name="T5" fmla="*/ 0 h 57"/>
                  <a:gd name="T6" fmla="*/ 4 w 73"/>
                  <a:gd name="T7" fmla="*/ 0 h 57"/>
                  <a:gd name="T8" fmla="*/ 7 w 73"/>
                  <a:gd name="T9" fmla="*/ 1 h 57"/>
                  <a:gd name="T10" fmla="*/ 10 w 73"/>
                  <a:gd name="T11" fmla="*/ 2 h 57"/>
                  <a:gd name="T12" fmla="*/ 12 w 73"/>
                  <a:gd name="T13" fmla="*/ 3 h 57"/>
                  <a:gd name="T14" fmla="*/ 18 w 73"/>
                  <a:gd name="T15" fmla="*/ 4 h 57"/>
                  <a:gd name="T16" fmla="*/ 24 w 73"/>
                  <a:gd name="T17" fmla="*/ 6 h 57"/>
                  <a:gd name="T18" fmla="*/ 21 w 73"/>
                  <a:gd name="T19" fmla="*/ 7 h 57"/>
                  <a:gd name="T20" fmla="*/ 19 w 73"/>
                  <a:gd name="T21" fmla="*/ 8 h 57"/>
                  <a:gd name="T22" fmla="*/ 16 w 73"/>
                  <a:gd name="T23" fmla="*/ 10 h 57"/>
                  <a:gd name="T24" fmla="*/ 14 w 73"/>
                  <a:gd name="T25" fmla="*/ 12 h 57"/>
                  <a:gd name="T26" fmla="*/ 12 w 73"/>
                  <a:gd name="T27" fmla="*/ 14 h 57"/>
                  <a:gd name="T28" fmla="*/ 11 w 73"/>
                  <a:gd name="T29" fmla="*/ 16 h 57"/>
                  <a:gd name="T30" fmla="*/ 8 w 73"/>
                  <a:gd name="T31" fmla="*/ 18 h 57"/>
                  <a:gd name="T32" fmla="*/ 5 w 73"/>
                  <a:gd name="T33" fmla="*/ 19 h 57"/>
                  <a:gd name="T34" fmla="*/ 5 w 73"/>
                  <a:gd name="T35" fmla="*/ 15 h 57"/>
                  <a:gd name="T36" fmla="*/ 6 w 73"/>
                  <a:gd name="T37" fmla="*/ 11 h 57"/>
                  <a:gd name="T38" fmla="*/ 5 w 73"/>
                  <a:gd name="T39" fmla="*/ 10 h 57"/>
                  <a:gd name="T40" fmla="*/ 5 w 73"/>
                  <a:gd name="T41" fmla="*/ 9 h 57"/>
                  <a:gd name="T42" fmla="*/ 5 w 73"/>
                  <a:gd name="T43" fmla="*/ 9 h 57"/>
                  <a:gd name="T44" fmla="*/ 4 w 73"/>
                  <a:gd name="T45" fmla="*/ 8 h 57"/>
                  <a:gd name="T46" fmla="*/ 4 w 73"/>
                  <a:gd name="T47" fmla="*/ 8 h 57"/>
                  <a:gd name="T48" fmla="*/ 3 w 73"/>
                  <a:gd name="T49" fmla="*/ 8 h 57"/>
                  <a:gd name="T50" fmla="*/ 1 w 73"/>
                  <a:gd name="T51" fmla="*/ 8 h 57"/>
                  <a:gd name="T52" fmla="*/ 0 w 73"/>
                  <a:gd name="T53" fmla="*/ 8 h 57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73" h="57">
                    <a:moveTo>
                      <a:pt x="0" y="24"/>
                    </a:moveTo>
                    <a:lnTo>
                      <a:pt x="0" y="13"/>
                    </a:lnTo>
                    <a:lnTo>
                      <a:pt x="0" y="0"/>
                    </a:lnTo>
                    <a:lnTo>
                      <a:pt x="11" y="1"/>
                    </a:lnTo>
                    <a:lnTo>
                      <a:pt x="20" y="2"/>
                    </a:lnTo>
                    <a:lnTo>
                      <a:pt x="29" y="5"/>
                    </a:lnTo>
                    <a:lnTo>
                      <a:pt x="38" y="8"/>
                    </a:lnTo>
                    <a:lnTo>
                      <a:pt x="55" y="13"/>
                    </a:lnTo>
                    <a:lnTo>
                      <a:pt x="73" y="17"/>
                    </a:lnTo>
                    <a:lnTo>
                      <a:pt x="64" y="20"/>
                    </a:lnTo>
                    <a:lnTo>
                      <a:pt x="57" y="24"/>
                    </a:lnTo>
                    <a:lnTo>
                      <a:pt x="50" y="31"/>
                    </a:lnTo>
                    <a:lnTo>
                      <a:pt x="44" y="36"/>
                    </a:lnTo>
                    <a:lnTo>
                      <a:pt x="38" y="42"/>
                    </a:lnTo>
                    <a:lnTo>
                      <a:pt x="32" y="49"/>
                    </a:lnTo>
                    <a:lnTo>
                      <a:pt x="24" y="54"/>
                    </a:lnTo>
                    <a:lnTo>
                      <a:pt x="16" y="57"/>
                    </a:lnTo>
                    <a:lnTo>
                      <a:pt x="16" y="46"/>
                    </a:lnTo>
                    <a:lnTo>
                      <a:pt x="17" y="33"/>
                    </a:lnTo>
                    <a:lnTo>
                      <a:pt x="16" y="30"/>
                    </a:lnTo>
                    <a:lnTo>
                      <a:pt x="15" y="28"/>
                    </a:lnTo>
                    <a:lnTo>
                      <a:pt x="14" y="26"/>
                    </a:lnTo>
                    <a:lnTo>
                      <a:pt x="13" y="24"/>
                    </a:lnTo>
                    <a:lnTo>
                      <a:pt x="11" y="23"/>
                    </a:lnTo>
                    <a:lnTo>
                      <a:pt x="8" y="23"/>
                    </a:lnTo>
                    <a:lnTo>
                      <a:pt x="4" y="23"/>
                    </a:lnTo>
                    <a:lnTo>
                      <a:pt x="0" y="24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68" name="Vordingborg kant"/>
              <p:cNvSpPr>
                <a:spLocks/>
              </p:cNvSpPr>
              <p:nvPr/>
            </p:nvSpPr>
            <p:spPr bwMode="auto">
              <a:xfrm>
                <a:off x="3403600" y="5734050"/>
                <a:ext cx="38100" cy="30163"/>
              </a:xfrm>
              <a:custGeom>
                <a:avLst/>
                <a:gdLst>
                  <a:gd name="T0" fmla="*/ 0 w 73"/>
                  <a:gd name="T1" fmla="*/ 8 h 57"/>
                  <a:gd name="T2" fmla="*/ 0 w 73"/>
                  <a:gd name="T3" fmla="*/ 4 h 57"/>
                  <a:gd name="T4" fmla="*/ 0 w 73"/>
                  <a:gd name="T5" fmla="*/ 0 h 57"/>
                  <a:gd name="T6" fmla="*/ 4 w 73"/>
                  <a:gd name="T7" fmla="*/ 0 h 57"/>
                  <a:gd name="T8" fmla="*/ 7 w 73"/>
                  <a:gd name="T9" fmla="*/ 1 h 57"/>
                  <a:gd name="T10" fmla="*/ 10 w 73"/>
                  <a:gd name="T11" fmla="*/ 2 h 57"/>
                  <a:gd name="T12" fmla="*/ 12 w 73"/>
                  <a:gd name="T13" fmla="*/ 3 h 57"/>
                  <a:gd name="T14" fmla="*/ 18 w 73"/>
                  <a:gd name="T15" fmla="*/ 4 h 57"/>
                  <a:gd name="T16" fmla="*/ 24 w 73"/>
                  <a:gd name="T17" fmla="*/ 6 h 57"/>
                  <a:gd name="T18" fmla="*/ 21 w 73"/>
                  <a:gd name="T19" fmla="*/ 7 h 57"/>
                  <a:gd name="T20" fmla="*/ 19 w 73"/>
                  <a:gd name="T21" fmla="*/ 8 h 57"/>
                  <a:gd name="T22" fmla="*/ 16 w 73"/>
                  <a:gd name="T23" fmla="*/ 10 h 57"/>
                  <a:gd name="T24" fmla="*/ 14 w 73"/>
                  <a:gd name="T25" fmla="*/ 12 h 57"/>
                  <a:gd name="T26" fmla="*/ 12 w 73"/>
                  <a:gd name="T27" fmla="*/ 14 h 57"/>
                  <a:gd name="T28" fmla="*/ 11 w 73"/>
                  <a:gd name="T29" fmla="*/ 16 h 57"/>
                  <a:gd name="T30" fmla="*/ 8 w 73"/>
                  <a:gd name="T31" fmla="*/ 18 h 57"/>
                  <a:gd name="T32" fmla="*/ 5 w 73"/>
                  <a:gd name="T33" fmla="*/ 19 h 57"/>
                  <a:gd name="T34" fmla="*/ 5 w 73"/>
                  <a:gd name="T35" fmla="*/ 15 h 57"/>
                  <a:gd name="T36" fmla="*/ 6 w 73"/>
                  <a:gd name="T37" fmla="*/ 11 h 57"/>
                  <a:gd name="T38" fmla="*/ 5 w 73"/>
                  <a:gd name="T39" fmla="*/ 10 h 57"/>
                  <a:gd name="T40" fmla="*/ 5 w 73"/>
                  <a:gd name="T41" fmla="*/ 9 h 57"/>
                  <a:gd name="T42" fmla="*/ 5 w 73"/>
                  <a:gd name="T43" fmla="*/ 9 h 57"/>
                  <a:gd name="T44" fmla="*/ 4 w 73"/>
                  <a:gd name="T45" fmla="*/ 8 h 57"/>
                  <a:gd name="T46" fmla="*/ 4 w 73"/>
                  <a:gd name="T47" fmla="*/ 8 h 57"/>
                  <a:gd name="T48" fmla="*/ 3 w 73"/>
                  <a:gd name="T49" fmla="*/ 8 h 57"/>
                  <a:gd name="T50" fmla="*/ 1 w 73"/>
                  <a:gd name="T51" fmla="*/ 8 h 57"/>
                  <a:gd name="T52" fmla="*/ 0 w 73"/>
                  <a:gd name="T53" fmla="*/ 8 h 57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73" h="57">
                    <a:moveTo>
                      <a:pt x="0" y="24"/>
                    </a:moveTo>
                    <a:lnTo>
                      <a:pt x="0" y="13"/>
                    </a:lnTo>
                    <a:lnTo>
                      <a:pt x="0" y="0"/>
                    </a:lnTo>
                    <a:lnTo>
                      <a:pt x="11" y="1"/>
                    </a:lnTo>
                    <a:lnTo>
                      <a:pt x="20" y="2"/>
                    </a:lnTo>
                    <a:lnTo>
                      <a:pt x="29" y="5"/>
                    </a:lnTo>
                    <a:lnTo>
                      <a:pt x="38" y="8"/>
                    </a:lnTo>
                    <a:lnTo>
                      <a:pt x="55" y="13"/>
                    </a:lnTo>
                    <a:lnTo>
                      <a:pt x="73" y="17"/>
                    </a:lnTo>
                    <a:lnTo>
                      <a:pt x="64" y="20"/>
                    </a:lnTo>
                    <a:lnTo>
                      <a:pt x="57" y="24"/>
                    </a:lnTo>
                    <a:lnTo>
                      <a:pt x="50" y="31"/>
                    </a:lnTo>
                    <a:lnTo>
                      <a:pt x="44" y="36"/>
                    </a:lnTo>
                    <a:lnTo>
                      <a:pt x="38" y="42"/>
                    </a:lnTo>
                    <a:lnTo>
                      <a:pt x="32" y="49"/>
                    </a:lnTo>
                    <a:lnTo>
                      <a:pt x="24" y="54"/>
                    </a:lnTo>
                    <a:lnTo>
                      <a:pt x="16" y="57"/>
                    </a:lnTo>
                    <a:lnTo>
                      <a:pt x="16" y="46"/>
                    </a:lnTo>
                    <a:lnTo>
                      <a:pt x="17" y="33"/>
                    </a:lnTo>
                    <a:lnTo>
                      <a:pt x="16" y="30"/>
                    </a:lnTo>
                    <a:lnTo>
                      <a:pt x="15" y="28"/>
                    </a:lnTo>
                    <a:lnTo>
                      <a:pt x="14" y="26"/>
                    </a:lnTo>
                    <a:lnTo>
                      <a:pt x="13" y="24"/>
                    </a:lnTo>
                    <a:lnTo>
                      <a:pt x="11" y="23"/>
                    </a:lnTo>
                    <a:lnTo>
                      <a:pt x="8" y="23"/>
                    </a:lnTo>
                    <a:lnTo>
                      <a:pt x="4" y="23"/>
                    </a:lnTo>
                    <a:lnTo>
                      <a:pt x="0" y="24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24" name="Odsherred"/>
            <p:cNvGrpSpPr/>
            <p:nvPr/>
          </p:nvGrpSpPr>
          <p:grpSpPr>
            <a:xfrm>
              <a:off x="2832100" y="4540250"/>
              <a:ext cx="619125" cy="361950"/>
              <a:chOff x="2832100" y="4540250"/>
              <a:chExt cx="619125" cy="361950"/>
            </a:xfrm>
            <a:grpFill/>
          </p:grpSpPr>
          <p:sp>
            <p:nvSpPr>
              <p:cNvPr id="145" name="Odsherred"/>
              <p:cNvSpPr>
                <a:spLocks/>
              </p:cNvSpPr>
              <p:nvPr/>
            </p:nvSpPr>
            <p:spPr bwMode="auto">
              <a:xfrm>
                <a:off x="3321050" y="4608513"/>
                <a:ext cx="130175" cy="184150"/>
              </a:xfrm>
              <a:custGeom>
                <a:avLst/>
                <a:gdLst>
                  <a:gd name="T0" fmla="*/ 65 w 246"/>
                  <a:gd name="T1" fmla="*/ 14 h 347"/>
                  <a:gd name="T2" fmla="*/ 70 w 246"/>
                  <a:gd name="T3" fmla="*/ 39 h 347"/>
                  <a:gd name="T4" fmla="*/ 75 w 246"/>
                  <a:gd name="T5" fmla="*/ 64 h 347"/>
                  <a:gd name="T6" fmla="*/ 79 w 246"/>
                  <a:gd name="T7" fmla="*/ 90 h 347"/>
                  <a:gd name="T8" fmla="*/ 76 w 246"/>
                  <a:gd name="T9" fmla="*/ 104 h 347"/>
                  <a:gd name="T10" fmla="*/ 65 w 246"/>
                  <a:gd name="T11" fmla="*/ 107 h 347"/>
                  <a:gd name="T12" fmla="*/ 54 w 246"/>
                  <a:gd name="T13" fmla="*/ 111 h 347"/>
                  <a:gd name="T14" fmla="*/ 42 w 246"/>
                  <a:gd name="T15" fmla="*/ 115 h 347"/>
                  <a:gd name="T16" fmla="*/ 34 w 246"/>
                  <a:gd name="T17" fmla="*/ 113 h 347"/>
                  <a:gd name="T18" fmla="*/ 33 w 246"/>
                  <a:gd name="T19" fmla="*/ 106 h 347"/>
                  <a:gd name="T20" fmla="*/ 31 w 246"/>
                  <a:gd name="T21" fmla="*/ 98 h 347"/>
                  <a:gd name="T22" fmla="*/ 29 w 246"/>
                  <a:gd name="T23" fmla="*/ 94 h 347"/>
                  <a:gd name="T24" fmla="*/ 26 w 246"/>
                  <a:gd name="T25" fmla="*/ 92 h 347"/>
                  <a:gd name="T26" fmla="*/ 23 w 246"/>
                  <a:gd name="T27" fmla="*/ 86 h 347"/>
                  <a:gd name="T28" fmla="*/ 17 w 246"/>
                  <a:gd name="T29" fmla="*/ 77 h 347"/>
                  <a:gd name="T30" fmla="*/ 11 w 246"/>
                  <a:gd name="T31" fmla="*/ 68 h 347"/>
                  <a:gd name="T32" fmla="*/ 4 w 246"/>
                  <a:gd name="T33" fmla="*/ 60 h 347"/>
                  <a:gd name="T34" fmla="*/ 1 w 246"/>
                  <a:gd name="T35" fmla="*/ 53 h 347"/>
                  <a:gd name="T36" fmla="*/ 0 w 246"/>
                  <a:gd name="T37" fmla="*/ 47 h 347"/>
                  <a:gd name="T38" fmla="*/ 0 w 246"/>
                  <a:gd name="T39" fmla="*/ 40 h 347"/>
                  <a:gd name="T40" fmla="*/ 1 w 246"/>
                  <a:gd name="T41" fmla="*/ 37 h 347"/>
                  <a:gd name="T42" fmla="*/ 2 w 246"/>
                  <a:gd name="T43" fmla="*/ 35 h 347"/>
                  <a:gd name="T44" fmla="*/ 8 w 246"/>
                  <a:gd name="T45" fmla="*/ 37 h 347"/>
                  <a:gd name="T46" fmla="*/ 13 w 246"/>
                  <a:gd name="T47" fmla="*/ 40 h 347"/>
                  <a:gd name="T48" fmla="*/ 16 w 246"/>
                  <a:gd name="T49" fmla="*/ 40 h 347"/>
                  <a:gd name="T50" fmla="*/ 18 w 246"/>
                  <a:gd name="T51" fmla="*/ 41 h 347"/>
                  <a:gd name="T52" fmla="*/ 20 w 246"/>
                  <a:gd name="T53" fmla="*/ 42 h 347"/>
                  <a:gd name="T54" fmla="*/ 22 w 246"/>
                  <a:gd name="T55" fmla="*/ 44 h 347"/>
                  <a:gd name="T56" fmla="*/ 25 w 246"/>
                  <a:gd name="T57" fmla="*/ 46 h 347"/>
                  <a:gd name="T58" fmla="*/ 30 w 246"/>
                  <a:gd name="T59" fmla="*/ 47 h 347"/>
                  <a:gd name="T60" fmla="*/ 35 w 246"/>
                  <a:gd name="T61" fmla="*/ 46 h 347"/>
                  <a:gd name="T62" fmla="*/ 39 w 246"/>
                  <a:gd name="T63" fmla="*/ 44 h 347"/>
                  <a:gd name="T64" fmla="*/ 40 w 246"/>
                  <a:gd name="T65" fmla="*/ 39 h 347"/>
                  <a:gd name="T66" fmla="*/ 38 w 246"/>
                  <a:gd name="T67" fmla="*/ 31 h 347"/>
                  <a:gd name="T68" fmla="*/ 39 w 246"/>
                  <a:gd name="T69" fmla="*/ 23 h 347"/>
                  <a:gd name="T70" fmla="*/ 41 w 246"/>
                  <a:gd name="T71" fmla="*/ 15 h 347"/>
                  <a:gd name="T72" fmla="*/ 43 w 246"/>
                  <a:gd name="T73" fmla="*/ 9 h 347"/>
                  <a:gd name="T74" fmla="*/ 48 w 246"/>
                  <a:gd name="T75" fmla="*/ 4 h 347"/>
                  <a:gd name="T76" fmla="*/ 51 w 246"/>
                  <a:gd name="T77" fmla="*/ 1 h 347"/>
                  <a:gd name="T78" fmla="*/ 55 w 246"/>
                  <a:gd name="T79" fmla="*/ 0 h 347"/>
                  <a:gd name="T80" fmla="*/ 58 w 246"/>
                  <a:gd name="T81" fmla="*/ 0 h 347"/>
                  <a:gd name="T82" fmla="*/ 61 w 246"/>
                  <a:gd name="T83" fmla="*/ 1 h 347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0" t="0" r="r" b="b"/>
                <a:pathLst>
                  <a:path w="246" h="347">
                    <a:moveTo>
                      <a:pt x="189" y="6"/>
                    </a:moveTo>
                    <a:lnTo>
                      <a:pt x="196" y="42"/>
                    </a:lnTo>
                    <a:lnTo>
                      <a:pt x="204" y="79"/>
                    </a:lnTo>
                    <a:lnTo>
                      <a:pt x="211" y="117"/>
                    </a:lnTo>
                    <a:lnTo>
                      <a:pt x="218" y="154"/>
                    </a:lnTo>
                    <a:lnTo>
                      <a:pt x="226" y="192"/>
                    </a:lnTo>
                    <a:lnTo>
                      <a:pt x="232" y="230"/>
                    </a:lnTo>
                    <a:lnTo>
                      <a:pt x="238" y="268"/>
                    </a:lnTo>
                    <a:lnTo>
                      <a:pt x="246" y="306"/>
                    </a:lnTo>
                    <a:lnTo>
                      <a:pt x="228" y="310"/>
                    </a:lnTo>
                    <a:lnTo>
                      <a:pt x="210" y="316"/>
                    </a:lnTo>
                    <a:lnTo>
                      <a:pt x="194" y="321"/>
                    </a:lnTo>
                    <a:lnTo>
                      <a:pt x="177" y="328"/>
                    </a:lnTo>
                    <a:lnTo>
                      <a:pt x="162" y="333"/>
                    </a:lnTo>
                    <a:lnTo>
                      <a:pt x="144" y="338"/>
                    </a:lnTo>
                    <a:lnTo>
                      <a:pt x="127" y="344"/>
                    </a:lnTo>
                    <a:lnTo>
                      <a:pt x="107" y="347"/>
                    </a:lnTo>
                    <a:lnTo>
                      <a:pt x="103" y="337"/>
                    </a:lnTo>
                    <a:lnTo>
                      <a:pt x="100" y="327"/>
                    </a:lnTo>
                    <a:lnTo>
                      <a:pt x="98" y="316"/>
                    </a:lnTo>
                    <a:lnTo>
                      <a:pt x="96" y="305"/>
                    </a:lnTo>
                    <a:lnTo>
                      <a:pt x="94" y="294"/>
                    </a:lnTo>
                    <a:lnTo>
                      <a:pt x="90" y="285"/>
                    </a:lnTo>
                    <a:lnTo>
                      <a:pt x="88" y="280"/>
                    </a:lnTo>
                    <a:lnTo>
                      <a:pt x="84" y="277"/>
                    </a:lnTo>
                    <a:lnTo>
                      <a:pt x="79" y="275"/>
                    </a:lnTo>
                    <a:lnTo>
                      <a:pt x="75" y="273"/>
                    </a:lnTo>
                    <a:lnTo>
                      <a:pt x="68" y="258"/>
                    </a:lnTo>
                    <a:lnTo>
                      <a:pt x="59" y="243"/>
                    </a:lnTo>
                    <a:lnTo>
                      <a:pt x="51" y="230"/>
                    </a:lnTo>
                    <a:lnTo>
                      <a:pt x="43" y="216"/>
                    </a:lnTo>
                    <a:lnTo>
                      <a:pt x="33" y="203"/>
                    </a:lnTo>
                    <a:lnTo>
                      <a:pt x="24" y="191"/>
                    </a:lnTo>
                    <a:lnTo>
                      <a:pt x="13" y="179"/>
                    </a:lnTo>
                    <a:lnTo>
                      <a:pt x="1" y="168"/>
                    </a:lnTo>
                    <a:lnTo>
                      <a:pt x="3" y="159"/>
                    </a:lnTo>
                    <a:lnTo>
                      <a:pt x="3" y="150"/>
                    </a:lnTo>
                    <a:lnTo>
                      <a:pt x="1" y="140"/>
                    </a:lnTo>
                    <a:lnTo>
                      <a:pt x="0" y="130"/>
                    </a:lnTo>
                    <a:lnTo>
                      <a:pt x="0" y="121"/>
                    </a:lnTo>
                    <a:lnTo>
                      <a:pt x="1" y="113"/>
                    </a:lnTo>
                    <a:lnTo>
                      <a:pt x="3" y="110"/>
                    </a:lnTo>
                    <a:lnTo>
                      <a:pt x="5" y="107"/>
                    </a:lnTo>
                    <a:lnTo>
                      <a:pt x="7" y="104"/>
                    </a:lnTo>
                    <a:lnTo>
                      <a:pt x="10" y="102"/>
                    </a:lnTo>
                    <a:lnTo>
                      <a:pt x="23" y="111"/>
                    </a:lnTo>
                    <a:lnTo>
                      <a:pt x="34" y="119"/>
                    </a:lnTo>
                    <a:lnTo>
                      <a:pt x="39" y="119"/>
                    </a:lnTo>
                    <a:lnTo>
                      <a:pt x="44" y="119"/>
                    </a:lnTo>
                    <a:lnTo>
                      <a:pt x="47" y="121"/>
                    </a:lnTo>
                    <a:lnTo>
                      <a:pt x="51" y="122"/>
                    </a:lnTo>
                    <a:lnTo>
                      <a:pt x="54" y="124"/>
                    </a:lnTo>
                    <a:lnTo>
                      <a:pt x="57" y="126"/>
                    </a:lnTo>
                    <a:lnTo>
                      <a:pt x="61" y="127"/>
                    </a:lnTo>
                    <a:lnTo>
                      <a:pt x="67" y="127"/>
                    </a:lnTo>
                    <a:lnTo>
                      <a:pt x="67" y="131"/>
                    </a:lnTo>
                    <a:lnTo>
                      <a:pt x="67" y="135"/>
                    </a:lnTo>
                    <a:lnTo>
                      <a:pt x="75" y="138"/>
                    </a:lnTo>
                    <a:lnTo>
                      <a:pt x="84" y="140"/>
                    </a:lnTo>
                    <a:lnTo>
                      <a:pt x="91" y="141"/>
                    </a:lnTo>
                    <a:lnTo>
                      <a:pt x="98" y="141"/>
                    </a:lnTo>
                    <a:lnTo>
                      <a:pt x="105" y="139"/>
                    </a:lnTo>
                    <a:lnTo>
                      <a:pt x="111" y="137"/>
                    </a:lnTo>
                    <a:lnTo>
                      <a:pt x="117" y="133"/>
                    </a:lnTo>
                    <a:lnTo>
                      <a:pt x="124" y="127"/>
                    </a:lnTo>
                    <a:lnTo>
                      <a:pt x="119" y="116"/>
                    </a:lnTo>
                    <a:lnTo>
                      <a:pt x="117" y="103"/>
                    </a:lnTo>
                    <a:lnTo>
                      <a:pt x="115" y="92"/>
                    </a:lnTo>
                    <a:lnTo>
                      <a:pt x="115" y="79"/>
                    </a:lnTo>
                    <a:lnTo>
                      <a:pt x="116" y="68"/>
                    </a:lnTo>
                    <a:lnTo>
                      <a:pt x="118" y="56"/>
                    </a:lnTo>
                    <a:lnTo>
                      <a:pt x="122" y="44"/>
                    </a:lnTo>
                    <a:lnTo>
                      <a:pt x="125" y="35"/>
                    </a:lnTo>
                    <a:lnTo>
                      <a:pt x="130" y="26"/>
                    </a:lnTo>
                    <a:lnTo>
                      <a:pt x="136" y="17"/>
                    </a:lnTo>
                    <a:lnTo>
                      <a:pt x="143" y="11"/>
                    </a:lnTo>
                    <a:lnTo>
                      <a:pt x="151" y="6"/>
                    </a:lnTo>
                    <a:lnTo>
                      <a:pt x="154" y="3"/>
                    </a:lnTo>
                    <a:lnTo>
                      <a:pt x="159" y="2"/>
                    </a:lnTo>
                    <a:lnTo>
                      <a:pt x="164" y="1"/>
                    </a:lnTo>
                    <a:lnTo>
                      <a:pt x="168" y="0"/>
                    </a:lnTo>
                    <a:lnTo>
                      <a:pt x="173" y="1"/>
                    </a:lnTo>
                    <a:lnTo>
                      <a:pt x="178" y="1"/>
                    </a:lnTo>
                    <a:lnTo>
                      <a:pt x="184" y="3"/>
                    </a:lnTo>
                    <a:lnTo>
                      <a:pt x="189" y="6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46" name="Odsherred kant"/>
              <p:cNvSpPr>
                <a:spLocks/>
              </p:cNvSpPr>
              <p:nvPr/>
            </p:nvSpPr>
            <p:spPr bwMode="auto">
              <a:xfrm>
                <a:off x="3321050" y="4608513"/>
                <a:ext cx="130175" cy="184150"/>
              </a:xfrm>
              <a:custGeom>
                <a:avLst/>
                <a:gdLst>
                  <a:gd name="T0" fmla="*/ 65 w 246"/>
                  <a:gd name="T1" fmla="*/ 14 h 347"/>
                  <a:gd name="T2" fmla="*/ 70 w 246"/>
                  <a:gd name="T3" fmla="*/ 39 h 347"/>
                  <a:gd name="T4" fmla="*/ 75 w 246"/>
                  <a:gd name="T5" fmla="*/ 64 h 347"/>
                  <a:gd name="T6" fmla="*/ 79 w 246"/>
                  <a:gd name="T7" fmla="*/ 90 h 347"/>
                  <a:gd name="T8" fmla="*/ 76 w 246"/>
                  <a:gd name="T9" fmla="*/ 104 h 347"/>
                  <a:gd name="T10" fmla="*/ 65 w 246"/>
                  <a:gd name="T11" fmla="*/ 107 h 347"/>
                  <a:gd name="T12" fmla="*/ 54 w 246"/>
                  <a:gd name="T13" fmla="*/ 111 h 347"/>
                  <a:gd name="T14" fmla="*/ 42 w 246"/>
                  <a:gd name="T15" fmla="*/ 115 h 347"/>
                  <a:gd name="T16" fmla="*/ 34 w 246"/>
                  <a:gd name="T17" fmla="*/ 113 h 347"/>
                  <a:gd name="T18" fmla="*/ 33 w 246"/>
                  <a:gd name="T19" fmla="*/ 106 h 347"/>
                  <a:gd name="T20" fmla="*/ 31 w 246"/>
                  <a:gd name="T21" fmla="*/ 98 h 347"/>
                  <a:gd name="T22" fmla="*/ 29 w 246"/>
                  <a:gd name="T23" fmla="*/ 94 h 347"/>
                  <a:gd name="T24" fmla="*/ 26 w 246"/>
                  <a:gd name="T25" fmla="*/ 92 h 347"/>
                  <a:gd name="T26" fmla="*/ 23 w 246"/>
                  <a:gd name="T27" fmla="*/ 86 h 347"/>
                  <a:gd name="T28" fmla="*/ 17 w 246"/>
                  <a:gd name="T29" fmla="*/ 77 h 347"/>
                  <a:gd name="T30" fmla="*/ 11 w 246"/>
                  <a:gd name="T31" fmla="*/ 68 h 347"/>
                  <a:gd name="T32" fmla="*/ 4 w 246"/>
                  <a:gd name="T33" fmla="*/ 60 h 347"/>
                  <a:gd name="T34" fmla="*/ 1 w 246"/>
                  <a:gd name="T35" fmla="*/ 53 h 347"/>
                  <a:gd name="T36" fmla="*/ 0 w 246"/>
                  <a:gd name="T37" fmla="*/ 47 h 347"/>
                  <a:gd name="T38" fmla="*/ 0 w 246"/>
                  <a:gd name="T39" fmla="*/ 40 h 347"/>
                  <a:gd name="T40" fmla="*/ 1 w 246"/>
                  <a:gd name="T41" fmla="*/ 37 h 347"/>
                  <a:gd name="T42" fmla="*/ 2 w 246"/>
                  <a:gd name="T43" fmla="*/ 35 h 347"/>
                  <a:gd name="T44" fmla="*/ 8 w 246"/>
                  <a:gd name="T45" fmla="*/ 37 h 347"/>
                  <a:gd name="T46" fmla="*/ 13 w 246"/>
                  <a:gd name="T47" fmla="*/ 40 h 347"/>
                  <a:gd name="T48" fmla="*/ 16 w 246"/>
                  <a:gd name="T49" fmla="*/ 40 h 347"/>
                  <a:gd name="T50" fmla="*/ 18 w 246"/>
                  <a:gd name="T51" fmla="*/ 41 h 347"/>
                  <a:gd name="T52" fmla="*/ 20 w 246"/>
                  <a:gd name="T53" fmla="*/ 42 h 347"/>
                  <a:gd name="T54" fmla="*/ 22 w 246"/>
                  <a:gd name="T55" fmla="*/ 44 h 347"/>
                  <a:gd name="T56" fmla="*/ 25 w 246"/>
                  <a:gd name="T57" fmla="*/ 46 h 347"/>
                  <a:gd name="T58" fmla="*/ 30 w 246"/>
                  <a:gd name="T59" fmla="*/ 47 h 347"/>
                  <a:gd name="T60" fmla="*/ 35 w 246"/>
                  <a:gd name="T61" fmla="*/ 46 h 347"/>
                  <a:gd name="T62" fmla="*/ 39 w 246"/>
                  <a:gd name="T63" fmla="*/ 44 h 347"/>
                  <a:gd name="T64" fmla="*/ 40 w 246"/>
                  <a:gd name="T65" fmla="*/ 39 h 347"/>
                  <a:gd name="T66" fmla="*/ 38 w 246"/>
                  <a:gd name="T67" fmla="*/ 31 h 347"/>
                  <a:gd name="T68" fmla="*/ 39 w 246"/>
                  <a:gd name="T69" fmla="*/ 23 h 347"/>
                  <a:gd name="T70" fmla="*/ 41 w 246"/>
                  <a:gd name="T71" fmla="*/ 15 h 347"/>
                  <a:gd name="T72" fmla="*/ 43 w 246"/>
                  <a:gd name="T73" fmla="*/ 9 h 347"/>
                  <a:gd name="T74" fmla="*/ 48 w 246"/>
                  <a:gd name="T75" fmla="*/ 4 h 347"/>
                  <a:gd name="T76" fmla="*/ 51 w 246"/>
                  <a:gd name="T77" fmla="*/ 1 h 347"/>
                  <a:gd name="T78" fmla="*/ 55 w 246"/>
                  <a:gd name="T79" fmla="*/ 0 h 347"/>
                  <a:gd name="T80" fmla="*/ 58 w 246"/>
                  <a:gd name="T81" fmla="*/ 0 h 347"/>
                  <a:gd name="T82" fmla="*/ 61 w 246"/>
                  <a:gd name="T83" fmla="*/ 1 h 347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0" t="0" r="r" b="b"/>
                <a:pathLst>
                  <a:path w="246" h="347">
                    <a:moveTo>
                      <a:pt x="189" y="6"/>
                    </a:moveTo>
                    <a:lnTo>
                      <a:pt x="196" y="42"/>
                    </a:lnTo>
                    <a:lnTo>
                      <a:pt x="204" y="79"/>
                    </a:lnTo>
                    <a:lnTo>
                      <a:pt x="211" y="117"/>
                    </a:lnTo>
                    <a:lnTo>
                      <a:pt x="218" y="154"/>
                    </a:lnTo>
                    <a:lnTo>
                      <a:pt x="226" y="192"/>
                    </a:lnTo>
                    <a:lnTo>
                      <a:pt x="232" y="230"/>
                    </a:lnTo>
                    <a:lnTo>
                      <a:pt x="238" y="268"/>
                    </a:lnTo>
                    <a:lnTo>
                      <a:pt x="246" y="306"/>
                    </a:lnTo>
                    <a:lnTo>
                      <a:pt x="228" y="310"/>
                    </a:lnTo>
                    <a:lnTo>
                      <a:pt x="210" y="316"/>
                    </a:lnTo>
                    <a:lnTo>
                      <a:pt x="194" y="321"/>
                    </a:lnTo>
                    <a:lnTo>
                      <a:pt x="177" y="328"/>
                    </a:lnTo>
                    <a:lnTo>
                      <a:pt x="162" y="333"/>
                    </a:lnTo>
                    <a:lnTo>
                      <a:pt x="144" y="338"/>
                    </a:lnTo>
                    <a:lnTo>
                      <a:pt x="127" y="344"/>
                    </a:lnTo>
                    <a:lnTo>
                      <a:pt x="107" y="347"/>
                    </a:lnTo>
                    <a:lnTo>
                      <a:pt x="103" y="337"/>
                    </a:lnTo>
                    <a:lnTo>
                      <a:pt x="100" y="327"/>
                    </a:lnTo>
                    <a:lnTo>
                      <a:pt x="98" y="316"/>
                    </a:lnTo>
                    <a:lnTo>
                      <a:pt x="96" y="305"/>
                    </a:lnTo>
                    <a:lnTo>
                      <a:pt x="94" y="294"/>
                    </a:lnTo>
                    <a:lnTo>
                      <a:pt x="90" y="285"/>
                    </a:lnTo>
                    <a:lnTo>
                      <a:pt x="88" y="280"/>
                    </a:lnTo>
                    <a:lnTo>
                      <a:pt x="84" y="277"/>
                    </a:lnTo>
                    <a:lnTo>
                      <a:pt x="79" y="275"/>
                    </a:lnTo>
                    <a:lnTo>
                      <a:pt x="75" y="273"/>
                    </a:lnTo>
                    <a:lnTo>
                      <a:pt x="68" y="258"/>
                    </a:lnTo>
                    <a:lnTo>
                      <a:pt x="59" y="243"/>
                    </a:lnTo>
                    <a:lnTo>
                      <a:pt x="51" y="230"/>
                    </a:lnTo>
                    <a:lnTo>
                      <a:pt x="43" y="216"/>
                    </a:lnTo>
                    <a:lnTo>
                      <a:pt x="33" y="203"/>
                    </a:lnTo>
                    <a:lnTo>
                      <a:pt x="24" y="191"/>
                    </a:lnTo>
                    <a:lnTo>
                      <a:pt x="13" y="179"/>
                    </a:lnTo>
                    <a:lnTo>
                      <a:pt x="1" y="168"/>
                    </a:lnTo>
                    <a:lnTo>
                      <a:pt x="3" y="159"/>
                    </a:lnTo>
                    <a:lnTo>
                      <a:pt x="3" y="150"/>
                    </a:lnTo>
                    <a:lnTo>
                      <a:pt x="1" y="140"/>
                    </a:lnTo>
                    <a:lnTo>
                      <a:pt x="0" y="130"/>
                    </a:lnTo>
                    <a:lnTo>
                      <a:pt x="0" y="121"/>
                    </a:lnTo>
                    <a:lnTo>
                      <a:pt x="1" y="113"/>
                    </a:lnTo>
                    <a:lnTo>
                      <a:pt x="3" y="110"/>
                    </a:lnTo>
                    <a:lnTo>
                      <a:pt x="5" y="107"/>
                    </a:lnTo>
                    <a:lnTo>
                      <a:pt x="7" y="104"/>
                    </a:lnTo>
                    <a:lnTo>
                      <a:pt x="10" y="102"/>
                    </a:lnTo>
                    <a:lnTo>
                      <a:pt x="23" y="111"/>
                    </a:lnTo>
                    <a:lnTo>
                      <a:pt x="34" y="119"/>
                    </a:lnTo>
                    <a:lnTo>
                      <a:pt x="39" y="119"/>
                    </a:lnTo>
                    <a:lnTo>
                      <a:pt x="44" y="119"/>
                    </a:lnTo>
                    <a:lnTo>
                      <a:pt x="47" y="121"/>
                    </a:lnTo>
                    <a:lnTo>
                      <a:pt x="51" y="122"/>
                    </a:lnTo>
                    <a:lnTo>
                      <a:pt x="54" y="124"/>
                    </a:lnTo>
                    <a:lnTo>
                      <a:pt x="57" y="126"/>
                    </a:lnTo>
                    <a:lnTo>
                      <a:pt x="61" y="127"/>
                    </a:lnTo>
                    <a:lnTo>
                      <a:pt x="67" y="127"/>
                    </a:lnTo>
                    <a:lnTo>
                      <a:pt x="67" y="131"/>
                    </a:lnTo>
                    <a:lnTo>
                      <a:pt x="67" y="135"/>
                    </a:lnTo>
                    <a:lnTo>
                      <a:pt x="75" y="138"/>
                    </a:lnTo>
                    <a:lnTo>
                      <a:pt x="84" y="140"/>
                    </a:lnTo>
                    <a:lnTo>
                      <a:pt x="91" y="141"/>
                    </a:lnTo>
                    <a:lnTo>
                      <a:pt x="98" y="141"/>
                    </a:lnTo>
                    <a:lnTo>
                      <a:pt x="105" y="139"/>
                    </a:lnTo>
                    <a:lnTo>
                      <a:pt x="111" y="137"/>
                    </a:lnTo>
                    <a:lnTo>
                      <a:pt x="117" y="133"/>
                    </a:lnTo>
                    <a:lnTo>
                      <a:pt x="124" y="127"/>
                    </a:lnTo>
                    <a:lnTo>
                      <a:pt x="119" y="116"/>
                    </a:lnTo>
                    <a:lnTo>
                      <a:pt x="117" y="103"/>
                    </a:lnTo>
                    <a:lnTo>
                      <a:pt x="115" y="92"/>
                    </a:lnTo>
                    <a:lnTo>
                      <a:pt x="115" y="79"/>
                    </a:lnTo>
                    <a:lnTo>
                      <a:pt x="116" y="68"/>
                    </a:lnTo>
                    <a:lnTo>
                      <a:pt x="118" y="56"/>
                    </a:lnTo>
                    <a:lnTo>
                      <a:pt x="122" y="44"/>
                    </a:lnTo>
                    <a:lnTo>
                      <a:pt x="125" y="35"/>
                    </a:lnTo>
                    <a:lnTo>
                      <a:pt x="130" y="26"/>
                    </a:lnTo>
                    <a:lnTo>
                      <a:pt x="136" y="17"/>
                    </a:lnTo>
                    <a:lnTo>
                      <a:pt x="143" y="11"/>
                    </a:lnTo>
                    <a:lnTo>
                      <a:pt x="151" y="6"/>
                    </a:lnTo>
                    <a:lnTo>
                      <a:pt x="154" y="3"/>
                    </a:lnTo>
                    <a:lnTo>
                      <a:pt x="159" y="2"/>
                    </a:lnTo>
                    <a:lnTo>
                      <a:pt x="164" y="1"/>
                    </a:lnTo>
                    <a:lnTo>
                      <a:pt x="168" y="0"/>
                    </a:lnTo>
                    <a:lnTo>
                      <a:pt x="173" y="1"/>
                    </a:lnTo>
                    <a:lnTo>
                      <a:pt x="178" y="1"/>
                    </a:lnTo>
                    <a:lnTo>
                      <a:pt x="184" y="3"/>
                    </a:lnTo>
                    <a:lnTo>
                      <a:pt x="189" y="6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47" name="Odsherred"/>
              <p:cNvSpPr>
                <a:spLocks/>
              </p:cNvSpPr>
              <p:nvPr/>
            </p:nvSpPr>
            <p:spPr bwMode="auto">
              <a:xfrm>
                <a:off x="3001963" y="4540250"/>
                <a:ext cx="393700" cy="361950"/>
              </a:xfrm>
              <a:custGeom>
                <a:avLst/>
                <a:gdLst>
                  <a:gd name="T0" fmla="*/ 26 w 746"/>
                  <a:gd name="T1" fmla="*/ 28 h 684"/>
                  <a:gd name="T2" fmla="*/ 49 w 746"/>
                  <a:gd name="T3" fmla="*/ 40 h 684"/>
                  <a:gd name="T4" fmla="*/ 82 w 746"/>
                  <a:gd name="T5" fmla="*/ 41 h 684"/>
                  <a:gd name="T6" fmla="*/ 101 w 746"/>
                  <a:gd name="T7" fmla="*/ 45 h 684"/>
                  <a:gd name="T8" fmla="*/ 111 w 746"/>
                  <a:gd name="T9" fmla="*/ 52 h 684"/>
                  <a:gd name="T10" fmla="*/ 118 w 746"/>
                  <a:gd name="T11" fmla="*/ 68 h 684"/>
                  <a:gd name="T12" fmla="*/ 120 w 746"/>
                  <a:gd name="T13" fmla="*/ 91 h 684"/>
                  <a:gd name="T14" fmla="*/ 117 w 746"/>
                  <a:gd name="T15" fmla="*/ 106 h 684"/>
                  <a:gd name="T16" fmla="*/ 111 w 746"/>
                  <a:gd name="T17" fmla="*/ 119 h 684"/>
                  <a:gd name="T18" fmla="*/ 102 w 746"/>
                  <a:gd name="T19" fmla="*/ 129 h 684"/>
                  <a:gd name="T20" fmla="*/ 74 w 746"/>
                  <a:gd name="T21" fmla="*/ 135 h 684"/>
                  <a:gd name="T22" fmla="*/ 48 w 746"/>
                  <a:gd name="T23" fmla="*/ 139 h 684"/>
                  <a:gd name="T24" fmla="*/ 44 w 746"/>
                  <a:gd name="T25" fmla="*/ 142 h 684"/>
                  <a:gd name="T26" fmla="*/ 50 w 746"/>
                  <a:gd name="T27" fmla="*/ 156 h 684"/>
                  <a:gd name="T28" fmla="*/ 52 w 746"/>
                  <a:gd name="T29" fmla="*/ 175 h 684"/>
                  <a:gd name="T30" fmla="*/ 46 w 746"/>
                  <a:gd name="T31" fmla="*/ 198 h 684"/>
                  <a:gd name="T32" fmla="*/ 42 w 746"/>
                  <a:gd name="T33" fmla="*/ 213 h 684"/>
                  <a:gd name="T34" fmla="*/ 51 w 746"/>
                  <a:gd name="T35" fmla="*/ 223 h 684"/>
                  <a:gd name="T36" fmla="*/ 54 w 746"/>
                  <a:gd name="T37" fmla="*/ 228 h 684"/>
                  <a:gd name="T38" fmla="*/ 65 w 746"/>
                  <a:gd name="T39" fmla="*/ 227 h 684"/>
                  <a:gd name="T40" fmla="*/ 121 w 746"/>
                  <a:gd name="T41" fmla="*/ 194 h 684"/>
                  <a:gd name="T42" fmla="*/ 174 w 746"/>
                  <a:gd name="T43" fmla="*/ 179 h 684"/>
                  <a:gd name="T44" fmla="*/ 181 w 746"/>
                  <a:gd name="T45" fmla="*/ 165 h 684"/>
                  <a:gd name="T46" fmla="*/ 189 w 746"/>
                  <a:gd name="T47" fmla="*/ 158 h 684"/>
                  <a:gd name="T48" fmla="*/ 199 w 746"/>
                  <a:gd name="T49" fmla="*/ 155 h 684"/>
                  <a:gd name="T50" fmla="*/ 212 w 746"/>
                  <a:gd name="T51" fmla="*/ 155 h 684"/>
                  <a:gd name="T52" fmla="*/ 216 w 746"/>
                  <a:gd name="T53" fmla="*/ 129 h 684"/>
                  <a:gd name="T54" fmla="*/ 199 w 746"/>
                  <a:gd name="T55" fmla="*/ 102 h 684"/>
                  <a:gd name="T56" fmla="*/ 189 w 746"/>
                  <a:gd name="T57" fmla="*/ 82 h 684"/>
                  <a:gd name="T58" fmla="*/ 190 w 746"/>
                  <a:gd name="T59" fmla="*/ 72 h 684"/>
                  <a:gd name="T60" fmla="*/ 196 w 746"/>
                  <a:gd name="T61" fmla="*/ 67 h 684"/>
                  <a:gd name="T62" fmla="*/ 204 w 746"/>
                  <a:gd name="T63" fmla="*/ 68 h 684"/>
                  <a:gd name="T64" fmla="*/ 210 w 746"/>
                  <a:gd name="T65" fmla="*/ 73 h 684"/>
                  <a:gd name="T66" fmla="*/ 217 w 746"/>
                  <a:gd name="T67" fmla="*/ 79 h 684"/>
                  <a:gd name="T68" fmla="*/ 226 w 746"/>
                  <a:gd name="T69" fmla="*/ 77 h 684"/>
                  <a:gd name="T70" fmla="*/ 231 w 746"/>
                  <a:gd name="T71" fmla="*/ 62 h 684"/>
                  <a:gd name="T72" fmla="*/ 234 w 746"/>
                  <a:gd name="T73" fmla="*/ 40 h 684"/>
                  <a:gd name="T74" fmla="*/ 246 w 746"/>
                  <a:gd name="T75" fmla="*/ 29 h 684"/>
                  <a:gd name="T76" fmla="*/ 246 w 746"/>
                  <a:gd name="T77" fmla="*/ 20 h 684"/>
                  <a:gd name="T78" fmla="*/ 239 w 746"/>
                  <a:gd name="T79" fmla="*/ 14 h 684"/>
                  <a:gd name="T80" fmla="*/ 227 w 746"/>
                  <a:gd name="T81" fmla="*/ 18 h 684"/>
                  <a:gd name="T82" fmla="*/ 200 w 746"/>
                  <a:gd name="T83" fmla="*/ 37 h 684"/>
                  <a:gd name="T84" fmla="*/ 160 w 746"/>
                  <a:gd name="T85" fmla="*/ 38 h 684"/>
                  <a:gd name="T86" fmla="*/ 153 w 746"/>
                  <a:gd name="T87" fmla="*/ 30 h 684"/>
                  <a:gd name="T88" fmla="*/ 140 w 746"/>
                  <a:gd name="T89" fmla="*/ 28 h 684"/>
                  <a:gd name="T90" fmla="*/ 131 w 746"/>
                  <a:gd name="T91" fmla="*/ 31 h 684"/>
                  <a:gd name="T92" fmla="*/ 120 w 746"/>
                  <a:gd name="T93" fmla="*/ 38 h 684"/>
                  <a:gd name="T94" fmla="*/ 107 w 746"/>
                  <a:gd name="T95" fmla="*/ 32 h 684"/>
                  <a:gd name="T96" fmla="*/ 80 w 746"/>
                  <a:gd name="T97" fmla="*/ 30 h 684"/>
                  <a:gd name="T98" fmla="*/ 65 w 746"/>
                  <a:gd name="T99" fmla="*/ 31 h 684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0" t="0" r="r" b="b"/>
                <a:pathLst>
                  <a:path w="746" h="684">
                    <a:moveTo>
                      <a:pt x="0" y="22"/>
                    </a:moveTo>
                    <a:lnTo>
                      <a:pt x="17" y="35"/>
                    </a:lnTo>
                    <a:lnTo>
                      <a:pt x="56" y="66"/>
                    </a:lnTo>
                    <a:lnTo>
                      <a:pt x="79" y="83"/>
                    </a:lnTo>
                    <a:lnTo>
                      <a:pt x="100" y="99"/>
                    </a:lnTo>
                    <a:lnTo>
                      <a:pt x="120" y="111"/>
                    </a:lnTo>
                    <a:lnTo>
                      <a:pt x="134" y="120"/>
                    </a:lnTo>
                    <a:lnTo>
                      <a:pt x="148" y="119"/>
                    </a:lnTo>
                    <a:lnTo>
                      <a:pt x="171" y="119"/>
                    </a:lnTo>
                    <a:lnTo>
                      <a:pt x="199" y="120"/>
                    </a:lnTo>
                    <a:lnTo>
                      <a:pt x="231" y="122"/>
                    </a:lnTo>
                    <a:lnTo>
                      <a:pt x="246" y="123"/>
                    </a:lnTo>
                    <a:lnTo>
                      <a:pt x="262" y="125"/>
                    </a:lnTo>
                    <a:lnTo>
                      <a:pt x="277" y="127"/>
                    </a:lnTo>
                    <a:lnTo>
                      <a:pt x="291" y="130"/>
                    </a:lnTo>
                    <a:lnTo>
                      <a:pt x="303" y="134"/>
                    </a:lnTo>
                    <a:lnTo>
                      <a:pt x="314" y="139"/>
                    </a:lnTo>
                    <a:lnTo>
                      <a:pt x="322" y="143"/>
                    </a:lnTo>
                    <a:lnTo>
                      <a:pt x="329" y="149"/>
                    </a:lnTo>
                    <a:lnTo>
                      <a:pt x="334" y="156"/>
                    </a:lnTo>
                    <a:lnTo>
                      <a:pt x="339" y="165"/>
                    </a:lnTo>
                    <a:lnTo>
                      <a:pt x="344" y="177"/>
                    </a:lnTo>
                    <a:lnTo>
                      <a:pt x="350" y="189"/>
                    </a:lnTo>
                    <a:lnTo>
                      <a:pt x="354" y="204"/>
                    </a:lnTo>
                    <a:lnTo>
                      <a:pt x="358" y="220"/>
                    </a:lnTo>
                    <a:lnTo>
                      <a:pt x="360" y="237"/>
                    </a:lnTo>
                    <a:lnTo>
                      <a:pt x="361" y="254"/>
                    </a:lnTo>
                    <a:lnTo>
                      <a:pt x="361" y="272"/>
                    </a:lnTo>
                    <a:lnTo>
                      <a:pt x="359" y="291"/>
                    </a:lnTo>
                    <a:lnTo>
                      <a:pt x="357" y="301"/>
                    </a:lnTo>
                    <a:lnTo>
                      <a:pt x="355" y="310"/>
                    </a:lnTo>
                    <a:lnTo>
                      <a:pt x="353" y="319"/>
                    </a:lnTo>
                    <a:lnTo>
                      <a:pt x="349" y="328"/>
                    </a:lnTo>
                    <a:lnTo>
                      <a:pt x="344" y="338"/>
                    </a:lnTo>
                    <a:lnTo>
                      <a:pt x="340" y="346"/>
                    </a:lnTo>
                    <a:lnTo>
                      <a:pt x="335" y="356"/>
                    </a:lnTo>
                    <a:lnTo>
                      <a:pt x="329" y="364"/>
                    </a:lnTo>
                    <a:lnTo>
                      <a:pt x="322" y="372"/>
                    </a:lnTo>
                    <a:lnTo>
                      <a:pt x="315" y="381"/>
                    </a:lnTo>
                    <a:lnTo>
                      <a:pt x="306" y="388"/>
                    </a:lnTo>
                    <a:lnTo>
                      <a:pt x="297" y="396"/>
                    </a:lnTo>
                    <a:lnTo>
                      <a:pt x="276" y="399"/>
                    </a:lnTo>
                    <a:lnTo>
                      <a:pt x="251" y="401"/>
                    </a:lnTo>
                    <a:lnTo>
                      <a:pt x="224" y="404"/>
                    </a:lnTo>
                    <a:lnTo>
                      <a:pt x="198" y="407"/>
                    </a:lnTo>
                    <a:lnTo>
                      <a:pt x="174" y="410"/>
                    </a:lnTo>
                    <a:lnTo>
                      <a:pt x="153" y="413"/>
                    </a:lnTo>
                    <a:lnTo>
                      <a:pt x="144" y="416"/>
                    </a:lnTo>
                    <a:lnTo>
                      <a:pt x="137" y="418"/>
                    </a:lnTo>
                    <a:lnTo>
                      <a:pt x="132" y="419"/>
                    </a:lnTo>
                    <a:lnTo>
                      <a:pt x="130" y="421"/>
                    </a:lnTo>
                    <a:lnTo>
                      <a:pt x="132" y="427"/>
                    </a:lnTo>
                    <a:lnTo>
                      <a:pt x="139" y="439"/>
                    </a:lnTo>
                    <a:lnTo>
                      <a:pt x="142" y="447"/>
                    </a:lnTo>
                    <a:lnTo>
                      <a:pt x="146" y="457"/>
                    </a:lnTo>
                    <a:lnTo>
                      <a:pt x="151" y="467"/>
                    </a:lnTo>
                    <a:lnTo>
                      <a:pt x="154" y="480"/>
                    </a:lnTo>
                    <a:lnTo>
                      <a:pt x="156" y="494"/>
                    </a:lnTo>
                    <a:lnTo>
                      <a:pt x="157" y="509"/>
                    </a:lnTo>
                    <a:lnTo>
                      <a:pt x="156" y="525"/>
                    </a:lnTo>
                    <a:lnTo>
                      <a:pt x="154" y="543"/>
                    </a:lnTo>
                    <a:lnTo>
                      <a:pt x="148" y="563"/>
                    </a:lnTo>
                    <a:lnTo>
                      <a:pt x="141" y="584"/>
                    </a:lnTo>
                    <a:lnTo>
                      <a:pt x="137" y="595"/>
                    </a:lnTo>
                    <a:lnTo>
                      <a:pt x="132" y="606"/>
                    </a:lnTo>
                    <a:lnTo>
                      <a:pt x="125" y="618"/>
                    </a:lnTo>
                    <a:lnTo>
                      <a:pt x="118" y="629"/>
                    </a:lnTo>
                    <a:lnTo>
                      <a:pt x="125" y="640"/>
                    </a:lnTo>
                    <a:lnTo>
                      <a:pt x="134" y="649"/>
                    </a:lnTo>
                    <a:lnTo>
                      <a:pt x="141" y="658"/>
                    </a:lnTo>
                    <a:lnTo>
                      <a:pt x="147" y="664"/>
                    </a:lnTo>
                    <a:lnTo>
                      <a:pt x="153" y="669"/>
                    </a:lnTo>
                    <a:lnTo>
                      <a:pt x="157" y="674"/>
                    </a:lnTo>
                    <a:lnTo>
                      <a:pt x="160" y="678"/>
                    </a:lnTo>
                    <a:lnTo>
                      <a:pt x="161" y="681"/>
                    </a:lnTo>
                    <a:lnTo>
                      <a:pt x="162" y="683"/>
                    </a:lnTo>
                    <a:lnTo>
                      <a:pt x="165" y="683"/>
                    </a:lnTo>
                    <a:lnTo>
                      <a:pt x="172" y="684"/>
                    </a:lnTo>
                    <a:lnTo>
                      <a:pt x="178" y="683"/>
                    </a:lnTo>
                    <a:lnTo>
                      <a:pt x="196" y="682"/>
                    </a:lnTo>
                    <a:lnTo>
                      <a:pt x="217" y="679"/>
                    </a:lnTo>
                    <a:lnTo>
                      <a:pt x="255" y="674"/>
                    </a:lnTo>
                    <a:lnTo>
                      <a:pt x="272" y="670"/>
                    </a:lnTo>
                    <a:lnTo>
                      <a:pt x="365" y="582"/>
                    </a:lnTo>
                    <a:lnTo>
                      <a:pt x="519" y="566"/>
                    </a:lnTo>
                    <a:lnTo>
                      <a:pt x="520" y="561"/>
                    </a:lnTo>
                    <a:lnTo>
                      <a:pt x="522" y="546"/>
                    </a:lnTo>
                    <a:lnTo>
                      <a:pt x="524" y="537"/>
                    </a:lnTo>
                    <a:lnTo>
                      <a:pt x="528" y="527"/>
                    </a:lnTo>
                    <a:lnTo>
                      <a:pt x="532" y="517"/>
                    </a:lnTo>
                    <a:lnTo>
                      <a:pt x="538" y="506"/>
                    </a:lnTo>
                    <a:lnTo>
                      <a:pt x="545" y="496"/>
                    </a:lnTo>
                    <a:lnTo>
                      <a:pt x="554" y="486"/>
                    </a:lnTo>
                    <a:lnTo>
                      <a:pt x="559" y="481"/>
                    </a:lnTo>
                    <a:lnTo>
                      <a:pt x="564" y="477"/>
                    </a:lnTo>
                    <a:lnTo>
                      <a:pt x="570" y="474"/>
                    </a:lnTo>
                    <a:lnTo>
                      <a:pt x="576" y="470"/>
                    </a:lnTo>
                    <a:lnTo>
                      <a:pt x="583" y="467"/>
                    </a:lnTo>
                    <a:lnTo>
                      <a:pt x="591" y="465"/>
                    </a:lnTo>
                    <a:lnTo>
                      <a:pt x="599" y="464"/>
                    </a:lnTo>
                    <a:lnTo>
                      <a:pt x="608" y="463"/>
                    </a:lnTo>
                    <a:lnTo>
                      <a:pt x="617" y="462"/>
                    </a:lnTo>
                    <a:lnTo>
                      <a:pt x="627" y="463"/>
                    </a:lnTo>
                    <a:lnTo>
                      <a:pt x="637" y="464"/>
                    </a:lnTo>
                    <a:lnTo>
                      <a:pt x="649" y="466"/>
                    </a:lnTo>
                    <a:lnTo>
                      <a:pt x="650" y="433"/>
                    </a:lnTo>
                    <a:lnTo>
                      <a:pt x="650" y="406"/>
                    </a:lnTo>
                    <a:lnTo>
                      <a:pt x="649" y="387"/>
                    </a:lnTo>
                    <a:lnTo>
                      <a:pt x="649" y="380"/>
                    </a:lnTo>
                    <a:lnTo>
                      <a:pt x="638" y="366"/>
                    </a:lnTo>
                    <a:lnTo>
                      <a:pt x="613" y="329"/>
                    </a:lnTo>
                    <a:lnTo>
                      <a:pt x="599" y="307"/>
                    </a:lnTo>
                    <a:lnTo>
                      <a:pt x="585" y="283"/>
                    </a:lnTo>
                    <a:lnTo>
                      <a:pt x="579" y="270"/>
                    </a:lnTo>
                    <a:lnTo>
                      <a:pt x="573" y="258"/>
                    </a:lnTo>
                    <a:lnTo>
                      <a:pt x="569" y="246"/>
                    </a:lnTo>
                    <a:lnTo>
                      <a:pt x="564" y="234"/>
                    </a:lnTo>
                    <a:lnTo>
                      <a:pt x="565" y="228"/>
                    </a:lnTo>
                    <a:lnTo>
                      <a:pt x="569" y="221"/>
                    </a:lnTo>
                    <a:lnTo>
                      <a:pt x="572" y="216"/>
                    </a:lnTo>
                    <a:lnTo>
                      <a:pt x="575" y="211"/>
                    </a:lnTo>
                    <a:lnTo>
                      <a:pt x="579" y="207"/>
                    </a:lnTo>
                    <a:lnTo>
                      <a:pt x="584" y="204"/>
                    </a:lnTo>
                    <a:lnTo>
                      <a:pt x="590" y="202"/>
                    </a:lnTo>
                    <a:lnTo>
                      <a:pt x="596" y="201"/>
                    </a:lnTo>
                    <a:lnTo>
                      <a:pt x="601" y="201"/>
                    </a:lnTo>
                    <a:lnTo>
                      <a:pt x="608" y="201"/>
                    </a:lnTo>
                    <a:lnTo>
                      <a:pt x="613" y="203"/>
                    </a:lnTo>
                    <a:lnTo>
                      <a:pt x="619" y="205"/>
                    </a:lnTo>
                    <a:lnTo>
                      <a:pt x="624" y="209"/>
                    </a:lnTo>
                    <a:lnTo>
                      <a:pt x="629" y="213"/>
                    </a:lnTo>
                    <a:lnTo>
                      <a:pt x="633" y="219"/>
                    </a:lnTo>
                    <a:lnTo>
                      <a:pt x="637" y="226"/>
                    </a:lnTo>
                    <a:lnTo>
                      <a:pt x="642" y="231"/>
                    </a:lnTo>
                    <a:lnTo>
                      <a:pt x="648" y="236"/>
                    </a:lnTo>
                    <a:lnTo>
                      <a:pt x="654" y="238"/>
                    </a:lnTo>
                    <a:lnTo>
                      <a:pt x="659" y="239"/>
                    </a:lnTo>
                    <a:lnTo>
                      <a:pt x="667" y="238"/>
                    </a:lnTo>
                    <a:lnTo>
                      <a:pt x="673" y="236"/>
                    </a:lnTo>
                    <a:lnTo>
                      <a:pt x="681" y="231"/>
                    </a:lnTo>
                    <a:lnTo>
                      <a:pt x="689" y="226"/>
                    </a:lnTo>
                    <a:lnTo>
                      <a:pt x="692" y="217"/>
                    </a:lnTo>
                    <a:lnTo>
                      <a:pt x="693" y="203"/>
                    </a:lnTo>
                    <a:lnTo>
                      <a:pt x="694" y="187"/>
                    </a:lnTo>
                    <a:lnTo>
                      <a:pt x="695" y="169"/>
                    </a:lnTo>
                    <a:lnTo>
                      <a:pt x="696" y="138"/>
                    </a:lnTo>
                    <a:lnTo>
                      <a:pt x="696" y="124"/>
                    </a:lnTo>
                    <a:lnTo>
                      <a:pt x="703" y="120"/>
                    </a:lnTo>
                    <a:lnTo>
                      <a:pt x="720" y="109"/>
                    </a:lnTo>
                    <a:lnTo>
                      <a:pt x="729" y="102"/>
                    </a:lnTo>
                    <a:lnTo>
                      <a:pt x="737" y="92"/>
                    </a:lnTo>
                    <a:lnTo>
                      <a:pt x="740" y="87"/>
                    </a:lnTo>
                    <a:lnTo>
                      <a:pt x="743" y="82"/>
                    </a:lnTo>
                    <a:lnTo>
                      <a:pt x="744" y="75"/>
                    </a:lnTo>
                    <a:lnTo>
                      <a:pt x="746" y="69"/>
                    </a:lnTo>
                    <a:lnTo>
                      <a:pt x="741" y="61"/>
                    </a:lnTo>
                    <a:lnTo>
                      <a:pt x="737" y="53"/>
                    </a:lnTo>
                    <a:lnTo>
                      <a:pt x="732" y="48"/>
                    </a:lnTo>
                    <a:lnTo>
                      <a:pt x="727" y="44"/>
                    </a:lnTo>
                    <a:lnTo>
                      <a:pt x="720" y="42"/>
                    </a:lnTo>
                    <a:lnTo>
                      <a:pt x="714" y="42"/>
                    </a:lnTo>
                    <a:lnTo>
                      <a:pt x="706" y="43"/>
                    </a:lnTo>
                    <a:lnTo>
                      <a:pt x="696" y="45"/>
                    </a:lnTo>
                    <a:lnTo>
                      <a:pt x="684" y="54"/>
                    </a:lnTo>
                    <a:lnTo>
                      <a:pt x="670" y="66"/>
                    </a:lnTo>
                    <a:lnTo>
                      <a:pt x="652" y="79"/>
                    </a:lnTo>
                    <a:lnTo>
                      <a:pt x="634" y="91"/>
                    </a:lnTo>
                    <a:lnTo>
                      <a:pt x="603" y="112"/>
                    </a:lnTo>
                    <a:lnTo>
                      <a:pt x="590" y="122"/>
                    </a:lnTo>
                    <a:lnTo>
                      <a:pt x="488" y="126"/>
                    </a:lnTo>
                    <a:lnTo>
                      <a:pt x="485" y="123"/>
                    </a:lnTo>
                    <a:lnTo>
                      <a:pt x="481" y="113"/>
                    </a:lnTo>
                    <a:lnTo>
                      <a:pt x="477" y="108"/>
                    </a:lnTo>
                    <a:lnTo>
                      <a:pt x="473" y="102"/>
                    </a:lnTo>
                    <a:lnTo>
                      <a:pt x="466" y="97"/>
                    </a:lnTo>
                    <a:lnTo>
                      <a:pt x="460" y="91"/>
                    </a:lnTo>
                    <a:lnTo>
                      <a:pt x="452" y="87"/>
                    </a:lnTo>
                    <a:lnTo>
                      <a:pt x="442" y="85"/>
                    </a:lnTo>
                    <a:lnTo>
                      <a:pt x="432" y="83"/>
                    </a:lnTo>
                    <a:lnTo>
                      <a:pt x="420" y="84"/>
                    </a:lnTo>
                    <a:lnTo>
                      <a:pt x="414" y="85"/>
                    </a:lnTo>
                    <a:lnTo>
                      <a:pt x="408" y="87"/>
                    </a:lnTo>
                    <a:lnTo>
                      <a:pt x="400" y="90"/>
                    </a:lnTo>
                    <a:lnTo>
                      <a:pt x="393" y="93"/>
                    </a:lnTo>
                    <a:lnTo>
                      <a:pt x="385" y="98"/>
                    </a:lnTo>
                    <a:lnTo>
                      <a:pt x="378" y="102"/>
                    </a:lnTo>
                    <a:lnTo>
                      <a:pt x="370" y="108"/>
                    </a:lnTo>
                    <a:lnTo>
                      <a:pt x="360" y="114"/>
                    </a:lnTo>
                    <a:lnTo>
                      <a:pt x="353" y="110"/>
                    </a:lnTo>
                    <a:lnTo>
                      <a:pt x="344" y="105"/>
                    </a:lnTo>
                    <a:lnTo>
                      <a:pt x="335" y="100"/>
                    </a:lnTo>
                    <a:lnTo>
                      <a:pt x="323" y="95"/>
                    </a:lnTo>
                    <a:lnTo>
                      <a:pt x="310" y="91"/>
                    </a:lnTo>
                    <a:lnTo>
                      <a:pt x="292" y="89"/>
                    </a:lnTo>
                    <a:lnTo>
                      <a:pt x="270" y="88"/>
                    </a:lnTo>
                    <a:lnTo>
                      <a:pt x="242" y="90"/>
                    </a:lnTo>
                    <a:lnTo>
                      <a:pt x="217" y="91"/>
                    </a:lnTo>
                    <a:lnTo>
                      <a:pt x="203" y="92"/>
                    </a:lnTo>
                    <a:lnTo>
                      <a:pt x="198" y="92"/>
                    </a:lnTo>
                    <a:lnTo>
                      <a:pt x="197" y="92"/>
                    </a:lnTo>
                    <a:lnTo>
                      <a:pt x="12" y="0"/>
                    </a:lnTo>
                    <a:lnTo>
                      <a:pt x="0" y="22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48" name="Odsherred kant"/>
              <p:cNvSpPr>
                <a:spLocks/>
              </p:cNvSpPr>
              <p:nvPr/>
            </p:nvSpPr>
            <p:spPr bwMode="auto">
              <a:xfrm>
                <a:off x="3001963" y="4540250"/>
                <a:ext cx="393700" cy="361950"/>
              </a:xfrm>
              <a:custGeom>
                <a:avLst/>
                <a:gdLst>
                  <a:gd name="T0" fmla="*/ 26 w 746"/>
                  <a:gd name="T1" fmla="*/ 28 h 684"/>
                  <a:gd name="T2" fmla="*/ 49 w 746"/>
                  <a:gd name="T3" fmla="*/ 40 h 684"/>
                  <a:gd name="T4" fmla="*/ 82 w 746"/>
                  <a:gd name="T5" fmla="*/ 41 h 684"/>
                  <a:gd name="T6" fmla="*/ 101 w 746"/>
                  <a:gd name="T7" fmla="*/ 45 h 684"/>
                  <a:gd name="T8" fmla="*/ 111 w 746"/>
                  <a:gd name="T9" fmla="*/ 52 h 684"/>
                  <a:gd name="T10" fmla="*/ 118 w 746"/>
                  <a:gd name="T11" fmla="*/ 68 h 684"/>
                  <a:gd name="T12" fmla="*/ 120 w 746"/>
                  <a:gd name="T13" fmla="*/ 91 h 684"/>
                  <a:gd name="T14" fmla="*/ 117 w 746"/>
                  <a:gd name="T15" fmla="*/ 106 h 684"/>
                  <a:gd name="T16" fmla="*/ 111 w 746"/>
                  <a:gd name="T17" fmla="*/ 119 h 684"/>
                  <a:gd name="T18" fmla="*/ 102 w 746"/>
                  <a:gd name="T19" fmla="*/ 129 h 684"/>
                  <a:gd name="T20" fmla="*/ 74 w 746"/>
                  <a:gd name="T21" fmla="*/ 135 h 684"/>
                  <a:gd name="T22" fmla="*/ 48 w 746"/>
                  <a:gd name="T23" fmla="*/ 139 h 684"/>
                  <a:gd name="T24" fmla="*/ 44 w 746"/>
                  <a:gd name="T25" fmla="*/ 142 h 684"/>
                  <a:gd name="T26" fmla="*/ 50 w 746"/>
                  <a:gd name="T27" fmla="*/ 156 h 684"/>
                  <a:gd name="T28" fmla="*/ 52 w 746"/>
                  <a:gd name="T29" fmla="*/ 175 h 684"/>
                  <a:gd name="T30" fmla="*/ 46 w 746"/>
                  <a:gd name="T31" fmla="*/ 198 h 684"/>
                  <a:gd name="T32" fmla="*/ 42 w 746"/>
                  <a:gd name="T33" fmla="*/ 213 h 684"/>
                  <a:gd name="T34" fmla="*/ 51 w 746"/>
                  <a:gd name="T35" fmla="*/ 223 h 684"/>
                  <a:gd name="T36" fmla="*/ 54 w 746"/>
                  <a:gd name="T37" fmla="*/ 228 h 684"/>
                  <a:gd name="T38" fmla="*/ 65 w 746"/>
                  <a:gd name="T39" fmla="*/ 227 h 684"/>
                  <a:gd name="T40" fmla="*/ 121 w 746"/>
                  <a:gd name="T41" fmla="*/ 194 h 684"/>
                  <a:gd name="T42" fmla="*/ 174 w 746"/>
                  <a:gd name="T43" fmla="*/ 179 h 684"/>
                  <a:gd name="T44" fmla="*/ 181 w 746"/>
                  <a:gd name="T45" fmla="*/ 165 h 684"/>
                  <a:gd name="T46" fmla="*/ 189 w 746"/>
                  <a:gd name="T47" fmla="*/ 158 h 684"/>
                  <a:gd name="T48" fmla="*/ 199 w 746"/>
                  <a:gd name="T49" fmla="*/ 155 h 684"/>
                  <a:gd name="T50" fmla="*/ 212 w 746"/>
                  <a:gd name="T51" fmla="*/ 155 h 684"/>
                  <a:gd name="T52" fmla="*/ 216 w 746"/>
                  <a:gd name="T53" fmla="*/ 129 h 684"/>
                  <a:gd name="T54" fmla="*/ 199 w 746"/>
                  <a:gd name="T55" fmla="*/ 102 h 684"/>
                  <a:gd name="T56" fmla="*/ 189 w 746"/>
                  <a:gd name="T57" fmla="*/ 82 h 684"/>
                  <a:gd name="T58" fmla="*/ 190 w 746"/>
                  <a:gd name="T59" fmla="*/ 72 h 684"/>
                  <a:gd name="T60" fmla="*/ 196 w 746"/>
                  <a:gd name="T61" fmla="*/ 67 h 684"/>
                  <a:gd name="T62" fmla="*/ 204 w 746"/>
                  <a:gd name="T63" fmla="*/ 68 h 684"/>
                  <a:gd name="T64" fmla="*/ 210 w 746"/>
                  <a:gd name="T65" fmla="*/ 73 h 684"/>
                  <a:gd name="T66" fmla="*/ 217 w 746"/>
                  <a:gd name="T67" fmla="*/ 79 h 684"/>
                  <a:gd name="T68" fmla="*/ 226 w 746"/>
                  <a:gd name="T69" fmla="*/ 77 h 684"/>
                  <a:gd name="T70" fmla="*/ 231 w 746"/>
                  <a:gd name="T71" fmla="*/ 62 h 684"/>
                  <a:gd name="T72" fmla="*/ 234 w 746"/>
                  <a:gd name="T73" fmla="*/ 40 h 684"/>
                  <a:gd name="T74" fmla="*/ 246 w 746"/>
                  <a:gd name="T75" fmla="*/ 29 h 684"/>
                  <a:gd name="T76" fmla="*/ 246 w 746"/>
                  <a:gd name="T77" fmla="*/ 20 h 684"/>
                  <a:gd name="T78" fmla="*/ 239 w 746"/>
                  <a:gd name="T79" fmla="*/ 14 h 684"/>
                  <a:gd name="T80" fmla="*/ 227 w 746"/>
                  <a:gd name="T81" fmla="*/ 18 h 684"/>
                  <a:gd name="T82" fmla="*/ 200 w 746"/>
                  <a:gd name="T83" fmla="*/ 37 h 684"/>
                  <a:gd name="T84" fmla="*/ 160 w 746"/>
                  <a:gd name="T85" fmla="*/ 38 h 684"/>
                  <a:gd name="T86" fmla="*/ 153 w 746"/>
                  <a:gd name="T87" fmla="*/ 30 h 684"/>
                  <a:gd name="T88" fmla="*/ 140 w 746"/>
                  <a:gd name="T89" fmla="*/ 28 h 684"/>
                  <a:gd name="T90" fmla="*/ 131 w 746"/>
                  <a:gd name="T91" fmla="*/ 31 h 684"/>
                  <a:gd name="T92" fmla="*/ 120 w 746"/>
                  <a:gd name="T93" fmla="*/ 38 h 684"/>
                  <a:gd name="T94" fmla="*/ 107 w 746"/>
                  <a:gd name="T95" fmla="*/ 32 h 684"/>
                  <a:gd name="T96" fmla="*/ 80 w 746"/>
                  <a:gd name="T97" fmla="*/ 30 h 684"/>
                  <a:gd name="T98" fmla="*/ 65 w 746"/>
                  <a:gd name="T99" fmla="*/ 31 h 684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0" t="0" r="r" b="b"/>
                <a:pathLst>
                  <a:path w="746" h="684">
                    <a:moveTo>
                      <a:pt x="0" y="22"/>
                    </a:moveTo>
                    <a:lnTo>
                      <a:pt x="17" y="35"/>
                    </a:lnTo>
                    <a:lnTo>
                      <a:pt x="56" y="66"/>
                    </a:lnTo>
                    <a:lnTo>
                      <a:pt x="79" y="83"/>
                    </a:lnTo>
                    <a:lnTo>
                      <a:pt x="100" y="99"/>
                    </a:lnTo>
                    <a:lnTo>
                      <a:pt x="120" y="111"/>
                    </a:lnTo>
                    <a:lnTo>
                      <a:pt x="134" y="120"/>
                    </a:lnTo>
                    <a:lnTo>
                      <a:pt x="148" y="119"/>
                    </a:lnTo>
                    <a:lnTo>
                      <a:pt x="171" y="119"/>
                    </a:lnTo>
                    <a:lnTo>
                      <a:pt x="199" y="120"/>
                    </a:lnTo>
                    <a:lnTo>
                      <a:pt x="231" y="122"/>
                    </a:lnTo>
                    <a:lnTo>
                      <a:pt x="246" y="123"/>
                    </a:lnTo>
                    <a:lnTo>
                      <a:pt x="262" y="125"/>
                    </a:lnTo>
                    <a:lnTo>
                      <a:pt x="277" y="127"/>
                    </a:lnTo>
                    <a:lnTo>
                      <a:pt x="291" y="130"/>
                    </a:lnTo>
                    <a:lnTo>
                      <a:pt x="303" y="134"/>
                    </a:lnTo>
                    <a:lnTo>
                      <a:pt x="314" y="139"/>
                    </a:lnTo>
                    <a:lnTo>
                      <a:pt x="322" y="143"/>
                    </a:lnTo>
                    <a:lnTo>
                      <a:pt x="329" y="149"/>
                    </a:lnTo>
                    <a:lnTo>
                      <a:pt x="334" y="156"/>
                    </a:lnTo>
                    <a:lnTo>
                      <a:pt x="339" y="165"/>
                    </a:lnTo>
                    <a:lnTo>
                      <a:pt x="344" y="177"/>
                    </a:lnTo>
                    <a:lnTo>
                      <a:pt x="350" y="189"/>
                    </a:lnTo>
                    <a:lnTo>
                      <a:pt x="354" y="204"/>
                    </a:lnTo>
                    <a:lnTo>
                      <a:pt x="358" y="220"/>
                    </a:lnTo>
                    <a:lnTo>
                      <a:pt x="360" y="237"/>
                    </a:lnTo>
                    <a:lnTo>
                      <a:pt x="361" y="254"/>
                    </a:lnTo>
                    <a:lnTo>
                      <a:pt x="361" y="272"/>
                    </a:lnTo>
                    <a:lnTo>
                      <a:pt x="359" y="291"/>
                    </a:lnTo>
                    <a:lnTo>
                      <a:pt x="357" y="301"/>
                    </a:lnTo>
                    <a:lnTo>
                      <a:pt x="355" y="310"/>
                    </a:lnTo>
                    <a:lnTo>
                      <a:pt x="353" y="319"/>
                    </a:lnTo>
                    <a:lnTo>
                      <a:pt x="349" y="328"/>
                    </a:lnTo>
                    <a:lnTo>
                      <a:pt x="344" y="338"/>
                    </a:lnTo>
                    <a:lnTo>
                      <a:pt x="340" y="346"/>
                    </a:lnTo>
                    <a:lnTo>
                      <a:pt x="335" y="356"/>
                    </a:lnTo>
                    <a:lnTo>
                      <a:pt x="329" y="364"/>
                    </a:lnTo>
                    <a:lnTo>
                      <a:pt x="322" y="372"/>
                    </a:lnTo>
                    <a:lnTo>
                      <a:pt x="315" y="381"/>
                    </a:lnTo>
                    <a:lnTo>
                      <a:pt x="306" y="388"/>
                    </a:lnTo>
                    <a:lnTo>
                      <a:pt x="297" y="396"/>
                    </a:lnTo>
                    <a:lnTo>
                      <a:pt x="276" y="399"/>
                    </a:lnTo>
                    <a:lnTo>
                      <a:pt x="251" y="401"/>
                    </a:lnTo>
                    <a:lnTo>
                      <a:pt x="224" y="404"/>
                    </a:lnTo>
                    <a:lnTo>
                      <a:pt x="198" y="407"/>
                    </a:lnTo>
                    <a:lnTo>
                      <a:pt x="174" y="410"/>
                    </a:lnTo>
                    <a:lnTo>
                      <a:pt x="153" y="413"/>
                    </a:lnTo>
                    <a:lnTo>
                      <a:pt x="144" y="416"/>
                    </a:lnTo>
                    <a:lnTo>
                      <a:pt x="137" y="418"/>
                    </a:lnTo>
                    <a:lnTo>
                      <a:pt x="132" y="419"/>
                    </a:lnTo>
                    <a:lnTo>
                      <a:pt x="130" y="421"/>
                    </a:lnTo>
                    <a:lnTo>
                      <a:pt x="132" y="427"/>
                    </a:lnTo>
                    <a:lnTo>
                      <a:pt x="139" y="439"/>
                    </a:lnTo>
                    <a:lnTo>
                      <a:pt x="142" y="447"/>
                    </a:lnTo>
                    <a:lnTo>
                      <a:pt x="146" y="457"/>
                    </a:lnTo>
                    <a:lnTo>
                      <a:pt x="151" y="467"/>
                    </a:lnTo>
                    <a:lnTo>
                      <a:pt x="154" y="480"/>
                    </a:lnTo>
                    <a:lnTo>
                      <a:pt x="156" y="494"/>
                    </a:lnTo>
                    <a:lnTo>
                      <a:pt x="157" y="509"/>
                    </a:lnTo>
                    <a:lnTo>
                      <a:pt x="156" y="525"/>
                    </a:lnTo>
                    <a:lnTo>
                      <a:pt x="154" y="543"/>
                    </a:lnTo>
                    <a:lnTo>
                      <a:pt x="148" y="563"/>
                    </a:lnTo>
                    <a:lnTo>
                      <a:pt x="141" y="584"/>
                    </a:lnTo>
                    <a:lnTo>
                      <a:pt x="137" y="595"/>
                    </a:lnTo>
                    <a:lnTo>
                      <a:pt x="132" y="606"/>
                    </a:lnTo>
                    <a:lnTo>
                      <a:pt x="125" y="618"/>
                    </a:lnTo>
                    <a:lnTo>
                      <a:pt x="118" y="629"/>
                    </a:lnTo>
                    <a:lnTo>
                      <a:pt x="125" y="640"/>
                    </a:lnTo>
                    <a:lnTo>
                      <a:pt x="134" y="649"/>
                    </a:lnTo>
                    <a:lnTo>
                      <a:pt x="141" y="658"/>
                    </a:lnTo>
                    <a:lnTo>
                      <a:pt x="147" y="664"/>
                    </a:lnTo>
                    <a:lnTo>
                      <a:pt x="153" y="669"/>
                    </a:lnTo>
                    <a:lnTo>
                      <a:pt x="157" y="674"/>
                    </a:lnTo>
                    <a:lnTo>
                      <a:pt x="160" y="678"/>
                    </a:lnTo>
                    <a:lnTo>
                      <a:pt x="161" y="681"/>
                    </a:lnTo>
                    <a:lnTo>
                      <a:pt x="162" y="683"/>
                    </a:lnTo>
                    <a:lnTo>
                      <a:pt x="165" y="683"/>
                    </a:lnTo>
                    <a:lnTo>
                      <a:pt x="172" y="684"/>
                    </a:lnTo>
                    <a:lnTo>
                      <a:pt x="178" y="683"/>
                    </a:lnTo>
                    <a:lnTo>
                      <a:pt x="196" y="682"/>
                    </a:lnTo>
                    <a:lnTo>
                      <a:pt x="217" y="679"/>
                    </a:lnTo>
                    <a:lnTo>
                      <a:pt x="255" y="674"/>
                    </a:lnTo>
                    <a:lnTo>
                      <a:pt x="272" y="670"/>
                    </a:lnTo>
                    <a:lnTo>
                      <a:pt x="365" y="582"/>
                    </a:lnTo>
                    <a:lnTo>
                      <a:pt x="519" y="566"/>
                    </a:lnTo>
                    <a:lnTo>
                      <a:pt x="520" y="561"/>
                    </a:lnTo>
                    <a:lnTo>
                      <a:pt x="522" y="546"/>
                    </a:lnTo>
                    <a:lnTo>
                      <a:pt x="524" y="537"/>
                    </a:lnTo>
                    <a:lnTo>
                      <a:pt x="528" y="527"/>
                    </a:lnTo>
                    <a:lnTo>
                      <a:pt x="532" y="517"/>
                    </a:lnTo>
                    <a:lnTo>
                      <a:pt x="538" y="506"/>
                    </a:lnTo>
                    <a:lnTo>
                      <a:pt x="545" y="496"/>
                    </a:lnTo>
                    <a:lnTo>
                      <a:pt x="554" y="486"/>
                    </a:lnTo>
                    <a:lnTo>
                      <a:pt x="559" y="481"/>
                    </a:lnTo>
                    <a:lnTo>
                      <a:pt x="564" y="477"/>
                    </a:lnTo>
                    <a:lnTo>
                      <a:pt x="570" y="474"/>
                    </a:lnTo>
                    <a:lnTo>
                      <a:pt x="576" y="470"/>
                    </a:lnTo>
                    <a:lnTo>
                      <a:pt x="583" y="467"/>
                    </a:lnTo>
                    <a:lnTo>
                      <a:pt x="591" y="465"/>
                    </a:lnTo>
                    <a:lnTo>
                      <a:pt x="599" y="464"/>
                    </a:lnTo>
                    <a:lnTo>
                      <a:pt x="608" y="463"/>
                    </a:lnTo>
                    <a:lnTo>
                      <a:pt x="617" y="462"/>
                    </a:lnTo>
                    <a:lnTo>
                      <a:pt x="627" y="463"/>
                    </a:lnTo>
                    <a:lnTo>
                      <a:pt x="637" y="464"/>
                    </a:lnTo>
                    <a:lnTo>
                      <a:pt x="649" y="466"/>
                    </a:lnTo>
                    <a:lnTo>
                      <a:pt x="650" y="433"/>
                    </a:lnTo>
                    <a:lnTo>
                      <a:pt x="650" y="406"/>
                    </a:lnTo>
                    <a:lnTo>
                      <a:pt x="649" y="387"/>
                    </a:lnTo>
                    <a:lnTo>
                      <a:pt x="649" y="380"/>
                    </a:lnTo>
                    <a:lnTo>
                      <a:pt x="638" y="366"/>
                    </a:lnTo>
                    <a:lnTo>
                      <a:pt x="613" y="329"/>
                    </a:lnTo>
                    <a:lnTo>
                      <a:pt x="599" y="307"/>
                    </a:lnTo>
                    <a:lnTo>
                      <a:pt x="585" y="283"/>
                    </a:lnTo>
                    <a:lnTo>
                      <a:pt x="579" y="270"/>
                    </a:lnTo>
                    <a:lnTo>
                      <a:pt x="573" y="258"/>
                    </a:lnTo>
                    <a:lnTo>
                      <a:pt x="569" y="246"/>
                    </a:lnTo>
                    <a:lnTo>
                      <a:pt x="564" y="234"/>
                    </a:lnTo>
                    <a:lnTo>
                      <a:pt x="565" y="228"/>
                    </a:lnTo>
                    <a:lnTo>
                      <a:pt x="569" y="221"/>
                    </a:lnTo>
                    <a:lnTo>
                      <a:pt x="572" y="216"/>
                    </a:lnTo>
                    <a:lnTo>
                      <a:pt x="575" y="211"/>
                    </a:lnTo>
                    <a:lnTo>
                      <a:pt x="579" y="207"/>
                    </a:lnTo>
                    <a:lnTo>
                      <a:pt x="584" y="204"/>
                    </a:lnTo>
                    <a:lnTo>
                      <a:pt x="590" y="202"/>
                    </a:lnTo>
                    <a:lnTo>
                      <a:pt x="596" y="201"/>
                    </a:lnTo>
                    <a:lnTo>
                      <a:pt x="601" y="201"/>
                    </a:lnTo>
                    <a:lnTo>
                      <a:pt x="608" y="201"/>
                    </a:lnTo>
                    <a:lnTo>
                      <a:pt x="613" y="203"/>
                    </a:lnTo>
                    <a:lnTo>
                      <a:pt x="619" y="205"/>
                    </a:lnTo>
                    <a:lnTo>
                      <a:pt x="624" y="209"/>
                    </a:lnTo>
                    <a:lnTo>
                      <a:pt x="629" y="213"/>
                    </a:lnTo>
                    <a:lnTo>
                      <a:pt x="633" y="219"/>
                    </a:lnTo>
                    <a:lnTo>
                      <a:pt x="637" y="226"/>
                    </a:lnTo>
                    <a:lnTo>
                      <a:pt x="642" y="231"/>
                    </a:lnTo>
                    <a:lnTo>
                      <a:pt x="648" y="236"/>
                    </a:lnTo>
                    <a:lnTo>
                      <a:pt x="654" y="238"/>
                    </a:lnTo>
                    <a:lnTo>
                      <a:pt x="659" y="239"/>
                    </a:lnTo>
                    <a:lnTo>
                      <a:pt x="667" y="238"/>
                    </a:lnTo>
                    <a:lnTo>
                      <a:pt x="673" y="236"/>
                    </a:lnTo>
                    <a:lnTo>
                      <a:pt x="681" y="231"/>
                    </a:lnTo>
                    <a:lnTo>
                      <a:pt x="689" y="226"/>
                    </a:lnTo>
                    <a:lnTo>
                      <a:pt x="692" y="217"/>
                    </a:lnTo>
                    <a:lnTo>
                      <a:pt x="693" y="203"/>
                    </a:lnTo>
                    <a:lnTo>
                      <a:pt x="694" y="187"/>
                    </a:lnTo>
                    <a:lnTo>
                      <a:pt x="695" y="169"/>
                    </a:lnTo>
                    <a:lnTo>
                      <a:pt x="696" y="138"/>
                    </a:lnTo>
                    <a:lnTo>
                      <a:pt x="696" y="124"/>
                    </a:lnTo>
                    <a:lnTo>
                      <a:pt x="703" y="120"/>
                    </a:lnTo>
                    <a:lnTo>
                      <a:pt x="720" y="109"/>
                    </a:lnTo>
                    <a:lnTo>
                      <a:pt x="729" y="102"/>
                    </a:lnTo>
                    <a:lnTo>
                      <a:pt x="737" y="92"/>
                    </a:lnTo>
                    <a:lnTo>
                      <a:pt x="740" y="87"/>
                    </a:lnTo>
                    <a:lnTo>
                      <a:pt x="743" y="82"/>
                    </a:lnTo>
                    <a:lnTo>
                      <a:pt x="744" y="75"/>
                    </a:lnTo>
                    <a:lnTo>
                      <a:pt x="746" y="69"/>
                    </a:lnTo>
                    <a:lnTo>
                      <a:pt x="741" y="61"/>
                    </a:lnTo>
                    <a:lnTo>
                      <a:pt x="737" y="53"/>
                    </a:lnTo>
                    <a:lnTo>
                      <a:pt x="732" y="48"/>
                    </a:lnTo>
                    <a:lnTo>
                      <a:pt x="727" y="44"/>
                    </a:lnTo>
                    <a:lnTo>
                      <a:pt x="720" y="42"/>
                    </a:lnTo>
                    <a:lnTo>
                      <a:pt x="714" y="42"/>
                    </a:lnTo>
                    <a:lnTo>
                      <a:pt x="706" y="43"/>
                    </a:lnTo>
                    <a:lnTo>
                      <a:pt x="696" y="45"/>
                    </a:lnTo>
                    <a:lnTo>
                      <a:pt x="684" y="54"/>
                    </a:lnTo>
                    <a:lnTo>
                      <a:pt x="670" y="66"/>
                    </a:lnTo>
                    <a:lnTo>
                      <a:pt x="652" y="79"/>
                    </a:lnTo>
                    <a:lnTo>
                      <a:pt x="634" y="91"/>
                    </a:lnTo>
                    <a:lnTo>
                      <a:pt x="603" y="112"/>
                    </a:lnTo>
                    <a:lnTo>
                      <a:pt x="590" y="122"/>
                    </a:lnTo>
                    <a:lnTo>
                      <a:pt x="488" y="126"/>
                    </a:lnTo>
                    <a:lnTo>
                      <a:pt x="485" y="123"/>
                    </a:lnTo>
                    <a:lnTo>
                      <a:pt x="481" y="113"/>
                    </a:lnTo>
                    <a:lnTo>
                      <a:pt x="477" y="108"/>
                    </a:lnTo>
                    <a:lnTo>
                      <a:pt x="473" y="102"/>
                    </a:lnTo>
                    <a:lnTo>
                      <a:pt x="466" y="97"/>
                    </a:lnTo>
                    <a:lnTo>
                      <a:pt x="460" y="91"/>
                    </a:lnTo>
                    <a:lnTo>
                      <a:pt x="452" y="87"/>
                    </a:lnTo>
                    <a:lnTo>
                      <a:pt x="442" y="85"/>
                    </a:lnTo>
                    <a:lnTo>
                      <a:pt x="432" y="83"/>
                    </a:lnTo>
                    <a:lnTo>
                      <a:pt x="420" y="84"/>
                    </a:lnTo>
                    <a:lnTo>
                      <a:pt x="414" y="85"/>
                    </a:lnTo>
                    <a:lnTo>
                      <a:pt x="408" y="87"/>
                    </a:lnTo>
                    <a:lnTo>
                      <a:pt x="400" y="90"/>
                    </a:lnTo>
                    <a:lnTo>
                      <a:pt x="393" y="93"/>
                    </a:lnTo>
                    <a:lnTo>
                      <a:pt x="385" y="98"/>
                    </a:lnTo>
                    <a:lnTo>
                      <a:pt x="378" y="102"/>
                    </a:lnTo>
                    <a:lnTo>
                      <a:pt x="370" y="108"/>
                    </a:lnTo>
                    <a:lnTo>
                      <a:pt x="360" y="114"/>
                    </a:lnTo>
                    <a:lnTo>
                      <a:pt x="353" y="110"/>
                    </a:lnTo>
                    <a:lnTo>
                      <a:pt x="344" y="105"/>
                    </a:lnTo>
                    <a:lnTo>
                      <a:pt x="335" y="100"/>
                    </a:lnTo>
                    <a:lnTo>
                      <a:pt x="323" y="95"/>
                    </a:lnTo>
                    <a:lnTo>
                      <a:pt x="310" y="91"/>
                    </a:lnTo>
                    <a:lnTo>
                      <a:pt x="292" y="89"/>
                    </a:lnTo>
                    <a:lnTo>
                      <a:pt x="270" y="88"/>
                    </a:lnTo>
                    <a:lnTo>
                      <a:pt x="242" y="90"/>
                    </a:lnTo>
                    <a:lnTo>
                      <a:pt x="217" y="91"/>
                    </a:lnTo>
                    <a:lnTo>
                      <a:pt x="203" y="92"/>
                    </a:lnTo>
                    <a:lnTo>
                      <a:pt x="198" y="92"/>
                    </a:lnTo>
                    <a:lnTo>
                      <a:pt x="197" y="92"/>
                    </a:lnTo>
                    <a:lnTo>
                      <a:pt x="12" y="0"/>
                    </a:lnTo>
                    <a:lnTo>
                      <a:pt x="0" y="22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49" name="Odsherred"/>
              <p:cNvSpPr>
                <a:spLocks/>
              </p:cNvSpPr>
              <p:nvPr/>
            </p:nvSpPr>
            <p:spPr bwMode="auto">
              <a:xfrm>
                <a:off x="3000375" y="4818063"/>
                <a:ext cx="25400" cy="52388"/>
              </a:xfrm>
              <a:custGeom>
                <a:avLst/>
                <a:gdLst>
                  <a:gd name="T0" fmla="*/ 15 w 50"/>
                  <a:gd name="T1" fmla="*/ 33 h 98"/>
                  <a:gd name="T2" fmla="*/ 16 w 50"/>
                  <a:gd name="T3" fmla="*/ 30 h 98"/>
                  <a:gd name="T4" fmla="*/ 16 w 50"/>
                  <a:gd name="T5" fmla="*/ 27 h 98"/>
                  <a:gd name="T6" fmla="*/ 16 w 50"/>
                  <a:gd name="T7" fmla="*/ 25 h 98"/>
                  <a:gd name="T8" fmla="*/ 16 w 50"/>
                  <a:gd name="T9" fmla="*/ 22 h 98"/>
                  <a:gd name="T10" fmla="*/ 16 w 50"/>
                  <a:gd name="T11" fmla="*/ 20 h 98"/>
                  <a:gd name="T12" fmla="*/ 15 w 50"/>
                  <a:gd name="T13" fmla="*/ 18 h 98"/>
                  <a:gd name="T14" fmla="*/ 15 w 50"/>
                  <a:gd name="T15" fmla="*/ 15 h 98"/>
                  <a:gd name="T16" fmla="*/ 14 w 50"/>
                  <a:gd name="T17" fmla="*/ 13 h 98"/>
                  <a:gd name="T18" fmla="*/ 13 w 50"/>
                  <a:gd name="T19" fmla="*/ 11 h 98"/>
                  <a:gd name="T20" fmla="*/ 12 w 50"/>
                  <a:gd name="T21" fmla="*/ 9 h 98"/>
                  <a:gd name="T22" fmla="*/ 11 w 50"/>
                  <a:gd name="T23" fmla="*/ 7 h 98"/>
                  <a:gd name="T24" fmla="*/ 9 w 50"/>
                  <a:gd name="T25" fmla="*/ 6 h 98"/>
                  <a:gd name="T26" fmla="*/ 8 w 50"/>
                  <a:gd name="T27" fmla="*/ 4 h 98"/>
                  <a:gd name="T28" fmla="*/ 6 w 50"/>
                  <a:gd name="T29" fmla="*/ 3 h 98"/>
                  <a:gd name="T30" fmla="*/ 4 w 50"/>
                  <a:gd name="T31" fmla="*/ 1 h 98"/>
                  <a:gd name="T32" fmla="*/ 2 w 50"/>
                  <a:gd name="T33" fmla="*/ 0 h 98"/>
                  <a:gd name="T34" fmla="*/ 1 w 50"/>
                  <a:gd name="T35" fmla="*/ 2 h 98"/>
                  <a:gd name="T36" fmla="*/ 1 w 50"/>
                  <a:gd name="T37" fmla="*/ 5 h 98"/>
                  <a:gd name="T38" fmla="*/ 0 w 50"/>
                  <a:gd name="T39" fmla="*/ 7 h 98"/>
                  <a:gd name="T40" fmla="*/ 0 w 50"/>
                  <a:gd name="T41" fmla="*/ 10 h 98"/>
                  <a:gd name="T42" fmla="*/ 0 w 50"/>
                  <a:gd name="T43" fmla="*/ 13 h 98"/>
                  <a:gd name="T44" fmla="*/ 0 w 50"/>
                  <a:gd name="T45" fmla="*/ 15 h 98"/>
                  <a:gd name="T46" fmla="*/ 1 w 50"/>
                  <a:gd name="T47" fmla="*/ 19 h 98"/>
                  <a:gd name="T48" fmla="*/ 1 w 50"/>
                  <a:gd name="T49" fmla="*/ 21 h 98"/>
                  <a:gd name="T50" fmla="*/ 2 w 50"/>
                  <a:gd name="T51" fmla="*/ 24 h 98"/>
                  <a:gd name="T52" fmla="*/ 3 w 50"/>
                  <a:gd name="T53" fmla="*/ 26 h 98"/>
                  <a:gd name="T54" fmla="*/ 5 w 50"/>
                  <a:gd name="T55" fmla="*/ 28 h 98"/>
                  <a:gd name="T56" fmla="*/ 6 w 50"/>
                  <a:gd name="T57" fmla="*/ 30 h 98"/>
                  <a:gd name="T58" fmla="*/ 8 w 50"/>
                  <a:gd name="T59" fmla="*/ 31 h 98"/>
                  <a:gd name="T60" fmla="*/ 10 w 50"/>
                  <a:gd name="T61" fmla="*/ 32 h 98"/>
                  <a:gd name="T62" fmla="*/ 13 w 50"/>
                  <a:gd name="T63" fmla="*/ 33 h 98"/>
                  <a:gd name="T64" fmla="*/ 15 w 50"/>
                  <a:gd name="T65" fmla="*/ 33 h 98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50" h="98">
                    <a:moveTo>
                      <a:pt x="47" y="98"/>
                    </a:moveTo>
                    <a:lnTo>
                      <a:pt x="49" y="90"/>
                    </a:lnTo>
                    <a:lnTo>
                      <a:pt x="50" y="81"/>
                    </a:lnTo>
                    <a:lnTo>
                      <a:pt x="50" y="74"/>
                    </a:lnTo>
                    <a:lnTo>
                      <a:pt x="50" y="66"/>
                    </a:lnTo>
                    <a:lnTo>
                      <a:pt x="49" y="59"/>
                    </a:lnTo>
                    <a:lnTo>
                      <a:pt x="48" y="53"/>
                    </a:lnTo>
                    <a:lnTo>
                      <a:pt x="46" y="45"/>
                    </a:lnTo>
                    <a:lnTo>
                      <a:pt x="44" y="39"/>
                    </a:lnTo>
                    <a:lnTo>
                      <a:pt x="41" y="34"/>
                    </a:lnTo>
                    <a:lnTo>
                      <a:pt x="38" y="27"/>
                    </a:lnTo>
                    <a:lnTo>
                      <a:pt x="34" y="22"/>
                    </a:lnTo>
                    <a:lnTo>
                      <a:pt x="29" y="17"/>
                    </a:lnTo>
                    <a:lnTo>
                      <a:pt x="24" y="13"/>
                    </a:lnTo>
                    <a:lnTo>
                      <a:pt x="19" y="9"/>
                    </a:lnTo>
                    <a:lnTo>
                      <a:pt x="14" y="4"/>
                    </a:lnTo>
                    <a:lnTo>
                      <a:pt x="7" y="0"/>
                    </a:lnTo>
                    <a:lnTo>
                      <a:pt x="4" y="7"/>
                    </a:lnTo>
                    <a:lnTo>
                      <a:pt x="2" y="14"/>
                    </a:lnTo>
                    <a:lnTo>
                      <a:pt x="1" y="22"/>
                    </a:lnTo>
                    <a:lnTo>
                      <a:pt x="0" y="31"/>
                    </a:lnTo>
                    <a:lnTo>
                      <a:pt x="0" y="38"/>
                    </a:lnTo>
                    <a:lnTo>
                      <a:pt x="1" y="46"/>
                    </a:lnTo>
                    <a:lnTo>
                      <a:pt x="2" y="55"/>
                    </a:lnTo>
                    <a:lnTo>
                      <a:pt x="4" y="62"/>
                    </a:lnTo>
                    <a:lnTo>
                      <a:pt x="7" y="71"/>
                    </a:lnTo>
                    <a:lnTo>
                      <a:pt x="10" y="77"/>
                    </a:lnTo>
                    <a:lnTo>
                      <a:pt x="15" y="83"/>
                    </a:lnTo>
                    <a:lnTo>
                      <a:pt x="20" y="89"/>
                    </a:lnTo>
                    <a:lnTo>
                      <a:pt x="25" y="93"/>
                    </a:lnTo>
                    <a:lnTo>
                      <a:pt x="32" y="96"/>
                    </a:lnTo>
                    <a:lnTo>
                      <a:pt x="40" y="98"/>
                    </a:lnTo>
                    <a:lnTo>
                      <a:pt x="47" y="98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50" name="Odsherred kant"/>
              <p:cNvSpPr>
                <a:spLocks/>
              </p:cNvSpPr>
              <p:nvPr/>
            </p:nvSpPr>
            <p:spPr bwMode="auto">
              <a:xfrm>
                <a:off x="3000375" y="4818063"/>
                <a:ext cx="25400" cy="52388"/>
              </a:xfrm>
              <a:custGeom>
                <a:avLst/>
                <a:gdLst>
                  <a:gd name="T0" fmla="*/ 15 w 50"/>
                  <a:gd name="T1" fmla="*/ 33 h 98"/>
                  <a:gd name="T2" fmla="*/ 16 w 50"/>
                  <a:gd name="T3" fmla="*/ 30 h 98"/>
                  <a:gd name="T4" fmla="*/ 16 w 50"/>
                  <a:gd name="T5" fmla="*/ 27 h 98"/>
                  <a:gd name="T6" fmla="*/ 16 w 50"/>
                  <a:gd name="T7" fmla="*/ 25 h 98"/>
                  <a:gd name="T8" fmla="*/ 16 w 50"/>
                  <a:gd name="T9" fmla="*/ 22 h 98"/>
                  <a:gd name="T10" fmla="*/ 16 w 50"/>
                  <a:gd name="T11" fmla="*/ 20 h 98"/>
                  <a:gd name="T12" fmla="*/ 15 w 50"/>
                  <a:gd name="T13" fmla="*/ 18 h 98"/>
                  <a:gd name="T14" fmla="*/ 15 w 50"/>
                  <a:gd name="T15" fmla="*/ 15 h 98"/>
                  <a:gd name="T16" fmla="*/ 14 w 50"/>
                  <a:gd name="T17" fmla="*/ 13 h 98"/>
                  <a:gd name="T18" fmla="*/ 13 w 50"/>
                  <a:gd name="T19" fmla="*/ 11 h 98"/>
                  <a:gd name="T20" fmla="*/ 12 w 50"/>
                  <a:gd name="T21" fmla="*/ 9 h 98"/>
                  <a:gd name="T22" fmla="*/ 11 w 50"/>
                  <a:gd name="T23" fmla="*/ 7 h 98"/>
                  <a:gd name="T24" fmla="*/ 9 w 50"/>
                  <a:gd name="T25" fmla="*/ 6 h 98"/>
                  <a:gd name="T26" fmla="*/ 8 w 50"/>
                  <a:gd name="T27" fmla="*/ 4 h 98"/>
                  <a:gd name="T28" fmla="*/ 6 w 50"/>
                  <a:gd name="T29" fmla="*/ 3 h 98"/>
                  <a:gd name="T30" fmla="*/ 4 w 50"/>
                  <a:gd name="T31" fmla="*/ 1 h 98"/>
                  <a:gd name="T32" fmla="*/ 2 w 50"/>
                  <a:gd name="T33" fmla="*/ 0 h 98"/>
                  <a:gd name="T34" fmla="*/ 1 w 50"/>
                  <a:gd name="T35" fmla="*/ 2 h 98"/>
                  <a:gd name="T36" fmla="*/ 1 w 50"/>
                  <a:gd name="T37" fmla="*/ 5 h 98"/>
                  <a:gd name="T38" fmla="*/ 0 w 50"/>
                  <a:gd name="T39" fmla="*/ 7 h 98"/>
                  <a:gd name="T40" fmla="*/ 0 w 50"/>
                  <a:gd name="T41" fmla="*/ 10 h 98"/>
                  <a:gd name="T42" fmla="*/ 0 w 50"/>
                  <a:gd name="T43" fmla="*/ 13 h 98"/>
                  <a:gd name="T44" fmla="*/ 0 w 50"/>
                  <a:gd name="T45" fmla="*/ 15 h 98"/>
                  <a:gd name="T46" fmla="*/ 1 w 50"/>
                  <a:gd name="T47" fmla="*/ 19 h 98"/>
                  <a:gd name="T48" fmla="*/ 1 w 50"/>
                  <a:gd name="T49" fmla="*/ 21 h 98"/>
                  <a:gd name="T50" fmla="*/ 2 w 50"/>
                  <a:gd name="T51" fmla="*/ 24 h 98"/>
                  <a:gd name="T52" fmla="*/ 3 w 50"/>
                  <a:gd name="T53" fmla="*/ 26 h 98"/>
                  <a:gd name="T54" fmla="*/ 5 w 50"/>
                  <a:gd name="T55" fmla="*/ 28 h 98"/>
                  <a:gd name="T56" fmla="*/ 6 w 50"/>
                  <a:gd name="T57" fmla="*/ 30 h 98"/>
                  <a:gd name="T58" fmla="*/ 8 w 50"/>
                  <a:gd name="T59" fmla="*/ 31 h 98"/>
                  <a:gd name="T60" fmla="*/ 10 w 50"/>
                  <a:gd name="T61" fmla="*/ 32 h 98"/>
                  <a:gd name="T62" fmla="*/ 13 w 50"/>
                  <a:gd name="T63" fmla="*/ 33 h 98"/>
                  <a:gd name="T64" fmla="*/ 15 w 50"/>
                  <a:gd name="T65" fmla="*/ 33 h 98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50" h="98">
                    <a:moveTo>
                      <a:pt x="47" y="98"/>
                    </a:moveTo>
                    <a:lnTo>
                      <a:pt x="49" y="90"/>
                    </a:lnTo>
                    <a:lnTo>
                      <a:pt x="50" y="81"/>
                    </a:lnTo>
                    <a:lnTo>
                      <a:pt x="50" y="74"/>
                    </a:lnTo>
                    <a:lnTo>
                      <a:pt x="50" y="66"/>
                    </a:lnTo>
                    <a:lnTo>
                      <a:pt x="49" y="59"/>
                    </a:lnTo>
                    <a:lnTo>
                      <a:pt x="48" y="53"/>
                    </a:lnTo>
                    <a:lnTo>
                      <a:pt x="46" y="45"/>
                    </a:lnTo>
                    <a:lnTo>
                      <a:pt x="44" y="39"/>
                    </a:lnTo>
                    <a:lnTo>
                      <a:pt x="41" y="34"/>
                    </a:lnTo>
                    <a:lnTo>
                      <a:pt x="38" y="27"/>
                    </a:lnTo>
                    <a:lnTo>
                      <a:pt x="34" y="22"/>
                    </a:lnTo>
                    <a:lnTo>
                      <a:pt x="29" y="17"/>
                    </a:lnTo>
                    <a:lnTo>
                      <a:pt x="24" y="13"/>
                    </a:lnTo>
                    <a:lnTo>
                      <a:pt x="19" y="9"/>
                    </a:lnTo>
                    <a:lnTo>
                      <a:pt x="14" y="4"/>
                    </a:lnTo>
                    <a:lnTo>
                      <a:pt x="7" y="0"/>
                    </a:lnTo>
                    <a:lnTo>
                      <a:pt x="4" y="7"/>
                    </a:lnTo>
                    <a:lnTo>
                      <a:pt x="2" y="14"/>
                    </a:lnTo>
                    <a:lnTo>
                      <a:pt x="1" y="22"/>
                    </a:lnTo>
                    <a:lnTo>
                      <a:pt x="0" y="31"/>
                    </a:lnTo>
                    <a:lnTo>
                      <a:pt x="0" y="38"/>
                    </a:lnTo>
                    <a:lnTo>
                      <a:pt x="1" y="46"/>
                    </a:lnTo>
                    <a:lnTo>
                      <a:pt x="2" y="55"/>
                    </a:lnTo>
                    <a:lnTo>
                      <a:pt x="4" y="62"/>
                    </a:lnTo>
                    <a:lnTo>
                      <a:pt x="7" y="71"/>
                    </a:lnTo>
                    <a:lnTo>
                      <a:pt x="10" y="77"/>
                    </a:lnTo>
                    <a:lnTo>
                      <a:pt x="15" y="83"/>
                    </a:lnTo>
                    <a:lnTo>
                      <a:pt x="20" y="89"/>
                    </a:lnTo>
                    <a:lnTo>
                      <a:pt x="25" y="93"/>
                    </a:lnTo>
                    <a:lnTo>
                      <a:pt x="32" y="96"/>
                    </a:lnTo>
                    <a:lnTo>
                      <a:pt x="40" y="98"/>
                    </a:lnTo>
                    <a:lnTo>
                      <a:pt x="47" y="98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51" name="Odsherred"/>
              <p:cNvSpPr>
                <a:spLocks/>
              </p:cNvSpPr>
              <p:nvPr/>
            </p:nvSpPr>
            <p:spPr bwMode="auto">
              <a:xfrm>
                <a:off x="2832100" y="4649788"/>
                <a:ext cx="123825" cy="96838"/>
              </a:xfrm>
              <a:custGeom>
                <a:avLst/>
                <a:gdLst>
                  <a:gd name="T0" fmla="*/ 33 w 236"/>
                  <a:gd name="T1" fmla="*/ 17 h 181"/>
                  <a:gd name="T2" fmla="*/ 25 w 236"/>
                  <a:gd name="T3" fmla="*/ 11 h 181"/>
                  <a:gd name="T4" fmla="*/ 17 w 236"/>
                  <a:gd name="T5" fmla="*/ 6 h 181"/>
                  <a:gd name="T6" fmla="*/ 11 w 236"/>
                  <a:gd name="T7" fmla="*/ 2 h 181"/>
                  <a:gd name="T8" fmla="*/ 6 w 236"/>
                  <a:gd name="T9" fmla="*/ 0 h 181"/>
                  <a:gd name="T10" fmla="*/ 1 w 236"/>
                  <a:gd name="T11" fmla="*/ 2 h 181"/>
                  <a:gd name="T12" fmla="*/ 0 w 236"/>
                  <a:gd name="T13" fmla="*/ 6 h 181"/>
                  <a:gd name="T14" fmla="*/ 0 w 236"/>
                  <a:gd name="T15" fmla="*/ 10 h 181"/>
                  <a:gd name="T16" fmla="*/ 2 w 236"/>
                  <a:gd name="T17" fmla="*/ 14 h 181"/>
                  <a:gd name="T18" fmla="*/ 6 w 236"/>
                  <a:gd name="T19" fmla="*/ 19 h 181"/>
                  <a:gd name="T20" fmla="*/ 13 w 236"/>
                  <a:gd name="T21" fmla="*/ 24 h 181"/>
                  <a:gd name="T22" fmla="*/ 18 w 236"/>
                  <a:gd name="T23" fmla="*/ 26 h 181"/>
                  <a:gd name="T24" fmla="*/ 21 w 236"/>
                  <a:gd name="T25" fmla="*/ 28 h 181"/>
                  <a:gd name="T26" fmla="*/ 25 w 236"/>
                  <a:gd name="T27" fmla="*/ 33 h 181"/>
                  <a:gd name="T28" fmla="*/ 30 w 236"/>
                  <a:gd name="T29" fmla="*/ 40 h 181"/>
                  <a:gd name="T30" fmla="*/ 34 w 236"/>
                  <a:gd name="T31" fmla="*/ 44 h 181"/>
                  <a:gd name="T32" fmla="*/ 38 w 236"/>
                  <a:gd name="T33" fmla="*/ 46 h 181"/>
                  <a:gd name="T34" fmla="*/ 42 w 236"/>
                  <a:gd name="T35" fmla="*/ 49 h 181"/>
                  <a:gd name="T36" fmla="*/ 46 w 236"/>
                  <a:gd name="T37" fmla="*/ 51 h 181"/>
                  <a:gd name="T38" fmla="*/ 54 w 236"/>
                  <a:gd name="T39" fmla="*/ 54 h 181"/>
                  <a:gd name="T40" fmla="*/ 60 w 236"/>
                  <a:gd name="T41" fmla="*/ 55 h 181"/>
                  <a:gd name="T42" fmla="*/ 63 w 236"/>
                  <a:gd name="T43" fmla="*/ 55 h 181"/>
                  <a:gd name="T44" fmla="*/ 66 w 236"/>
                  <a:gd name="T45" fmla="*/ 57 h 181"/>
                  <a:gd name="T46" fmla="*/ 69 w 236"/>
                  <a:gd name="T47" fmla="*/ 60 h 181"/>
                  <a:gd name="T48" fmla="*/ 73 w 236"/>
                  <a:gd name="T49" fmla="*/ 61 h 181"/>
                  <a:gd name="T50" fmla="*/ 76 w 236"/>
                  <a:gd name="T51" fmla="*/ 61 h 181"/>
                  <a:gd name="T52" fmla="*/ 77 w 236"/>
                  <a:gd name="T53" fmla="*/ 55 h 181"/>
                  <a:gd name="T54" fmla="*/ 74 w 236"/>
                  <a:gd name="T55" fmla="*/ 49 h 181"/>
                  <a:gd name="T56" fmla="*/ 71 w 236"/>
                  <a:gd name="T57" fmla="*/ 47 h 181"/>
                  <a:gd name="T58" fmla="*/ 68 w 236"/>
                  <a:gd name="T59" fmla="*/ 47 h 181"/>
                  <a:gd name="T60" fmla="*/ 67 w 236"/>
                  <a:gd name="T61" fmla="*/ 45 h 181"/>
                  <a:gd name="T62" fmla="*/ 66 w 236"/>
                  <a:gd name="T63" fmla="*/ 44 h 181"/>
                  <a:gd name="T64" fmla="*/ 65 w 236"/>
                  <a:gd name="T65" fmla="*/ 44 h 181"/>
                  <a:gd name="T66" fmla="*/ 61 w 236"/>
                  <a:gd name="T67" fmla="*/ 41 h 181"/>
                  <a:gd name="T68" fmla="*/ 54 w 236"/>
                  <a:gd name="T69" fmla="*/ 35 h 181"/>
                  <a:gd name="T70" fmla="*/ 48 w 236"/>
                  <a:gd name="T71" fmla="*/ 28 h 181"/>
                  <a:gd name="T72" fmla="*/ 41 w 236"/>
                  <a:gd name="T73" fmla="*/ 22 h 181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0" t="0" r="r" b="b"/>
                <a:pathLst>
                  <a:path w="236" h="181">
                    <a:moveTo>
                      <a:pt x="114" y="57"/>
                    </a:moveTo>
                    <a:lnTo>
                      <a:pt x="100" y="51"/>
                    </a:lnTo>
                    <a:lnTo>
                      <a:pt x="88" y="42"/>
                    </a:lnTo>
                    <a:lnTo>
                      <a:pt x="77" y="34"/>
                    </a:lnTo>
                    <a:lnTo>
                      <a:pt x="65" y="24"/>
                    </a:lnTo>
                    <a:lnTo>
                      <a:pt x="52" y="17"/>
                    </a:lnTo>
                    <a:lnTo>
                      <a:pt x="40" y="10"/>
                    </a:lnTo>
                    <a:lnTo>
                      <a:pt x="32" y="6"/>
                    </a:lnTo>
                    <a:lnTo>
                      <a:pt x="25" y="3"/>
                    </a:lnTo>
                    <a:lnTo>
                      <a:pt x="17" y="1"/>
                    </a:lnTo>
                    <a:lnTo>
                      <a:pt x="8" y="0"/>
                    </a:lnTo>
                    <a:lnTo>
                      <a:pt x="4" y="6"/>
                    </a:lnTo>
                    <a:lnTo>
                      <a:pt x="2" y="13"/>
                    </a:lnTo>
                    <a:lnTo>
                      <a:pt x="0" y="19"/>
                    </a:lnTo>
                    <a:lnTo>
                      <a:pt x="0" y="25"/>
                    </a:lnTo>
                    <a:lnTo>
                      <a:pt x="1" y="31"/>
                    </a:lnTo>
                    <a:lnTo>
                      <a:pt x="3" y="37"/>
                    </a:lnTo>
                    <a:lnTo>
                      <a:pt x="5" y="42"/>
                    </a:lnTo>
                    <a:lnTo>
                      <a:pt x="9" y="46"/>
                    </a:lnTo>
                    <a:lnTo>
                      <a:pt x="18" y="56"/>
                    </a:lnTo>
                    <a:lnTo>
                      <a:pt x="27" y="63"/>
                    </a:lnTo>
                    <a:lnTo>
                      <a:pt x="39" y="70"/>
                    </a:lnTo>
                    <a:lnTo>
                      <a:pt x="48" y="74"/>
                    </a:lnTo>
                    <a:lnTo>
                      <a:pt x="55" y="76"/>
                    </a:lnTo>
                    <a:lnTo>
                      <a:pt x="60" y="79"/>
                    </a:lnTo>
                    <a:lnTo>
                      <a:pt x="65" y="83"/>
                    </a:lnTo>
                    <a:lnTo>
                      <a:pt x="69" y="88"/>
                    </a:lnTo>
                    <a:lnTo>
                      <a:pt x="77" y="97"/>
                    </a:lnTo>
                    <a:lnTo>
                      <a:pt x="83" y="108"/>
                    </a:lnTo>
                    <a:lnTo>
                      <a:pt x="90" y="118"/>
                    </a:lnTo>
                    <a:lnTo>
                      <a:pt x="99" y="128"/>
                    </a:lnTo>
                    <a:lnTo>
                      <a:pt x="103" y="131"/>
                    </a:lnTo>
                    <a:lnTo>
                      <a:pt x="108" y="134"/>
                    </a:lnTo>
                    <a:lnTo>
                      <a:pt x="115" y="137"/>
                    </a:lnTo>
                    <a:lnTo>
                      <a:pt x="122" y="138"/>
                    </a:lnTo>
                    <a:lnTo>
                      <a:pt x="126" y="144"/>
                    </a:lnTo>
                    <a:lnTo>
                      <a:pt x="133" y="149"/>
                    </a:lnTo>
                    <a:lnTo>
                      <a:pt x="139" y="152"/>
                    </a:lnTo>
                    <a:lnTo>
                      <a:pt x="146" y="155"/>
                    </a:lnTo>
                    <a:lnTo>
                      <a:pt x="163" y="159"/>
                    </a:lnTo>
                    <a:lnTo>
                      <a:pt x="179" y="163"/>
                    </a:lnTo>
                    <a:lnTo>
                      <a:pt x="183" y="163"/>
                    </a:lnTo>
                    <a:lnTo>
                      <a:pt x="187" y="163"/>
                    </a:lnTo>
                    <a:lnTo>
                      <a:pt x="190" y="164"/>
                    </a:lnTo>
                    <a:lnTo>
                      <a:pt x="194" y="167"/>
                    </a:lnTo>
                    <a:lnTo>
                      <a:pt x="199" y="170"/>
                    </a:lnTo>
                    <a:lnTo>
                      <a:pt x="204" y="174"/>
                    </a:lnTo>
                    <a:lnTo>
                      <a:pt x="209" y="178"/>
                    </a:lnTo>
                    <a:lnTo>
                      <a:pt x="216" y="180"/>
                    </a:lnTo>
                    <a:lnTo>
                      <a:pt x="220" y="181"/>
                    </a:lnTo>
                    <a:lnTo>
                      <a:pt x="224" y="181"/>
                    </a:lnTo>
                    <a:lnTo>
                      <a:pt x="229" y="180"/>
                    </a:lnTo>
                    <a:lnTo>
                      <a:pt x="236" y="179"/>
                    </a:lnTo>
                    <a:lnTo>
                      <a:pt x="233" y="164"/>
                    </a:lnTo>
                    <a:lnTo>
                      <a:pt x="227" y="151"/>
                    </a:lnTo>
                    <a:lnTo>
                      <a:pt x="223" y="145"/>
                    </a:lnTo>
                    <a:lnTo>
                      <a:pt x="219" y="141"/>
                    </a:lnTo>
                    <a:lnTo>
                      <a:pt x="216" y="140"/>
                    </a:lnTo>
                    <a:lnTo>
                      <a:pt x="211" y="139"/>
                    </a:lnTo>
                    <a:lnTo>
                      <a:pt x="207" y="138"/>
                    </a:lnTo>
                    <a:lnTo>
                      <a:pt x="203" y="138"/>
                    </a:lnTo>
                    <a:lnTo>
                      <a:pt x="203" y="135"/>
                    </a:lnTo>
                    <a:lnTo>
                      <a:pt x="202" y="132"/>
                    </a:lnTo>
                    <a:lnTo>
                      <a:pt x="201" y="131"/>
                    </a:lnTo>
                    <a:lnTo>
                      <a:pt x="199" y="131"/>
                    </a:lnTo>
                    <a:lnTo>
                      <a:pt x="198" y="130"/>
                    </a:lnTo>
                    <a:lnTo>
                      <a:pt x="195" y="131"/>
                    </a:lnTo>
                    <a:lnTo>
                      <a:pt x="184" y="122"/>
                    </a:lnTo>
                    <a:lnTo>
                      <a:pt x="174" y="114"/>
                    </a:lnTo>
                    <a:lnTo>
                      <a:pt x="164" y="103"/>
                    </a:lnTo>
                    <a:lnTo>
                      <a:pt x="155" y="94"/>
                    </a:lnTo>
                    <a:lnTo>
                      <a:pt x="145" y="83"/>
                    </a:lnTo>
                    <a:lnTo>
                      <a:pt x="136" y="74"/>
                    </a:lnTo>
                    <a:lnTo>
                      <a:pt x="125" y="65"/>
                    </a:lnTo>
                    <a:lnTo>
                      <a:pt x="114" y="57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52" name="Odsherred kant"/>
              <p:cNvSpPr>
                <a:spLocks/>
              </p:cNvSpPr>
              <p:nvPr/>
            </p:nvSpPr>
            <p:spPr bwMode="auto">
              <a:xfrm>
                <a:off x="2832100" y="4649788"/>
                <a:ext cx="123825" cy="96838"/>
              </a:xfrm>
              <a:custGeom>
                <a:avLst/>
                <a:gdLst>
                  <a:gd name="T0" fmla="*/ 33 w 236"/>
                  <a:gd name="T1" fmla="*/ 17 h 181"/>
                  <a:gd name="T2" fmla="*/ 25 w 236"/>
                  <a:gd name="T3" fmla="*/ 11 h 181"/>
                  <a:gd name="T4" fmla="*/ 17 w 236"/>
                  <a:gd name="T5" fmla="*/ 6 h 181"/>
                  <a:gd name="T6" fmla="*/ 11 w 236"/>
                  <a:gd name="T7" fmla="*/ 2 h 181"/>
                  <a:gd name="T8" fmla="*/ 6 w 236"/>
                  <a:gd name="T9" fmla="*/ 0 h 181"/>
                  <a:gd name="T10" fmla="*/ 1 w 236"/>
                  <a:gd name="T11" fmla="*/ 2 h 181"/>
                  <a:gd name="T12" fmla="*/ 0 w 236"/>
                  <a:gd name="T13" fmla="*/ 6 h 181"/>
                  <a:gd name="T14" fmla="*/ 0 w 236"/>
                  <a:gd name="T15" fmla="*/ 10 h 181"/>
                  <a:gd name="T16" fmla="*/ 2 w 236"/>
                  <a:gd name="T17" fmla="*/ 14 h 181"/>
                  <a:gd name="T18" fmla="*/ 6 w 236"/>
                  <a:gd name="T19" fmla="*/ 19 h 181"/>
                  <a:gd name="T20" fmla="*/ 13 w 236"/>
                  <a:gd name="T21" fmla="*/ 24 h 181"/>
                  <a:gd name="T22" fmla="*/ 18 w 236"/>
                  <a:gd name="T23" fmla="*/ 26 h 181"/>
                  <a:gd name="T24" fmla="*/ 21 w 236"/>
                  <a:gd name="T25" fmla="*/ 28 h 181"/>
                  <a:gd name="T26" fmla="*/ 25 w 236"/>
                  <a:gd name="T27" fmla="*/ 33 h 181"/>
                  <a:gd name="T28" fmla="*/ 30 w 236"/>
                  <a:gd name="T29" fmla="*/ 40 h 181"/>
                  <a:gd name="T30" fmla="*/ 34 w 236"/>
                  <a:gd name="T31" fmla="*/ 44 h 181"/>
                  <a:gd name="T32" fmla="*/ 38 w 236"/>
                  <a:gd name="T33" fmla="*/ 46 h 181"/>
                  <a:gd name="T34" fmla="*/ 42 w 236"/>
                  <a:gd name="T35" fmla="*/ 49 h 181"/>
                  <a:gd name="T36" fmla="*/ 46 w 236"/>
                  <a:gd name="T37" fmla="*/ 51 h 181"/>
                  <a:gd name="T38" fmla="*/ 54 w 236"/>
                  <a:gd name="T39" fmla="*/ 54 h 181"/>
                  <a:gd name="T40" fmla="*/ 60 w 236"/>
                  <a:gd name="T41" fmla="*/ 55 h 181"/>
                  <a:gd name="T42" fmla="*/ 63 w 236"/>
                  <a:gd name="T43" fmla="*/ 55 h 181"/>
                  <a:gd name="T44" fmla="*/ 66 w 236"/>
                  <a:gd name="T45" fmla="*/ 57 h 181"/>
                  <a:gd name="T46" fmla="*/ 69 w 236"/>
                  <a:gd name="T47" fmla="*/ 60 h 181"/>
                  <a:gd name="T48" fmla="*/ 73 w 236"/>
                  <a:gd name="T49" fmla="*/ 61 h 181"/>
                  <a:gd name="T50" fmla="*/ 76 w 236"/>
                  <a:gd name="T51" fmla="*/ 61 h 181"/>
                  <a:gd name="T52" fmla="*/ 77 w 236"/>
                  <a:gd name="T53" fmla="*/ 55 h 181"/>
                  <a:gd name="T54" fmla="*/ 74 w 236"/>
                  <a:gd name="T55" fmla="*/ 49 h 181"/>
                  <a:gd name="T56" fmla="*/ 71 w 236"/>
                  <a:gd name="T57" fmla="*/ 47 h 181"/>
                  <a:gd name="T58" fmla="*/ 68 w 236"/>
                  <a:gd name="T59" fmla="*/ 47 h 181"/>
                  <a:gd name="T60" fmla="*/ 67 w 236"/>
                  <a:gd name="T61" fmla="*/ 45 h 181"/>
                  <a:gd name="T62" fmla="*/ 66 w 236"/>
                  <a:gd name="T63" fmla="*/ 44 h 181"/>
                  <a:gd name="T64" fmla="*/ 65 w 236"/>
                  <a:gd name="T65" fmla="*/ 44 h 181"/>
                  <a:gd name="T66" fmla="*/ 61 w 236"/>
                  <a:gd name="T67" fmla="*/ 41 h 181"/>
                  <a:gd name="T68" fmla="*/ 54 w 236"/>
                  <a:gd name="T69" fmla="*/ 35 h 181"/>
                  <a:gd name="T70" fmla="*/ 48 w 236"/>
                  <a:gd name="T71" fmla="*/ 28 h 181"/>
                  <a:gd name="T72" fmla="*/ 41 w 236"/>
                  <a:gd name="T73" fmla="*/ 22 h 181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0" t="0" r="r" b="b"/>
                <a:pathLst>
                  <a:path w="236" h="181">
                    <a:moveTo>
                      <a:pt x="114" y="57"/>
                    </a:moveTo>
                    <a:lnTo>
                      <a:pt x="100" y="51"/>
                    </a:lnTo>
                    <a:lnTo>
                      <a:pt x="88" y="42"/>
                    </a:lnTo>
                    <a:lnTo>
                      <a:pt x="77" y="34"/>
                    </a:lnTo>
                    <a:lnTo>
                      <a:pt x="65" y="24"/>
                    </a:lnTo>
                    <a:lnTo>
                      <a:pt x="52" y="17"/>
                    </a:lnTo>
                    <a:lnTo>
                      <a:pt x="40" y="10"/>
                    </a:lnTo>
                    <a:lnTo>
                      <a:pt x="32" y="6"/>
                    </a:lnTo>
                    <a:lnTo>
                      <a:pt x="25" y="3"/>
                    </a:lnTo>
                    <a:lnTo>
                      <a:pt x="17" y="1"/>
                    </a:lnTo>
                    <a:lnTo>
                      <a:pt x="8" y="0"/>
                    </a:lnTo>
                    <a:lnTo>
                      <a:pt x="4" y="6"/>
                    </a:lnTo>
                    <a:lnTo>
                      <a:pt x="2" y="13"/>
                    </a:lnTo>
                    <a:lnTo>
                      <a:pt x="0" y="19"/>
                    </a:lnTo>
                    <a:lnTo>
                      <a:pt x="0" y="25"/>
                    </a:lnTo>
                    <a:lnTo>
                      <a:pt x="1" y="31"/>
                    </a:lnTo>
                    <a:lnTo>
                      <a:pt x="3" y="37"/>
                    </a:lnTo>
                    <a:lnTo>
                      <a:pt x="5" y="42"/>
                    </a:lnTo>
                    <a:lnTo>
                      <a:pt x="9" y="46"/>
                    </a:lnTo>
                    <a:lnTo>
                      <a:pt x="18" y="56"/>
                    </a:lnTo>
                    <a:lnTo>
                      <a:pt x="27" y="63"/>
                    </a:lnTo>
                    <a:lnTo>
                      <a:pt x="39" y="70"/>
                    </a:lnTo>
                    <a:lnTo>
                      <a:pt x="48" y="74"/>
                    </a:lnTo>
                    <a:lnTo>
                      <a:pt x="55" y="76"/>
                    </a:lnTo>
                    <a:lnTo>
                      <a:pt x="60" y="79"/>
                    </a:lnTo>
                    <a:lnTo>
                      <a:pt x="65" y="83"/>
                    </a:lnTo>
                    <a:lnTo>
                      <a:pt x="69" y="88"/>
                    </a:lnTo>
                    <a:lnTo>
                      <a:pt x="77" y="97"/>
                    </a:lnTo>
                    <a:lnTo>
                      <a:pt x="83" y="108"/>
                    </a:lnTo>
                    <a:lnTo>
                      <a:pt x="90" y="118"/>
                    </a:lnTo>
                    <a:lnTo>
                      <a:pt x="99" y="128"/>
                    </a:lnTo>
                    <a:lnTo>
                      <a:pt x="103" y="131"/>
                    </a:lnTo>
                    <a:lnTo>
                      <a:pt x="108" y="134"/>
                    </a:lnTo>
                    <a:lnTo>
                      <a:pt x="115" y="137"/>
                    </a:lnTo>
                    <a:lnTo>
                      <a:pt x="122" y="138"/>
                    </a:lnTo>
                    <a:lnTo>
                      <a:pt x="126" y="144"/>
                    </a:lnTo>
                    <a:lnTo>
                      <a:pt x="133" y="149"/>
                    </a:lnTo>
                    <a:lnTo>
                      <a:pt x="139" y="152"/>
                    </a:lnTo>
                    <a:lnTo>
                      <a:pt x="146" y="155"/>
                    </a:lnTo>
                    <a:lnTo>
                      <a:pt x="163" y="159"/>
                    </a:lnTo>
                    <a:lnTo>
                      <a:pt x="179" y="163"/>
                    </a:lnTo>
                    <a:lnTo>
                      <a:pt x="183" y="163"/>
                    </a:lnTo>
                    <a:lnTo>
                      <a:pt x="187" y="163"/>
                    </a:lnTo>
                    <a:lnTo>
                      <a:pt x="190" y="164"/>
                    </a:lnTo>
                    <a:lnTo>
                      <a:pt x="194" y="167"/>
                    </a:lnTo>
                    <a:lnTo>
                      <a:pt x="199" y="170"/>
                    </a:lnTo>
                    <a:lnTo>
                      <a:pt x="204" y="174"/>
                    </a:lnTo>
                    <a:lnTo>
                      <a:pt x="209" y="178"/>
                    </a:lnTo>
                    <a:lnTo>
                      <a:pt x="216" y="180"/>
                    </a:lnTo>
                    <a:lnTo>
                      <a:pt x="220" y="181"/>
                    </a:lnTo>
                    <a:lnTo>
                      <a:pt x="224" y="181"/>
                    </a:lnTo>
                    <a:lnTo>
                      <a:pt x="229" y="180"/>
                    </a:lnTo>
                    <a:lnTo>
                      <a:pt x="236" y="179"/>
                    </a:lnTo>
                    <a:lnTo>
                      <a:pt x="233" y="164"/>
                    </a:lnTo>
                    <a:lnTo>
                      <a:pt x="227" y="151"/>
                    </a:lnTo>
                    <a:lnTo>
                      <a:pt x="223" y="145"/>
                    </a:lnTo>
                    <a:lnTo>
                      <a:pt x="219" y="141"/>
                    </a:lnTo>
                    <a:lnTo>
                      <a:pt x="216" y="140"/>
                    </a:lnTo>
                    <a:lnTo>
                      <a:pt x="211" y="139"/>
                    </a:lnTo>
                    <a:lnTo>
                      <a:pt x="207" y="138"/>
                    </a:lnTo>
                    <a:lnTo>
                      <a:pt x="203" y="138"/>
                    </a:lnTo>
                    <a:lnTo>
                      <a:pt x="203" y="135"/>
                    </a:lnTo>
                    <a:lnTo>
                      <a:pt x="202" y="132"/>
                    </a:lnTo>
                    <a:lnTo>
                      <a:pt x="201" y="131"/>
                    </a:lnTo>
                    <a:lnTo>
                      <a:pt x="199" y="131"/>
                    </a:lnTo>
                    <a:lnTo>
                      <a:pt x="198" y="130"/>
                    </a:lnTo>
                    <a:lnTo>
                      <a:pt x="195" y="131"/>
                    </a:lnTo>
                    <a:lnTo>
                      <a:pt x="184" y="122"/>
                    </a:lnTo>
                    <a:lnTo>
                      <a:pt x="174" y="114"/>
                    </a:lnTo>
                    <a:lnTo>
                      <a:pt x="164" y="103"/>
                    </a:lnTo>
                    <a:lnTo>
                      <a:pt x="155" y="94"/>
                    </a:lnTo>
                    <a:lnTo>
                      <a:pt x="145" y="83"/>
                    </a:lnTo>
                    <a:lnTo>
                      <a:pt x="136" y="74"/>
                    </a:lnTo>
                    <a:lnTo>
                      <a:pt x="125" y="65"/>
                    </a:lnTo>
                    <a:lnTo>
                      <a:pt x="114" y="57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25" name="Sorø-Ringsted"/>
            <p:cNvSpPr>
              <a:spLocks/>
            </p:cNvSpPr>
            <p:nvPr/>
          </p:nvSpPr>
          <p:spPr bwMode="auto">
            <a:xfrm>
              <a:off x="3051175" y="5110163"/>
              <a:ext cx="506412" cy="314325"/>
            </a:xfrm>
            <a:custGeom>
              <a:avLst/>
              <a:gdLst>
                <a:gd name="T0" fmla="*/ 173 w 957"/>
                <a:gd name="T1" fmla="*/ 44 h 594"/>
                <a:gd name="T2" fmla="*/ 165 w 957"/>
                <a:gd name="T3" fmla="*/ 47 h 594"/>
                <a:gd name="T4" fmla="*/ 164 w 957"/>
                <a:gd name="T5" fmla="*/ 60 h 594"/>
                <a:gd name="T6" fmla="*/ 182 w 957"/>
                <a:gd name="T7" fmla="*/ 66 h 594"/>
                <a:gd name="T8" fmla="*/ 206 w 957"/>
                <a:gd name="T9" fmla="*/ 62 h 594"/>
                <a:gd name="T10" fmla="*/ 208 w 957"/>
                <a:gd name="T11" fmla="*/ 39 h 594"/>
                <a:gd name="T12" fmla="*/ 225 w 957"/>
                <a:gd name="T13" fmla="*/ 40 h 594"/>
                <a:gd name="T14" fmla="*/ 242 w 957"/>
                <a:gd name="T15" fmla="*/ 33 h 594"/>
                <a:gd name="T16" fmla="*/ 252 w 957"/>
                <a:gd name="T17" fmla="*/ 19 h 594"/>
                <a:gd name="T18" fmla="*/ 279 w 957"/>
                <a:gd name="T19" fmla="*/ 37 h 594"/>
                <a:gd name="T20" fmla="*/ 291 w 957"/>
                <a:gd name="T21" fmla="*/ 74 h 594"/>
                <a:gd name="T22" fmla="*/ 298 w 957"/>
                <a:gd name="T23" fmla="*/ 93 h 594"/>
                <a:gd name="T24" fmla="*/ 303 w 957"/>
                <a:gd name="T25" fmla="*/ 108 h 594"/>
                <a:gd name="T26" fmla="*/ 302 w 957"/>
                <a:gd name="T27" fmla="*/ 121 h 594"/>
                <a:gd name="T28" fmla="*/ 313 w 957"/>
                <a:gd name="T29" fmla="*/ 148 h 594"/>
                <a:gd name="T30" fmla="*/ 319 w 957"/>
                <a:gd name="T31" fmla="*/ 167 h 594"/>
                <a:gd name="T32" fmla="*/ 315 w 957"/>
                <a:gd name="T33" fmla="*/ 178 h 594"/>
                <a:gd name="T34" fmla="*/ 301 w 957"/>
                <a:gd name="T35" fmla="*/ 185 h 594"/>
                <a:gd name="T36" fmla="*/ 284 w 957"/>
                <a:gd name="T37" fmla="*/ 184 h 594"/>
                <a:gd name="T38" fmla="*/ 274 w 957"/>
                <a:gd name="T39" fmla="*/ 188 h 594"/>
                <a:gd name="T40" fmla="*/ 269 w 957"/>
                <a:gd name="T41" fmla="*/ 197 h 594"/>
                <a:gd name="T42" fmla="*/ 252 w 957"/>
                <a:gd name="T43" fmla="*/ 188 h 594"/>
                <a:gd name="T44" fmla="*/ 240 w 957"/>
                <a:gd name="T45" fmla="*/ 185 h 594"/>
                <a:gd name="T46" fmla="*/ 215 w 957"/>
                <a:gd name="T47" fmla="*/ 167 h 594"/>
                <a:gd name="T48" fmla="*/ 206 w 957"/>
                <a:gd name="T49" fmla="*/ 152 h 594"/>
                <a:gd name="T50" fmla="*/ 170 w 957"/>
                <a:gd name="T51" fmla="*/ 170 h 594"/>
                <a:gd name="T52" fmla="*/ 134 w 957"/>
                <a:gd name="T53" fmla="*/ 184 h 594"/>
                <a:gd name="T54" fmla="*/ 126 w 957"/>
                <a:gd name="T55" fmla="*/ 187 h 594"/>
                <a:gd name="T56" fmla="*/ 120 w 957"/>
                <a:gd name="T57" fmla="*/ 190 h 594"/>
                <a:gd name="T58" fmla="*/ 112 w 957"/>
                <a:gd name="T59" fmla="*/ 188 h 594"/>
                <a:gd name="T60" fmla="*/ 88 w 957"/>
                <a:gd name="T61" fmla="*/ 182 h 594"/>
                <a:gd name="T62" fmla="*/ 85 w 957"/>
                <a:gd name="T63" fmla="*/ 168 h 594"/>
                <a:gd name="T64" fmla="*/ 95 w 957"/>
                <a:gd name="T65" fmla="*/ 163 h 594"/>
                <a:gd name="T66" fmla="*/ 95 w 957"/>
                <a:gd name="T67" fmla="*/ 148 h 594"/>
                <a:gd name="T68" fmla="*/ 96 w 957"/>
                <a:gd name="T69" fmla="*/ 129 h 594"/>
                <a:gd name="T70" fmla="*/ 89 w 957"/>
                <a:gd name="T71" fmla="*/ 117 h 594"/>
                <a:gd name="T72" fmla="*/ 75 w 957"/>
                <a:gd name="T73" fmla="*/ 105 h 594"/>
                <a:gd name="T74" fmla="*/ 75 w 957"/>
                <a:gd name="T75" fmla="*/ 97 h 594"/>
                <a:gd name="T76" fmla="*/ 81 w 957"/>
                <a:gd name="T77" fmla="*/ 89 h 594"/>
                <a:gd name="T78" fmla="*/ 76 w 957"/>
                <a:gd name="T79" fmla="*/ 77 h 594"/>
                <a:gd name="T80" fmla="*/ 63 w 957"/>
                <a:gd name="T81" fmla="*/ 69 h 594"/>
                <a:gd name="T82" fmla="*/ 55 w 957"/>
                <a:gd name="T83" fmla="*/ 72 h 594"/>
                <a:gd name="T84" fmla="*/ 51 w 957"/>
                <a:gd name="T85" fmla="*/ 79 h 594"/>
                <a:gd name="T86" fmla="*/ 47 w 957"/>
                <a:gd name="T87" fmla="*/ 76 h 594"/>
                <a:gd name="T88" fmla="*/ 43 w 957"/>
                <a:gd name="T89" fmla="*/ 70 h 594"/>
                <a:gd name="T90" fmla="*/ 42 w 957"/>
                <a:gd name="T91" fmla="*/ 63 h 594"/>
                <a:gd name="T92" fmla="*/ 46 w 957"/>
                <a:gd name="T93" fmla="*/ 52 h 594"/>
                <a:gd name="T94" fmla="*/ 30 w 957"/>
                <a:gd name="T95" fmla="*/ 57 h 594"/>
                <a:gd name="T96" fmla="*/ 16 w 957"/>
                <a:gd name="T97" fmla="*/ 56 h 594"/>
                <a:gd name="T98" fmla="*/ 2 w 957"/>
                <a:gd name="T99" fmla="*/ 44 h 594"/>
                <a:gd name="T100" fmla="*/ 11 w 957"/>
                <a:gd name="T101" fmla="*/ 39 h 594"/>
                <a:gd name="T102" fmla="*/ 29 w 957"/>
                <a:gd name="T103" fmla="*/ 40 h 594"/>
                <a:gd name="T104" fmla="*/ 50 w 957"/>
                <a:gd name="T105" fmla="*/ 42 h 594"/>
                <a:gd name="T106" fmla="*/ 60 w 957"/>
                <a:gd name="T107" fmla="*/ 40 h 594"/>
                <a:gd name="T108" fmla="*/ 64 w 957"/>
                <a:gd name="T109" fmla="*/ 31 h 594"/>
                <a:gd name="T110" fmla="*/ 61 w 957"/>
                <a:gd name="T111" fmla="*/ 25 h 594"/>
                <a:gd name="T112" fmla="*/ 55 w 957"/>
                <a:gd name="T113" fmla="*/ 16 h 594"/>
                <a:gd name="T114" fmla="*/ 70 w 957"/>
                <a:gd name="T115" fmla="*/ 10 h 594"/>
                <a:gd name="T116" fmla="*/ 95 w 957"/>
                <a:gd name="T117" fmla="*/ 4 h 594"/>
                <a:gd name="T118" fmla="*/ 113 w 957"/>
                <a:gd name="T119" fmla="*/ 5 h 594"/>
                <a:gd name="T120" fmla="*/ 141 w 957"/>
                <a:gd name="T121" fmla="*/ 19 h 594"/>
                <a:gd name="T122" fmla="*/ 165 w 957"/>
                <a:gd name="T123" fmla="*/ 20 h 59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957" h="594">
                  <a:moveTo>
                    <a:pt x="511" y="57"/>
                  </a:moveTo>
                  <a:lnTo>
                    <a:pt x="516" y="73"/>
                  </a:lnTo>
                  <a:lnTo>
                    <a:pt x="519" y="89"/>
                  </a:lnTo>
                  <a:lnTo>
                    <a:pt x="521" y="109"/>
                  </a:lnTo>
                  <a:lnTo>
                    <a:pt x="520" y="131"/>
                  </a:lnTo>
                  <a:lnTo>
                    <a:pt x="513" y="131"/>
                  </a:lnTo>
                  <a:lnTo>
                    <a:pt x="506" y="132"/>
                  </a:lnTo>
                  <a:lnTo>
                    <a:pt x="501" y="134"/>
                  </a:lnTo>
                  <a:lnTo>
                    <a:pt x="497" y="137"/>
                  </a:lnTo>
                  <a:lnTo>
                    <a:pt x="494" y="141"/>
                  </a:lnTo>
                  <a:lnTo>
                    <a:pt x="491" y="145"/>
                  </a:lnTo>
                  <a:lnTo>
                    <a:pt x="490" y="151"/>
                  </a:lnTo>
                  <a:lnTo>
                    <a:pt x="489" y="156"/>
                  </a:lnTo>
                  <a:lnTo>
                    <a:pt x="489" y="167"/>
                  </a:lnTo>
                  <a:lnTo>
                    <a:pt x="491" y="180"/>
                  </a:lnTo>
                  <a:lnTo>
                    <a:pt x="494" y="192"/>
                  </a:lnTo>
                  <a:lnTo>
                    <a:pt x="496" y="203"/>
                  </a:lnTo>
                  <a:lnTo>
                    <a:pt x="517" y="202"/>
                  </a:lnTo>
                  <a:lnTo>
                    <a:pt x="533" y="201"/>
                  </a:lnTo>
                  <a:lnTo>
                    <a:pt x="546" y="198"/>
                  </a:lnTo>
                  <a:lnTo>
                    <a:pt x="557" y="194"/>
                  </a:lnTo>
                  <a:lnTo>
                    <a:pt x="568" y="191"/>
                  </a:lnTo>
                  <a:lnTo>
                    <a:pt x="581" y="188"/>
                  </a:lnTo>
                  <a:lnTo>
                    <a:pt x="597" y="186"/>
                  </a:lnTo>
                  <a:lnTo>
                    <a:pt x="617" y="187"/>
                  </a:lnTo>
                  <a:lnTo>
                    <a:pt x="617" y="168"/>
                  </a:lnTo>
                  <a:lnTo>
                    <a:pt x="617" y="151"/>
                  </a:lnTo>
                  <a:lnTo>
                    <a:pt x="617" y="132"/>
                  </a:lnTo>
                  <a:lnTo>
                    <a:pt x="617" y="114"/>
                  </a:lnTo>
                  <a:lnTo>
                    <a:pt x="625" y="117"/>
                  </a:lnTo>
                  <a:lnTo>
                    <a:pt x="635" y="119"/>
                  </a:lnTo>
                  <a:lnTo>
                    <a:pt x="644" y="120"/>
                  </a:lnTo>
                  <a:lnTo>
                    <a:pt x="655" y="120"/>
                  </a:lnTo>
                  <a:lnTo>
                    <a:pt x="665" y="120"/>
                  </a:lnTo>
                  <a:lnTo>
                    <a:pt x="676" y="119"/>
                  </a:lnTo>
                  <a:lnTo>
                    <a:pt x="687" y="117"/>
                  </a:lnTo>
                  <a:lnTo>
                    <a:pt x="698" y="114"/>
                  </a:lnTo>
                  <a:lnTo>
                    <a:pt x="707" y="110"/>
                  </a:lnTo>
                  <a:lnTo>
                    <a:pt x="718" y="105"/>
                  </a:lnTo>
                  <a:lnTo>
                    <a:pt x="726" y="100"/>
                  </a:lnTo>
                  <a:lnTo>
                    <a:pt x="735" y="94"/>
                  </a:lnTo>
                  <a:lnTo>
                    <a:pt x="742" y="85"/>
                  </a:lnTo>
                  <a:lnTo>
                    <a:pt x="747" y="77"/>
                  </a:lnTo>
                  <a:lnTo>
                    <a:pt x="753" y="67"/>
                  </a:lnTo>
                  <a:lnTo>
                    <a:pt x="756" y="57"/>
                  </a:lnTo>
                  <a:lnTo>
                    <a:pt x="776" y="75"/>
                  </a:lnTo>
                  <a:lnTo>
                    <a:pt x="798" y="92"/>
                  </a:lnTo>
                  <a:lnTo>
                    <a:pt x="809" y="99"/>
                  </a:lnTo>
                  <a:lnTo>
                    <a:pt x="823" y="105"/>
                  </a:lnTo>
                  <a:lnTo>
                    <a:pt x="837" y="110"/>
                  </a:lnTo>
                  <a:lnTo>
                    <a:pt x="853" y="114"/>
                  </a:lnTo>
                  <a:lnTo>
                    <a:pt x="860" y="142"/>
                  </a:lnTo>
                  <a:lnTo>
                    <a:pt x="865" y="171"/>
                  </a:lnTo>
                  <a:lnTo>
                    <a:pt x="869" y="196"/>
                  </a:lnTo>
                  <a:lnTo>
                    <a:pt x="874" y="221"/>
                  </a:lnTo>
                  <a:lnTo>
                    <a:pt x="877" y="234"/>
                  </a:lnTo>
                  <a:lnTo>
                    <a:pt x="880" y="245"/>
                  </a:lnTo>
                  <a:lnTo>
                    <a:pt x="884" y="257"/>
                  </a:lnTo>
                  <a:lnTo>
                    <a:pt x="888" y="267"/>
                  </a:lnTo>
                  <a:lnTo>
                    <a:pt x="895" y="278"/>
                  </a:lnTo>
                  <a:lnTo>
                    <a:pt x="901" y="288"/>
                  </a:lnTo>
                  <a:lnTo>
                    <a:pt x="908" y="299"/>
                  </a:lnTo>
                  <a:lnTo>
                    <a:pt x="918" y="308"/>
                  </a:lnTo>
                  <a:lnTo>
                    <a:pt x="913" y="316"/>
                  </a:lnTo>
                  <a:lnTo>
                    <a:pt x="910" y="323"/>
                  </a:lnTo>
                  <a:lnTo>
                    <a:pt x="906" y="331"/>
                  </a:lnTo>
                  <a:lnTo>
                    <a:pt x="905" y="339"/>
                  </a:lnTo>
                  <a:lnTo>
                    <a:pt x="904" y="347"/>
                  </a:lnTo>
                  <a:lnTo>
                    <a:pt x="905" y="356"/>
                  </a:lnTo>
                  <a:lnTo>
                    <a:pt x="906" y="364"/>
                  </a:lnTo>
                  <a:lnTo>
                    <a:pt x="908" y="373"/>
                  </a:lnTo>
                  <a:lnTo>
                    <a:pt x="915" y="390"/>
                  </a:lnTo>
                  <a:lnTo>
                    <a:pt x="922" y="407"/>
                  </a:lnTo>
                  <a:lnTo>
                    <a:pt x="931" y="425"/>
                  </a:lnTo>
                  <a:lnTo>
                    <a:pt x="939" y="443"/>
                  </a:lnTo>
                  <a:lnTo>
                    <a:pt x="946" y="460"/>
                  </a:lnTo>
                  <a:lnTo>
                    <a:pt x="953" y="477"/>
                  </a:lnTo>
                  <a:lnTo>
                    <a:pt x="955" y="484"/>
                  </a:lnTo>
                  <a:lnTo>
                    <a:pt x="956" y="493"/>
                  </a:lnTo>
                  <a:lnTo>
                    <a:pt x="957" y="500"/>
                  </a:lnTo>
                  <a:lnTo>
                    <a:pt x="956" y="507"/>
                  </a:lnTo>
                  <a:lnTo>
                    <a:pt x="955" y="514"/>
                  </a:lnTo>
                  <a:lnTo>
                    <a:pt x="953" y="521"/>
                  </a:lnTo>
                  <a:lnTo>
                    <a:pt x="950" y="527"/>
                  </a:lnTo>
                  <a:lnTo>
                    <a:pt x="944" y="533"/>
                  </a:lnTo>
                  <a:lnTo>
                    <a:pt x="938" y="539"/>
                  </a:lnTo>
                  <a:lnTo>
                    <a:pt x="931" y="543"/>
                  </a:lnTo>
                  <a:lnTo>
                    <a:pt x="921" y="549"/>
                  </a:lnTo>
                  <a:lnTo>
                    <a:pt x="910" y="553"/>
                  </a:lnTo>
                  <a:lnTo>
                    <a:pt x="904" y="554"/>
                  </a:lnTo>
                  <a:lnTo>
                    <a:pt x="897" y="555"/>
                  </a:lnTo>
                  <a:lnTo>
                    <a:pt x="891" y="554"/>
                  </a:lnTo>
                  <a:lnTo>
                    <a:pt x="882" y="554"/>
                  </a:lnTo>
                  <a:lnTo>
                    <a:pt x="866" y="552"/>
                  </a:lnTo>
                  <a:lnTo>
                    <a:pt x="851" y="552"/>
                  </a:lnTo>
                  <a:lnTo>
                    <a:pt x="843" y="552"/>
                  </a:lnTo>
                  <a:lnTo>
                    <a:pt x="837" y="554"/>
                  </a:lnTo>
                  <a:lnTo>
                    <a:pt x="831" y="556"/>
                  </a:lnTo>
                  <a:lnTo>
                    <a:pt x="826" y="560"/>
                  </a:lnTo>
                  <a:lnTo>
                    <a:pt x="822" y="565"/>
                  </a:lnTo>
                  <a:lnTo>
                    <a:pt x="820" y="573"/>
                  </a:lnTo>
                  <a:lnTo>
                    <a:pt x="819" y="582"/>
                  </a:lnTo>
                  <a:lnTo>
                    <a:pt x="820" y="594"/>
                  </a:lnTo>
                  <a:lnTo>
                    <a:pt x="814" y="592"/>
                  </a:lnTo>
                  <a:lnTo>
                    <a:pt x="806" y="590"/>
                  </a:lnTo>
                  <a:lnTo>
                    <a:pt x="799" y="586"/>
                  </a:lnTo>
                  <a:lnTo>
                    <a:pt x="793" y="582"/>
                  </a:lnTo>
                  <a:lnTo>
                    <a:pt x="778" y="575"/>
                  </a:lnTo>
                  <a:lnTo>
                    <a:pt x="764" y="566"/>
                  </a:lnTo>
                  <a:lnTo>
                    <a:pt x="757" y="563"/>
                  </a:lnTo>
                  <a:lnTo>
                    <a:pt x="749" y="560"/>
                  </a:lnTo>
                  <a:lnTo>
                    <a:pt x="743" y="557"/>
                  </a:lnTo>
                  <a:lnTo>
                    <a:pt x="736" y="556"/>
                  </a:lnTo>
                  <a:lnTo>
                    <a:pt x="728" y="555"/>
                  </a:lnTo>
                  <a:lnTo>
                    <a:pt x="721" y="556"/>
                  </a:lnTo>
                  <a:lnTo>
                    <a:pt x="714" y="557"/>
                  </a:lnTo>
                  <a:lnTo>
                    <a:pt x="706" y="561"/>
                  </a:lnTo>
                  <a:lnTo>
                    <a:pt x="682" y="537"/>
                  </a:lnTo>
                  <a:lnTo>
                    <a:pt x="657" y="513"/>
                  </a:lnTo>
                  <a:lnTo>
                    <a:pt x="645" y="500"/>
                  </a:lnTo>
                  <a:lnTo>
                    <a:pt x="635" y="486"/>
                  </a:lnTo>
                  <a:lnTo>
                    <a:pt x="629" y="479"/>
                  </a:lnTo>
                  <a:lnTo>
                    <a:pt x="625" y="472"/>
                  </a:lnTo>
                  <a:lnTo>
                    <a:pt x="621" y="463"/>
                  </a:lnTo>
                  <a:lnTo>
                    <a:pt x="617" y="455"/>
                  </a:lnTo>
                  <a:lnTo>
                    <a:pt x="593" y="463"/>
                  </a:lnTo>
                  <a:lnTo>
                    <a:pt x="570" y="473"/>
                  </a:lnTo>
                  <a:lnTo>
                    <a:pt x="548" y="484"/>
                  </a:lnTo>
                  <a:lnTo>
                    <a:pt x="528" y="496"/>
                  </a:lnTo>
                  <a:lnTo>
                    <a:pt x="509" y="510"/>
                  </a:lnTo>
                  <a:lnTo>
                    <a:pt x="490" y="523"/>
                  </a:lnTo>
                  <a:lnTo>
                    <a:pt x="473" y="538"/>
                  </a:lnTo>
                  <a:lnTo>
                    <a:pt x="455" y="553"/>
                  </a:lnTo>
                  <a:lnTo>
                    <a:pt x="428" y="553"/>
                  </a:lnTo>
                  <a:lnTo>
                    <a:pt x="401" y="552"/>
                  </a:lnTo>
                  <a:lnTo>
                    <a:pt x="395" y="553"/>
                  </a:lnTo>
                  <a:lnTo>
                    <a:pt x="389" y="553"/>
                  </a:lnTo>
                  <a:lnTo>
                    <a:pt x="384" y="555"/>
                  </a:lnTo>
                  <a:lnTo>
                    <a:pt x="380" y="557"/>
                  </a:lnTo>
                  <a:lnTo>
                    <a:pt x="377" y="560"/>
                  </a:lnTo>
                  <a:lnTo>
                    <a:pt x="375" y="564"/>
                  </a:lnTo>
                  <a:lnTo>
                    <a:pt x="374" y="571"/>
                  </a:lnTo>
                  <a:lnTo>
                    <a:pt x="374" y="577"/>
                  </a:lnTo>
                  <a:lnTo>
                    <a:pt x="367" y="573"/>
                  </a:lnTo>
                  <a:lnTo>
                    <a:pt x="361" y="570"/>
                  </a:lnTo>
                  <a:lnTo>
                    <a:pt x="356" y="567"/>
                  </a:lnTo>
                  <a:lnTo>
                    <a:pt x="350" y="565"/>
                  </a:lnTo>
                  <a:lnTo>
                    <a:pt x="345" y="564"/>
                  </a:lnTo>
                  <a:lnTo>
                    <a:pt x="341" y="564"/>
                  </a:lnTo>
                  <a:lnTo>
                    <a:pt x="336" y="565"/>
                  </a:lnTo>
                  <a:lnTo>
                    <a:pt x="331" y="566"/>
                  </a:lnTo>
                  <a:lnTo>
                    <a:pt x="312" y="574"/>
                  </a:lnTo>
                  <a:lnTo>
                    <a:pt x="292" y="585"/>
                  </a:lnTo>
                  <a:lnTo>
                    <a:pt x="279" y="566"/>
                  </a:lnTo>
                  <a:lnTo>
                    <a:pt x="265" y="547"/>
                  </a:lnTo>
                  <a:lnTo>
                    <a:pt x="258" y="538"/>
                  </a:lnTo>
                  <a:lnTo>
                    <a:pt x="252" y="527"/>
                  </a:lnTo>
                  <a:lnTo>
                    <a:pt x="247" y="517"/>
                  </a:lnTo>
                  <a:lnTo>
                    <a:pt x="243" y="504"/>
                  </a:lnTo>
                  <a:lnTo>
                    <a:pt x="256" y="504"/>
                  </a:lnTo>
                  <a:lnTo>
                    <a:pt x="268" y="504"/>
                  </a:lnTo>
                  <a:lnTo>
                    <a:pt x="280" y="504"/>
                  </a:lnTo>
                  <a:lnTo>
                    <a:pt x="292" y="504"/>
                  </a:lnTo>
                  <a:lnTo>
                    <a:pt x="288" y="496"/>
                  </a:lnTo>
                  <a:lnTo>
                    <a:pt x="286" y="490"/>
                  </a:lnTo>
                  <a:lnTo>
                    <a:pt x="284" y="482"/>
                  </a:lnTo>
                  <a:lnTo>
                    <a:pt x="283" y="477"/>
                  </a:lnTo>
                  <a:lnTo>
                    <a:pt x="283" y="465"/>
                  </a:lnTo>
                  <a:lnTo>
                    <a:pt x="284" y="455"/>
                  </a:lnTo>
                  <a:lnTo>
                    <a:pt x="286" y="444"/>
                  </a:lnTo>
                  <a:lnTo>
                    <a:pt x="289" y="433"/>
                  </a:lnTo>
                  <a:lnTo>
                    <a:pt x="291" y="420"/>
                  </a:lnTo>
                  <a:lnTo>
                    <a:pt x="292" y="406"/>
                  </a:lnTo>
                  <a:lnTo>
                    <a:pt x="291" y="396"/>
                  </a:lnTo>
                  <a:lnTo>
                    <a:pt x="289" y="386"/>
                  </a:lnTo>
                  <a:lnTo>
                    <a:pt x="287" y="379"/>
                  </a:lnTo>
                  <a:lnTo>
                    <a:pt x="283" y="371"/>
                  </a:lnTo>
                  <a:lnTo>
                    <a:pt x="278" y="364"/>
                  </a:lnTo>
                  <a:lnTo>
                    <a:pt x="272" y="358"/>
                  </a:lnTo>
                  <a:lnTo>
                    <a:pt x="267" y="352"/>
                  </a:lnTo>
                  <a:lnTo>
                    <a:pt x="261" y="346"/>
                  </a:lnTo>
                  <a:lnTo>
                    <a:pt x="248" y="336"/>
                  </a:lnTo>
                  <a:lnTo>
                    <a:pt x="236" y="325"/>
                  </a:lnTo>
                  <a:lnTo>
                    <a:pt x="230" y="320"/>
                  </a:lnTo>
                  <a:lnTo>
                    <a:pt x="226" y="314"/>
                  </a:lnTo>
                  <a:lnTo>
                    <a:pt x="222" y="307"/>
                  </a:lnTo>
                  <a:lnTo>
                    <a:pt x="219" y="301"/>
                  </a:lnTo>
                  <a:lnTo>
                    <a:pt x="219" y="297"/>
                  </a:lnTo>
                  <a:lnTo>
                    <a:pt x="221" y="294"/>
                  </a:lnTo>
                  <a:lnTo>
                    <a:pt x="225" y="291"/>
                  </a:lnTo>
                  <a:lnTo>
                    <a:pt x="229" y="287"/>
                  </a:lnTo>
                  <a:lnTo>
                    <a:pt x="233" y="283"/>
                  </a:lnTo>
                  <a:lnTo>
                    <a:pt x="238" y="279"/>
                  </a:lnTo>
                  <a:lnTo>
                    <a:pt x="242" y="274"/>
                  </a:lnTo>
                  <a:lnTo>
                    <a:pt x="243" y="268"/>
                  </a:lnTo>
                  <a:lnTo>
                    <a:pt x="243" y="261"/>
                  </a:lnTo>
                  <a:lnTo>
                    <a:pt x="241" y="253"/>
                  </a:lnTo>
                  <a:lnTo>
                    <a:pt x="238" y="245"/>
                  </a:lnTo>
                  <a:lnTo>
                    <a:pt x="233" y="238"/>
                  </a:lnTo>
                  <a:lnTo>
                    <a:pt x="227" y="231"/>
                  </a:lnTo>
                  <a:lnTo>
                    <a:pt x="221" y="224"/>
                  </a:lnTo>
                  <a:lnTo>
                    <a:pt x="213" y="219"/>
                  </a:lnTo>
                  <a:lnTo>
                    <a:pt x="205" y="215"/>
                  </a:lnTo>
                  <a:lnTo>
                    <a:pt x="197" y="211"/>
                  </a:lnTo>
                  <a:lnTo>
                    <a:pt x="189" y="208"/>
                  </a:lnTo>
                  <a:lnTo>
                    <a:pt x="181" y="208"/>
                  </a:lnTo>
                  <a:lnTo>
                    <a:pt x="173" y="209"/>
                  </a:lnTo>
                  <a:lnTo>
                    <a:pt x="170" y="211"/>
                  </a:lnTo>
                  <a:lnTo>
                    <a:pt x="167" y="213"/>
                  </a:lnTo>
                  <a:lnTo>
                    <a:pt x="164" y="215"/>
                  </a:lnTo>
                  <a:lnTo>
                    <a:pt x="162" y="218"/>
                  </a:lnTo>
                  <a:lnTo>
                    <a:pt x="159" y="221"/>
                  </a:lnTo>
                  <a:lnTo>
                    <a:pt x="157" y="225"/>
                  </a:lnTo>
                  <a:lnTo>
                    <a:pt x="156" y="231"/>
                  </a:lnTo>
                  <a:lnTo>
                    <a:pt x="153" y="236"/>
                  </a:lnTo>
                  <a:lnTo>
                    <a:pt x="150" y="236"/>
                  </a:lnTo>
                  <a:lnTo>
                    <a:pt x="147" y="235"/>
                  </a:lnTo>
                  <a:lnTo>
                    <a:pt x="145" y="234"/>
                  </a:lnTo>
                  <a:lnTo>
                    <a:pt x="144" y="232"/>
                  </a:lnTo>
                  <a:lnTo>
                    <a:pt x="141" y="227"/>
                  </a:lnTo>
                  <a:lnTo>
                    <a:pt x="140" y="222"/>
                  </a:lnTo>
                  <a:lnTo>
                    <a:pt x="138" y="217"/>
                  </a:lnTo>
                  <a:lnTo>
                    <a:pt x="134" y="213"/>
                  </a:lnTo>
                  <a:lnTo>
                    <a:pt x="132" y="212"/>
                  </a:lnTo>
                  <a:lnTo>
                    <a:pt x="129" y="211"/>
                  </a:lnTo>
                  <a:lnTo>
                    <a:pt x="126" y="211"/>
                  </a:lnTo>
                  <a:lnTo>
                    <a:pt x="122" y="212"/>
                  </a:lnTo>
                  <a:lnTo>
                    <a:pt x="122" y="203"/>
                  </a:lnTo>
                  <a:lnTo>
                    <a:pt x="124" y="196"/>
                  </a:lnTo>
                  <a:lnTo>
                    <a:pt x="127" y="189"/>
                  </a:lnTo>
                  <a:lnTo>
                    <a:pt x="131" y="184"/>
                  </a:lnTo>
                  <a:lnTo>
                    <a:pt x="134" y="179"/>
                  </a:lnTo>
                  <a:lnTo>
                    <a:pt x="138" y="173"/>
                  </a:lnTo>
                  <a:lnTo>
                    <a:pt x="139" y="164"/>
                  </a:lnTo>
                  <a:lnTo>
                    <a:pt x="138" y="155"/>
                  </a:lnTo>
                  <a:lnTo>
                    <a:pt x="127" y="160"/>
                  </a:lnTo>
                  <a:lnTo>
                    <a:pt x="118" y="164"/>
                  </a:lnTo>
                  <a:lnTo>
                    <a:pt x="108" y="167"/>
                  </a:lnTo>
                  <a:lnTo>
                    <a:pt x="99" y="169"/>
                  </a:lnTo>
                  <a:lnTo>
                    <a:pt x="90" y="172"/>
                  </a:lnTo>
                  <a:lnTo>
                    <a:pt x="82" y="173"/>
                  </a:lnTo>
                  <a:lnTo>
                    <a:pt x="73" y="172"/>
                  </a:lnTo>
                  <a:lnTo>
                    <a:pt x="65" y="172"/>
                  </a:lnTo>
                  <a:lnTo>
                    <a:pt x="57" y="169"/>
                  </a:lnTo>
                  <a:lnTo>
                    <a:pt x="48" y="167"/>
                  </a:lnTo>
                  <a:lnTo>
                    <a:pt x="41" y="164"/>
                  </a:lnTo>
                  <a:lnTo>
                    <a:pt x="32" y="160"/>
                  </a:lnTo>
                  <a:lnTo>
                    <a:pt x="17" y="151"/>
                  </a:lnTo>
                  <a:lnTo>
                    <a:pt x="0" y="138"/>
                  </a:lnTo>
                  <a:lnTo>
                    <a:pt x="5" y="133"/>
                  </a:lnTo>
                  <a:lnTo>
                    <a:pt x="10" y="128"/>
                  </a:lnTo>
                  <a:lnTo>
                    <a:pt x="16" y="124"/>
                  </a:lnTo>
                  <a:lnTo>
                    <a:pt x="22" y="122"/>
                  </a:lnTo>
                  <a:lnTo>
                    <a:pt x="28" y="119"/>
                  </a:lnTo>
                  <a:lnTo>
                    <a:pt x="34" y="118"/>
                  </a:lnTo>
                  <a:lnTo>
                    <a:pt x="40" y="117"/>
                  </a:lnTo>
                  <a:lnTo>
                    <a:pt x="47" y="116"/>
                  </a:lnTo>
                  <a:lnTo>
                    <a:pt x="60" y="116"/>
                  </a:lnTo>
                  <a:lnTo>
                    <a:pt x="73" y="117"/>
                  </a:lnTo>
                  <a:lnTo>
                    <a:pt x="86" y="119"/>
                  </a:lnTo>
                  <a:lnTo>
                    <a:pt x="100" y="121"/>
                  </a:lnTo>
                  <a:lnTo>
                    <a:pt x="113" y="124"/>
                  </a:lnTo>
                  <a:lnTo>
                    <a:pt x="126" y="126"/>
                  </a:lnTo>
                  <a:lnTo>
                    <a:pt x="140" y="127"/>
                  </a:lnTo>
                  <a:lnTo>
                    <a:pt x="151" y="127"/>
                  </a:lnTo>
                  <a:lnTo>
                    <a:pt x="158" y="126"/>
                  </a:lnTo>
                  <a:lnTo>
                    <a:pt x="164" y="125"/>
                  </a:lnTo>
                  <a:lnTo>
                    <a:pt x="169" y="124"/>
                  </a:lnTo>
                  <a:lnTo>
                    <a:pt x="175" y="121"/>
                  </a:lnTo>
                  <a:lnTo>
                    <a:pt x="180" y="119"/>
                  </a:lnTo>
                  <a:lnTo>
                    <a:pt x="185" y="115"/>
                  </a:lnTo>
                  <a:lnTo>
                    <a:pt x="190" y="110"/>
                  </a:lnTo>
                  <a:lnTo>
                    <a:pt x="195" y="105"/>
                  </a:lnTo>
                  <a:lnTo>
                    <a:pt x="195" y="99"/>
                  </a:lnTo>
                  <a:lnTo>
                    <a:pt x="193" y="94"/>
                  </a:lnTo>
                  <a:lnTo>
                    <a:pt x="192" y="88"/>
                  </a:lnTo>
                  <a:lnTo>
                    <a:pt x="190" y="84"/>
                  </a:lnTo>
                  <a:lnTo>
                    <a:pt x="188" y="81"/>
                  </a:lnTo>
                  <a:lnTo>
                    <a:pt x="185" y="78"/>
                  </a:lnTo>
                  <a:lnTo>
                    <a:pt x="182" y="76"/>
                  </a:lnTo>
                  <a:lnTo>
                    <a:pt x="178" y="74"/>
                  </a:lnTo>
                  <a:lnTo>
                    <a:pt x="164" y="68"/>
                  </a:lnTo>
                  <a:lnTo>
                    <a:pt x="153" y="65"/>
                  </a:lnTo>
                  <a:lnTo>
                    <a:pt x="159" y="57"/>
                  </a:lnTo>
                  <a:lnTo>
                    <a:pt x="165" y="49"/>
                  </a:lnTo>
                  <a:lnTo>
                    <a:pt x="172" y="44"/>
                  </a:lnTo>
                  <a:lnTo>
                    <a:pt x="182" y="40"/>
                  </a:lnTo>
                  <a:lnTo>
                    <a:pt x="191" y="36"/>
                  </a:lnTo>
                  <a:lnTo>
                    <a:pt x="201" y="33"/>
                  </a:lnTo>
                  <a:lnTo>
                    <a:pt x="211" y="30"/>
                  </a:lnTo>
                  <a:lnTo>
                    <a:pt x="223" y="28"/>
                  </a:lnTo>
                  <a:lnTo>
                    <a:pt x="245" y="24"/>
                  </a:lnTo>
                  <a:lnTo>
                    <a:pt x="266" y="19"/>
                  </a:lnTo>
                  <a:lnTo>
                    <a:pt x="276" y="16"/>
                  </a:lnTo>
                  <a:lnTo>
                    <a:pt x="285" y="12"/>
                  </a:lnTo>
                  <a:lnTo>
                    <a:pt x="294" y="6"/>
                  </a:lnTo>
                  <a:lnTo>
                    <a:pt x="300" y="0"/>
                  </a:lnTo>
                  <a:lnTo>
                    <a:pt x="314" y="5"/>
                  </a:lnTo>
                  <a:lnTo>
                    <a:pt x="325" y="10"/>
                  </a:lnTo>
                  <a:lnTo>
                    <a:pt x="338" y="16"/>
                  </a:lnTo>
                  <a:lnTo>
                    <a:pt x="349" y="22"/>
                  </a:lnTo>
                  <a:lnTo>
                    <a:pt x="374" y="35"/>
                  </a:lnTo>
                  <a:lnTo>
                    <a:pt x="398" y="46"/>
                  </a:lnTo>
                  <a:lnTo>
                    <a:pt x="409" y="50"/>
                  </a:lnTo>
                  <a:lnTo>
                    <a:pt x="422" y="56"/>
                  </a:lnTo>
                  <a:lnTo>
                    <a:pt x="436" y="59"/>
                  </a:lnTo>
                  <a:lnTo>
                    <a:pt x="449" y="61"/>
                  </a:lnTo>
                  <a:lnTo>
                    <a:pt x="464" y="62"/>
                  </a:lnTo>
                  <a:lnTo>
                    <a:pt x="479" y="62"/>
                  </a:lnTo>
                  <a:lnTo>
                    <a:pt x="495" y="60"/>
                  </a:lnTo>
                  <a:lnTo>
                    <a:pt x="511" y="57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26" name="Sorø-Ringsted kant"/>
            <p:cNvSpPr>
              <a:spLocks/>
            </p:cNvSpPr>
            <p:nvPr/>
          </p:nvSpPr>
          <p:spPr bwMode="auto">
            <a:xfrm>
              <a:off x="3051175" y="5110163"/>
              <a:ext cx="506412" cy="314325"/>
            </a:xfrm>
            <a:custGeom>
              <a:avLst/>
              <a:gdLst>
                <a:gd name="T0" fmla="*/ 173 w 957"/>
                <a:gd name="T1" fmla="*/ 44 h 594"/>
                <a:gd name="T2" fmla="*/ 165 w 957"/>
                <a:gd name="T3" fmla="*/ 47 h 594"/>
                <a:gd name="T4" fmla="*/ 164 w 957"/>
                <a:gd name="T5" fmla="*/ 60 h 594"/>
                <a:gd name="T6" fmla="*/ 182 w 957"/>
                <a:gd name="T7" fmla="*/ 66 h 594"/>
                <a:gd name="T8" fmla="*/ 206 w 957"/>
                <a:gd name="T9" fmla="*/ 62 h 594"/>
                <a:gd name="T10" fmla="*/ 208 w 957"/>
                <a:gd name="T11" fmla="*/ 39 h 594"/>
                <a:gd name="T12" fmla="*/ 225 w 957"/>
                <a:gd name="T13" fmla="*/ 40 h 594"/>
                <a:gd name="T14" fmla="*/ 242 w 957"/>
                <a:gd name="T15" fmla="*/ 33 h 594"/>
                <a:gd name="T16" fmla="*/ 252 w 957"/>
                <a:gd name="T17" fmla="*/ 19 h 594"/>
                <a:gd name="T18" fmla="*/ 279 w 957"/>
                <a:gd name="T19" fmla="*/ 37 h 594"/>
                <a:gd name="T20" fmla="*/ 291 w 957"/>
                <a:gd name="T21" fmla="*/ 74 h 594"/>
                <a:gd name="T22" fmla="*/ 298 w 957"/>
                <a:gd name="T23" fmla="*/ 93 h 594"/>
                <a:gd name="T24" fmla="*/ 303 w 957"/>
                <a:gd name="T25" fmla="*/ 108 h 594"/>
                <a:gd name="T26" fmla="*/ 302 w 957"/>
                <a:gd name="T27" fmla="*/ 121 h 594"/>
                <a:gd name="T28" fmla="*/ 313 w 957"/>
                <a:gd name="T29" fmla="*/ 148 h 594"/>
                <a:gd name="T30" fmla="*/ 319 w 957"/>
                <a:gd name="T31" fmla="*/ 167 h 594"/>
                <a:gd name="T32" fmla="*/ 315 w 957"/>
                <a:gd name="T33" fmla="*/ 178 h 594"/>
                <a:gd name="T34" fmla="*/ 301 w 957"/>
                <a:gd name="T35" fmla="*/ 185 h 594"/>
                <a:gd name="T36" fmla="*/ 284 w 957"/>
                <a:gd name="T37" fmla="*/ 184 h 594"/>
                <a:gd name="T38" fmla="*/ 274 w 957"/>
                <a:gd name="T39" fmla="*/ 188 h 594"/>
                <a:gd name="T40" fmla="*/ 269 w 957"/>
                <a:gd name="T41" fmla="*/ 197 h 594"/>
                <a:gd name="T42" fmla="*/ 252 w 957"/>
                <a:gd name="T43" fmla="*/ 188 h 594"/>
                <a:gd name="T44" fmla="*/ 240 w 957"/>
                <a:gd name="T45" fmla="*/ 185 h 594"/>
                <a:gd name="T46" fmla="*/ 215 w 957"/>
                <a:gd name="T47" fmla="*/ 167 h 594"/>
                <a:gd name="T48" fmla="*/ 206 w 957"/>
                <a:gd name="T49" fmla="*/ 152 h 594"/>
                <a:gd name="T50" fmla="*/ 170 w 957"/>
                <a:gd name="T51" fmla="*/ 170 h 594"/>
                <a:gd name="T52" fmla="*/ 134 w 957"/>
                <a:gd name="T53" fmla="*/ 184 h 594"/>
                <a:gd name="T54" fmla="*/ 126 w 957"/>
                <a:gd name="T55" fmla="*/ 187 h 594"/>
                <a:gd name="T56" fmla="*/ 120 w 957"/>
                <a:gd name="T57" fmla="*/ 190 h 594"/>
                <a:gd name="T58" fmla="*/ 112 w 957"/>
                <a:gd name="T59" fmla="*/ 188 h 594"/>
                <a:gd name="T60" fmla="*/ 88 w 957"/>
                <a:gd name="T61" fmla="*/ 182 h 594"/>
                <a:gd name="T62" fmla="*/ 85 w 957"/>
                <a:gd name="T63" fmla="*/ 168 h 594"/>
                <a:gd name="T64" fmla="*/ 95 w 957"/>
                <a:gd name="T65" fmla="*/ 163 h 594"/>
                <a:gd name="T66" fmla="*/ 95 w 957"/>
                <a:gd name="T67" fmla="*/ 148 h 594"/>
                <a:gd name="T68" fmla="*/ 96 w 957"/>
                <a:gd name="T69" fmla="*/ 129 h 594"/>
                <a:gd name="T70" fmla="*/ 89 w 957"/>
                <a:gd name="T71" fmla="*/ 117 h 594"/>
                <a:gd name="T72" fmla="*/ 75 w 957"/>
                <a:gd name="T73" fmla="*/ 105 h 594"/>
                <a:gd name="T74" fmla="*/ 75 w 957"/>
                <a:gd name="T75" fmla="*/ 97 h 594"/>
                <a:gd name="T76" fmla="*/ 81 w 957"/>
                <a:gd name="T77" fmla="*/ 89 h 594"/>
                <a:gd name="T78" fmla="*/ 76 w 957"/>
                <a:gd name="T79" fmla="*/ 77 h 594"/>
                <a:gd name="T80" fmla="*/ 63 w 957"/>
                <a:gd name="T81" fmla="*/ 69 h 594"/>
                <a:gd name="T82" fmla="*/ 55 w 957"/>
                <a:gd name="T83" fmla="*/ 72 h 594"/>
                <a:gd name="T84" fmla="*/ 51 w 957"/>
                <a:gd name="T85" fmla="*/ 79 h 594"/>
                <a:gd name="T86" fmla="*/ 47 w 957"/>
                <a:gd name="T87" fmla="*/ 76 h 594"/>
                <a:gd name="T88" fmla="*/ 43 w 957"/>
                <a:gd name="T89" fmla="*/ 70 h 594"/>
                <a:gd name="T90" fmla="*/ 42 w 957"/>
                <a:gd name="T91" fmla="*/ 63 h 594"/>
                <a:gd name="T92" fmla="*/ 46 w 957"/>
                <a:gd name="T93" fmla="*/ 52 h 594"/>
                <a:gd name="T94" fmla="*/ 30 w 957"/>
                <a:gd name="T95" fmla="*/ 57 h 594"/>
                <a:gd name="T96" fmla="*/ 16 w 957"/>
                <a:gd name="T97" fmla="*/ 56 h 594"/>
                <a:gd name="T98" fmla="*/ 2 w 957"/>
                <a:gd name="T99" fmla="*/ 44 h 594"/>
                <a:gd name="T100" fmla="*/ 11 w 957"/>
                <a:gd name="T101" fmla="*/ 39 h 594"/>
                <a:gd name="T102" fmla="*/ 29 w 957"/>
                <a:gd name="T103" fmla="*/ 40 h 594"/>
                <a:gd name="T104" fmla="*/ 50 w 957"/>
                <a:gd name="T105" fmla="*/ 42 h 594"/>
                <a:gd name="T106" fmla="*/ 60 w 957"/>
                <a:gd name="T107" fmla="*/ 40 h 594"/>
                <a:gd name="T108" fmla="*/ 64 w 957"/>
                <a:gd name="T109" fmla="*/ 31 h 594"/>
                <a:gd name="T110" fmla="*/ 61 w 957"/>
                <a:gd name="T111" fmla="*/ 25 h 594"/>
                <a:gd name="T112" fmla="*/ 55 w 957"/>
                <a:gd name="T113" fmla="*/ 16 h 594"/>
                <a:gd name="T114" fmla="*/ 70 w 957"/>
                <a:gd name="T115" fmla="*/ 10 h 594"/>
                <a:gd name="T116" fmla="*/ 95 w 957"/>
                <a:gd name="T117" fmla="*/ 4 h 594"/>
                <a:gd name="T118" fmla="*/ 113 w 957"/>
                <a:gd name="T119" fmla="*/ 5 h 594"/>
                <a:gd name="T120" fmla="*/ 141 w 957"/>
                <a:gd name="T121" fmla="*/ 19 h 594"/>
                <a:gd name="T122" fmla="*/ 165 w 957"/>
                <a:gd name="T123" fmla="*/ 20 h 59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957" h="594">
                  <a:moveTo>
                    <a:pt x="511" y="57"/>
                  </a:moveTo>
                  <a:lnTo>
                    <a:pt x="516" y="73"/>
                  </a:lnTo>
                  <a:lnTo>
                    <a:pt x="519" y="89"/>
                  </a:lnTo>
                  <a:lnTo>
                    <a:pt x="521" y="109"/>
                  </a:lnTo>
                  <a:lnTo>
                    <a:pt x="520" y="131"/>
                  </a:lnTo>
                  <a:lnTo>
                    <a:pt x="513" y="131"/>
                  </a:lnTo>
                  <a:lnTo>
                    <a:pt x="506" y="132"/>
                  </a:lnTo>
                  <a:lnTo>
                    <a:pt x="501" y="134"/>
                  </a:lnTo>
                  <a:lnTo>
                    <a:pt x="497" y="137"/>
                  </a:lnTo>
                  <a:lnTo>
                    <a:pt x="494" y="141"/>
                  </a:lnTo>
                  <a:lnTo>
                    <a:pt x="491" y="145"/>
                  </a:lnTo>
                  <a:lnTo>
                    <a:pt x="490" y="151"/>
                  </a:lnTo>
                  <a:lnTo>
                    <a:pt x="489" y="156"/>
                  </a:lnTo>
                  <a:lnTo>
                    <a:pt x="489" y="167"/>
                  </a:lnTo>
                  <a:lnTo>
                    <a:pt x="491" y="180"/>
                  </a:lnTo>
                  <a:lnTo>
                    <a:pt x="494" y="192"/>
                  </a:lnTo>
                  <a:lnTo>
                    <a:pt x="496" y="203"/>
                  </a:lnTo>
                  <a:lnTo>
                    <a:pt x="517" y="202"/>
                  </a:lnTo>
                  <a:lnTo>
                    <a:pt x="533" y="201"/>
                  </a:lnTo>
                  <a:lnTo>
                    <a:pt x="546" y="198"/>
                  </a:lnTo>
                  <a:lnTo>
                    <a:pt x="557" y="194"/>
                  </a:lnTo>
                  <a:lnTo>
                    <a:pt x="568" y="191"/>
                  </a:lnTo>
                  <a:lnTo>
                    <a:pt x="581" y="188"/>
                  </a:lnTo>
                  <a:lnTo>
                    <a:pt x="597" y="186"/>
                  </a:lnTo>
                  <a:lnTo>
                    <a:pt x="617" y="187"/>
                  </a:lnTo>
                  <a:lnTo>
                    <a:pt x="617" y="168"/>
                  </a:lnTo>
                  <a:lnTo>
                    <a:pt x="617" y="151"/>
                  </a:lnTo>
                  <a:lnTo>
                    <a:pt x="617" y="132"/>
                  </a:lnTo>
                  <a:lnTo>
                    <a:pt x="617" y="114"/>
                  </a:lnTo>
                  <a:lnTo>
                    <a:pt x="625" y="117"/>
                  </a:lnTo>
                  <a:lnTo>
                    <a:pt x="635" y="119"/>
                  </a:lnTo>
                  <a:lnTo>
                    <a:pt x="644" y="120"/>
                  </a:lnTo>
                  <a:lnTo>
                    <a:pt x="655" y="120"/>
                  </a:lnTo>
                  <a:lnTo>
                    <a:pt x="665" y="120"/>
                  </a:lnTo>
                  <a:lnTo>
                    <a:pt x="676" y="119"/>
                  </a:lnTo>
                  <a:lnTo>
                    <a:pt x="687" y="117"/>
                  </a:lnTo>
                  <a:lnTo>
                    <a:pt x="698" y="114"/>
                  </a:lnTo>
                  <a:lnTo>
                    <a:pt x="707" y="110"/>
                  </a:lnTo>
                  <a:lnTo>
                    <a:pt x="718" y="105"/>
                  </a:lnTo>
                  <a:lnTo>
                    <a:pt x="726" y="100"/>
                  </a:lnTo>
                  <a:lnTo>
                    <a:pt x="735" y="94"/>
                  </a:lnTo>
                  <a:lnTo>
                    <a:pt x="742" y="85"/>
                  </a:lnTo>
                  <a:lnTo>
                    <a:pt x="747" y="77"/>
                  </a:lnTo>
                  <a:lnTo>
                    <a:pt x="753" y="67"/>
                  </a:lnTo>
                  <a:lnTo>
                    <a:pt x="756" y="57"/>
                  </a:lnTo>
                  <a:lnTo>
                    <a:pt x="776" y="75"/>
                  </a:lnTo>
                  <a:lnTo>
                    <a:pt x="798" y="92"/>
                  </a:lnTo>
                  <a:lnTo>
                    <a:pt x="809" y="99"/>
                  </a:lnTo>
                  <a:lnTo>
                    <a:pt x="823" y="105"/>
                  </a:lnTo>
                  <a:lnTo>
                    <a:pt x="837" y="110"/>
                  </a:lnTo>
                  <a:lnTo>
                    <a:pt x="853" y="114"/>
                  </a:lnTo>
                  <a:lnTo>
                    <a:pt x="860" y="142"/>
                  </a:lnTo>
                  <a:lnTo>
                    <a:pt x="865" y="171"/>
                  </a:lnTo>
                  <a:lnTo>
                    <a:pt x="869" y="196"/>
                  </a:lnTo>
                  <a:lnTo>
                    <a:pt x="874" y="221"/>
                  </a:lnTo>
                  <a:lnTo>
                    <a:pt x="877" y="234"/>
                  </a:lnTo>
                  <a:lnTo>
                    <a:pt x="880" y="245"/>
                  </a:lnTo>
                  <a:lnTo>
                    <a:pt x="884" y="257"/>
                  </a:lnTo>
                  <a:lnTo>
                    <a:pt x="888" y="267"/>
                  </a:lnTo>
                  <a:lnTo>
                    <a:pt x="895" y="278"/>
                  </a:lnTo>
                  <a:lnTo>
                    <a:pt x="901" y="288"/>
                  </a:lnTo>
                  <a:lnTo>
                    <a:pt x="908" y="299"/>
                  </a:lnTo>
                  <a:lnTo>
                    <a:pt x="918" y="308"/>
                  </a:lnTo>
                  <a:lnTo>
                    <a:pt x="913" y="316"/>
                  </a:lnTo>
                  <a:lnTo>
                    <a:pt x="910" y="323"/>
                  </a:lnTo>
                  <a:lnTo>
                    <a:pt x="906" y="331"/>
                  </a:lnTo>
                  <a:lnTo>
                    <a:pt x="905" y="339"/>
                  </a:lnTo>
                  <a:lnTo>
                    <a:pt x="904" y="347"/>
                  </a:lnTo>
                  <a:lnTo>
                    <a:pt x="905" y="356"/>
                  </a:lnTo>
                  <a:lnTo>
                    <a:pt x="906" y="364"/>
                  </a:lnTo>
                  <a:lnTo>
                    <a:pt x="908" y="373"/>
                  </a:lnTo>
                  <a:lnTo>
                    <a:pt x="915" y="390"/>
                  </a:lnTo>
                  <a:lnTo>
                    <a:pt x="922" y="407"/>
                  </a:lnTo>
                  <a:lnTo>
                    <a:pt x="931" y="425"/>
                  </a:lnTo>
                  <a:lnTo>
                    <a:pt x="939" y="443"/>
                  </a:lnTo>
                  <a:lnTo>
                    <a:pt x="946" y="460"/>
                  </a:lnTo>
                  <a:lnTo>
                    <a:pt x="953" y="477"/>
                  </a:lnTo>
                  <a:lnTo>
                    <a:pt x="955" y="484"/>
                  </a:lnTo>
                  <a:lnTo>
                    <a:pt x="956" y="493"/>
                  </a:lnTo>
                  <a:lnTo>
                    <a:pt x="957" y="500"/>
                  </a:lnTo>
                  <a:lnTo>
                    <a:pt x="956" y="507"/>
                  </a:lnTo>
                  <a:lnTo>
                    <a:pt x="955" y="514"/>
                  </a:lnTo>
                  <a:lnTo>
                    <a:pt x="953" y="521"/>
                  </a:lnTo>
                  <a:lnTo>
                    <a:pt x="950" y="527"/>
                  </a:lnTo>
                  <a:lnTo>
                    <a:pt x="944" y="533"/>
                  </a:lnTo>
                  <a:lnTo>
                    <a:pt x="938" y="539"/>
                  </a:lnTo>
                  <a:lnTo>
                    <a:pt x="931" y="543"/>
                  </a:lnTo>
                  <a:lnTo>
                    <a:pt x="921" y="549"/>
                  </a:lnTo>
                  <a:lnTo>
                    <a:pt x="910" y="553"/>
                  </a:lnTo>
                  <a:lnTo>
                    <a:pt x="904" y="554"/>
                  </a:lnTo>
                  <a:lnTo>
                    <a:pt x="897" y="555"/>
                  </a:lnTo>
                  <a:lnTo>
                    <a:pt x="891" y="554"/>
                  </a:lnTo>
                  <a:lnTo>
                    <a:pt x="882" y="554"/>
                  </a:lnTo>
                  <a:lnTo>
                    <a:pt x="866" y="552"/>
                  </a:lnTo>
                  <a:lnTo>
                    <a:pt x="851" y="552"/>
                  </a:lnTo>
                  <a:lnTo>
                    <a:pt x="843" y="552"/>
                  </a:lnTo>
                  <a:lnTo>
                    <a:pt x="837" y="554"/>
                  </a:lnTo>
                  <a:lnTo>
                    <a:pt x="831" y="556"/>
                  </a:lnTo>
                  <a:lnTo>
                    <a:pt x="826" y="560"/>
                  </a:lnTo>
                  <a:lnTo>
                    <a:pt x="822" y="565"/>
                  </a:lnTo>
                  <a:lnTo>
                    <a:pt x="820" y="573"/>
                  </a:lnTo>
                  <a:lnTo>
                    <a:pt x="819" y="582"/>
                  </a:lnTo>
                  <a:lnTo>
                    <a:pt x="820" y="594"/>
                  </a:lnTo>
                  <a:lnTo>
                    <a:pt x="814" y="592"/>
                  </a:lnTo>
                  <a:lnTo>
                    <a:pt x="806" y="590"/>
                  </a:lnTo>
                  <a:lnTo>
                    <a:pt x="799" y="586"/>
                  </a:lnTo>
                  <a:lnTo>
                    <a:pt x="793" y="582"/>
                  </a:lnTo>
                  <a:lnTo>
                    <a:pt x="778" y="575"/>
                  </a:lnTo>
                  <a:lnTo>
                    <a:pt x="764" y="566"/>
                  </a:lnTo>
                  <a:lnTo>
                    <a:pt x="757" y="563"/>
                  </a:lnTo>
                  <a:lnTo>
                    <a:pt x="749" y="560"/>
                  </a:lnTo>
                  <a:lnTo>
                    <a:pt x="743" y="557"/>
                  </a:lnTo>
                  <a:lnTo>
                    <a:pt x="736" y="556"/>
                  </a:lnTo>
                  <a:lnTo>
                    <a:pt x="728" y="555"/>
                  </a:lnTo>
                  <a:lnTo>
                    <a:pt x="721" y="556"/>
                  </a:lnTo>
                  <a:lnTo>
                    <a:pt x="714" y="557"/>
                  </a:lnTo>
                  <a:lnTo>
                    <a:pt x="706" y="561"/>
                  </a:lnTo>
                  <a:lnTo>
                    <a:pt x="682" y="537"/>
                  </a:lnTo>
                  <a:lnTo>
                    <a:pt x="657" y="513"/>
                  </a:lnTo>
                  <a:lnTo>
                    <a:pt x="645" y="500"/>
                  </a:lnTo>
                  <a:lnTo>
                    <a:pt x="635" y="486"/>
                  </a:lnTo>
                  <a:lnTo>
                    <a:pt x="629" y="479"/>
                  </a:lnTo>
                  <a:lnTo>
                    <a:pt x="625" y="472"/>
                  </a:lnTo>
                  <a:lnTo>
                    <a:pt x="621" y="463"/>
                  </a:lnTo>
                  <a:lnTo>
                    <a:pt x="617" y="455"/>
                  </a:lnTo>
                  <a:lnTo>
                    <a:pt x="593" y="463"/>
                  </a:lnTo>
                  <a:lnTo>
                    <a:pt x="570" y="473"/>
                  </a:lnTo>
                  <a:lnTo>
                    <a:pt x="548" y="484"/>
                  </a:lnTo>
                  <a:lnTo>
                    <a:pt x="528" y="496"/>
                  </a:lnTo>
                  <a:lnTo>
                    <a:pt x="509" y="510"/>
                  </a:lnTo>
                  <a:lnTo>
                    <a:pt x="490" y="523"/>
                  </a:lnTo>
                  <a:lnTo>
                    <a:pt x="473" y="538"/>
                  </a:lnTo>
                  <a:lnTo>
                    <a:pt x="455" y="553"/>
                  </a:lnTo>
                  <a:lnTo>
                    <a:pt x="428" y="553"/>
                  </a:lnTo>
                  <a:lnTo>
                    <a:pt x="401" y="552"/>
                  </a:lnTo>
                  <a:lnTo>
                    <a:pt x="395" y="553"/>
                  </a:lnTo>
                  <a:lnTo>
                    <a:pt x="389" y="553"/>
                  </a:lnTo>
                  <a:lnTo>
                    <a:pt x="384" y="555"/>
                  </a:lnTo>
                  <a:lnTo>
                    <a:pt x="380" y="557"/>
                  </a:lnTo>
                  <a:lnTo>
                    <a:pt x="377" y="560"/>
                  </a:lnTo>
                  <a:lnTo>
                    <a:pt x="375" y="564"/>
                  </a:lnTo>
                  <a:lnTo>
                    <a:pt x="374" y="571"/>
                  </a:lnTo>
                  <a:lnTo>
                    <a:pt x="374" y="577"/>
                  </a:lnTo>
                  <a:lnTo>
                    <a:pt x="367" y="573"/>
                  </a:lnTo>
                  <a:lnTo>
                    <a:pt x="361" y="570"/>
                  </a:lnTo>
                  <a:lnTo>
                    <a:pt x="356" y="567"/>
                  </a:lnTo>
                  <a:lnTo>
                    <a:pt x="350" y="565"/>
                  </a:lnTo>
                  <a:lnTo>
                    <a:pt x="345" y="564"/>
                  </a:lnTo>
                  <a:lnTo>
                    <a:pt x="341" y="564"/>
                  </a:lnTo>
                  <a:lnTo>
                    <a:pt x="336" y="565"/>
                  </a:lnTo>
                  <a:lnTo>
                    <a:pt x="331" y="566"/>
                  </a:lnTo>
                  <a:lnTo>
                    <a:pt x="312" y="574"/>
                  </a:lnTo>
                  <a:lnTo>
                    <a:pt x="292" y="585"/>
                  </a:lnTo>
                  <a:lnTo>
                    <a:pt x="279" y="566"/>
                  </a:lnTo>
                  <a:lnTo>
                    <a:pt x="265" y="547"/>
                  </a:lnTo>
                  <a:lnTo>
                    <a:pt x="258" y="538"/>
                  </a:lnTo>
                  <a:lnTo>
                    <a:pt x="252" y="527"/>
                  </a:lnTo>
                  <a:lnTo>
                    <a:pt x="247" y="517"/>
                  </a:lnTo>
                  <a:lnTo>
                    <a:pt x="243" y="504"/>
                  </a:lnTo>
                  <a:lnTo>
                    <a:pt x="256" y="504"/>
                  </a:lnTo>
                  <a:lnTo>
                    <a:pt x="268" y="504"/>
                  </a:lnTo>
                  <a:lnTo>
                    <a:pt x="280" y="504"/>
                  </a:lnTo>
                  <a:lnTo>
                    <a:pt x="292" y="504"/>
                  </a:lnTo>
                  <a:lnTo>
                    <a:pt x="288" y="496"/>
                  </a:lnTo>
                  <a:lnTo>
                    <a:pt x="286" y="490"/>
                  </a:lnTo>
                  <a:lnTo>
                    <a:pt x="284" y="482"/>
                  </a:lnTo>
                  <a:lnTo>
                    <a:pt x="283" y="477"/>
                  </a:lnTo>
                  <a:lnTo>
                    <a:pt x="283" y="465"/>
                  </a:lnTo>
                  <a:lnTo>
                    <a:pt x="284" y="455"/>
                  </a:lnTo>
                  <a:lnTo>
                    <a:pt x="286" y="444"/>
                  </a:lnTo>
                  <a:lnTo>
                    <a:pt x="289" y="433"/>
                  </a:lnTo>
                  <a:lnTo>
                    <a:pt x="291" y="420"/>
                  </a:lnTo>
                  <a:lnTo>
                    <a:pt x="292" y="406"/>
                  </a:lnTo>
                  <a:lnTo>
                    <a:pt x="291" y="396"/>
                  </a:lnTo>
                  <a:lnTo>
                    <a:pt x="289" y="386"/>
                  </a:lnTo>
                  <a:lnTo>
                    <a:pt x="287" y="379"/>
                  </a:lnTo>
                  <a:lnTo>
                    <a:pt x="283" y="371"/>
                  </a:lnTo>
                  <a:lnTo>
                    <a:pt x="278" y="364"/>
                  </a:lnTo>
                  <a:lnTo>
                    <a:pt x="272" y="358"/>
                  </a:lnTo>
                  <a:lnTo>
                    <a:pt x="267" y="352"/>
                  </a:lnTo>
                  <a:lnTo>
                    <a:pt x="261" y="346"/>
                  </a:lnTo>
                  <a:lnTo>
                    <a:pt x="248" y="336"/>
                  </a:lnTo>
                  <a:lnTo>
                    <a:pt x="236" y="325"/>
                  </a:lnTo>
                  <a:lnTo>
                    <a:pt x="230" y="320"/>
                  </a:lnTo>
                  <a:lnTo>
                    <a:pt x="226" y="314"/>
                  </a:lnTo>
                  <a:lnTo>
                    <a:pt x="222" y="307"/>
                  </a:lnTo>
                  <a:lnTo>
                    <a:pt x="219" y="301"/>
                  </a:lnTo>
                  <a:lnTo>
                    <a:pt x="219" y="297"/>
                  </a:lnTo>
                  <a:lnTo>
                    <a:pt x="221" y="294"/>
                  </a:lnTo>
                  <a:lnTo>
                    <a:pt x="225" y="291"/>
                  </a:lnTo>
                  <a:lnTo>
                    <a:pt x="229" y="287"/>
                  </a:lnTo>
                  <a:lnTo>
                    <a:pt x="233" y="283"/>
                  </a:lnTo>
                  <a:lnTo>
                    <a:pt x="238" y="279"/>
                  </a:lnTo>
                  <a:lnTo>
                    <a:pt x="242" y="274"/>
                  </a:lnTo>
                  <a:lnTo>
                    <a:pt x="243" y="268"/>
                  </a:lnTo>
                  <a:lnTo>
                    <a:pt x="243" y="261"/>
                  </a:lnTo>
                  <a:lnTo>
                    <a:pt x="241" y="253"/>
                  </a:lnTo>
                  <a:lnTo>
                    <a:pt x="238" y="245"/>
                  </a:lnTo>
                  <a:lnTo>
                    <a:pt x="233" y="238"/>
                  </a:lnTo>
                  <a:lnTo>
                    <a:pt x="227" y="231"/>
                  </a:lnTo>
                  <a:lnTo>
                    <a:pt x="221" y="224"/>
                  </a:lnTo>
                  <a:lnTo>
                    <a:pt x="213" y="219"/>
                  </a:lnTo>
                  <a:lnTo>
                    <a:pt x="205" y="215"/>
                  </a:lnTo>
                  <a:lnTo>
                    <a:pt x="197" y="211"/>
                  </a:lnTo>
                  <a:lnTo>
                    <a:pt x="189" y="208"/>
                  </a:lnTo>
                  <a:lnTo>
                    <a:pt x="181" y="208"/>
                  </a:lnTo>
                  <a:lnTo>
                    <a:pt x="173" y="209"/>
                  </a:lnTo>
                  <a:lnTo>
                    <a:pt x="170" y="211"/>
                  </a:lnTo>
                  <a:lnTo>
                    <a:pt x="167" y="213"/>
                  </a:lnTo>
                  <a:lnTo>
                    <a:pt x="164" y="215"/>
                  </a:lnTo>
                  <a:lnTo>
                    <a:pt x="162" y="218"/>
                  </a:lnTo>
                  <a:lnTo>
                    <a:pt x="159" y="221"/>
                  </a:lnTo>
                  <a:lnTo>
                    <a:pt x="157" y="225"/>
                  </a:lnTo>
                  <a:lnTo>
                    <a:pt x="156" y="231"/>
                  </a:lnTo>
                  <a:lnTo>
                    <a:pt x="153" y="236"/>
                  </a:lnTo>
                  <a:lnTo>
                    <a:pt x="150" y="236"/>
                  </a:lnTo>
                  <a:lnTo>
                    <a:pt x="147" y="235"/>
                  </a:lnTo>
                  <a:lnTo>
                    <a:pt x="145" y="234"/>
                  </a:lnTo>
                  <a:lnTo>
                    <a:pt x="144" y="232"/>
                  </a:lnTo>
                  <a:lnTo>
                    <a:pt x="141" y="227"/>
                  </a:lnTo>
                  <a:lnTo>
                    <a:pt x="140" y="222"/>
                  </a:lnTo>
                  <a:lnTo>
                    <a:pt x="138" y="217"/>
                  </a:lnTo>
                  <a:lnTo>
                    <a:pt x="134" y="213"/>
                  </a:lnTo>
                  <a:lnTo>
                    <a:pt x="132" y="212"/>
                  </a:lnTo>
                  <a:lnTo>
                    <a:pt x="129" y="211"/>
                  </a:lnTo>
                  <a:lnTo>
                    <a:pt x="126" y="211"/>
                  </a:lnTo>
                  <a:lnTo>
                    <a:pt x="122" y="212"/>
                  </a:lnTo>
                  <a:lnTo>
                    <a:pt x="122" y="203"/>
                  </a:lnTo>
                  <a:lnTo>
                    <a:pt x="124" y="196"/>
                  </a:lnTo>
                  <a:lnTo>
                    <a:pt x="127" y="189"/>
                  </a:lnTo>
                  <a:lnTo>
                    <a:pt x="131" y="184"/>
                  </a:lnTo>
                  <a:lnTo>
                    <a:pt x="134" y="179"/>
                  </a:lnTo>
                  <a:lnTo>
                    <a:pt x="138" y="173"/>
                  </a:lnTo>
                  <a:lnTo>
                    <a:pt x="139" y="164"/>
                  </a:lnTo>
                  <a:lnTo>
                    <a:pt x="138" y="155"/>
                  </a:lnTo>
                  <a:lnTo>
                    <a:pt x="127" y="160"/>
                  </a:lnTo>
                  <a:lnTo>
                    <a:pt x="118" y="164"/>
                  </a:lnTo>
                  <a:lnTo>
                    <a:pt x="108" y="167"/>
                  </a:lnTo>
                  <a:lnTo>
                    <a:pt x="99" y="169"/>
                  </a:lnTo>
                  <a:lnTo>
                    <a:pt x="90" y="172"/>
                  </a:lnTo>
                  <a:lnTo>
                    <a:pt x="82" y="173"/>
                  </a:lnTo>
                  <a:lnTo>
                    <a:pt x="73" y="172"/>
                  </a:lnTo>
                  <a:lnTo>
                    <a:pt x="65" y="172"/>
                  </a:lnTo>
                  <a:lnTo>
                    <a:pt x="57" y="169"/>
                  </a:lnTo>
                  <a:lnTo>
                    <a:pt x="48" y="167"/>
                  </a:lnTo>
                  <a:lnTo>
                    <a:pt x="41" y="164"/>
                  </a:lnTo>
                  <a:lnTo>
                    <a:pt x="32" y="160"/>
                  </a:lnTo>
                  <a:lnTo>
                    <a:pt x="17" y="151"/>
                  </a:lnTo>
                  <a:lnTo>
                    <a:pt x="0" y="138"/>
                  </a:lnTo>
                  <a:lnTo>
                    <a:pt x="5" y="133"/>
                  </a:lnTo>
                  <a:lnTo>
                    <a:pt x="10" y="128"/>
                  </a:lnTo>
                  <a:lnTo>
                    <a:pt x="16" y="124"/>
                  </a:lnTo>
                  <a:lnTo>
                    <a:pt x="22" y="122"/>
                  </a:lnTo>
                  <a:lnTo>
                    <a:pt x="28" y="119"/>
                  </a:lnTo>
                  <a:lnTo>
                    <a:pt x="34" y="118"/>
                  </a:lnTo>
                  <a:lnTo>
                    <a:pt x="40" y="117"/>
                  </a:lnTo>
                  <a:lnTo>
                    <a:pt x="47" y="116"/>
                  </a:lnTo>
                  <a:lnTo>
                    <a:pt x="60" y="116"/>
                  </a:lnTo>
                  <a:lnTo>
                    <a:pt x="73" y="117"/>
                  </a:lnTo>
                  <a:lnTo>
                    <a:pt x="86" y="119"/>
                  </a:lnTo>
                  <a:lnTo>
                    <a:pt x="100" y="121"/>
                  </a:lnTo>
                  <a:lnTo>
                    <a:pt x="113" y="124"/>
                  </a:lnTo>
                  <a:lnTo>
                    <a:pt x="126" y="126"/>
                  </a:lnTo>
                  <a:lnTo>
                    <a:pt x="140" y="127"/>
                  </a:lnTo>
                  <a:lnTo>
                    <a:pt x="151" y="127"/>
                  </a:lnTo>
                  <a:lnTo>
                    <a:pt x="158" y="126"/>
                  </a:lnTo>
                  <a:lnTo>
                    <a:pt x="164" y="125"/>
                  </a:lnTo>
                  <a:lnTo>
                    <a:pt x="169" y="124"/>
                  </a:lnTo>
                  <a:lnTo>
                    <a:pt x="175" y="121"/>
                  </a:lnTo>
                  <a:lnTo>
                    <a:pt x="180" y="119"/>
                  </a:lnTo>
                  <a:lnTo>
                    <a:pt x="185" y="115"/>
                  </a:lnTo>
                  <a:lnTo>
                    <a:pt x="190" y="110"/>
                  </a:lnTo>
                  <a:lnTo>
                    <a:pt x="195" y="105"/>
                  </a:lnTo>
                  <a:lnTo>
                    <a:pt x="195" y="99"/>
                  </a:lnTo>
                  <a:lnTo>
                    <a:pt x="193" y="94"/>
                  </a:lnTo>
                  <a:lnTo>
                    <a:pt x="192" y="88"/>
                  </a:lnTo>
                  <a:lnTo>
                    <a:pt x="190" y="84"/>
                  </a:lnTo>
                  <a:lnTo>
                    <a:pt x="188" y="81"/>
                  </a:lnTo>
                  <a:lnTo>
                    <a:pt x="185" y="78"/>
                  </a:lnTo>
                  <a:lnTo>
                    <a:pt x="182" y="76"/>
                  </a:lnTo>
                  <a:lnTo>
                    <a:pt x="178" y="74"/>
                  </a:lnTo>
                  <a:lnTo>
                    <a:pt x="164" y="68"/>
                  </a:lnTo>
                  <a:lnTo>
                    <a:pt x="153" y="65"/>
                  </a:lnTo>
                  <a:lnTo>
                    <a:pt x="159" y="57"/>
                  </a:lnTo>
                  <a:lnTo>
                    <a:pt x="165" y="49"/>
                  </a:lnTo>
                  <a:lnTo>
                    <a:pt x="172" y="44"/>
                  </a:lnTo>
                  <a:lnTo>
                    <a:pt x="182" y="40"/>
                  </a:lnTo>
                  <a:lnTo>
                    <a:pt x="191" y="36"/>
                  </a:lnTo>
                  <a:lnTo>
                    <a:pt x="201" y="33"/>
                  </a:lnTo>
                  <a:lnTo>
                    <a:pt x="211" y="30"/>
                  </a:lnTo>
                  <a:lnTo>
                    <a:pt x="223" y="28"/>
                  </a:lnTo>
                  <a:lnTo>
                    <a:pt x="245" y="24"/>
                  </a:lnTo>
                  <a:lnTo>
                    <a:pt x="266" y="19"/>
                  </a:lnTo>
                  <a:lnTo>
                    <a:pt x="276" y="16"/>
                  </a:lnTo>
                  <a:lnTo>
                    <a:pt x="285" y="12"/>
                  </a:lnTo>
                  <a:lnTo>
                    <a:pt x="294" y="6"/>
                  </a:lnTo>
                  <a:lnTo>
                    <a:pt x="300" y="0"/>
                  </a:lnTo>
                  <a:lnTo>
                    <a:pt x="314" y="5"/>
                  </a:lnTo>
                  <a:lnTo>
                    <a:pt x="325" y="10"/>
                  </a:lnTo>
                  <a:lnTo>
                    <a:pt x="338" y="16"/>
                  </a:lnTo>
                  <a:lnTo>
                    <a:pt x="349" y="22"/>
                  </a:lnTo>
                  <a:lnTo>
                    <a:pt x="374" y="35"/>
                  </a:lnTo>
                  <a:lnTo>
                    <a:pt x="398" y="46"/>
                  </a:lnTo>
                  <a:lnTo>
                    <a:pt x="409" y="50"/>
                  </a:lnTo>
                  <a:lnTo>
                    <a:pt x="422" y="56"/>
                  </a:lnTo>
                  <a:lnTo>
                    <a:pt x="436" y="59"/>
                  </a:lnTo>
                  <a:lnTo>
                    <a:pt x="449" y="61"/>
                  </a:lnTo>
                  <a:lnTo>
                    <a:pt x="464" y="62"/>
                  </a:lnTo>
                  <a:lnTo>
                    <a:pt x="479" y="62"/>
                  </a:lnTo>
                  <a:lnTo>
                    <a:pt x="495" y="60"/>
                  </a:lnTo>
                  <a:lnTo>
                    <a:pt x="511" y="57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27" name="Faxe"/>
            <p:cNvSpPr>
              <a:spLocks/>
            </p:cNvSpPr>
            <p:nvPr/>
          </p:nvSpPr>
          <p:spPr bwMode="auto">
            <a:xfrm>
              <a:off x="3644900" y="5700713"/>
              <a:ext cx="33337" cy="46038"/>
            </a:xfrm>
            <a:custGeom>
              <a:avLst/>
              <a:gdLst>
                <a:gd name="T0" fmla="*/ 21 w 65"/>
                <a:gd name="T1" fmla="*/ 21 h 88"/>
                <a:gd name="T2" fmla="*/ 19 w 65"/>
                <a:gd name="T3" fmla="*/ 23 h 88"/>
                <a:gd name="T4" fmla="*/ 18 w 65"/>
                <a:gd name="T5" fmla="*/ 24 h 88"/>
                <a:gd name="T6" fmla="*/ 16 w 65"/>
                <a:gd name="T7" fmla="*/ 25 h 88"/>
                <a:gd name="T8" fmla="*/ 14 w 65"/>
                <a:gd name="T9" fmla="*/ 26 h 88"/>
                <a:gd name="T10" fmla="*/ 10 w 65"/>
                <a:gd name="T11" fmla="*/ 28 h 88"/>
                <a:gd name="T12" fmla="*/ 5 w 65"/>
                <a:gd name="T13" fmla="*/ 29 h 88"/>
                <a:gd name="T14" fmla="*/ 5 w 65"/>
                <a:gd name="T15" fmla="*/ 27 h 88"/>
                <a:gd name="T16" fmla="*/ 5 w 65"/>
                <a:gd name="T17" fmla="*/ 25 h 88"/>
                <a:gd name="T18" fmla="*/ 4 w 65"/>
                <a:gd name="T19" fmla="*/ 23 h 88"/>
                <a:gd name="T20" fmla="*/ 3 w 65"/>
                <a:gd name="T21" fmla="*/ 21 h 88"/>
                <a:gd name="T22" fmla="*/ 2 w 65"/>
                <a:gd name="T23" fmla="*/ 20 h 88"/>
                <a:gd name="T24" fmla="*/ 1 w 65"/>
                <a:gd name="T25" fmla="*/ 18 h 88"/>
                <a:gd name="T26" fmla="*/ 0 w 65"/>
                <a:gd name="T27" fmla="*/ 16 h 88"/>
                <a:gd name="T28" fmla="*/ 0 w 65"/>
                <a:gd name="T29" fmla="*/ 13 h 88"/>
                <a:gd name="T30" fmla="*/ 5 w 65"/>
                <a:gd name="T31" fmla="*/ 9 h 88"/>
                <a:gd name="T32" fmla="*/ 8 w 65"/>
                <a:gd name="T33" fmla="*/ 5 h 88"/>
                <a:gd name="T34" fmla="*/ 11 w 65"/>
                <a:gd name="T35" fmla="*/ 3 h 88"/>
                <a:gd name="T36" fmla="*/ 14 w 65"/>
                <a:gd name="T37" fmla="*/ 1 h 88"/>
                <a:gd name="T38" fmla="*/ 16 w 65"/>
                <a:gd name="T39" fmla="*/ 1 h 88"/>
                <a:gd name="T40" fmla="*/ 17 w 65"/>
                <a:gd name="T41" fmla="*/ 0 h 88"/>
                <a:gd name="T42" fmla="*/ 19 w 65"/>
                <a:gd name="T43" fmla="*/ 0 h 88"/>
                <a:gd name="T44" fmla="*/ 21 w 65"/>
                <a:gd name="T45" fmla="*/ 0 h 88"/>
                <a:gd name="T46" fmla="*/ 21 w 65"/>
                <a:gd name="T47" fmla="*/ 2 h 88"/>
                <a:gd name="T48" fmla="*/ 21 w 65"/>
                <a:gd name="T49" fmla="*/ 5 h 88"/>
                <a:gd name="T50" fmla="*/ 21 w 65"/>
                <a:gd name="T51" fmla="*/ 9 h 88"/>
                <a:gd name="T52" fmla="*/ 21 w 65"/>
                <a:gd name="T53" fmla="*/ 13 h 88"/>
                <a:gd name="T54" fmla="*/ 21 w 65"/>
                <a:gd name="T55" fmla="*/ 17 h 88"/>
                <a:gd name="T56" fmla="*/ 21 w 65"/>
                <a:gd name="T57" fmla="*/ 21 h 88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0" t="0" r="r" b="b"/>
              <a:pathLst>
                <a:path w="65" h="88">
                  <a:moveTo>
                    <a:pt x="65" y="64"/>
                  </a:moveTo>
                  <a:lnTo>
                    <a:pt x="60" y="69"/>
                  </a:lnTo>
                  <a:lnTo>
                    <a:pt x="56" y="74"/>
                  </a:lnTo>
                  <a:lnTo>
                    <a:pt x="51" y="77"/>
                  </a:lnTo>
                  <a:lnTo>
                    <a:pt x="44" y="80"/>
                  </a:lnTo>
                  <a:lnTo>
                    <a:pt x="31" y="85"/>
                  </a:lnTo>
                  <a:lnTo>
                    <a:pt x="16" y="88"/>
                  </a:lnTo>
                  <a:lnTo>
                    <a:pt x="16" y="81"/>
                  </a:lnTo>
                  <a:lnTo>
                    <a:pt x="15" y="75"/>
                  </a:lnTo>
                  <a:lnTo>
                    <a:pt x="12" y="69"/>
                  </a:lnTo>
                  <a:lnTo>
                    <a:pt x="9" y="64"/>
                  </a:lnTo>
                  <a:lnTo>
                    <a:pt x="5" y="60"/>
                  </a:lnTo>
                  <a:lnTo>
                    <a:pt x="2" y="55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14" y="27"/>
                  </a:lnTo>
                  <a:lnTo>
                    <a:pt x="26" y="14"/>
                  </a:lnTo>
                  <a:lnTo>
                    <a:pt x="34" y="8"/>
                  </a:lnTo>
                  <a:lnTo>
                    <a:pt x="42" y="3"/>
                  </a:lnTo>
                  <a:lnTo>
                    <a:pt x="48" y="2"/>
                  </a:lnTo>
                  <a:lnTo>
                    <a:pt x="53" y="0"/>
                  </a:lnTo>
                  <a:lnTo>
                    <a:pt x="59" y="0"/>
                  </a:lnTo>
                  <a:lnTo>
                    <a:pt x="65" y="0"/>
                  </a:lnTo>
                  <a:lnTo>
                    <a:pt x="65" y="7"/>
                  </a:lnTo>
                  <a:lnTo>
                    <a:pt x="65" y="16"/>
                  </a:lnTo>
                  <a:lnTo>
                    <a:pt x="65" y="28"/>
                  </a:lnTo>
                  <a:lnTo>
                    <a:pt x="65" y="40"/>
                  </a:lnTo>
                  <a:lnTo>
                    <a:pt x="65" y="53"/>
                  </a:lnTo>
                  <a:lnTo>
                    <a:pt x="65" y="64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28" name="Faxe kant"/>
            <p:cNvSpPr>
              <a:spLocks/>
            </p:cNvSpPr>
            <p:nvPr/>
          </p:nvSpPr>
          <p:spPr bwMode="auto">
            <a:xfrm>
              <a:off x="3644900" y="5700713"/>
              <a:ext cx="33337" cy="46038"/>
            </a:xfrm>
            <a:custGeom>
              <a:avLst/>
              <a:gdLst>
                <a:gd name="T0" fmla="*/ 21 w 65"/>
                <a:gd name="T1" fmla="*/ 21 h 88"/>
                <a:gd name="T2" fmla="*/ 19 w 65"/>
                <a:gd name="T3" fmla="*/ 23 h 88"/>
                <a:gd name="T4" fmla="*/ 18 w 65"/>
                <a:gd name="T5" fmla="*/ 24 h 88"/>
                <a:gd name="T6" fmla="*/ 16 w 65"/>
                <a:gd name="T7" fmla="*/ 25 h 88"/>
                <a:gd name="T8" fmla="*/ 14 w 65"/>
                <a:gd name="T9" fmla="*/ 26 h 88"/>
                <a:gd name="T10" fmla="*/ 10 w 65"/>
                <a:gd name="T11" fmla="*/ 28 h 88"/>
                <a:gd name="T12" fmla="*/ 5 w 65"/>
                <a:gd name="T13" fmla="*/ 29 h 88"/>
                <a:gd name="T14" fmla="*/ 5 w 65"/>
                <a:gd name="T15" fmla="*/ 27 h 88"/>
                <a:gd name="T16" fmla="*/ 5 w 65"/>
                <a:gd name="T17" fmla="*/ 25 h 88"/>
                <a:gd name="T18" fmla="*/ 4 w 65"/>
                <a:gd name="T19" fmla="*/ 23 h 88"/>
                <a:gd name="T20" fmla="*/ 3 w 65"/>
                <a:gd name="T21" fmla="*/ 21 h 88"/>
                <a:gd name="T22" fmla="*/ 2 w 65"/>
                <a:gd name="T23" fmla="*/ 20 h 88"/>
                <a:gd name="T24" fmla="*/ 1 w 65"/>
                <a:gd name="T25" fmla="*/ 18 h 88"/>
                <a:gd name="T26" fmla="*/ 0 w 65"/>
                <a:gd name="T27" fmla="*/ 16 h 88"/>
                <a:gd name="T28" fmla="*/ 0 w 65"/>
                <a:gd name="T29" fmla="*/ 13 h 88"/>
                <a:gd name="T30" fmla="*/ 5 w 65"/>
                <a:gd name="T31" fmla="*/ 9 h 88"/>
                <a:gd name="T32" fmla="*/ 8 w 65"/>
                <a:gd name="T33" fmla="*/ 5 h 88"/>
                <a:gd name="T34" fmla="*/ 11 w 65"/>
                <a:gd name="T35" fmla="*/ 3 h 88"/>
                <a:gd name="T36" fmla="*/ 14 w 65"/>
                <a:gd name="T37" fmla="*/ 1 h 88"/>
                <a:gd name="T38" fmla="*/ 16 w 65"/>
                <a:gd name="T39" fmla="*/ 1 h 88"/>
                <a:gd name="T40" fmla="*/ 17 w 65"/>
                <a:gd name="T41" fmla="*/ 0 h 88"/>
                <a:gd name="T42" fmla="*/ 19 w 65"/>
                <a:gd name="T43" fmla="*/ 0 h 88"/>
                <a:gd name="T44" fmla="*/ 21 w 65"/>
                <a:gd name="T45" fmla="*/ 0 h 88"/>
                <a:gd name="T46" fmla="*/ 21 w 65"/>
                <a:gd name="T47" fmla="*/ 2 h 88"/>
                <a:gd name="T48" fmla="*/ 21 w 65"/>
                <a:gd name="T49" fmla="*/ 5 h 88"/>
                <a:gd name="T50" fmla="*/ 21 w 65"/>
                <a:gd name="T51" fmla="*/ 9 h 88"/>
                <a:gd name="T52" fmla="*/ 21 w 65"/>
                <a:gd name="T53" fmla="*/ 13 h 88"/>
                <a:gd name="T54" fmla="*/ 21 w 65"/>
                <a:gd name="T55" fmla="*/ 17 h 88"/>
                <a:gd name="T56" fmla="*/ 21 w 65"/>
                <a:gd name="T57" fmla="*/ 21 h 88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0" t="0" r="r" b="b"/>
              <a:pathLst>
                <a:path w="65" h="88">
                  <a:moveTo>
                    <a:pt x="65" y="64"/>
                  </a:moveTo>
                  <a:lnTo>
                    <a:pt x="60" y="69"/>
                  </a:lnTo>
                  <a:lnTo>
                    <a:pt x="56" y="74"/>
                  </a:lnTo>
                  <a:lnTo>
                    <a:pt x="51" y="77"/>
                  </a:lnTo>
                  <a:lnTo>
                    <a:pt x="44" y="80"/>
                  </a:lnTo>
                  <a:lnTo>
                    <a:pt x="31" y="85"/>
                  </a:lnTo>
                  <a:lnTo>
                    <a:pt x="16" y="88"/>
                  </a:lnTo>
                  <a:lnTo>
                    <a:pt x="16" y="81"/>
                  </a:lnTo>
                  <a:lnTo>
                    <a:pt x="15" y="75"/>
                  </a:lnTo>
                  <a:lnTo>
                    <a:pt x="12" y="69"/>
                  </a:lnTo>
                  <a:lnTo>
                    <a:pt x="9" y="64"/>
                  </a:lnTo>
                  <a:lnTo>
                    <a:pt x="5" y="60"/>
                  </a:lnTo>
                  <a:lnTo>
                    <a:pt x="2" y="55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14" y="27"/>
                  </a:lnTo>
                  <a:lnTo>
                    <a:pt x="26" y="14"/>
                  </a:lnTo>
                  <a:lnTo>
                    <a:pt x="34" y="8"/>
                  </a:lnTo>
                  <a:lnTo>
                    <a:pt x="42" y="3"/>
                  </a:lnTo>
                  <a:lnTo>
                    <a:pt x="48" y="2"/>
                  </a:lnTo>
                  <a:lnTo>
                    <a:pt x="53" y="0"/>
                  </a:lnTo>
                  <a:lnTo>
                    <a:pt x="59" y="0"/>
                  </a:lnTo>
                  <a:lnTo>
                    <a:pt x="65" y="0"/>
                  </a:lnTo>
                  <a:lnTo>
                    <a:pt x="65" y="7"/>
                  </a:lnTo>
                  <a:lnTo>
                    <a:pt x="65" y="16"/>
                  </a:lnTo>
                  <a:lnTo>
                    <a:pt x="65" y="28"/>
                  </a:lnTo>
                  <a:lnTo>
                    <a:pt x="65" y="40"/>
                  </a:lnTo>
                  <a:lnTo>
                    <a:pt x="65" y="53"/>
                  </a:lnTo>
                  <a:lnTo>
                    <a:pt x="65" y="64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29" name="Faxe"/>
            <p:cNvSpPr>
              <a:spLocks/>
            </p:cNvSpPr>
            <p:nvPr/>
          </p:nvSpPr>
          <p:spPr bwMode="auto">
            <a:xfrm>
              <a:off x="3471863" y="5360988"/>
              <a:ext cx="365125" cy="377825"/>
            </a:xfrm>
            <a:custGeom>
              <a:avLst/>
              <a:gdLst>
                <a:gd name="T0" fmla="*/ 226 w 688"/>
                <a:gd name="T1" fmla="*/ 139 h 715"/>
                <a:gd name="T2" fmla="*/ 214 w 688"/>
                <a:gd name="T3" fmla="*/ 146 h 715"/>
                <a:gd name="T4" fmla="*/ 188 w 688"/>
                <a:gd name="T5" fmla="*/ 162 h 715"/>
                <a:gd name="T6" fmla="*/ 169 w 688"/>
                <a:gd name="T7" fmla="*/ 177 h 715"/>
                <a:gd name="T8" fmla="*/ 153 w 688"/>
                <a:gd name="T9" fmla="*/ 195 h 715"/>
                <a:gd name="T10" fmla="*/ 149 w 688"/>
                <a:gd name="T11" fmla="*/ 209 h 715"/>
                <a:gd name="T12" fmla="*/ 151 w 688"/>
                <a:gd name="T13" fmla="*/ 226 h 715"/>
                <a:gd name="T14" fmla="*/ 147 w 688"/>
                <a:gd name="T15" fmla="*/ 235 h 715"/>
                <a:gd name="T16" fmla="*/ 141 w 688"/>
                <a:gd name="T17" fmla="*/ 238 h 715"/>
                <a:gd name="T18" fmla="*/ 135 w 688"/>
                <a:gd name="T19" fmla="*/ 237 h 715"/>
                <a:gd name="T20" fmla="*/ 133 w 688"/>
                <a:gd name="T21" fmla="*/ 226 h 715"/>
                <a:gd name="T22" fmla="*/ 132 w 688"/>
                <a:gd name="T23" fmla="*/ 220 h 715"/>
                <a:gd name="T24" fmla="*/ 131 w 688"/>
                <a:gd name="T25" fmla="*/ 211 h 715"/>
                <a:gd name="T26" fmla="*/ 133 w 688"/>
                <a:gd name="T27" fmla="*/ 207 h 715"/>
                <a:gd name="T28" fmla="*/ 122 w 688"/>
                <a:gd name="T29" fmla="*/ 206 h 715"/>
                <a:gd name="T30" fmla="*/ 114 w 688"/>
                <a:gd name="T31" fmla="*/ 207 h 715"/>
                <a:gd name="T32" fmla="*/ 106 w 688"/>
                <a:gd name="T33" fmla="*/ 198 h 715"/>
                <a:gd name="T34" fmla="*/ 99 w 688"/>
                <a:gd name="T35" fmla="*/ 181 h 715"/>
                <a:gd name="T36" fmla="*/ 92 w 688"/>
                <a:gd name="T37" fmla="*/ 163 h 715"/>
                <a:gd name="T38" fmla="*/ 84 w 688"/>
                <a:gd name="T39" fmla="*/ 155 h 715"/>
                <a:gd name="T40" fmla="*/ 74 w 688"/>
                <a:gd name="T41" fmla="*/ 152 h 715"/>
                <a:gd name="T42" fmla="*/ 73 w 688"/>
                <a:gd name="T43" fmla="*/ 148 h 715"/>
                <a:gd name="T44" fmla="*/ 72 w 688"/>
                <a:gd name="T45" fmla="*/ 137 h 715"/>
                <a:gd name="T46" fmla="*/ 68 w 688"/>
                <a:gd name="T47" fmla="*/ 130 h 715"/>
                <a:gd name="T48" fmla="*/ 60 w 688"/>
                <a:gd name="T49" fmla="*/ 133 h 715"/>
                <a:gd name="T50" fmla="*/ 51 w 688"/>
                <a:gd name="T51" fmla="*/ 133 h 715"/>
                <a:gd name="T52" fmla="*/ 47 w 688"/>
                <a:gd name="T53" fmla="*/ 124 h 715"/>
                <a:gd name="T54" fmla="*/ 35 w 688"/>
                <a:gd name="T55" fmla="*/ 112 h 715"/>
                <a:gd name="T56" fmla="*/ 10 w 688"/>
                <a:gd name="T57" fmla="*/ 95 h 715"/>
                <a:gd name="T58" fmla="*/ 2 w 688"/>
                <a:gd name="T59" fmla="*/ 83 h 715"/>
                <a:gd name="T60" fmla="*/ 6 w 688"/>
                <a:gd name="T61" fmla="*/ 73 h 715"/>
                <a:gd name="T62" fmla="*/ 8 w 688"/>
                <a:gd name="T63" fmla="*/ 62 h 715"/>
                <a:gd name="T64" fmla="*/ 17 w 688"/>
                <a:gd name="T65" fmla="*/ 62 h 715"/>
                <a:gd name="T66" fmla="*/ 19 w 688"/>
                <a:gd name="T67" fmla="*/ 59 h 715"/>
                <a:gd name="T68" fmla="*/ 22 w 688"/>
                <a:gd name="T69" fmla="*/ 53 h 715"/>
                <a:gd name="T70" fmla="*/ 19 w 688"/>
                <a:gd name="T71" fmla="*/ 50 h 715"/>
                <a:gd name="T72" fmla="*/ 12 w 688"/>
                <a:gd name="T73" fmla="*/ 44 h 715"/>
                <a:gd name="T74" fmla="*/ 12 w 688"/>
                <a:gd name="T75" fmla="*/ 40 h 715"/>
                <a:gd name="T76" fmla="*/ 14 w 688"/>
                <a:gd name="T77" fmla="*/ 38 h 715"/>
                <a:gd name="T78" fmla="*/ 15 w 688"/>
                <a:gd name="T79" fmla="*/ 33 h 715"/>
                <a:gd name="T80" fmla="*/ 33 w 688"/>
                <a:gd name="T81" fmla="*/ 33 h 715"/>
                <a:gd name="T82" fmla="*/ 47 w 688"/>
                <a:gd name="T83" fmla="*/ 26 h 715"/>
                <a:gd name="T84" fmla="*/ 61 w 688"/>
                <a:gd name="T85" fmla="*/ 8 h 715"/>
                <a:gd name="T86" fmla="*/ 73 w 688"/>
                <a:gd name="T87" fmla="*/ 0 h 715"/>
                <a:gd name="T88" fmla="*/ 88 w 688"/>
                <a:gd name="T89" fmla="*/ 4 h 715"/>
                <a:gd name="T90" fmla="*/ 107 w 688"/>
                <a:gd name="T91" fmla="*/ 20 h 715"/>
                <a:gd name="T92" fmla="*/ 121 w 688"/>
                <a:gd name="T93" fmla="*/ 30 h 715"/>
                <a:gd name="T94" fmla="*/ 126 w 688"/>
                <a:gd name="T95" fmla="*/ 32 h 715"/>
                <a:gd name="T96" fmla="*/ 131 w 688"/>
                <a:gd name="T97" fmla="*/ 41 h 715"/>
                <a:gd name="T98" fmla="*/ 146 w 688"/>
                <a:gd name="T99" fmla="*/ 50 h 715"/>
                <a:gd name="T100" fmla="*/ 167 w 688"/>
                <a:gd name="T101" fmla="*/ 57 h 715"/>
                <a:gd name="T102" fmla="*/ 191 w 688"/>
                <a:gd name="T103" fmla="*/ 63 h 715"/>
                <a:gd name="T104" fmla="*/ 188 w 688"/>
                <a:gd name="T105" fmla="*/ 74 h 715"/>
                <a:gd name="T106" fmla="*/ 183 w 688"/>
                <a:gd name="T107" fmla="*/ 81 h 715"/>
                <a:gd name="T108" fmla="*/ 184 w 688"/>
                <a:gd name="T109" fmla="*/ 89 h 715"/>
                <a:gd name="T110" fmla="*/ 196 w 688"/>
                <a:gd name="T111" fmla="*/ 92 h 715"/>
                <a:gd name="T112" fmla="*/ 215 w 688"/>
                <a:gd name="T113" fmla="*/ 106 h 715"/>
                <a:gd name="T114" fmla="*/ 224 w 688"/>
                <a:gd name="T115" fmla="*/ 128 h 715"/>
                <a:gd name="T116" fmla="*/ 230 w 688"/>
                <a:gd name="T117" fmla="*/ 138 h 715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688" h="715">
                  <a:moveTo>
                    <a:pt x="688" y="416"/>
                  </a:moveTo>
                  <a:lnTo>
                    <a:pt x="681" y="416"/>
                  </a:lnTo>
                  <a:lnTo>
                    <a:pt x="676" y="418"/>
                  </a:lnTo>
                  <a:lnTo>
                    <a:pt x="675" y="418"/>
                  </a:lnTo>
                  <a:lnTo>
                    <a:pt x="674" y="419"/>
                  </a:lnTo>
                  <a:lnTo>
                    <a:pt x="674" y="421"/>
                  </a:lnTo>
                  <a:lnTo>
                    <a:pt x="675" y="422"/>
                  </a:lnTo>
                  <a:lnTo>
                    <a:pt x="641" y="439"/>
                  </a:lnTo>
                  <a:lnTo>
                    <a:pt x="607" y="457"/>
                  </a:lnTo>
                  <a:lnTo>
                    <a:pt x="592" y="466"/>
                  </a:lnTo>
                  <a:lnTo>
                    <a:pt x="576" y="476"/>
                  </a:lnTo>
                  <a:lnTo>
                    <a:pt x="561" y="486"/>
                  </a:lnTo>
                  <a:lnTo>
                    <a:pt x="546" y="497"/>
                  </a:lnTo>
                  <a:lnTo>
                    <a:pt x="532" y="508"/>
                  </a:lnTo>
                  <a:lnTo>
                    <a:pt x="518" y="520"/>
                  </a:lnTo>
                  <a:lnTo>
                    <a:pt x="505" y="531"/>
                  </a:lnTo>
                  <a:lnTo>
                    <a:pt x="493" y="544"/>
                  </a:lnTo>
                  <a:lnTo>
                    <a:pt x="480" y="558"/>
                  </a:lnTo>
                  <a:lnTo>
                    <a:pt x="468" y="571"/>
                  </a:lnTo>
                  <a:lnTo>
                    <a:pt x="458" y="586"/>
                  </a:lnTo>
                  <a:lnTo>
                    <a:pt x="447" y="601"/>
                  </a:lnTo>
                  <a:lnTo>
                    <a:pt x="446" y="610"/>
                  </a:lnTo>
                  <a:lnTo>
                    <a:pt x="446" y="620"/>
                  </a:lnTo>
                  <a:lnTo>
                    <a:pt x="446" y="628"/>
                  </a:lnTo>
                  <a:lnTo>
                    <a:pt x="448" y="637"/>
                  </a:lnTo>
                  <a:lnTo>
                    <a:pt x="452" y="651"/>
                  </a:lnTo>
                  <a:lnTo>
                    <a:pt x="455" y="666"/>
                  </a:lnTo>
                  <a:lnTo>
                    <a:pt x="453" y="678"/>
                  </a:lnTo>
                  <a:lnTo>
                    <a:pt x="447" y="695"/>
                  </a:lnTo>
                  <a:lnTo>
                    <a:pt x="445" y="698"/>
                  </a:lnTo>
                  <a:lnTo>
                    <a:pt x="442" y="702"/>
                  </a:lnTo>
                  <a:lnTo>
                    <a:pt x="439" y="705"/>
                  </a:lnTo>
                  <a:lnTo>
                    <a:pt x="436" y="708"/>
                  </a:lnTo>
                  <a:lnTo>
                    <a:pt x="432" y="711"/>
                  </a:lnTo>
                  <a:lnTo>
                    <a:pt x="426" y="713"/>
                  </a:lnTo>
                  <a:lnTo>
                    <a:pt x="421" y="715"/>
                  </a:lnTo>
                  <a:lnTo>
                    <a:pt x="415" y="715"/>
                  </a:lnTo>
                  <a:lnTo>
                    <a:pt x="409" y="715"/>
                  </a:lnTo>
                  <a:lnTo>
                    <a:pt x="405" y="714"/>
                  </a:lnTo>
                  <a:lnTo>
                    <a:pt x="403" y="711"/>
                  </a:lnTo>
                  <a:lnTo>
                    <a:pt x="401" y="708"/>
                  </a:lnTo>
                  <a:lnTo>
                    <a:pt x="399" y="700"/>
                  </a:lnTo>
                  <a:lnTo>
                    <a:pt x="399" y="689"/>
                  </a:lnTo>
                  <a:lnTo>
                    <a:pt x="399" y="679"/>
                  </a:lnTo>
                  <a:lnTo>
                    <a:pt x="399" y="669"/>
                  </a:lnTo>
                  <a:lnTo>
                    <a:pt x="398" y="665"/>
                  </a:lnTo>
                  <a:lnTo>
                    <a:pt x="396" y="662"/>
                  </a:lnTo>
                  <a:lnTo>
                    <a:pt x="394" y="660"/>
                  </a:lnTo>
                  <a:lnTo>
                    <a:pt x="390" y="658"/>
                  </a:lnTo>
                  <a:lnTo>
                    <a:pt x="390" y="649"/>
                  </a:lnTo>
                  <a:lnTo>
                    <a:pt x="390" y="642"/>
                  </a:lnTo>
                  <a:lnTo>
                    <a:pt x="391" y="635"/>
                  </a:lnTo>
                  <a:lnTo>
                    <a:pt x="396" y="630"/>
                  </a:lnTo>
                  <a:lnTo>
                    <a:pt x="397" y="628"/>
                  </a:lnTo>
                  <a:lnTo>
                    <a:pt x="398" y="625"/>
                  </a:lnTo>
                  <a:lnTo>
                    <a:pt x="399" y="622"/>
                  </a:lnTo>
                  <a:lnTo>
                    <a:pt x="398" y="617"/>
                  </a:lnTo>
                  <a:lnTo>
                    <a:pt x="383" y="617"/>
                  </a:lnTo>
                  <a:lnTo>
                    <a:pt x="370" y="617"/>
                  </a:lnTo>
                  <a:lnTo>
                    <a:pt x="364" y="618"/>
                  </a:lnTo>
                  <a:lnTo>
                    <a:pt x="359" y="620"/>
                  </a:lnTo>
                  <a:lnTo>
                    <a:pt x="354" y="622"/>
                  </a:lnTo>
                  <a:lnTo>
                    <a:pt x="349" y="625"/>
                  </a:lnTo>
                  <a:lnTo>
                    <a:pt x="342" y="621"/>
                  </a:lnTo>
                  <a:lnTo>
                    <a:pt x="336" y="617"/>
                  </a:lnTo>
                  <a:lnTo>
                    <a:pt x="330" y="611"/>
                  </a:lnTo>
                  <a:lnTo>
                    <a:pt x="325" y="606"/>
                  </a:lnTo>
                  <a:lnTo>
                    <a:pt x="317" y="596"/>
                  </a:lnTo>
                  <a:lnTo>
                    <a:pt x="309" y="583"/>
                  </a:lnTo>
                  <a:lnTo>
                    <a:pt x="304" y="570"/>
                  </a:lnTo>
                  <a:lnTo>
                    <a:pt x="299" y="557"/>
                  </a:lnTo>
                  <a:lnTo>
                    <a:pt x="295" y="543"/>
                  </a:lnTo>
                  <a:lnTo>
                    <a:pt x="290" y="529"/>
                  </a:lnTo>
                  <a:lnTo>
                    <a:pt x="286" y="517"/>
                  </a:lnTo>
                  <a:lnTo>
                    <a:pt x="281" y="504"/>
                  </a:lnTo>
                  <a:lnTo>
                    <a:pt x="275" y="491"/>
                  </a:lnTo>
                  <a:lnTo>
                    <a:pt x="266" y="481"/>
                  </a:lnTo>
                  <a:lnTo>
                    <a:pt x="262" y="477"/>
                  </a:lnTo>
                  <a:lnTo>
                    <a:pt x="257" y="471"/>
                  </a:lnTo>
                  <a:lnTo>
                    <a:pt x="250" y="467"/>
                  </a:lnTo>
                  <a:lnTo>
                    <a:pt x="244" y="464"/>
                  </a:lnTo>
                  <a:lnTo>
                    <a:pt x="238" y="461"/>
                  </a:lnTo>
                  <a:lnTo>
                    <a:pt x="229" y="458"/>
                  </a:lnTo>
                  <a:lnTo>
                    <a:pt x="221" y="456"/>
                  </a:lnTo>
                  <a:lnTo>
                    <a:pt x="211" y="455"/>
                  </a:lnTo>
                  <a:lnTo>
                    <a:pt x="214" y="451"/>
                  </a:lnTo>
                  <a:lnTo>
                    <a:pt x="216" y="448"/>
                  </a:lnTo>
                  <a:lnTo>
                    <a:pt x="218" y="445"/>
                  </a:lnTo>
                  <a:lnTo>
                    <a:pt x="219" y="442"/>
                  </a:lnTo>
                  <a:lnTo>
                    <a:pt x="220" y="435"/>
                  </a:lnTo>
                  <a:lnTo>
                    <a:pt x="219" y="427"/>
                  </a:lnTo>
                  <a:lnTo>
                    <a:pt x="216" y="412"/>
                  </a:lnTo>
                  <a:lnTo>
                    <a:pt x="211" y="398"/>
                  </a:lnTo>
                  <a:lnTo>
                    <a:pt x="208" y="396"/>
                  </a:lnTo>
                  <a:lnTo>
                    <a:pt x="205" y="393"/>
                  </a:lnTo>
                  <a:lnTo>
                    <a:pt x="202" y="392"/>
                  </a:lnTo>
                  <a:lnTo>
                    <a:pt x="199" y="392"/>
                  </a:lnTo>
                  <a:lnTo>
                    <a:pt x="192" y="393"/>
                  </a:lnTo>
                  <a:lnTo>
                    <a:pt x="186" y="396"/>
                  </a:lnTo>
                  <a:lnTo>
                    <a:pt x="179" y="399"/>
                  </a:lnTo>
                  <a:lnTo>
                    <a:pt x="171" y="403"/>
                  </a:lnTo>
                  <a:lnTo>
                    <a:pt x="163" y="405"/>
                  </a:lnTo>
                  <a:lnTo>
                    <a:pt x="155" y="406"/>
                  </a:lnTo>
                  <a:lnTo>
                    <a:pt x="154" y="400"/>
                  </a:lnTo>
                  <a:lnTo>
                    <a:pt x="152" y="393"/>
                  </a:lnTo>
                  <a:lnTo>
                    <a:pt x="150" y="388"/>
                  </a:lnTo>
                  <a:lnTo>
                    <a:pt x="148" y="383"/>
                  </a:lnTo>
                  <a:lnTo>
                    <a:pt x="142" y="372"/>
                  </a:lnTo>
                  <a:lnTo>
                    <a:pt x="135" y="363"/>
                  </a:lnTo>
                  <a:lnTo>
                    <a:pt x="126" y="353"/>
                  </a:lnTo>
                  <a:lnTo>
                    <a:pt x="116" y="344"/>
                  </a:lnTo>
                  <a:lnTo>
                    <a:pt x="104" y="336"/>
                  </a:lnTo>
                  <a:lnTo>
                    <a:pt x="92" y="327"/>
                  </a:lnTo>
                  <a:lnTo>
                    <a:pt x="67" y="311"/>
                  </a:lnTo>
                  <a:lnTo>
                    <a:pt x="43" y="295"/>
                  </a:lnTo>
                  <a:lnTo>
                    <a:pt x="30" y="286"/>
                  </a:lnTo>
                  <a:lnTo>
                    <a:pt x="20" y="278"/>
                  </a:lnTo>
                  <a:lnTo>
                    <a:pt x="9" y="269"/>
                  </a:lnTo>
                  <a:lnTo>
                    <a:pt x="0" y="260"/>
                  </a:lnTo>
                  <a:lnTo>
                    <a:pt x="7" y="248"/>
                  </a:lnTo>
                  <a:lnTo>
                    <a:pt x="12" y="240"/>
                  </a:lnTo>
                  <a:lnTo>
                    <a:pt x="16" y="232"/>
                  </a:lnTo>
                  <a:lnTo>
                    <a:pt x="18" y="226"/>
                  </a:lnTo>
                  <a:lnTo>
                    <a:pt x="18" y="220"/>
                  </a:lnTo>
                  <a:lnTo>
                    <a:pt x="17" y="211"/>
                  </a:lnTo>
                  <a:lnTo>
                    <a:pt x="13" y="201"/>
                  </a:lnTo>
                  <a:lnTo>
                    <a:pt x="8" y="186"/>
                  </a:lnTo>
                  <a:lnTo>
                    <a:pt x="24" y="186"/>
                  </a:lnTo>
                  <a:lnTo>
                    <a:pt x="42" y="187"/>
                  </a:lnTo>
                  <a:lnTo>
                    <a:pt x="46" y="187"/>
                  </a:lnTo>
                  <a:lnTo>
                    <a:pt x="49" y="187"/>
                  </a:lnTo>
                  <a:lnTo>
                    <a:pt x="52" y="186"/>
                  </a:lnTo>
                  <a:lnTo>
                    <a:pt x="55" y="184"/>
                  </a:lnTo>
                  <a:lnTo>
                    <a:pt x="57" y="182"/>
                  </a:lnTo>
                  <a:lnTo>
                    <a:pt x="58" y="179"/>
                  </a:lnTo>
                  <a:lnTo>
                    <a:pt x="58" y="176"/>
                  </a:lnTo>
                  <a:lnTo>
                    <a:pt x="57" y="170"/>
                  </a:lnTo>
                  <a:lnTo>
                    <a:pt x="61" y="166"/>
                  </a:lnTo>
                  <a:lnTo>
                    <a:pt x="64" y="163"/>
                  </a:lnTo>
                  <a:lnTo>
                    <a:pt x="65" y="160"/>
                  </a:lnTo>
                  <a:lnTo>
                    <a:pt x="64" y="157"/>
                  </a:lnTo>
                  <a:lnTo>
                    <a:pt x="63" y="154"/>
                  </a:lnTo>
                  <a:lnTo>
                    <a:pt x="61" y="152"/>
                  </a:lnTo>
                  <a:lnTo>
                    <a:pt x="58" y="149"/>
                  </a:lnTo>
                  <a:lnTo>
                    <a:pt x="53" y="147"/>
                  </a:lnTo>
                  <a:lnTo>
                    <a:pt x="45" y="142"/>
                  </a:lnTo>
                  <a:lnTo>
                    <a:pt x="39" y="137"/>
                  </a:lnTo>
                  <a:lnTo>
                    <a:pt x="36" y="133"/>
                  </a:lnTo>
                  <a:lnTo>
                    <a:pt x="33" y="129"/>
                  </a:lnTo>
                  <a:lnTo>
                    <a:pt x="32" y="126"/>
                  </a:lnTo>
                  <a:lnTo>
                    <a:pt x="32" y="122"/>
                  </a:lnTo>
                  <a:lnTo>
                    <a:pt x="35" y="121"/>
                  </a:lnTo>
                  <a:lnTo>
                    <a:pt x="37" y="121"/>
                  </a:lnTo>
                  <a:lnTo>
                    <a:pt x="38" y="119"/>
                  </a:lnTo>
                  <a:lnTo>
                    <a:pt x="39" y="118"/>
                  </a:lnTo>
                  <a:lnTo>
                    <a:pt x="41" y="114"/>
                  </a:lnTo>
                  <a:lnTo>
                    <a:pt x="41" y="110"/>
                  </a:lnTo>
                  <a:lnTo>
                    <a:pt x="42" y="105"/>
                  </a:lnTo>
                  <a:lnTo>
                    <a:pt x="43" y="102"/>
                  </a:lnTo>
                  <a:lnTo>
                    <a:pt x="45" y="99"/>
                  </a:lnTo>
                  <a:lnTo>
                    <a:pt x="49" y="97"/>
                  </a:lnTo>
                  <a:lnTo>
                    <a:pt x="67" y="100"/>
                  </a:lnTo>
                  <a:lnTo>
                    <a:pt x="83" y="100"/>
                  </a:lnTo>
                  <a:lnTo>
                    <a:pt x="98" y="99"/>
                  </a:lnTo>
                  <a:lnTo>
                    <a:pt x="110" y="95"/>
                  </a:lnTo>
                  <a:lnTo>
                    <a:pt x="122" y="91"/>
                  </a:lnTo>
                  <a:lnTo>
                    <a:pt x="131" y="85"/>
                  </a:lnTo>
                  <a:lnTo>
                    <a:pt x="140" y="79"/>
                  </a:lnTo>
                  <a:lnTo>
                    <a:pt x="148" y="70"/>
                  </a:lnTo>
                  <a:lnTo>
                    <a:pt x="162" y="53"/>
                  </a:lnTo>
                  <a:lnTo>
                    <a:pt x="175" y="34"/>
                  </a:lnTo>
                  <a:lnTo>
                    <a:pt x="181" y="25"/>
                  </a:lnTo>
                  <a:lnTo>
                    <a:pt x="188" y="15"/>
                  </a:lnTo>
                  <a:lnTo>
                    <a:pt x="196" y="7"/>
                  </a:lnTo>
                  <a:lnTo>
                    <a:pt x="203" y="0"/>
                  </a:lnTo>
                  <a:lnTo>
                    <a:pt x="217" y="1"/>
                  </a:lnTo>
                  <a:lnTo>
                    <a:pt x="229" y="3"/>
                  </a:lnTo>
                  <a:lnTo>
                    <a:pt x="241" y="5"/>
                  </a:lnTo>
                  <a:lnTo>
                    <a:pt x="253" y="9"/>
                  </a:lnTo>
                  <a:lnTo>
                    <a:pt x="262" y="13"/>
                  </a:lnTo>
                  <a:lnTo>
                    <a:pt x="271" y="20"/>
                  </a:lnTo>
                  <a:lnTo>
                    <a:pt x="281" y="25"/>
                  </a:lnTo>
                  <a:lnTo>
                    <a:pt x="289" y="31"/>
                  </a:lnTo>
                  <a:lnTo>
                    <a:pt x="319" y="60"/>
                  </a:lnTo>
                  <a:lnTo>
                    <a:pt x="349" y="89"/>
                  </a:lnTo>
                  <a:lnTo>
                    <a:pt x="355" y="89"/>
                  </a:lnTo>
                  <a:lnTo>
                    <a:pt x="359" y="89"/>
                  </a:lnTo>
                  <a:lnTo>
                    <a:pt x="363" y="91"/>
                  </a:lnTo>
                  <a:lnTo>
                    <a:pt x="366" y="92"/>
                  </a:lnTo>
                  <a:lnTo>
                    <a:pt x="369" y="94"/>
                  </a:lnTo>
                  <a:lnTo>
                    <a:pt x="373" y="95"/>
                  </a:lnTo>
                  <a:lnTo>
                    <a:pt x="377" y="97"/>
                  </a:lnTo>
                  <a:lnTo>
                    <a:pt x="382" y="97"/>
                  </a:lnTo>
                  <a:lnTo>
                    <a:pt x="382" y="105"/>
                  </a:lnTo>
                  <a:lnTo>
                    <a:pt x="382" y="113"/>
                  </a:lnTo>
                  <a:lnTo>
                    <a:pt x="391" y="122"/>
                  </a:lnTo>
                  <a:lnTo>
                    <a:pt x="401" y="129"/>
                  </a:lnTo>
                  <a:lnTo>
                    <a:pt x="412" y="137"/>
                  </a:lnTo>
                  <a:lnTo>
                    <a:pt x="423" y="144"/>
                  </a:lnTo>
                  <a:lnTo>
                    <a:pt x="436" y="149"/>
                  </a:lnTo>
                  <a:lnTo>
                    <a:pt x="447" y="154"/>
                  </a:lnTo>
                  <a:lnTo>
                    <a:pt x="461" y="160"/>
                  </a:lnTo>
                  <a:lnTo>
                    <a:pt x="474" y="164"/>
                  </a:lnTo>
                  <a:lnTo>
                    <a:pt x="500" y="171"/>
                  </a:lnTo>
                  <a:lnTo>
                    <a:pt x="525" y="176"/>
                  </a:lnTo>
                  <a:lnTo>
                    <a:pt x="548" y="178"/>
                  </a:lnTo>
                  <a:lnTo>
                    <a:pt x="569" y="179"/>
                  </a:lnTo>
                  <a:lnTo>
                    <a:pt x="571" y="188"/>
                  </a:lnTo>
                  <a:lnTo>
                    <a:pt x="569" y="197"/>
                  </a:lnTo>
                  <a:lnTo>
                    <a:pt x="568" y="204"/>
                  </a:lnTo>
                  <a:lnTo>
                    <a:pt x="567" y="210"/>
                  </a:lnTo>
                  <a:lnTo>
                    <a:pt x="562" y="221"/>
                  </a:lnTo>
                  <a:lnTo>
                    <a:pt x="556" y="229"/>
                  </a:lnTo>
                  <a:lnTo>
                    <a:pt x="553" y="233"/>
                  </a:lnTo>
                  <a:lnTo>
                    <a:pt x="551" y="238"/>
                  </a:lnTo>
                  <a:lnTo>
                    <a:pt x="548" y="243"/>
                  </a:lnTo>
                  <a:lnTo>
                    <a:pt x="546" y="248"/>
                  </a:lnTo>
                  <a:lnTo>
                    <a:pt x="546" y="253"/>
                  </a:lnTo>
                  <a:lnTo>
                    <a:pt x="547" y="260"/>
                  </a:lnTo>
                  <a:lnTo>
                    <a:pt x="549" y="267"/>
                  </a:lnTo>
                  <a:lnTo>
                    <a:pt x="553" y="276"/>
                  </a:lnTo>
                  <a:lnTo>
                    <a:pt x="565" y="275"/>
                  </a:lnTo>
                  <a:lnTo>
                    <a:pt x="576" y="275"/>
                  </a:lnTo>
                  <a:lnTo>
                    <a:pt x="586" y="276"/>
                  </a:lnTo>
                  <a:lnTo>
                    <a:pt x="596" y="277"/>
                  </a:lnTo>
                  <a:lnTo>
                    <a:pt x="615" y="281"/>
                  </a:lnTo>
                  <a:lnTo>
                    <a:pt x="634" y="284"/>
                  </a:lnTo>
                  <a:lnTo>
                    <a:pt x="643" y="317"/>
                  </a:lnTo>
                  <a:lnTo>
                    <a:pt x="653" y="348"/>
                  </a:lnTo>
                  <a:lnTo>
                    <a:pt x="659" y="364"/>
                  </a:lnTo>
                  <a:lnTo>
                    <a:pt x="665" y="378"/>
                  </a:lnTo>
                  <a:lnTo>
                    <a:pt x="669" y="384"/>
                  </a:lnTo>
                  <a:lnTo>
                    <a:pt x="674" y="390"/>
                  </a:lnTo>
                  <a:lnTo>
                    <a:pt x="679" y="396"/>
                  </a:lnTo>
                  <a:lnTo>
                    <a:pt x="684" y="401"/>
                  </a:lnTo>
                  <a:lnTo>
                    <a:pt x="688" y="416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30" name="Faxe kant"/>
            <p:cNvSpPr>
              <a:spLocks/>
            </p:cNvSpPr>
            <p:nvPr/>
          </p:nvSpPr>
          <p:spPr bwMode="auto">
            <a:xfrm>
              <a:off x="3471863" y="5360988"/>
              <a:ext cx="365125" cy="377825"/>
            </a:xfrm>
            <a:custGeom>
              <a:avLst/>
              <a:gdLst>
                <a:gd name="T0" fmla="*/ 226 w 688"/>
                <a:gd name="T1" fmla="*/ 139 h 715"/>
                <a:gd name="T2" fmla="*/ 214 w 688"/>
                <a:gd name="T3" fmla="*/ 146 h 715"/>
                <a:gd name="T4" fmla="*/ 188 w 688"/>
                <a:gd name="T5" fmla="*/ 162 h 715"/>
                <a:gd name="T6" fmla="*/ 169 w 688"/>
                <a:gd name="T7" fmla="*/ 177 h 715"/>
                <a:gd name="T8" fmla="*/ 153 w 688"/>
                <a:gd name="T9" fmla="*/ 195 h 715"/>
                <a:gd name="T10" fmla="*/ 149 w 688"/>
                <a:gd name="T11" fmla="*/ 209 h 715"/>
                <a:gd name="T12" fmla="*/ 151 w 688"/>
                <a:gd name="T13" fmla="*/ 226 h 715"/>
                <a:gd name="T14" fmla="*/ 147 w 688"/>
                <a:gd name="T15" fmla="*/ 235 h 715"/>
                <a:gd name="T16" fmla="*/ 141 w 688"/>
                <a:gd name="T17" fmla="*/ 238 h 715"/>
                <a:gd name="T18" fmla="*/ 135 w 688"/>
                <a:gd name="T19" fmla="*/ 237 h 715"/>
                <a:gd name="T20" fmla="*/ 133 w 688"/>
                <a:gd name="T21" fmla="*/ 226 h 715"/>
                <a:gd name="T22" fmla="*/ 132 w 688"/>
                <a:gd name="T23" fmla="*/ 220 h 715"/>
                <a:gd name="T24" fmla="*/ 131 w 688"/>
                <a:gd name="T25" fmla="*/ 211 h 715"/>
                <a:gd name="T26" fmla="*/ 133 w 688"/>
                <a:gd name="T27" fmla="*/ 207 h 715"/>
                <a:gd name="T28" fmla="*/ 122 w 688"/>
                <a:gd name="T29" fmla="*/ 206 h 715"/>
                <a:gd name="T30" fmla="*/ 114 w 688"/>
                <a:gd name="T31" fmla="*/ 207 h 715"/>
                <a:gd name="T32" fmla="*/ 106 w 688"/>
                <a:gd name="T33" fmla="*/ 198 h 715"/>
                <a:gd name="T34" fmla="*/ 99 w 688"/>
                <a:gd name="T35" fmla="*/ 181 h 715"/>
                <a:gd name="T36" fmla="*/ 92 w 688"/>
                <a:gd name="T37" fmla="*/ 163 h 715"/>
                <a:gd name="T38" fmla="*/ 84 w 688"/>
                <a:gd name="T39" fmla="*/ 155 h 715"/>
                <a:gd name="T40" fmla="*/ 74 w 688"/>
                <a:gd name="T41" fmla="*/ 152 h 715"/>
                <a:gd name="T42" fmla="*/ 73 w 688"/>
                <a:gd name="T43" fmla="*/ 148 h 715"/>
                <a:gd name="T44" fmla="*/ 72 w 688"/>
                <a:gd name="T45" fmla="*/ 137 h 715"/>
                <a:gd name="T46" fmla="*/ 68 w 688"/>
                <a:gd name="T47" fmla="*/ 130 h 715"/>
                <a:gd name="T48" fmla="*/ 60 w 688"/>
                <a:gd name="T49" fmla="*/ 133 h 715"/>
                <a:gd name="T50" fmla="*/ 51 w 688"/>
                <a:gd name="T51" fmla="*/ 133 h 715"/>
                <a:gd name="T52" fmla="*/ 47 w 688"/>
                <a:gd name="T53" fmla="*/ 124 h 715"/>
                <a:gd name="T54" fmla="*/ 35 w 688"/>
                <a:gd name="T55" fmla="*/ 112 h 715"/>
                <a:gd name="T56" fmla="*/ 10 w 688"/>
                <a:gd name="T57" fmla="*/ 95 h 715"/>
                <a:gd name="T58" fmla="*/ 2 w 688"/>
                <a:gd name="T59" fmla="*/ 83 h 715"/>
                <a:gd name="T60" fmla="*/ 6 w 688"/>
                <a:gd name="T61" fmla="*/ 73 h 715"/>
                <a:gd name="T62" fmla="*/ 8 w 688"/>
                <a:gd name="T63" fmla="*/ 62 h 715"/>
                <a:gd name="T64" fmla="*/ 17 w 688"/>
                <a:gd name="T65" fmla="*/ 62 h 715"/>
                <a:gd name="T66" fmla="*/ 19 w 688"/>
                <a:gd name="T67" fmla="*/ 59 h 715"/>
                <a:gd name="T68" fmla="*/ 22 w 688"/>
                <a:gd name="T69" fmla="*/ 53 h 715"/>
                <a:gd name="T70" fmla="*/ 19 w 688"/>
                <a:gd name="T71" fmla="*/ 50 h 715"/>
                <a:gd name="T72" fmla="*/ 12 w 688"/>
                <a:gd name="T73" fmla="*/ 44 h 715"/>
                <a:gd name="T74" fmla="*/ 12 w 688"/>
                <a:gd name="T75" fmla="*/ 40 h 715"/>
                <a:gd name="T76" fmla="*/ 14 w 688"/>
                <a:gd name="T77" fmla="*/ 38 h 715"/>
                <a:gd name="T78" fmla="*/ 15 w 688"/>
                <a:gd name="T79" fmla="*/ 33 h 715"/>
                <a:gd name="T80" fmla="*/ 33 w 688"/>
                <a:gd name="T81" fmla="*/ 33 h 715"/>
                <a:gd name="T82" fmla="*/ 47 w 688"/>
                <a:gd name="T83" fmla="*/ 26 h 715"/>
                <a:gd name="T84" fmla="*/ 61 w 688"/>
                <a:gd name="T85" fmla="*/ 8 h 715"/>
                <a:gd name="T86" fmla="*/ 73 w 688"/>
                <a:gd name="T87" fmla="*/ 0 h 715"/>
                <a:gd name="T88" fmla="*/ 88 w 688"/>
                <a:gd name="T89" fmla="*/ 4 h 715"/>
                <a:gd name="T90" fmla="*/ 107 w 688"/>
                <a:gd name="T91" fmla="*/ 20 h 715"/>
                <a:gd name="T92" fmla="*/ 121 w 688"/>
                <a:gd name="T93" fmla="*/ 30 h 715"/>
                <a:gd name="T94" fmla="*/ 126 w 688"/>
                <a:gd name="T95" fmla="*/ 32 h 715"/>
                <a:gd name="T96" fmla="*/ 131 w 688"/>
                <a:gd name="T97" fmla="*/ 41 h 715"/>
                <a:gd name="T98" fmla="*/ 146 w 688"/>
                <a:gd name="T99" fmla="*/ 50 h 715"/>
                <a:gd name="T100" fmla="*/ 167 w 688"/>
                <a:gd name="T101" fmla="*/ 57 h 715"/>
                <a:gd name="T102" fmla="*/ 191 w 688"/>
                <a:gd name="T103" fmla="*/ 63 h 715"/>
                <a:gd name="T104" fmla="*/ 188 w 688"/>
                <a:gd name="T105" fmla="*/ 74 h 715"/>
                <a:gd name="T106" fmla="*/ 183 w 688"/>
                <a:gd name="T107" fmla="*/ 81 h 715"/>
                <a:gd name="T108" fmla="*/ 184 w 688"/>
                <a:gd name="T109" fmla="*/ 89 h 715"/>
                <a:gd name="T110" fmla="*/ 196 w 688"/>
                <a:gd name="T111" fmla="*/ 92 h 715"/>
                <a:gd name="T112" fmla="*/ 215 w 688"/>
                <a:gd name="T113" fmla="*/ 106 h 715"/>
                <a:gd name="T114" fmla="*/ 224 w 688"/>
                <a:gd name="T115" fmla="*/ 128 h 715"/>
                <a:gd name="T116" fmla="*/ 230 w 688"/>
                <a:gd name="T117" fmla="*/ 138 h 715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688" h="715">
                  <a:moveTo>
                    <a:pt x="688" y="416"/>
                  </a:moveTo>
                  <a:lnTo>
                    <a:pt x="681" y="416"/>
                  </a:lnTo>
                  <a:lnTo>
                    <a:pt x="676" y="418"/>
                  </a:lnTo>
                  <a:lnTo>
                    <a:pt x="675" y="418"/>
                  </a:lnTo>
                  <a:lnTo>
                    <a:pt x="674" y="419"/>
                  </a:lnTo>
                  <a:lnTo>
                    <a:pt x="674" y="421"/>
                  </a:lnTo>
                  <a:lnTo>
                    <a:pt x="675" y="422"/>
                  </a:lnTo>
                  <a:lnTo>
                    <a:pt x="641" y="439"/>
                  </a:lnTo>
                  <a:lnTo>
                    <a:pt x="607" y="457"/>
                  </a:lnTo>
                  <a:lnTo>
                    <a:pt x="592" y="466"/>
                  </a:lnTo>
                  <a:lnTo>
                    <a:pt x="576" y="476"/>
                  </a:lnTo>
                  <a:lnTo>
                    <a:pt x="561" y="486"/>
                  </a:lnTo>
                  <a:lnTo>
                    <a:pt x="546" y="497"/>
                  </a:lnTo>
                  <a:lnTo>
                    <a:pt x="532" y="508"/>
                  </a:lnTo>
                  <a:lnTo>
                    <a:pt x="518" y="520"/>
                  </a:lnTo>
                  <a:lnTo>
                    <a:pt x="505" y="531"/>
                  </a:lnTo>
                  <a:lnTo>
                    <a:pt x="493" y="544"/>
                  </a:lnTo>
                  <a:lnTo>
                    <a:pt x="480" y="558"/>
                  </a:lnTo>
                  <a:lnTo>
                    <a:pt x="468" y="571"/>
                  </a:lnTo>
                  <a:lnTo>
                    <a:pt x="458" y="586"/>
                  </a:lnTo>
                  <a:lnTo>
                    <a:pt x="447" y="601"/>
                  </a:lnTo>
                  <a:lnTo>
                    <a:pt x="446" y="610"/>
                  </a:lnTo>
                  <a:lnTo>
                    <a:pt x="446" y="620"/>
                  </a:lnTo>
                  <a:lnTo>
                    <a:pt x="446" y="628"/>
                  </a:lnTo>
                  <a:lnTo>
                    <a:pt x="448" y="637"/>
                  </a:lnTo>
                  <a:lnTo>
                    <a:pt x="452" y="651"/>
                  </a:lnTo>
                  <a:lnTo>
                    <a:pt x="455" y="666"/>
                  </a:lnTo>
                  <a:lnTo>
                    <a:pt x="453" y="678"/>
                  </a:lnTo>
                  <a:lnTo>
                    <a:pt x="447" y="695"/>
                  </a:lnTo>
                  <a:lnTo>
                    <a:pt x="445" y="698"/>
                  </a:lnTo>
                  <a:lnTo>
                    <a:pt x="442" y="702"/>
                  </a:lnTo>
                  <a:lnTo>
                    <a:pt x="439" y="705"/>
                  </a:lnTo>
                  <a:lnTo>
                    <a:pt x="436" y="708"/>
                  </a:lnTo>
                  <a:lnTo>
                    <a:pt x="432" y="711"/>
                  </a:lnTo>
                  <a:lnTo>
                    <a:pt x="426" y="713"/>
                  </a:lnTo>
                  <a:lnTo>
                    <a:pt x="421" y="715"/>
                  </a:lnTo>
                  <a:lnTo>
                    <a:pt x="415" y="715"/>
                  </a:lnTo>
                  <a:lnTo>
                    <a:pt x="409" y="715"/>
                  </a:lnTo>
                  <a:lnTo>
                    <a:pt x="405" y="714"/>
                  </a:lnTo>
                  <a:lnTo>
                    <a:pt x="403" y="711"/>
                  </a:lnTo>
                  <a:lnTo>
                    <a:pt x="401" y="708"/>
                  </a:lnTo>
                  <a:lnTo>
                    <a:pt x="399" y="700"/>
                  </a:lnTo>
                  <a:lnTo>
                    <a:pt x="399" y="689"/>
                  </a:lnTo>
                  <a:lnTo>
                    <a:pt x="399" y="679"/>
                  </a:lnTo>
                  <a:lnTo>
                    <a:pt x="399" y="669"/>
                  </a:lnTo>
                  <a:lnTo>
                    <a:pt x="398" y="665"/>
                  </a:lnTo>
                  <a:lnTo>
                    <a:pt x="396" y="662"/>
                  </a:lnTo>
                  <a:lnTo>
                    <a:pt x="394" y="660"/>
                  </a:lnTo>
                  <a:lnTo>
                    <a:pt x="390" y="658"/>
                  </a:lnTo>
                  <a:lnTo>
                    <a:pt x="390" y="649"/>
                  </a:lnTo>
                  <a:lnTo>
                    <a:pt x="390" y="642"/>
                  </a:lnTo>
                  <a:lnTo>
                    <a:pt x="391" y="635"/>
                  </a:lnTo>
                  <a:lnTo>
                    <a:pt x="396" y="630"/>
                  </a:lnTo>
                  <a:lnTo>
                    <a:pt x="397" y="628"/>
                  </a:lnTo>
                  <a:lnTo>
                    <a:pt x="398" y="625"/>
                  </a:lnTo>
                  <a:lnTo>
                    <a:pt x="399" y="622"/>
                  </a:lnTo>
                  <a:lnTo>
                    <a:pt x="398" y="617"/>
                  </a:lnTo>
                  <a:lnTo>
                    <a:pt x="383" y="617"/>
                  </a:lnTo>
                  <a:lnTo>
                    <a:pt x="370" y="617"/>
                  </a:lnTo>
                  <a:lnTo>
                    <a:pt x="364" y="618"/>
                  </a:lnTo>
                  <a:lnTo>
                    <a:pt x="359" y="620"/>
                  </a:lnTo>
                  <a:lnTo>
                    <a:pt x="354" y="622"/>
                  </a:lnTo>
                  <a:lnTo>
                    <a:pt x="349" y="625"/>
                  </a:lnTo>
                  <a:lnTo>
                    <a:pt x="342" y="621"/>
                  </a:lnTo>
                  <a:lnTo>
                    <a:pt x="336" y="617"/>
                  </a:lnTo>
                  <a:lnTo>
                    <a:pt x="330" y="611"/>
                  </a:lnTo>
                  <a:lnTo>
                    <a:pt x="325" y="606"/>
                  </a:lnTo>
                  <a:lnTo>
                    <a:pt x="317" y="596"/>
                  </a:lnTo>
                  <a:lnTo>
                    <a:pt x="309" y="583"/>
                  </a:lnTo>
                  <a:lnTo>
                    <a:pt x="304" y="570"/>
                  </a:lnTo>
                  <a:lnTo>
                    <a:pt x="299" y="557"/>
                  </a:lnTo>
                  <a:lnTo>
                    <a:pt x="295" y="543"/>
                  </a:lnTo>
                  <a:lnTo>
                    <a:pt x="290" y="529"/>
                  </a:lnTo>
                  <a:lnTo>
                    <a:pt x="286" y="517"/>
                  </a:lnTo>
                  <a:lnTo>
                    <a:pt x="281" y="504"/>
                  </a:lnTo>
                  <a:lnTo>
                    <a:pt x="275" y="491"/>
                  </a:lnTo>
                  <a:lnTo>
                    <a:pt x="266" y="481"/>
                  </a:lnTo>
                  <a:lnTo>
                    <a:pt x="262" y="477"/>
                  </a:lnTo>
                  <a:lnTo>
                    <a:pt x="257" y="471"/>
                  </a:lnTo>
                  <a:lnTo>
                    <a:pt x="250" y="467"/>
                  </a:lnTo>
                  <a:lnTo>
                    <a:pt x="244" y="464"/>
                  </a:lnTo>
                  <a:lnTo>
                    <a:pt x="238" y="461"/>
                  </a:lnTo>
                  <a:lnTo>
                    <a:pt x="229" y="458"/>
                  </a:lnTo>
                  <a:lnTo>
                    <a:pt x="221" y="456"/>
                  </a:lnTo>
                  <a:lnTo>
                    <a:pt x="211" y="455"/>
                  </a:lnTo>
                  <a:lnTo>
                    <a:pt x="214" y="451"/>
                  </a:lnTo>
                  <a:lnTo>
                    <a:pt x="216" y="448"/>
                  </a:lnTo>
                  <a:lnTo>
                    <a:pt x="218" y="445"/>
                  </a:lnTo>
                  <a:lnTo>
                    <a:pt x="219" y="442"/>
                  </a:lnTo>
                  <a:lnTo>
                    <a:pt x="220" y="435"/>
                  </a:lnTo>
                  <a:lnTo>
                    <a:pt x="219" y="427"/>
                  </a:lnTo>
                  <a:lnTo>
                    <a:pt x="216" y="412"/>
                  </a:lnTo>
                  <a:lnTo>
                    <a:pt x="211" y="398"/>
                  </a:lnTo>
                  <a:lnTo>
                    <a:pt x="208" y="396"/>
                  </a:lnTo>
                  <a:lnTo>
                    <a:pt x="205" y="393"/>
                  </a:lnTo>
                  <a:lnTo>
                    <a:pt x="202" y="392"/>
                  </a:lnTo>
                  <a:lnTo>
                    <a:pt x="199" y="392"/>
                  </a:lnTo>
                  <a:lnTo>
                    <a:pt x="192" y="393"/>
                  </a:lnTo>
                  <a:lnTo>
                    <a:pt x="186" y="396"/>
                  </a:lnTo>
                  <a:lnTo>
                    <a:pt x="179" y="399"/>
                  </a:lnTo>
                  <a:lnTo>
                    <a:pt x="171" y="403"/>
                  </a:lnTo>
                  <a:lnTo>
                    <a:pt x="163" y="405"/>
                  </a:lnTo>
                  <a:lnTo>
                    <a:pt x="155" y="406"/>
                  </a:lnTo>
                  <a:lnTo>
                    <a:pt x="154" y="400"/>
                  </a:lnTo>
                  <a:lnTo>
                    <a:pt x="152" y="393"/>
                  </a:lnTo>
                  <a:lnTo>
                    <a:pt x="150" y="388"/>
                  </a:lnTo>
                  <a:lnTo>
                    <a:pt x="148" y="383"/>
                  </a:lnTo>
                  <a:lnTo>
                    <a:pt x="142" y="372"/>
                  </a:lnTo>
                  <a:lnTo>
                    <a:pt x="135" y="363"/>
                  </a:lnTo>
                  <a:lnTo>
                    <a:pt x="126" y="353"/>
                  </a:lnTo>
                  <a:lnTo>
                    <a:pt x="116" y="344"/>
                  </a:lnTo>
                  <a:lnTo>
                    <a:pt x="104" y="336"/>
                  </a:lnTo>
                  <a:lnTo>
                    <a:pt x="92" y="327"/>
                  </a:lnTo>
                  <a:lnTo>
                    <a:pt x="67" y="311"/>
                  </a:lnTo>
                  <a:lnTo>
                    <a:pt x="43" y="295"/>
                  </a:lnTo>
                  <a:lnTo>
                    <a:pt x="30" y="286"/>
                  </a:lnTo>
                  <a:lnTo>
                    <a:pt x="20" y="278"/>
                  </a:lnTo>
                  <a:lnTo>
                    <a:pt x="9" y="269"/>
                  </a:lnTo>
                  <a:lnTo>
                    <a:pt x="0" y="260"/>
                  </a:lnTo>
                  <a:lnTo>
                    <a:pt x="7" y="248"/>
                  </a:lnTo>
                  <a:lnTo>
                    <a:pt x="12" y="240"/>
                  </a:lnTo>
                  <a:lnTo>
                    <a:pt x="16" y="232"/>
                  </a:lnTo>
                  <a:lnTo>
                    <a:pt x="18" y="226"/>
                  </a:lnTo>
                  <a:lnTo>
                    <a:pt x="18" y="220"/>
                  </a:lnTo>
                  <a:lnTo>
                    <a:pt x="17" y="211"/>
                  </a:lnTo>
                  <a:lnTo>
                    <a:pt x="13" y="201"/>
                  </a:lnTo>
                  <a:lnTo>
                    <a:pt x="8" y="186"/>
                  </a:lnTo>
                  <a:lnTo>
                    <a:pt x="24" y="186"/>
                  </a:lnTo>
                  <a:lnTo>
                    <a:pt x="42" y="187"/>
                  </a:lnTo>
                  <a:lnTo>
                    <a:pt x="46" y="187"/>
                  </a:lnTo>
                  <a:lnTo>
                    <a:pt x="49" y="187"/>
                  </a:lnTo>
                  <a:lnTo>
                    <a:pt x="52" y="186"/>
                  </a:lnTo>
                  <a:lnTo>
                    <a:pt x="55" y="184"/>
                  </a:lnTo>
                  <a:lnTo>
                    <a:pt x="57" y="182"/>
                  </a:lnTo>
                  <a:lnTo>
                    <a:pt x="58" y="179"/>
                  </a:lnTo>
                  <a:lnTo>
                    <a:pt x="58" y="176"/>
                  </a:lnTo>
                  <a:lnTo>
                    <a:pt x="57" y="170"/>
                  </a:lnTo>
                  <a:lnTo>
                    <a:pt x="61" y="166"/>
                  </a:lnTo>
                  <a:lnTo>
                    <a:pt x="64" y="163"/>
                  </a:lnTo>
                  <a:lnTo>
                    <a:pt x="65" y="160"/>
                  </a:lnTo>
                  <a:lnTo>
                    <a:pt x="64" y="157"/>
                  </a:lnTo>
                  <a:lnTo>
                    <a:pt x="63" y="154"/>
                  </a:lnTo>
                  <a:lnTo>
                    <a:pt x="61" y="152"/>
                  </a:lnTo>
                  <a:lnTo>
                    <a:pt x="58" y="149"/>
                  </a:lnTo>
                  <a:lnTo>
                    <a:pt x="53" y="147"/>
                  </a:lnTo>
                  <a:lnTo>
                    <a:pt x="45" y="142"/>
                  </a:lnTo>
                  <a:lnTo>
                    <a:pt x="39" y="137"/>
                  </a:lnTo>
                  <a:lnTo>
                    <a:pt x="36" y="133"/>
                  </a:lnTo>
                  <a:lnTo>
                    <a:pt x="33" y="129"/>
                  </a:lnTo>
                  <a:lnTo>
                    <a:pt x="32" y="126"/>
                  </a:lnTo>
                  <a:lnTo>
                    <a:pt x="32" y="122"/>
                  </a:lnTo>
                  <a:lnTo>
                    <a:pt x="35" y="121"/>
                  </a:lnTo>
                  <a:lnTo>
                    <a:pt x="37" y="121"/>
                  </a:lnTo>
                  <a:lnTo>
                    <a:pt x="38" y="119"/>
                  </a:lnTo>
                  <a:lnTo>
                    <a:pt x="39" y="118"/>
                  </a:lnTo>
                  <a:lnTo>
                    <a:pt x="41" y="114"/>
                  </a:lnTo>
                  <a:lnTo>
                    <a:pt x="41" y="110"/>
                  </a:lnTo>
                  <a:lnTo>
                    <a:pt x="42" y="105"/>
                  </a:lnTo>
                  <a:lnTo>
                    <a:pt x="43" y="102"/>
                  </a:lnTo>
                  <a:lnTo>
                    <a:pt x="45" y="99"/>
                  </a:lnTo>
                  <a:lnTo>
                    <a:pt x="49" y="97"/>
                  </a:lnTo>
                  <a:lnTo>
                    <a:pt x="67" y="100"/>
                  </a:lnTo>
                  <a:lnTo>
                    <a:pt x="83" y="100"/>
                  </a:lnTo>
                  <a:lnTo>
                    <a:pt x="98" y="99"/>
                  </a:lnTo>
                  <a:lnTo>
                    <a:pt x="110" y="95"/>
                  </a:lnTo>
                  <a:lnTo>
                    <a:pt x="122" y="91"/>
                  </a:lnTo>
                  <a:lnTo>
                    <a:pt x="131" y="85"/>
                  </a:lnTo>
                  <a:lnTo>
                    <a:pt x="140" y="79"/>
                  </a:lnTo>
                  <a:lnTo>
                    <a:pt x="148" y="70"/>
                  </a:lnTo>
                  <a:lnTo>
                    <a:pt x="162" y="53"/>
                  </a:lnTo>
                  <a:lnTo>
                    <a:pt x="175" y="34"/>
                  </a:lnTo>
                  <a:lnTo>
                    <a:pt x="181" y="25"/>
                  </a:lnTo>
                  <a:lnTo>
                    <a:pt x="188" y="15"/>
                  </a:lnTo>
                  <a:lnTo>
                    <a:pt x="196" y="7"/>
                  </a:lnTo>
                  <a:lnTo>
                    <a:pt x="203" y="0"/>
                  </a:lnTo>
                  <a:lnTo>
                    <a:pt x="217" y="1"/>
                  </a:lnTo>
                  <a:lnTo>
                    <a:pt x="229" y="3"/>
                  </a:lnTo>
                  <a:lnTo>
                    <a:pt x="241" y="5"/>
                  </a:lnTo>
                  <a:lnTo>
                    <a:pt x="253" y="9"/>
                  </a:lnTo>
                  <a:lnTo>
                    <a:pt x="262" y="13"/>
                  </a:lnTo>
                  <a:lnTo>
                    <a:pt x="271" y="20"/>
                  </a:lnTo>
                  <a:lnTo>
                    <a:pt x="281" y="25"/>
                  </a:lnTo>
                  <a:lnTo>
                    <a:pt x="289" y="31"/>
                  </a:lnTo>
                  <a:lnTo>
                    <a:pt x="319" y="60"/>
                  </a:lnTo>
                  <a:lnTo>
                    <a:pt x="349" y="89"/>
                  </a:lnTo>
                  <a:lnTo>
                    <a:pt x="355" y="89"/>
                  </a:lnTo>
                  <a:lnTo>
                    <a:pt x="359" y="89"/>
                  </a:lnTo>
                  <a:lnTo>
                    <a:pt x="363" y="91"/>
                  </a:lnTo>
                  <a:lnTo>
                    <a:pt x="366" y="92"/>
                  </a:lnTo>
                  <a:lnTo>
                    <a:pt x="369" y="94"/>
                  </a:lnTo>
                  <a:lnTo>
                    <a:pt x="373" y="95"/>
                  </a:lnTo>
                  <a:lnTo>
                    <a:pt x="377" y="97"/>
                  </a:lnTo>
                  <a:lnTo>
                    <a:pt x="382" y="97"/>
                  </a:lnTo>
                  <a:lnTo>
                    <a:pt x="382" y="105"/>
                  </a:lnTo>
                  <a:lnTo>
                    <a:pt x="382" y="113"/>
                  </a:lnTo>
                  <a:lnTo>
                    <a:pt x="391" y="122"/>
                  </a:lnTo>
                  <a:lnTo>
                    <a:pt x="401" y="129"/>
                  </a:lnTo>
                  <a:lnTo>
                    <a:pt x="412" y="137"/>
                  </a:lnTo>
                  <a:lnTo>
                    <a:pt x="423" y="144"/>
                  </a:lnTo>
                  <a:lnTo>
                    <a:pt x="436" y="149"/>
                  </a:lnTo>
                  <a:lnTo>
                    <a:pt x="447" y="154"/>
                  </a:lnTo>
                  <a:lnTo>
                    <a:pt x="461" y="160"/>
                  </a:lnTo>
                  <a:lnTo>
                    <a:pt x="474" y="164"/>
                  </a:lnTo>
                  <a:lnTo>
                    <a:pt x="500" y="171"/>
                  </a:lnTo>
                  <a:lnTo>
                    <a:pt x="525" y="176"/>
                  </a:lnTo>
                  <a:lnTo>
                    <a:pt x="548" y="178"/>
                  </a:lnTo>
                  <a:lnTo>
                    <a:pt x="569" y="179"/>
                  </a:lnTo>
                  <a:lnTo>
                    <a:pt x="571" y="188"/>
                  </a:lnTo>
                  <a:lnTo>
                    <a:pt x="569" y="197"/>
                  </a:lnTo>
                  <a:lnTo>
                    <a:pt x="568" y="204"/>
                  </a:lnTo>
                  <a:lnTo>
                    <a:pt x="567" y="210"/>
                  </a:lnTo>
                  <a:lnTo>
                    <a:pt x="562" y="221"/>
                  </a:lnTo>
                  <a:lnTo>
                    <a:pt x="556" y="229"/>
                  </a:lnTo>
                  <a:lnTo>
                    <a:pt x="553" y="233"/>
                  </a:lnTo>
                  <a:lnTo>
                    <a:pt x="551" y="238"/>
                  </a:lnTo>
                  <a:lnTo>
                    <a:pt x="548" y="243"/>
                  </a:lnTo>
                  <a:lnTo>
                    <a:pt x="546" y="248"/>
                  </a:lnTo>
                  <a:lnTo>
                    <a:pt x="546" y="253"/>
                  </a:lnTo>
                  <a:lnTo>
                    <a:pt x="547" y="260"/>
                  </a:lnTo>
                  <a:lnTo>
                    <a:pt x="549" y="267"/>
                  </a:lnTo>
                  <a:lnTo>
                    <a:pt x="553" y="276"/>
                  </a:lnTo>
                  <a:lnTo>
                    <a:pt x="565" y="275"/>
                  </a:lnTo>
                  <a:lnTo>
                    <a:pt x="576" y="275"/>
                  </a:lnTo>
                  <a:lnTo>
                    <a:pt x="586" y="276"/>
                  </a:lnTo>
                  <a:lnTo>
                    <a:pt x="596" y="277"/>
                  </a:lnTo>
                  <a:lnTo>
                    <a:pt x="615" y="281"/>
                  </a:lnTo>
                  <a:lnTo>
                    <a:pt x="634" y="284"/>
                  </a:lnTo>
                  <a:lnTo>
                    <a:pt x="643" y="317"/>
                  </a:lnTo>
                  <a:lnTo>
                    <a:pt x="653" y="348"/>
                  </a:lnTo>
                  <a:lnTo>
                    <a:pt x="659" y="364"/>
                  </a:lnTo>
                  <a:lnTo>
                    <a:pt x="665" y="378"/>
                  </a:lnTo>
                  <a:lnTo>
                    <a:pt x="669" y="384"/>
                  </a:lnTo>
                  <a:lnTo>
                    <a:pt x="674" y="390"/>
                  </a:lnTo>
                  <a:lnTo>
                    <a:pt x="679" y="396"/>
                  </a:lnTo>
                  <a:lnTo>
                    <a:pt x="684" y="401"/>
                  </a:lnTo>
                  <a:lnTo>
                    <a:pt x="688" y="416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31" name="Stevns"/>
            <p:cNvSpPr>
              <a:spLocks/>
            </p:cNvSpPr>
            <p:nvPr/>
          </p:nvSpPr>
          <p:spPr bwMode="auto">
            <a:xfrm>
              <a:off x="3514725" y="5184775"/>
              <a:ext cx="460375" cy="407988"/>
            </a:xfrm>
            <a:custGeom>
              <a:avLst/>
              <a:gdLst>
                <a:gd name="T0" fmla="*/ 107 w 868"/>
                <a:gd name="T1" fmla="*/ 147 h 770"/>
                <a:gd name="T2" fmla="*/ 106 w 868"/>
                <a:gd name="T3" fmla="*/ 141 h 770"/>
                <a:gd name="T4" fmla="*/ 106 w 868"/>
                <a:gd name="T5" fmla="*/ 130 h 770"/>
                <a:gd name="T6" fmla="*/ 100 w 868"/>
                <a:gd name="T7" fmla="*/ 126 h 770"/>
                <a:gd name="T8" fmla="*/ 92 w 868"/>
                <a:gd name="T9" fmla="*/ 130 h 770"/>
                <a:gd name="T10" fmla="*/ 84 w 868"/>
                <a:gd name="T11" fmla="*/ 130 h 770"/>
                <a:gd name="T12" fmla="*/ 81 w 868"/>
                <a:gd name="T13" fmla="*/ 122 h 770"/>
                <a:gd name="T14" fmla="*/ 73 w 868"/>
                <a:gd name="T15" fmla="*/ 115 h 770"/>
                <a:gd name="T16" fmla="*/ 56 w 868"/>
                <a:gd name="T17" fmla="*/ 108 h 770"/>
                <a:gd name="T18" fmla="*/ 34 w 868"/>
                <a:gd name="T19" fmla="*/ 105 h 770"/>
                <a:gd name="T20" fmla="*/ 26 w 868"/>
                <a:gd name="T21" fmla="*/ 94 h 770"/>
                <a:gd name="T22" fmla="*/ 16 w 868"/>
                <a:gd name="T23" fmla="*/ 78 h 770"/>
                <a:gd name="T24" fmla="*/ 14 w 868"/>
                <a:gd name="T25" fmla="*/ 67 h 770"/>
                <a:gd name="T26" fmla="*/ 16 w 868"/>
                <a:gd name="T27" fmla="*/ 53 h 770"/>
                <a:gd name="T28" fmla="*/ 9 w 868"/>
                <a:gd name="T29" fmla="*/ 41 h 770"/>
                <a:gd name="T30" fmla="*/ 5 w 868"/>
                <a:gd name="T31" fmla="*/ 24 h 770"/>
                <a:gd name="T32" fmla="*/ 1 w 868"/>
                <a:gd name="T33" fmla="*/ 5 h 770"/>
                <a:gd name="T34" fmla="*/ 42 w 868"/>
                <a:gd name="T35" fmla="*/ 0 h 770"/>
                <a:gd name="T36" fmla="*/ 78 w 868"/>
                <a:gd name="T37" fmla="*/ 2 h 770"/>
                <a:gd name="T38" fmla="*/ 116 w 868"/>
                <a:gd name="T39" fmla="*/ 7 h 770"/>
                <a:gd name="T40" fmla="*/ 147 w 868"/>
                <a:gd name="T41" fmla="*/ 14 h 770"/>
                <a:gd name="T42" fmla="*/ 151 w 868"/>
                <a:gd name="T43" fmla="*/ 17 h 770"/>
                <a:gd name="T44" fmla="*/ 150 w 868"/>
                <a:gd name="T45" fmla="*/ 33 h 770"/>
                <a:gd name="T46" fmla="*/ 151 w 868"/>
                <a:gd name="T47" fmla="*/ 39 h 770"/>
                <a:gd name="T48" fmla="*/ 154 w 868"/>
                <a:gd name="T49" fmla="*/ 46 h 770"/>
                <a:gd name="T50" fmla="*/ 156 w 868"/>
                <a:gd name="T51" fmla="*/ 64 h 770"/>
                <a:gd name="T52" fmla="*/ 162 w 868"/>
                <a:gd name="T53" fmla="*/ 73 h 770"/>
                <a:gd name="T54" fmla="*/ 173 w 868"/>
                <a:gd name="T55" fmla="*/ 85 h 770"/>
                <a:gd name="T56" fmla="*/ 191 w 868"/>
                <a:gd name="T57" fmla="*/ 94 h 770"/>
                <a:gd name="T58" fmla="*/ 212 w 868"/>
                <a:gd name="T59" fmla="*/ 100 h 770"/>
                <a:gd name="T60" fmla="*/ 247 w 868"/>
                <a:gd name="T61" fmla="*/ 111 h 770"/>
                <a:gd name="T62" fmla="*/ 275 w 868"/>
                <a:gd name="T63" fmla="*/ 145 h 770"/>
                <a:gd name="T64" fmla="*/ 287 w 868"/>
                <a:gd name="T65" fmla="*/ 153 h 770"/>
                <a:gd name="T66" fmla="*/ 290 w 868"/>
                <a:gd name="T67" fmla="*/ 161 h 770"/>
                <a:gd name="T68" fmla="*/ 288 w 868"/>
                <a:gd name="T69" fmla="*/ 178 h 770"/>
                <a:gd name="T70" fmla="*/ 285 w 868"/>
                <a:gd name="T71" fmla="*/ 187 h 770"/>
                <a:gd name="T72" fmla="*/ 288 w 868"/>
                <a:gd name="T73" fmla="*/ 199 h 770"/>
                <a:gd name="T74" fmla="*/ 288 w 868"/>
                <a:gd name="T75" fmla="*/ 208 h 770"/>
                <a:gd name="T76" fmla="*/ 285 w 868"/>
                <a:gd name="T77" fmla="*/ 212 h 770"/>
                <a:gd name="T78" fmla="*/ 284 w 868"/>
                <a:gd name="T79" fmla="*/ 216 h 770"/>
                <a:gd name="T80" fmla="*/ 274 w 868"/>
                <a:gd name="T81" fmla="*/ 230 h 770"/>
                <a:gd name="T82" fmla="*/ 262 w 868"/>
                <a:gd name="T83" fmla="*/ 238 h 770"/>
                <a:gd name="T84" fmla="*/ 251 w 868"/>
                <a:gd name="T85" fmla="*/ 241 h 770"/>
                <a:gd name="T86" fmla="*/ 247 w 868"/>
                <a:gd name="T87" fmla="*/ 249 h 770"/>
                <a:gd name="T88" fmla="*/ 241 w 868"/>
                <a:gd name="T89" fmla="*/ 256 h 770"/>
                <a:gd name="T90" fmla="*/ 235 w 868"/>
                <a:gd name="T91" fmla="*/ 256 h 770"/>
                <a:gd name="T92" fmla="*/ 234 w 868"/>
                <a:gd name="T93" fmla="*/ 254 h 770"/>
                <a:gd name="T94" fmla="*/ 229 w 868"/>
                <a:gd name="T95" fmla="*/ 252 h 770"/>
                <a:gd name="T96" fmla="*/ 204 w 868"/>
                <a:gd name="T97" fmla="*/ 246 h 770"/>
                <a:gd name="T98" fmla="*/ 198 w 868"/>
                <a:gd name="T99" fmla="*/ 227 h 770"/>
                <a:gd name="T100" fmla="*/ 190 w 868"/>
                <a:gd name="T101" fmla="*/ 211 h 770"/>
                <a:gd name="T102" fmla="*/ 178 w 868"/>
                <a:gd name="T103" fmla="*/ 199 h 770"/>
                <a:gd name="T104" fmla="*/ 160 w 868"/>
                <a:gd name="T105" fmla="*/ 192 h 770"/>
                <a:gd name="T106" fmla="*/ 166 w 868"/>
                <a:gd name="T107" fmla="*/ 185 h 770"/>
                <a:gd name="T108" fmla="*/ 174 w 868"/>
                <a:gd name="T109" fmla="*/ 157 h 770"/>
                <a:gd name="T110" fmla="*/ 159 w 868"/>
                <a:gd name="T111" fmla="*/ 162 h 770"/>
                <a:gd name="T112" fmla="*/ 144 w 868"/>
                <a:gd name="T113" fmla="*/ 163 h 770"/>
                <a:gd name="T114" fmla="*/ 128 w 868"/>
                <a:gd name="T115" fmla="*/ 160 h 770"/>
                <a:gd name="T116" fmla="*/ 114 w 868"/>
                <a:gd name="T117" fmla="*/ 151 h 770"/>
                <a:gd name="T118" fmla="*/ 112 w 868"/>
                <a:gd name="T119" fmla="*/ 150 h 770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868" h="770">
                  <a:moveTo>
                    <a:pt x="334" y="444"/>
                  </a:moveTo>
                  <a:lnTo>
                    <a:pt x="327" y="444"/>
                  </a:lnTo>
                  <a:lnTo>
                    <a:pt x="323" y="443"/>
                  </a:lnTo>
                  <a:lnTo>
                    <a:pt x="320" y="441"/>
                  </a:lnTo>
                  <a:lnTo>
                    <a:pt x="318" y="437"/>
                  </a:lnTo>
                  <a:lnTo>
                    <a:pt x="317" y="433"/>
                  </a:lnTo>
                  <a:lnTo>
                    <a:pt x="316" y="429"/>
                  </a:lnTo>
                  <a:lnTo>
                    <a:pt x="316" y="422"/>
                  </a:lnTo>
                  <a:lnTo>
                    <a:pt x="317" y="417"/>
                  </a:lnTo>
                  <a:lnTo>
                    <a:pt x="317" y="404"/>
                  </a:lnTo>
                  <a:lnTo>
                    <a:pt x="317" y="394"/>
                  </a:lnTo>
                  <a:lnTo>
                    <a:pt x="317" y="389"/>
                  </a:lnTo>
                  <a:lnTo>
                    <a:pt x="315" y="384"/>
                  </a:lnTo>
                  <a:lnTo>
                    <a:pt x="313" y="381"/>
                  </a:lnTo>
                  <a:lnTo>
                    <a:pt x="309" y="379"/>
                  </a:lnTo>
                  <a:lnTo>
                    <a:pt x="299" y="378"/>
                  </a:lnTo>
                  <a:lnTo>
                    <a:pt x="292" y="379"/>
                  </a:lnTo>
                  <a:lnTo>
                    <a:pt x="285" y="382"/>
                  </a:lnTo>
                  <a:lnTo>
                    <a:pt x="279" y="385"/>
                  </a:lnTo>
                  <a:lnTo>
                    <a:pt x="274" y="390"/>
                  </a:lnTo>
                  <a:lnTo>
                    <a:pt x="267" y="393"/>
                  </a:lnTo>
                  <a:lnTo>
                    <a:pt x="261" y="395"/>
                  </a:lnTo>
                  <a:lnTo>
                    <a:pt x="253" y="395"/>
                  </a:lnTo>
                  <a:lnTo>
                    <a:pt x="252" y="389"/>
                  </a:lnTo>
                  <a:lnTo>
                    <a:pt x="249" y="382"/>
                  </a:lnTo>
                  <a:lnTo>
                    <a:pt x="247" y="377"/>
                  </a:lnTo>
                  <a:lnTo>
                    <a:pt x="245" y="371"/>
                  </a:lnTo>
                  <a:lnTo>
                    <a:pt x="242" y="365"/>
                  </a:lnTo>
                  <a:lnTo>
                    <a:pt x="238" y="361"/>
                  </a:lnTo>
                  <a:lnTo>
                    <a:pt x="234" y="357"/>
                  </a:lnTo>
                  <a:lnTo>
                    <a:pt x="229" y="353"/>
                  </a:lnTo>
                  <a:lnTo>
                    <a:pt x="219" y="345"/>
                  </a:lnTo>
                  <a:lnTo>
                    <a:pt x="208" y="339"/>
                  </a:lnTo>
                  <a:lnTo>
                    <a:pt x="196" y="334"/>
                  </a:lnTo>
                  <a:lnTo>
                    <a:pt x="183" y="329"/>
                  </a:lnTo>
                  <a:lnTo>
                    <a:pt x="169" y="325"/>
                  </a:lnTo>
                  <a:lnTo>
                    <a:pt x="156" y="322"/>
                  </a:lnTo>
                  <a:lnTo>
                    <a:pt x="142" y="320"/>
                  </a:lnTo>
                  <a:lnTo>
                    <a:pt x="128" y="318"/>
                  </a:lnTo>
                  <a:lnTo>
                    <a:pt x="103" y="316"/>
                  </a:lnTo>
                  <a:lnTo>
                    <a:pt x="82" y="314"/>
                  </a:lnTo>
                  <a:lnTo>
                    <a:pt x="82" y="302"/>
                  </a:lnTo>
                  <a:lnTo>
                    <a:pt x="80" y="291"/>
                  </a:lnTo>
                  <a:lnTo>
                    <a:pt x="77" y="281"/>
                  </a:lnTo>
                  <a:lnTo>
                    <a:pt x="73" y="272"/>
                  </a:lnTo>
                  <a:lnTo>
                    <a:pt x="63" y="256"/>
                  </a:lnTo>
                  <a:lnTo>
                    <a:pt x="53" y="240"/>
                  </a:lnTo>
                  <a:lnTo>
                    <a:pt x="48" y="233"/>
                  </a:lnTo>
                  <a:lnTo>
                    <a:pt x="44" y="225"/>
                  </a:lnTo>
                  <a:lnTo>
                    <a:pt x="42" y="218"/>
                  </a:lnTo>
                  <a:lnTo>
                    <a:pt x="41" y="210"/>
                  </a:lnTo>
                  <a:lnTo>
                    <a:pt x="42" y="200"/>
                  </a:lnTo>
                  <a:lnTo>
                    <a:pt x="44" y="191"/>
                  </a:lnTo>
                  <a:lnTo>
                    <a:pt x="49" y="180"/>
                  </a:lnTo>
                  <a:lnTo>
                    <a:pt x="57" y="167"/>
                  </a:lnTo>
                  <a:lnTo>
                    <a:pt x="48" y="160"/>
                  </a:lnTo>
                  <a:lnTo>
                    <a:pt x="41" y="152"/>
                  </a:lnTo>
                  <a:lnTo>
                    <a:pt x="36" y="143"/>
                  </a:lnTo>
                  <a:lnTo>
                    <a:pt x="30" y="134"/>
                  </a:lnTo>
                  <a:lnTo>
                    <a:pt x="26" y="124"/>
                  </a:lnTo>
                  <a:lnTo>
                    <a:pt x="23" y="114"/>
                  </a:lnTo>
                  <a:lnTo>
                    <a:pt x="20" y="103"/>
                  </a:lnTo>
                  <a:lnTo>
                    <a:pt x="18" y="93"/>
                  </a:lnTo>
                  <a:lnTo>
                    <a:pt x="15" y="71"/>
                  </a:lnTo>
                  <a:lnTo>
                    <a:pt x="11" y="48"/>
                  </a:lnTo>
                  <a:lnTo>
                    <a:pt x="9" y="37"/>
                  </a:lnTo>
                  <a:lnTo>
                    <a:pt x="7" y="26"/>
                  </a:lnTo>
                  <a:lnTo>
                    <a:pt x="4" y="16"/>
                  </a:lnTo>
                  <a:lnTo>
                    <a:pt x="0" y="5"/>
                  </a:lnTo>
                  <a:lnTo>
                    <a:pt x="49" y="2"/>
                  </a:lnTo>
                  <a:lnTo>
                    <a:pt x="100" y="0"/>
                  </a:lnTo>
                  <a:lnTo>
                    <a:pt x="125" y="0"/>
                  </a:lnTo>
                  <a:lnTo>
                    <a:pt x="151" y="1"/>
                  </a:lnTo>
                  <a:lnTo>
                    <a:pt x="179" y="2"/>
                  </a:lnTo>
                  <a:lnTo>
                    <a:pt x="206" y="3"/>
                  </a:lnTo>
                  <a:lnTo>
                    <a:pt x="234" y="5"/>
                  </a:lnTo>
                  <a:lnTo>
                    <a:pt x="261" y="8"/>
                  </a:lnTo>
                  <a:lnTo>
                    <a:pt x="289" y="12"/>
                  </a:lnTo>
                  <a:lnTo>
                    <a:pt x="319" y="16"/>
                  </a:lnTo>
                  <a:lnTo>
                    <a:pt x="348" y="20"/>
                  </a:lnTo>
                  <a:lnTo>
                    <a:pt x="378" y="25"/>
                  </a:lnTo>
                  <a:lnTo>
                    <a:pt x="408" y="32"/>
                  </a:lnTo>
                  <a:lnTo>
                    <a:pt x="439" y="38"/>
                  </a:lnTo>
                  <a:lnTo>
                    <a:pt x="440" y="41"/>
                  </a:lnTo>
                  <a:lnTo>
                    <a:pt x="441" y="43"/>
                  </a:lnTo>
                  <a:lnTo>
                    <a:pt x="443" y="46"/>
                  </a:lnTo>
                  <a:lnTo>
                    <a:pt x="445" y="48"/>
                  </a:lnTo>
                  <a:lnTo>
                    <a:pt x="451" y="52"/>
                  </a:lnTo>
                  <a:lnTo>
                    <a:pt x="456" y="54"/>
                  </a:lnTo>
                  <a:lnTo>
                    <a:pt x="452" y="75"/>
                  </a:lnTo>
                  <a:lnTo>
                    <a:pt x="448" y="96"/>
                  </a:lnTo>
                  <a:lnTo>
                    <a:pt x="448" y="100"/>
                  </a:lnTo>
                  <a:lnTo>
                    <a:pt x="448" y="105"/>
                  </a:lnTo>
                  <a:lnTo>
                    <a:pt x="449" y="110"/>
                  </a:lnTo>
                  <a:lnTo>
                    <a:pt x="451" y="114"/>
                  </a:lnTo>
                  <a:lnTo>
                    <a:pt x="453" y="118"/>
                  </a:lnTo>
                  <a:lnTo>
                    <a:pt x="456" y="121"/>
                  </a:lnTo>
                  <a:lnTo>
                    <a:pt x="459" y="124"/>
                  </a:lnTo>
                  <a:lnTo>
                    <a:pt x="463" y="127"/>
                  </a:lnTo>
                  <a:lnTo>
                    <a:pt x="462" y="138"/>
                  </a:lnTo>
                  <a:lnTo>
                    <a:pt x="461" y="151"/>
                  </a:lnTo>
                  <a:lnTo>
                    <a:pt x="462" y="163"/>
                  </a:lnTo>
                  <a:lnTo>
                    <a:pt x="465" y="178"/>
                  </a:lnTo>
                  <a:lnTo>
                    <a:pt x="468" y="192"/>
                  </a:lnTo>
                  <a:lnTo>
                    <a:pt x="474" y="204"/>
                  </a:lnTo>
                  <a:lnTo>
                    <a:pt x="477" y="211"/>
                  </a:lnTo>
                  <a:lnTo>
                    <a:pt x="480" y="216"/>
                  </a:lnTo>
                  <a:lnTo>
                    <a:pt x="484" y="220"/>
                  </a:lnTo>
                  <a:lnTo>
                    <a:pt x="488" y="224"/>
                  </a:lnTo>
                  <a:lnTo>
                    <a:pt x="497" y="236"/>
                  </a:lnTo>
                  <a:lnTo>
                    <a:pt x="507" y="245"/>
                  </a:lnTo>
                  <a:lnTo>
                    <a:pt x="519" y="255"/>
                  </a:lnTo>
                  <a:lnTo>
                    <a:pt x="531" y="263"/>
                  </a:lnTo>
                  <a:lnTo>
                    <a:pt x="544" y="271"/>
                  </a:lnTo>
                  <a:lnTo>
                    <a:pt x="557" y="277"/>
                  </a:lnTo>
                  <a:lnTo>
                    <a:pt x="572" y="283"/>
                  </a:lnTo>
                  <a:lnTo>
                    <a:pt x="586" y="289"/>
                  </a:lnTo>
                  <a:lnTo>
                    <a:pt x="602" y="294"/>
                  </a:lnTo>
                  <a:lnTo>
                    <a:pt x="618" y="298"/>
                  </a:lnTo>
                  <a:lnTo>
                    <a:pt x="635" y="301"/>
                  </a:lnTo>
                  <a:lnTo>
                    <a:pt x="652" y="304"/>
                  </a:lnTo>
                  <a:lnTo>
                    <a:pt x="687" y="310"/>
                  </a:lnTo>
                  <a:lnTo>
                    <a:pt x="723" y="314"/>
                  </a:lnTo>
                  <a:lnTo>
                    <a:pt x="738" y="334"/>
                  </a:lnTo>
                  <a:lnTo>
                    <a:pt x="755" y="355"/>
                  </a:lnTo>
                  <a:lnTo>
                    <a:pt x="772" y="375"/>
                  </a:lnTo>
                  <a:lnTo>
                    <a:pt x="790" y="396"/>
                  </a:lnTo>
                  <a:lnTo>
                    <a:pt x="824" y="435"/>
                  </a:lnTo>
                  <a:lnTo>
                    <a:pt x="854" y="469"/>
                  </a:lnTo>
                  <a:lnTo>
                    <a:pt x="854" y="460"/>
                  </a:lnTo>
                  <a:lnTo>
                    <a:pt x="854" y="453"/>
                  </a:lnTo>
                  <a:lnTo>
                    <a:pt x="858" y="457"/>
                  </a:lnTo>
                  <a:lnTo>
                    <a:pt x="862" y="462"/>
                  </a:lnTo>
                  <a:lnTo>
                    <a:pt x="864" y="467"/>
                  </a:lnTo>
                  <a:lnTo>
                    <a:pt x="866" y="472"/>
                  </a:lnTo>
                  <a:lnTo>
                    <a:pt x="868" y="482"/>
                  </a:lnTo>
                  <a:lnTo>
                    <a:pt x="866" y="494"/>
                  </a:lnTo>
                  <a:lnTo>
                    <a:pt x="864" y="507"/>
                  </a:lnTo>
                  <a:lnTo>
                    <a:pt x="862" y="520"/>
                  </a:lnTo>
                  <a:lnTo>
                    <a:pt x="861" y="534"/>
                  </a:lnTo>
                  <a:lnTo>
                    <a:pt x="862" y="550"/>
                  </a:lnTo>
                  <a:lnTo>
                    <a:pt x="858" y="554"/>
                  </a:lnTo>
                  <a:lnTo>
                    <a:pt x="856" y="557"/>
                  </a:lnTo>
                  <a:lnTo>
                    <a:pt x="854" y="561"/>
                  </a:lnTo>
                  <a:lnTo>
                    <a:pt x="854" y="565"/>
                  </a:lnTo>
                  <a:lnTo>
                    <a:pt x="855" y="575"/>
                  </a:lnTo>
                  <a:lnTo>
                    <a:pt x="857" y="584"/>
                  </a:lnTo>
                  <a:lnTo>
                    <a:pt x="861" y="596"/>
                  </a:lnTo>
                  <a:lnTo>
                    <a:pt x="863" y="607"/>
                  </a:lnTo>
                  <a:lnTo>
                    <a:pt x="864" y="613"/>
                  </a:lnTo>
                  <a:lnTo>
                    <a:pt x="864" y="619"/>
                  </a:lnTo>
                  <a:lnTo>
                    <a:pt x="863" y="624"/>
                  </a:lnTo>
                  <a:lnTo>
                    <a:pt x="862" y="631"/>
                  </a:lnTo>
                  <a:lnTo>
                    <a:pt x="858" y="632"/>
                  </a:lnTo>
                  <a:lnTo>
                    <a:pt x="855" y="634"/>
                  </a:lnTo>
                  <a:lnTo>
                    <a:pt x="853" y="636"/>
                  </a:lnTo>
                  <a:lnTo>
                    <a:pt x="851" y="639"/>
                  </a:lnTo>
                  <a:lnTo>
                    <a:pt x="849" y="641"/>
                  </a:lnTo>
                  <a:lnTo>
                    <a:pt x="849" y="643"/>
                  </a:lnTo>
                  <a:lnTo>
                    <a:pt x="851" y="646"/>
                  </a:lnTo>
                  <a:lnTo>
                    <a:pt x="854" y="648"/>
                  </a:lnTo>
                  <a:lnTo>
                    <a:pt x="842" y="662"/>
                  </a:lnTo>
                  <a:lnTo>
                    <a:pt x="831" y="676"/>
                  </a:lnTo>
                  <a:lnTo>
                    <a:pt x="819" y="690"/>
                  </a:lnTo>
                  <a:lnTo>
                    <a:pt x="806" y="701"/>
                  </a:lnTo>
                  <a:lnTo>
                    <a:pt x="799" y="706"/>
                  </a:lnTo>
                  <a:lnTo>
                    <a:pt x="792" y="710"/>
                  </a:lnTo>
                  <a:lnTo>
                    <a:pt x="784" y="714"/>
                  </a:lnTo>
                  <a:lnTo>
                    <a:pt x="777" y="717"/>
                  </a:lnTo>
                  <a:lnTo>
                    <a:pt x="769" y="719"/>
                  </a:lnTo>
                  <a:lnTo>
                    <a:pt x="759" y="720"/>
                  </a:lnTo>
                  <a:lnTo>
                    <a:pt x="750" y="721"/>
                  </a:lnTo>
                  <a:lnTo>
                    <a:pt x="740" y="720"/>
                  </a:lnTo>
                  <a:lnTo>
                    <a:pt x="741" y="731"/>
                  </a:lnTo>
                  <a:lnTo>
                    <a:pt x="740" y="739"/>
                  </a:lnTo>
                  <a:lnTo>
                    <a:pt x="739" y="747"/>
                  </a:lnTo>
                  <a:lnTo>
                    <a:pt x="736" y="753"/>
                  </a:lnTo>
                  <a:lnTo>
                    <a:pt x="732" y="758"/>
                  </a:lnTo>
                  <a:lnTo>
                    <a:pt x="727" y="762"/>
                  </a:lnTo>
                  <a:lnTo>
                    <a:pt x="722" y="767"/>
                  </a:lnTo>
                  <a:lnTo>
                    <a:pt x="716" y="770"/>
                  </a:lnTo>
                  <a:lnTo>
                    <a:pt x="711" y="769"/>
                  </a:lnTo>
                  <a:lnTo>
                    <a:pt x="705" y="768"/>
                  </a:lnTo>
                  <a:lnTo>
                    <a:pt x="703" y="767"/>
                  </a:lnTo>
                  <a:lnTo>
                    <a:pt x="701" y="766"/>
                  </a:lnTo>
                  <a:lnTo>
                    <a:pt x="700" y="763"/>
                  </a:lnTo>
                  <a:lnTo>
                    <a:pt x="699" y="761"/>
                  </a:lnTo>
                  <a:lnTo>
                    <a:pt x="700" y="760"/>
                  </a:lnTo>
                  <a:lnTo>
                    <a:pt x="699" y="759"/>
                  </a:lnTo>
                  <a:lnTo>
                    <a:pt x="697" y="758"/>
                  </a:lnTo>
                  <a:lnTo>
                    <a:pt x="694" y="757"/>
                  </a:lnTo>
                  <a:lnTo>
                    <a:pt x="684" y="755"/>
                  </a:lnTo>
                  <a:lnTo>
                    <a:pt x="672" y="752"/>
                  </a:lnTo>
                  <a:lnTo>
                    <a:pt x="643" y="748"/>
                  </a:lnTo>
                  <a:lnTo>
                    <a:pt x="615" y="747"/>
                  </a:lnTo>
                  <a:lnTo>
                    <a:pt x="610" y="737"/>
                  </a:lnTo>
                  <a:lnTo>
                    <a:pt x="606" y="722"/>
                  </a:lnTo>
                  <a:lnTo>
                    <a:pt x="602" y="708"/>
                  </a:lnTo>
                  <a:lnTo>
                    <a:pt x="598" y="694"/>
                  </a:lnTo>
                  <a:lnTo>
                    <a:pt x="594" y="680"/>
                  </a:lnTo>
                  <a:lnTo>
                    <a:pt x="588" y="667"/>
                  </a:lnTo>
                  <a:lnTo>
                    <a:pt x="582" y="655"/>
                  </a:lnTo>
                  <a:lnTo>
                    <a:pt x="576" y="643"/>
                  </a:lnTo>
                  <a:lnTo>
                    <a:pt x="568" y="632"/>
                  </a:lnTo>
                  <a:lnTo>
                    <a:pt x="560" y="621"/>
                  </a:lnTo>
                  <a:lnTo>
                    <a:pt x="552" y="612"/>
                  </a:lnTo>
                  <a:lnTo>
                    <a:pt x="542" y="603"/>
                  </a:lnTo>
                  <a:lnTo>
                    <a:pt x="532" y="596"/>
                  </a:lnTo>
                  <a:lnTo>
                    <a:pt x="520" y="589"/>
                  </a:lnTo>
                  <a:lnTo>
                    <a:pt x="507" y="583"/>
                  </a:lnTo>
                  <a:lnTo>
                    <a:pt x="495" y="578"/>
                  </a:lnTo>
                  <a:lnTo>
                    <a:pt x="480" y="574"/>
                  </a:lnTo>
                  <a:lnTo>
                    <a:pt x="484" y="570"/>
                  </a:lnTo>
                  <a:lnTo>
                    <a:pt x="488" y="564"/>
                  </a:lnTo>
                  <a:lnTo>
                    <a:pt x="493" y="559"/>
                  </a:lnTo>
                  <a:lnTo>
                    <a:pt x="496" y="553"/>
                  </a:lnTo>
                  <a:lnTo>
                    <a:pt x="501" y="540"/>
                  </a:lnTo>
                  <a:lnTo>
                    <a:pt x="505" y="527"/>
                  </a:lnTo>
                  <a:lnTo>
                    <a:pt x="513" y="497"/>
                  </a:lnTo>
                  <a:lnTo>
                    <a:pt x="520" y="469"/>
                  </a:lnTo>
                  <a:lnTo>
                    <a:pt x="511" y="474"/>
                  </a:lnTo>
                  <a:lnTo>
                    <a:pt x="500" y="479"/>
                  </a:lnTo>
                  <a:lnTo>
                    <a:pt x="488" y="482"/>
                  </a:lnTo>
                  <a:lnTo>
                    <a:pt x="477" y="485"/>
                  </a:lnTo>
                  <a:lnTo>
                    <a:pt x="465" y="488"/>
                  </a:lnTo>
                  <a:lnTo>
                    <a:pt x="454" y="489"/>
                  </a:lnTo>
                  <a:lnTo>
                    <a:pt x="442" y="490"/>
                  </a:lnTo>
                  <a:lnTo>
                    <a:pt x="431" y="489"/>
                  </a:lnTo>
                  <a:lnTo>
                    <a:pt x="419" y="488"/>
                  </a:lnTo>
                  <a:lnTo>
                    <a:pt x="406" y="485"/>
                  </a:lnTo>
                  <a:lnTo>
                    <a:pt x="395" y="482"/>
                  </a:lnTo>
                  <a:lnTo>
                    <a:pt x="384" y="478"/>
                  </a:lnTo>
                  <a:lnTo>
                    <a:pt x="373" y="473"/>
                  </a:lnTo>
                  <a:lnTo>
                    <a:pt x="362" y="467"/>
                  </a:lnTo>
                  <a:lnTo>
                    <a:pt x="352" y="460"/>
                  </a:lnTo>
                  <a:lnTo>
                    <a:pt x="342" y="453"/>
                  </a:lnTo>
                  <a:lnTo>
                    <a:pt x="338" y="452"/>
                  </a:lnTo>
                  <a:lnTo>
                    <a:pt x="335" y="451"/>
                  </a:lnTo>
                  <a:lnTo>
                    <a:pt x="334" y="450"/>
                  </a:lnTo>
                  <a:lnTo>
                    <a:pt x="334" y="449"/>
                  </a:lnTo>
                  <a:lnTo>
                    <a:pt x="334" y="447"/>
                  </a:lnTo>
                  <a:lnTo>
                    <a:pt x="334" y="444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32" name="Stevns kant"/>
            <p:cNvSpPr>
              <a:spLocks/>
            </p:cNvSpPr>
            <p:nvPr/>
          </p:nvSpPr>
          <p:spPr bwMode="auto">
            <a:xfrm>
              <a:off x="3514725" y="5184775"/>
              <a:ext cx="460375" cy="407988"/>
            </a:xfrm>
            <a:custGeom>
              <a:avLst/>
              <a:gdLst>
                <a:gd name="T0" fmla="*/ 107 w 868"/>
                <a:gd name="T1" fmla="*/ 147 h 770"/>
                <a:gd name="T2" fmla="*/ 106 w 868"/>
                <a:gd name="T3" fmla="*/ 141 h 770"/>
                <a:gd name="T4" fmla="*/ 106 w 868"/>
                <a:gd name="T5" fmla="*/ 130 h 770"/>
                <a:gd name="T6" fmla="*/ 100 w 868"/>
                <a:gd name="T7" fmla="*/ 126 h 770"/>
                <a:gd name="T8" fmla="*/ 92 w 868"/>
                <a:gd name="T9" fmla="*/ 130 h 770"/>
                <a:gd name="T10" fmla="*/ 84 w 868"/>
                <a:gd name="T11" fmla="*/ 130 h 770"/>
                <a:gd name="T12" fmla="*/ 81 w 868"/>
                <a:gd name="T13" fmla="*/ 122 h 770"/>
                <a:gd name="T14" fmla="*/ 73 w 868"/>
                <a:gd name="T15" fmla="*/ 115 h 770"/>
                <a:gd name="T16" fmla="*/ 56 w 868"/>
                <a:gd name="T17" fmla="*/ 108 h 770"/>
                <a:gd name="T18" fmla="*/ 34 w 868"/>
                <a:gd name="T19" fmla="*/ 105 h 770"/>
                <a:gd name="T20" fmla="*/ 26 w 868"/>
                <a:gd name="T21" fmla="*/ 94 h 770"/>
                <a:gd name="T22" fmla="*/ 16 w 868"/>
                <a:gd name="T23" fmla="*/ 78 h 770"/>
                <a:gd name="T24" fmla="*/ 14 w 868"/>
                <a:gd name="T25" fmla="*/ 67 h 770"/>
                <a:gd name="T26" fmla="*/ 16 w 868"/>
                <a:gd name="T27" fmla="*/ 53 h 770"/>
                <a:gd name="T28" fmla="*/ 9 w 868"/>
                <a:gd name="T29" fmla="*/ 41 h 770"/>
                <a:gd name="T30" fmla="*/ 5 w 868"/>
                <a:gd name="T31" fmla="*/ 24 h 770"/>
                <a:gd name="T32" fmla="*/ 1 w 868"/>
                <a:gd name="T33" fmla="*/ 5 h 770"/>
                <a:gd name="T34" fmla="*/ 42 w 868"/>
                <a:gd name="T35" fmla="*/ 0 h 770"/>
                <a:gd name="T36" fmla="*/ 78 w 868"/>
                <a:gd name="T37" fmla="*/ 2 h 770"/>
                <a:gd name="T38" fmla="*/ 116 w 868"/>
                <a:gd name="T39" fmla="*/ 7 h 770"/>
                <a:gd name="T40" fmla="*/ 147 w 868"/>
                <a:gd name="T41" fmla="*/ 14 h 770"/>
                <a:gd name="T42" fmla="*/ 151 w 868"/>
                <a:gd name="T43" fmla="*/ 17 h 770"/>
                <a:gd name="T44" fmla="*/ 150 w 868"/>
                <a:gd name="T45" fmla="*/ 33 h 770"/>
                <a:gd name="T46" fmla="*/ 151 w 868"/>
                <a:gd name="T47" fmla="*/ 39 h 770"/>
                <a:gd name="T48" fmla="*/ 154 w 868"/>
                <a:gd name="T49" fmla="*/ 46 h 770"/>
                <a:gd name="T50" fmla="*/ 156 w 868"/>
                <a:gd name="T51" fmla="*/ 64 h 770"/>
                <a:gd name="T52" fmla="*/ 162 w 868"/>
                <a:gd name="T53" fmla="*/ 73 h 770"/>
                <a:gd name="T54" fmla="*/ 173 w 868"/>
                <a:gd name="T55" fmla="*/ 85 h 770"/>
                <a:gd name="T56" fmla="*/ 191 w 868"/>
                <a:gd name="T57" fmla="*/ 94 h 770"/>
                <a:gd name="T58" fmla="*/ 212 w 868"/>
                <a:gd name="T59" fmla="*/ 100 h 770"/>
                <a:gd name="T60" fmla="*/ 247 w 868"/>
                <a:gd name="T61" fmla="*/ 111 h 770"/>
                <a:gd name="T62" fmla="*/ 275 w 868"/>
                <a:gd name="T63" fmla="*/ 145 h 770"/>
                <a:gd name="T64" fmla="*/ 287 w 868"/>
                <a:gd name="T65" fmla="*/ 153 h 770"/>
                <a:gd name="T66" fmla="*/ 290 w 868"/>
                <a:gd name="T67" fmla="*/ 161 h 770"/>
                <a:gd name="T68" fmla="*/ 288 w 868"/>
                <a:gd name="T69" fmla="*/ 178 h 770"/>
                <a:gd name="T70" fmla="*/ 285 w 868"/>
                <a:gd name="T71" fmla="*/ 187 h 770"/>
                <a:gd name="T72" fmla="*/ 288 w 868"/>
                <a:gd name="T73" fmla="*/ 199 h 770"/>
                <a:gd name="T74" fmla="*/ 288 w 868"/>
                <a:gd name="T75" fmla="*/ 208 h 770"/>
                <a:gd name="T76" fmla="*/ 285 w 868"/>
                <a:gd name="T77" fmla="*/ 212 h 770"/>
                <a:gd name="T78" fmla="*/ 284 w 868"/>
                <a:gd name="T79" fmla="*/ 216 h 770"/>
                <a:gd name="T80" fmla="*/ 274 w 868"/>
                <a:gd name="T81" fmla="*/ 230 h 770"/>
                <a:gd name="T82" fmla="*/ 262 w 868"/>
                <a:gd name="T83" fmla="*/ 238 h 770"/>
                <a:gd name="T84" fmla="*/ 251 w 868"/>
                <a:gd name="T85" fmla="*/ 241 h 770"/>
                <a:gd name="T86" fmla="*/ 247 w 868"/>
                <a:gd name="T87" fmla="*/ 249 h 770"/>
                <a:gd name="T88" fmla="*/ 241 w 868"/>
                <a:gd name="T89" fmla="*/ 256 h 770"/>
                <a:gd name="T90" fmla="*/ 235 w 868"/>
                <a:gd name="T91" fmla="*/ 256 h 770"/>
                <a:gd name="T92" fmla="*/ 234 w 868"/>
                <a:gd name="T93" fmla="*/ 254 h 770"/>
                <a:gd name="T94" fmla="*/ 229 w 868"/>
                <a:gd name="T95" fmla="*/ 252 h 770"/>
                <a:gd name="T96" fmla="*/ 204 w 868"/>
                <a:gd name="T97" fmla="*/ 246 h 770"/>
                <a:gd name="T98" fmla="*/ 198 w 868"/>
                <a:gd name="T99" fmla="*/ 227 h 770"/>
                <a:gd name="T100" fmla="*/ 190 w 868"/>
                <a:gd name="T101" fmla="*/ 211 h 770"/>
                <a:gd name="T102" fmla="*/ 178 w 868"/>
                <a:gd name="T103" fmla="*/ 199 h 770"/>
                <a:gd name="T104" fmla="*/ 160 w 868"/>
                <a:gd name="T105" fmla="*/ 192 h 770"/>
                <a:gd name="T106" fmla="*/ 166 w 868"/>
                <a:gd name="T107" fmla="*/ 185 h 770"/>
                <a:gd name="T108" fmla="*/ 174 w 868"/>
                <a:gd name="T109" fmla="*/ 157 h 770"/>
                <a:gd name="T110" fmla="*/ 159 w 868"/>
                <a:gd name="T111" fmla="*/ 162 h 770"/>
                <a:gd name="T112" fmla="*/ 144 w 868"/>
                <a:gd name="T113" fmla="*/ 163 h 770"/>
                <a:gd name="T114" fmla="*/ 128 w 868"/>
                <a:gd name="T115" fmla="*/ 160 h 770"/>
                <a:gd name="T116" fmla="*/ 114 w 868"/>
                <a:gd name="T117" fmla="*/ 151 h 770"/>
                <a:gd name="T118" fmla="*/ 112 w 868"/>
                <a:gd name="T119" fmla="*/ 150 h 770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868" h="770">
                  <a:moveTo>
                    <a:pt x="334" y="444"/>
                  </a:moveTo>
                  <a:lnTo>
                    <a:pt x="327" y="444"/>
                  </a:lnTo>
                  <a:lnTo>
                    <a:pt x="323" y="443"/>
                  </a:lnTo>
                  <a:lnTo>
                    <a:pt x="320" y="441"/>
                  </a:lnTo>
                  <a:lnTo>
                    <a:pt x="318" y="437"/>
                  </a:lnTo>
                  <a:lnTo>
                    <a:pt x="317" y="433"/>
                  </a:lnTo>
                  <a:lnTo>
                    <a:pt x="316" y="429"/>
                  </a:lnTo>
                  <a:lnTo>
                    <a:pt x="316" y="422"/>
                  </a:lnTo>
                  <a:lnTo>
                    <a:pt x="317" y="417"/>
                  </a:lnTo>
                  <a:lnTo>
                    <a:pt x="317" y="404"/>
                  </a:lnTo>
                  <a:lnTo>
                    <a:pt x="317" y="394"/>
                  </a:lnTo>
                  <a:lnTo>
                    <a:pt x="317" y="389"/>
                  </a:lnTo>
                  <a:lnTo>
                    <a:pt x="315" y="384"/>
                  </a:lnTo>
                  <a:lnTo>
                    <a:pt x="313" y="381"/>
                  </a:lnTo>
                  <a:lnTo>
                    <a:pt x="309" y="379"/>
                  </a:lnTo>
                  <a:lnTo>
                    <a:pt x="299" y="378"/>
                  </a:lnTo>
                  <a:lnTo>
                    <a:pt x="292" y="379"/>
                  </a:lnTo>
                  <a:lnTo>
                    <a:pt x="285" y="382"/>
                  </a:lnTo>
                  <a:lnTo>
                    <a:pt x="279" y="385"/>
                  </a:lnTo>
                  <a:lnTo>
                    <a:pt x="274" y="390"/>
                  </a:lnTo>
                  <a:lnTo>
                    <a:pt x="267" y="393"/>
                  </a:lnTo>
                  <a:lnTo>
                    <a:pt x="261" y="395"/>
                  </a:lnTo>
                  <a:lnTo>
                    <a:pt x="253" y="395"/>
                  </a:lnTo>
                  <a:lnTo>
                    <a:pt x="252" y="389"/>
                  </a:lnTo>
                  <a:lnTo>
                    <a:pt x="249" y="382"/>
                  </a:lnTo>
                  <a:lnTo>
                    <a:pt x="247" y="377"/>
                  </a:lnTo>
                  <a:lnTo>
                    <a:pt x="245" y="371"/>
                  </a:lnTo>
                  <a:lnTo>
                    <a:pt x="242" y="365"/>
                  </a:lnTo>
                  <a:lnTo>
                    <a:pt x="238" y="361"/>
                  </a:lnTo>
                  <a:lnTo>
                    <a:pt x="234" y="357"/>
                  </a:lnTo>
                  <a:lnTo>
                    <a:pt x="229" y="353"/>
                  </a:lnTo>
                  <a:lnTo>
                    <a:pt x="219" y="345"/>
                  </a:lnTo>
                  <a:lnTo>
                    <a:pt x="208" y="339"/>
                  </a:lnTo>
                  <a:lnTo>
                    <a:pt x="196" y="334"/>
                  </a:lnTo>
                  <a:lnTo>
                    <a:pt x="183" y="329"/>
                  </a:lnTo>
                  <a:lnTo>
                    <a:pt x="169" y="325"/>
                  </a:lnTo>
                  <a:lnTo>
                    <a:pt x="156" y="322"/>
                  </a:lnTo>
                  <a:lnTo>
                    <a:pt x="142" y="320"/>
                  </a:lnTo>
                  <a:lnTo>
                    <a:pt x="128" y="318"/>
                  </a:lnTo>
                  <a:lnTo>
                    <a:pt x="103" y="316"/>
                  </a:lnTo>
                  <a:lnTo>
                    <a:pt x="82" y="314"/>
                  </a:lnTo>
                  <a:lnTo>
                    <a:pt x="82" y="302"/>
                  </a:lnTo>
                  <a:lnTo>
                    <a:pt x="80" y="291"/>
                  </a:lnTo>
                  <a:lnTo>
                    <a:pt x="77" y="281"/>
                  </a:lnTo>
                  <a:lnTo>
                    <a:pt x="73" y="272"/>
                  </a:lnTo>
                  <a:lnTo>
                    <a:pt x="63" y="256"/>
                  </a:lnTo>
                  <a:lnTo>
                    <a:pt x="53" y="240"/>
                  </a:lnTo>
                  <a:lnTo>
                    <a:pt x="48" y="233"/>
                  </a:lnTo>
                  <a:lnTo>
                    <a:pt x="44" y="225"/>
                  </a:lnTo>
                  <a:lnTo>
                    <a:pt x="42" y="218"/>
                  </a:lnTo>
                  <a:lnTo>
                    <a:pt x="41" y="210"/>
                  </a:lnTo>
                  <a:lnTo>
                    <a:pt x="42" y="200"/>
                  </a:lnTo>
                  <a:lnTo>
                    <a:pt x="44" y="191"/>
                  </a:lnTo>
                  <a:lnTo>
                    <a:pt x="49" y="180"/>
                  </a:lnTo>
                  <a:lnTo>
                    <a:pt x="57" y="167"/>
                  </a:lnTo>
                  <a:lnTo>
                    <a:pt x="48" y="160"/>
                  </a:lnTo>
                  <a:lnTo>
                    <a:pt x="41" y="152"/>
                  </a:lnTo>
                  <a:lnTo>
                    <a:pt x="36" y="143"/>
                  </a:lnTo>
                  <a:lnTo>
                    <a:pt x="30" y="134"/>
                  </a:lnTo>
                  <a:lnTo>
                    <a:pt x="26" y="124"/>
                  </a:lnTo>
                  <a:lnTo>
                    <a:pt x="23" y="114"/>
                  </a:lnTo>
                  <a:lnTo>
                    <a:pt x="20" y="103"/>
                  </a:lnTo>
                  <a:lnTo>
                    <a:pt x="18" y="93"/>
                  </a:lnTo>
                  <a:lnTo>
                    <a:pt x="15" y="71"/>
                  </a:lnTo>
                  <a:lnTo>
                    <a:pt x="11" y="48"/>
                  </a:lnTo>
                  <a:lnTo>
                    <a:pt x="9" y="37"/>
                  </a:lnTo>
                  <a:lnTo>
                    <a:pt x="7" y="26"/>
                  </a:lnTo>
                  <a:lnTo>
                    <a:pt x="4" y="16"/>
                  </a:lnTo>
                  <a:lnTo>
                    <a:pt x="0" y="5"/>
                  </a:lnTo>
                  <a:lnTo>
                    <a:pt x="49" y="2"/>
                  </a:lnTo>
                  <a:lnTo>
                    <a:pt x="100" y="0"/>
                  </a:lnTo>
                  <a:lnTo>
                    <a:pt x="125" y="0"/>
                  </a:lnTo>
                  <a:lnTo>
                    <a:pt x="151" y="1"/>
                  </a:lnTo>
                  <a:lnTo>
                    <a:pt x="179" y="2"/>
                  </a:lnTo>
                  <a:lnTo>
                    <a:pt x="206" y="3"/>
                  </a:lnTo>
                  <a:lnTo>
                    <a:pt x="234" y="5"/>
                  </a:lnTo>
                  <a:lnTo>
                    <a:pt x="261" y="8"/>
                  </a:lnTo>
                  <a:lnTo>
                    <a:pt x="289" y="12"/>
                  </a:lnTo>
                  <a:lnTo>
                    <a:pt x="319" y="16"/>
                  </a:lnTo>
                  <a:lnTo>
                    <a:pt x="348" y="20"/>
                  </a:lnTo>
                  <a:lnTo>
                    <a:pt x="378" y="25"/>
                  </a:lnTo>
                  <a:lnTo>
                    <a:pt x="408" y="32"/>
                  </a:lnTo>
                  <a:lnTo>
                    <a:pt x="439" y="38"/>
                  </a:lnTo>
                  <a:lnTo>
                    <a:pt x="440" y="41"/>
                  </a:lnTo>
                  <a:lnTo>
                    <a:pt x="441" y="43"/>
                  </a:lnTo>
                  <a:lnTo>
                    <a:pt x="443" y="46"/>
                  </a:lnTo>
                  <a:lnTo>
                    <a:pt x="445" y="48"/>
                  </a:lnTo>
                  <a:lnTo>
                    <a:pt x="451" y="52"/>
                  </a:lnTo>
                  <a:lnTo>
                    <a:pt x="456" y="54"/>
                  </a:lnTo>
                  <a:lnTo>
                    <a:pt x="452" y="75"/>
                  </a:lnTo>
                  <a:lnTo>
                    <a:pt x="448" y="96"/>
                  </a:lnTo>
                  <a:lnTo>
                    <a:pt x="448" y="100"/>
                  </a:lnTo>
                  <a:lnTo>
                    <a:pt x="448" y="105"/>
                  </a:lnTo>
                  <a:lnTo>
                    <a:pt x="449" y="110"/>
                  </a:lnTo>
                  <a:lnTo>
                    <a:pt x="451" y="114"/>
                  </a:lnTo>
                  <a:lnTo>
                    <a:pt x="453" y="118"/>
                  </a:lnTo>
                  <a:lnTo>
                    <a:pt x="456" y="121"/>
                  </a:lnTo>
                  <a:lnTo>
                    <a:pt x="459" y="124"/>
                  </a:lnTo>
                  <a:lnTo>
                    <a:pt x="463" y="127"/>
                  </a:lnTo>
                  <a:lnTo>
                    <a:pt x="462" y="138"/>
                  </a:lnTo>
                  <a:lnTo>
                    <a:pt x="461" y="151"/>
                  </a:lnTo>
                  <a:lnTo>
                    <a:pt x="462" y="163"/>
                  </a:lnTo>
                  <a:lnTo>
                    <a:pt x="465" y="178"/>
                  </a:lnTo>
                  <a:lnTo>
                    <a:pt x="468" y="192"/>
                  </a:lnTo>
                  <a:lnTo>
                    <a:pt x="474" y="204"/>
                  </a:lnTo>
                  <a:lnTo>
                    <a:pt x="477" y="211"/>
                  </a:lnTo>
                  <a:lnTo>
                    <a:pt x="480" y="216"/>
                  </a:lnTo>
                  <a:lnTo>
                    <a:pt x="484" y="220"/>
                  </a:lnTo>
                  <a:lnTo>
                    <a:pt x="488" y="224"/>
                  </a:lnTo>
                  <a:lnTo>
                    <a:pt x="497" y="236"/>
                  </a:lnTo>
                  <a:lnTo>
                    <a:pt x="507" y="245"/>
                  </a:lnTo>
                  <a:lnTo>
                    <a:pt x="519" y="255"/>
                  </a:lnTo>
                  <a:lnTo>
                    <a:pt x="531" y="263"/>
                  </a:lnTo>
                  <a:lnTo>
                    <a:pt x="544" y="271"/>
                  </a:lnTo>
                  <a:lnTo>
                    <a:pt x="557" y="277"/>
                  </a:lnTo>
                  <a:lnTo>
                    <a:pt x="572" y="283"/>
                  </a:lnTo>
                  <a:lnTo>
                    <a:pt x="586" y="289"/>
                  </a:lnTo>
                  <a:lnTo>
                    <a:pt x="602" y="294"/>
                  </a:lnTo>
                  <a:lnTo>
                    <a:pt x="618" y="298"/>
                  </a:lnTo>
                  <a:lnTo>
                    <a:pt x="635" y="301"/>
                  </a:lnTo>
                  <a:lnTo>
                    <a:pt x="652" y="304"/>
                  </a:lnTo>
                  <a:lnTo>
                    <a:pt x="687" y="310"/>
                  </a:lnTo>
                  <a:lnTo>
                    <a:pt x="723" y="314"/>
                  </a:lnTo>
                  <a:lnTo>
                    <a:pt x="738" y="334"/>
                  </a:lnTo>
                  <a:lnTo>
                    <a:pt x="755" y="355"/>
                  </a:lnTo>
                  <a:lnTo>
                    <a:pt x="772" y="375"/>
                  </a:lnTo>
                  <a:lnTo>
                    <a:pt x="790" y="396"/>
                  </a:lnTo>
                  <a:lnTo>
                    <a:pt x="824" y="435"/>
                  </a:lnTo>
                  <a:lnTo>
                    <a:pt x="854" y="469"/>
                  </a:lnTo>
                  <a:lnTo>
                    <a:pt x="854" y="460"/>
                  </a:lnTo>
                  <a:lnTo>
                    <a:pt x="854" y="453"/>
                  </a:lnTo>
                  <a:lnTo>
                    <a:pt x="858" y="457"/>
                  </a:lnTo>
                  <a:lnTo>
                    <a:pt x="862" y="462"/>
                  </a:lnTo>
                  <a:lnTo>
                    <a:pt x="864" y="467"/>
                  </a:lnTo>
                  <a:lnTo>
                    <a:pt x="866" y="472"/>
                  </a:lnTo>
                  <a:lnTo>
                    <a:pt x="868" y="482"/>
                  </a:lnTo>
                  <a:lnTo>
                    <a:pt x="866" y="494"/>
                  </a:lnTo>
                  <a:lnTo>
                    <a:pt x="864" y="507"/>
                  </a:lnTo>
                  <a:lnTo>
                    <a:pt x="862" y="520"/>
                  </a:lnTo>
                  <a:lnTo>
                    <a:pt x="861" y="534"/>
                  </a:lnTo>
                  <a:lnTo>
                    <a:pt x="862" y="550"/>
                  </a:lnTo>
                  <a:lnTo>
                    <a:pt x="858" y="554"/>
                  </a:lnTo>
                  <a:lnTo>
                    <a:pt x="856" y="557"/>
                  </a:lnTo>
                  <a:lnTo>
                    <a:pt x="854" y="561"/>
                  </a:lnTo>
                  <a:lnTo>
                    <a:pt x="854" y="565"/>
                  </a:lnTo>
                  <a:lnTo>
                    <a:pt x="855" y="575"/>
                  </a:lnTo>
                  <a:lnTo>
                    <a:pt x="857" y="584"/>
                  </a:lnTo>
                  <a:lnTo>
                    <a:pt x="861" y="596"/>
                  </a:lnTo>
                  <a:lnTo>
                    <a:pt x="863" y="607"/>
                  </a:lnTo>
                  <a:lnTo>
                    <a:pt x="864" y="613"/>
                  </a:lnTo>
                  <a:lnTo>
                    <a:pt x="864" y="619"/>
                  </a:lnTo>
                  <a:lnTo>
                    <a:pt x="863" y="624"/>
                  </a:lnTo>
                  <a:lnTo>
                    <a:pt x="862" y="631"/>
                  </a:lnTo>
                  <a:lnTo>
                    <a:pt x="858" y="632"/>
                  </a:lnTo>
                  <a:lnTo>
                    <a:pt x="855" y="634"/>
                  </a:lnTo>
                  <a:lnTo>
                    <a:pt x="853" y="636"/>
                  </a:lnTo>
                  <a:lnTo>
                    <a:pt x="851" y="639"/>
                  </a:lnTo>
                  <a:lnTo>
                    <a:pt x="849" y="641"/>
                  </a:lnTo>
                  <a:lnTo>
                    <a:pt x="849" y="643"/>
                  </a:lnTo>
                  <a:lnTo>
                    <a:pt x="851" y="646"/>
                  </a:lnTo>
                  <a:lnTo>
                    <a:pt x="854" y="648"/>
                  </a:lnTo>
                  <a:lnTo>
                    <a:pt x="842" y="662"/>
                  </a:lnTo>
                  <a:lnTo>
                    <a:pt x="831" y="676"/>
                  </a:lnTo>
                  <a:lnTo>
                    <a:pt x="819" y="690"/>
                  </a:lnTo>
                  <a:lnTo>
                    <a:pt x="806" y="701"/>
                  </a:lnTo>
                  <a:lnTo>
                    <a:pt x="799" y="706"/>
                  </a:lnTo>
                  <a:lnTo>
                    <a:pt x="792" y="710"/>
                  </a:lnTo>
                  <a:lnTo>
                    <a:pt x="784" y="714"/>
                  </a:lnTo>
                  <a:lnTo>
                    <a:pt x="777" y="717"/>
                  </a:lnTo>
                  <a:lnTo>
                    <a:pt x="769" y="719"/>
                  </a:lnTo>
                  <a:lnTo>
                    <a:pt x="759" y="720"/>
                  </a:lnTo>
                  <a:lnTo>
                    <a:pt x="750" y="721"/>
                  </a:lnTo>
                  <a:lnTo>
                    <a:pt x="740" y="720"/>
                  </a:lnTo>
                  <a:lnTo>
                    <a:pt x="741" y="731"/>
                  </a:lnTo>
                  <a:lnTo>
                    <a:pt x="740" y="739"/>
                  </a:lnTo>
                  <a:lnTo>
                    <a:pt x="739" y="747"/>
                  </a:lnTo>
                  <a:lnTo>
                    <a:pt x="736" y="753"/>
                  </a:lnTo>
                  <a:lnTo>
                    <a:pt x="732" y="758"/>
                  </a:lnTo>
                  <a:lnTo>
                    <a:pt x="727" y="762"/>
                  </a:lnTo>
                  <a:lnTo>
                    <a:pt x="722" y="767"/>
                  </a:lnTo>
                  <a:lnTo>
                    <a:pt x="716" y="770"/>
                  </a:lnTo>
                  <a:lnTo>
                    <a:pt x="711" y="769"/>
                  </a:lnTo>
                  <a:lnTo>
                    <a:pt x="705" y="768"/>
                  </a:lnTo>
                  <a:lnTo>
                    <a:pt x="703" y="767"/>
                  </a:lnTo>
                  <a:lnTo>
                    <a:pt x="701" y="766"/>
                  </a:lnTo>
                  <a:lnTo>
                    <a:pt x="700" y="763"/>
                  </a:lnTo>
                  <a:lnTo>
                    <a:pt x="699" y="761"/>
                  </a:lnTo>
                  <a:lnTo>
                    <a:pt x="700" y="760"/>
                  </a:lnTo>
                  <a:lnTo>
                    <a:pt x="699" y="759"/>
                  </a:lnTo>
                  <a:lnTo>
                    <a:pt x="697" y="758"/>
                  </a:lnTo>
                  <a:lnTo>
                    <a:pt x="694" y="757"/>
                  </a:lnTo>
                  <a:lnTo>
                    <a:pt x="684" y="755"/>
                  </a:lnTo>
                  <a:lnTo>
                    <a:pt x="672" y="752"/>
                  </a:lnTo>
                  <a:lnTo>
                    <a:pt x="643" y="748"/>
                  </a:lnTo>
                  <a:lnTo>
                    <a:pt x="615" y="747"/>
                  </a:lnTo>
                  <a:lnTo>
                    <a:pt x="610" y="737"/>
                  </a:lnTo>
                  <a:lnTo>
                    <a:pt x="606" y="722"/>
                  </a:lnTo>
                  <a:lnTo>
                    <a:pt x="602" y="708"/>
                  </a:lnTo>
                  <a:lnTo>
                    <a:pt x="598" y="694"/>
                  </a:lnTo>
                  <a:lnTo>
                    <a:pt x="594" y="680"/>
                  </a:lnTo>
                  <a:lnTo>
                    <a:pt x="588" y="667"/>
                  </a:lnTo>
                  <a:lnTo>
                    <a:pt x="582" y="655"/>
                  </a:lnTo>
                  <a:lnTo>
                    <a:pt x="576" y="643"/>
                  </a:lnTo>
                  <a:lnTo>
                    <a:pt x="568" y="632"/>
                  </a:lnTo>
                  <a:lnTo>
                    <a:pt x="560" y="621"/>
                  </a:lnTo>
                  <a:lnTo>
                    <a:pt x="552" y="612"/>
                  </a:lnTo>
                  <a:lnTo>
                    <a:pt x="542" y="603"/>
                  </a:lnTo>
                  <a:lnTo>
                    <a:pt x="532" y="596"/>
                  </a:lnTo>
                  <a:lnTo>
                    <a:pt x="520" y="589"/>
                  </a:lnTo>
                  <a:lnTo>
                    <a:pt x="507" y="583"/>
                  </a:lnTo>
                  <a:lnTo>
                    <a:pt x="495" y="578"/>
                  </a:lnTo>
                  <a:lnTo>
                    <a:pt x="480" y="574"/>
                  </a:lnTo>
                  <a:lnTo>
                    <a:pt x="484" y="570"/>
                  </a:lnTo>
                  <a:lnTo>
                    <a:pt x="488" y="564"/>
                  </a:lnTo>
                  <a:lnTo>
                    <a:pt x="493" y="559"/>
                  </a:lnTo>
                  <a:lnTo>
                    <a:pt x="496" y="553"/>
                  </a:lnTo>
                  <a:lnTo>
                    <a:pt x="501" y="540"/>
                  </a:lnTo>
                  <a:lnTo>
                    <a:pt x="505" y="527"/>
                  </a:lnTo>
                  <a:lnTo>
                    <a:pt x="513" y="497"/>
                  </a:lnTo>
                  <a:lnTo>
                    <a:pt x="520" y="469"/>
                  </a:lnTo>
                  <a:lnTo>
                    <a:pt x="511" y="474"/>
                  </a:lnTo>
                  <a:lnTo>
                    <a:pt x="500" y="479"/>
                  </a:lnTo>
                  <a:lnTo>
                    <a:pt x="488" y="482"/>
                  </a:lnTo>
                  <a:lnTo>
                    <a:pt x="477" y="485"/>
                  </a:lnTo>
                  <a:lnTo>
                    <a:pt x="465" y="488"/>
                  </a:lnTo>
                  <a:lnTo>
                    <a:pt x="454" y="489"/>
                  </a:lnTo>
                  <a:lnTo>
                    <a:pt x="442" y="490"/>
                  </a:lnTo>
                  <a:lnTo>
                    <a:pt x="431" y="489"/>
                  </a:lnTo>
                  <a:lnTo>
                    <a:pt x="419" y="488"/>
                  </a:lnTo>
                  <a:lnTo>
                    <a:pt x="406" y="485"/>
                  </a:lnTo>
                  <a:lnTo>
                    <a:pt x="395" y="482"/>
                  </a:lnTo>
                  <a:lnTo>
                    <a:pt x="384" y="478"/>
                  </a:lnTo>
                  <a:lnTo>
                    <a:pt x="373" y="473"/>
                  </a:lnTo>
                  <a:lnTo>
                    <a:pt x="362" y="467"/>
                  </a:lnTo>
                  <a:lnTo>
                    <a:pt x="352" y="460"/>
                  </a:lnTo>
                  <a:lnTo>
                    <a:pt x="342" y="453"/>
                  </a:lnTo>
                  <a:lnTo>
                    <a:pt x="338" y="452"/>
                  </a:lnTo>
                  <a:lnTo>
                    <a:pt x="335" y="451"/>
                  </a:lnTo>
                  <a:lnTo>
                    <a:pt x="334" y="450"/>
                  </a:lnTo>
                  <a:lnTo>
                    <a:pt x="334" y="449"/>
                  </a:lnTo>
                  <a:lnTo>
                    <a:pt x="334" y="447"/>
                  </a:lnTo>
                  <a:lnTo>
                    <a:pt x="334" y="444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33" name="Lolland"/>
            <p:cNvGrpSpPr/>
            <p:nvPr/>
          </p:nvGrpSpPr>
          <p:grpSpPr>
            <a:xfrm>
              <a:off x="2776538" y="5889625"/>
              <a:ext cx="763587" cy="592138"/>
              <a:chOff x="2776538" y="5889625"/>
              <a:chExt cx="763587" cy="592138"/>
            </a:xfrm>
            <a:grpFill/>
          </p:grpSpPr>
          <p:sp>
            <p:nvSpPr>
              <p:cNvPr id="136" name="Lolland"/>
              <p:cNvSpPr>
                <a:spLocks/>
              </p:cNvSpPr>
              <p:nvPr/>
            </p:nvSpPr>
            <p:spPr bwMode="auto">
              <a:xfrm>
                <a:off x="3084513" y="5889625"/>
                <a:ext cx="34925" cy="30163"/>
              </a:xfrm>
              <a:custGeom>
                <a:avLst/>
                <a:gdLst>
                  <a:gd name="T0" fmla="*/ 22 w 65"/>
                  <a:gd name="T1" fmla="*/ 0 h 57"/>
                  <a:gd name="T2" fmla="*/ 20 w 65"/>
                  <a:gd name="T3" fmla="*/ 0 h 57"/>
                  <a:gd name="T4" fmla="*/ 17 w 65"/>
                  <a:gd name="T5" fmla="*/ 0 h 57"/>
                  <a:gd name="T6" fmla="*/ 15 w 65"/>
                  <a:gd name="T7" fmla="*/ 0 h 57"/>
                  <a:gd name="T8" fmla="*/ 12 w 65"/>
                  <a:gd name="T9" fmla="*/ 0 h 57"/>
                  <a:gd name="T10" fmla="*/ 10 w 65"/>
                  <a:gd name="T11" fmla="*/ 1 h 57"/>
                  <a:gd name="T12" fmla="*/ 8 w 65"/>
                  <a:gd name="T13" fmla="*/ 2 h 57"/>
                  <a:gd name="T14" fmla="*/ 7 w 65"/>
                  <a:gd name="T15" fmla="*/ 2 h 57"/>
                  <a:gd name="T16" fmla="*/ 5 w 65"/>
                  <a:gd name="T17" fmla="*/ 3 h 57"/>
                  <a:gd name="T18" fmla="*/ 4 w 65"/>
                  <a:gd name="T19" fmla="*/ 5 h 57"/>
                  <a:gd name="T20" fmla="*/ 3 w 65"/>
                  <a:gd name="T21" fmla="*/ 6 h 57"/>
                  <a:gd name="T22" fmla="*/ 2 w 65"/>
                  <a:gd name="T23" fmla="*/ 8 h 57"/>
                  <a:gd name="T24" fmla="*/ 1 w 65"/>
                  <a:gd name="T25" fmla="*/ 10 h 57"/>
                  <a:gd name="T26" fmla="*/ 1 w 65"/>
                  <a:gd name="T27" fmla="*/ 12 h 57"/>
                  <a:gd name="T28" fmla="*/ 0 w 65"/>
                  <a:gd name="T29" fmla="*/ 14 h 57"/>
                  <a:gd name="T30" fmla="*/ 0 w 65"/>
                  <a:gd name="T31" fmla="*/ 16 h 57"/>
                  <a:gd name="T32" fmla="*/ 0 w 65"/>
                  <a:gd name="T33" fmla="*/ 19 h 57"/>
                  <a:gd name="T34" fmla="*/ 4 w 65"/>
                  <a:gd name="T35" fmla="*/ 18 h 57"/>
                  <a:gd name="T36" fmla="*/ 8 w 65"/>
                  <a:gd name="T37" fmla="*/ 17 h 57"/>
                  <a:gd name="T38" fmla="*/ 12 w 65"/>
                  <a:gd name="T39" fmla="*/ 15 h 57"/>
                  <a:gd name="T40" fmla="*/ 15 w 65"/>
                  <a:gd name="T41" fmla="*/ 13 h 57"/>
                  <a:gd name="T42" fmla="*/ 16 w 65"/>
                  <a:gd name="T43" fmla="*/ 12 h 57"/>
                  <a:gd name="T44" fmla="*/ 18 w 65"/>
                  <a:gd name="T45" fmla="*/ 11 h 57"/>
                  <a:gd name="T46" fmla="*/ 19 w 65"/>
                  <a:gd name="T47" fmla="*/ 9 h 57"/>
                  <a:gd name="T48" fmla="*/ 20 w 65"/>
                  <a:gd name="T49" fmla="*/ 8 h 57"/>
                  <a:gd name="T50" fmla="*/ 21 w 65"/>
                  <a:gd name="T51" fmla="*/ 6 h 57"/>
                  <a:gd name="T52" fmla="*/ 21 w 65"/>
                  <a:gd name="T53" fmla="*/ 4 h 57"/>
                  <a:gd name="T54" fmla="*/ 22 w 65"/>
                  <a:gd name="T55" fmla="*/ 2 h 57"/>
                  <a:gd name="T56" fmla="*/ 22 w 65"/>
                  <a:gd name="T57" fmla="*/ 0 h 5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0" t="0" r="r" b="b"/>
                <a:pathLst>
                  <a:path w="65" h="57">
                    <a:moveTo>
                      <a:pt x="65" y="0"/>
                    </a:moveTo>
                    <a:lnTo>
                      <a:pt x="58" y="0"/>
                    </a:lnTo>
                    <a:lnTo>
                      <a:pt x="49" y="0"/>
                    </a:lnTo>
                    <a:lnTo>
                      <a:pt x="43" y="0"/>
                    </a:lnTo>
                    <a:lnTo>
                      <a:pt x="36" y="1"/>
                    </a:lnTo>
                    <a:lnTo>
                      <a:pt x="30" y="3"/>
                    </a:lnTo>
                    <a:lnTo>
                      <a:pt x="24" y="5"/>
                    </a:lnTo>
                    <a:lnTo>
                      <a:pt x="20" y="7"/>
                    </a:lnTo>
                    <a:lnTo>
                      <a:pt x="15" y="10"/>
                    </a:lnTo>
                    <a:lnTo>
                      <a:pt x="12" y="15"/>
                    </a:lnTo>
                    <a:lnTo>
                      <a:pt x="8" y="19"/>
                    </a:lnTo>
                    <a:lnTo>
                      <a:pt x="5" y="24"/>
                    </a:lnTo>
                    <a:lnTo>
                      <a:pt x="3" y="29"/>
                    </a:lnTo>
                    <a:lnTo>
                      <a:pt x="2" y="35"/>
                    </a:lnTo>
                    <a:lnTo>
                      <a:pt x="1" y="42"/>
                    </a:lnTo>
                    <a:lnTo>
                      <a:pt x="0" y="49"/>
                    </a:lnTo>
                    <a:lnTo>
                      <a:pt x="1" y="57"/>
                    </a:lnTo>
                    <a:lnTo>
                      <a:pt x="13" y="54"/>
                    </a:lnTo>
                    <a:lnTo>
                      <a:pt x="24" y="51"/>
                    </a:lnTo>
                    <a:lnTo>
                      <a:pt x="35" y="45"/>
                    </a:lnTo>
                    <a:lnTo>
                      <a:pt x="44" y="40"/>
                    </a:lnTo>
                    <a:lnTo>
                      <a:pt x="48" y="37"/>
                    </a:lnTo>
                    <a:lnTo>
                      <a:pt x="53" y="33"/>
                    </a:lnTo>
                    <a:lnTo>
                      <a:pt x="56" y="28"/>
                    </a:lnTo>
                    <a:lnTo>
                      <a:pt x="59" y="24"/>
                    </a:lnTo>
                    <a:lnTo>
                      <a:pt x="61" y="19"/>
                    </a:lnTo>
                    <a:lnTo>
                      <a:pt x="63" y="13"/>
                    </a:lnTo>
                    <a:lnTo>
                      <a:pt x="64" y="7"/>
                    </a:lnTo>
                    <a:lnTo>
                      <a:pt x="65" y="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37" name="Lolland kant"/>
              <p:cNvSpPr>
                <a:spLocks/>
              </p:cNvSpPr>
              <p:nvPr/>
            </p:nvSpPr>
            <p:spPr bwMode="auto">
              <a:xfrm>
                <a:off x="3084513" y="5889625"/>
                <a:ext cx="34925" cy="30163"/>
              </a:xfrm>
              <a:custGeom>
                <a:avLst/>
                <a:gdLst>
                  <a:gd name="T0" fmla="*/ 22 w 65"/>
                  <a:gd name="T1" fmla="*/ 0 h 57"/>
                  <a:gd name="T2" fmla="*/ 20 w 65"/>
                  <a:gd name="T3" fmla="*/ 0 h 57"/>
                  <a:gd name="T4" fmla="*/ 17 w 65"/>
                  <a:gd name="T5" fmla="*/ 0 h 57"/>
                  <a:gd name="T6" fmla="*/ 15 w 65"/>
                  <a:gd name="T7" fmla="*/ 0 h 57"/>
                  <a:gd name="T8" fmla="*/ 12 w 65"/>
                  <a:gd name="T9" fmla="*/ 0 h 57"/>
                  <a:gd name="T10" fmla="*/ 10 w 65"/>
                  <a:gd name="T11" fmla="*/ 1 h 57"/>
                  <a:gd name="T12" fmla="*/ 8 w 65"/>
                  <a:gd name="T13" fmla="*/ 2 h 57"/>
                  <a:gd name="T14" fmla="*/ 7 w 65"/>
                  <a:gd name="T15" fmla="*/ 2 h 57"/>
                  <a:gd name="T16" fmla="*/ 5 w 65"/>
                  <a:gd name="T17" fmla="*/ 3 h 57"/>
                  <a:gd name="T18" fmla="*/ 4 w 65"/>
                  <a:gd name="T19" fmla="*/ 5 h 57"/>
                  <a:gd name="T20" fmla="*/ 3 w 65"/>
                  <a:gd name="T21" fmla="*/ 6 h 57"/>
                  <a:gd name="T22" fmla="*/ 2 w 65"/>
                  <a:gd name="T23" fmla="*/ 8 h 57"/>
                  <a:gd name="T24" fmla="*/ 1 w 65"/>
                  <a:gd name="T25" fmla="*/ 10 h 57"/>
                  <a:gd name="T26" fmla="*/ 1 w 65"/>
                  <a:gd name="T27" fmla="*/ 12 h 57"/>
                  <a:gd name="T28" fmla="*/ 0 w 65"/>
                  <a:gd name="T29" fmla="*/ 14 h 57"/>
                  <a:gd name="T30" fmla="*/ 0 w 65"/>
                  <a:gd name="T31" fmla="*/ 16 h 57"/>
                  <a:gd name="T32" fmla="*/ 0 w 65"/>
                  <a:gd name="T33" fmla="*/ 19 h 57"/>
                  <a:gd name="T34" fmla="*/ 4 w 65"/>
                  <a:gd name="T35" fmla="*/ 18 h 57"/>
                  <a:gd name="T36" fmla="*/ 8 w 65"/>
                  <a:gd name="T37" fmla="*/ 17 h 57"/>
                  <a:gd name="T38" fmla="*/ 12 w 65"/>
                  <a:gd name="T39" fmla="*/ 15 h 57"/>
                  <a:gd name="T40" fmla="*/ 15 w 65"/>
                  <a:gd name="T41" fmla="*/ 13 h 57"/>
                  <a:gd name="T42" fmla="*/ 16 w 65"/>
                  <a:gd name="T43" fmla="*/ 12 h 57"/>
                  <a:gd name="T44" fmla="*/ 18 w 65"/>
                  <a:gd name="T45" fmla="*/ 11 h 57"/>
                  <a:gd name="T46" fmla="*/ 19 w 65"/>
                  <a:gd name="T47" fmla="*/ 9 h 57"/>
                  <a:gd name="T48" fmla="*/ 20 w 65"/>
                  <a:gd name="T49" fmla="*/ 8 h 57"/>
                  <a:gd name="T50" fmla="*/ 21 w 65"/>
                  <a:gd name="T51" fmla="*/ 6 h 57"/>
                  <a:gd name="T52" fmla="*/ 21 w 65"/>
                  <a:gd name="T53" fmla="*/ 4 h 57"/>
                  <a:gd name="T54" fmla="*/ 22 w 65"/>
                  <a:gd name="T55" fmla="*/ 2 h 57"/>
                  <a:gd name="T56" fmla="*/ 22 w 65"/>
                  <a:gd name="T57" fmla="*/ 0 h 5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0" t="0" r="r" b="b"/>
                <a:pathLst>
                  <a:path w="65" h="57">
                    <a:moveTo>
                      <a:pt x="65" y="0"/>
                    </a:moveTo>
                    <a:lnTo>
                      <a:pt x="58" y="0"/>
                    </a:lnTo>
                    <a:lnTo>
                      <a:pt x="49" y="0"/>
                    </a:lnTo>
                    <a:lnTo>
                      <a:pt x="43" y="0"/>
                    </a:lnTo>
                    <a:lnTo>
                      <a:pt x="36" y="1"/>
                    </a:lnTo>
                    <a:lnTo>
                      <a:pt x="30" y="3"/>
                    </a:lnTo>
                    <a:lnTo>
                      <a:pt x="24" y="5"/>
                    </a:lnTo>
                    <a:lnTo>
                      <a:pt x="20" y="7"/>
                    </a:lnTo>
                    <a:lnTo>
                      <a:pt x="15" y="10"/>
                    </a:lnTo>
                    <a:lnTo>
                      <a:pt x="12" y="15"/>
                    </a:lnTo>
                    <a:lnTo>
                      <a:pt x="8" y="19"/>
                    </a:lnTo>
                    <a:lnTo>
                      <a:pt x="5" y="24"/>
                    </a:lnTo>
                    <a:lnTo>
                      <a:pt x="3" y="29"/>
                    </a:lnTo>
                    <a:lnTo>
                      <a:pt x="2" y="35"/>
                    </a:lnTo>
                    <a:lnTo>
                      <a:pt x="1" y="42"/>
                    </a:lnTo>
                    <a:lnTo>
                      <a:pt x="0" y="49"/>
                    </a:lnTo>
                    <a:lnTo>
                      <a:pt x="1" y="57"/>
                    </a:lnTo>
                    <a:lnTo>
                      <a:pt x="13" y="54"/>
                    </a:lnTo>
                    <a:lnTo>
                      <a:pt x="24" y="51"/>
                    </a:lnTo>
                    <a:lnTo>
                      <a:pt x="35" y="45"/>
                    </a:lnTo>
                    <a:lnTo>
                      <a:pt x="44" y="40"/>
                    </a:lnTo>
                    <a:lnTo>
                      <a:pt x="48" y="37"/>
                    </a:lnTo>
                    <a:lnTo>
                      <a:pt x="53" y="33"/>
                    </a:lnTo>
                    <a:lnTo>
                      <a:pt x="56" y="28"/>
                    </a:lnTo>
                    <a:lnTo>
                      <a:pt x="59" y="24"/>
                    </a:lnTo>
                    <a:lnTo>
                      <a:pt x="61" y="19"/>
                    </a:lnTo>
                    <a:lnTo>
                      <a:pt x="63" y="13"/>
                    </a:lnTo>
                    <a:lnTo>
                      <a:pt x="64" y="7"/>
                    </a:lnTo>
                    <a:lnTo>
                      <a:pt x="65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38" name="Lolland kant"/>
              <p:cNvSpPr>
                <a:spLocks/>
              </p:cNvSpPr>
              <p:nvPr/>
            </p:nvSpPr>
            <p:spPr bwMode="auto">
              <a:xfrm>
                <a:off x="3055938" y="5984875"/>
                <a:ext cx="22225" cy="20638"/>
              </a:xfrm>
              <a:custGeom>
                <a:avLst/>
                <a:gdLst>
                  <a:gd name="T0" fmla="*/ 0 w 42"/>
                  <a:gd name="T1" fmla="*/ 11 h 37"/>
                  <a:gd name="T2" fmla="*/ 1 w 42"/>
                  <a:gd name="T3" fmla="*/ 11 h 37"/>
                  <a:gd name="T4" fmla="*/ 2 w 42"/>
                  <a:gd name="T5" fmla="*/ 12 h 37"/>
                  <a:gd name="T6" fmla="*/ 3 w 42"/>
                  <a:gd name="T7" fmla="*/ 13 h 37"/>
                  <a:gd name="T8" fmla="*/ 5 w 42"/>
                  <a:gd name="T9" fmla="*/ 13 h 37"/>
                  <a:gd name="T10" fmla="*/ 6 w 42"/>
                  <a:gd name="T11" fmla="*/ 13 h 37"/>
                  <a:gd name="T12" fmla="*/ 7 w 42"/>
                  <a:gd name="T13" fmla="*/ 13 h 37"/>
                  <a:gd name="T14" fmla="*/ 8 w 42"/>
                  <a:gd name="T15" fmla="*/ 13 h 37"/>
                  <a:gd name="T16" fmla="*/ 10 w 42"/>
                  <a:gd name="T17" fmla="*/ 13 h 37"/>
                  <a:gd name="T18" fmla="*/ 11 w 42"/>
                  <a:gd name="T19" fmla="*/ 12 h 37"/>
                  <a:gd name="T20" fmla="*/ 12 w 42"/>
                  <a:gd name="T21" fmla="*/ 11 h 37"/>
                  <a:gd name="T22" fmla="*/ 13 w 42"/>
                  <a:gd name="T23" fmla="*/ 10 h 37"/>
                  <a:gd name="T24" fmla="*/ 13 w 42"/>
                  <a:gd name="T25" fmla="*/ 9 h 37"/>
                  <a:gd name="T26" fmla="*/ 14 w 42"/>
                  <a:gd name="T27" fmla="*/ 7 h 37"/>
                  <a:gd name="T28" fmla="*/ 14 w 42"/>
                  <a:gd name="T29" fmla="*/ 6 h 37"/>
                  <a:gd name="T30" fmla="*/ 14 w 42"/>
                  <a:gd name="T31" fmla="*/ 4 h 37"/>
                  <a:gd name="T32" fmla="*/ 13 w 42"/>
                  <a:gd name="T33" fmla="*/ 2 h 37"/>
                  <a:gd name="T34" fmla="*/ 11 w 42"/>
                  <a:gd name="T35" fmla="*/ 1 h 37"/>
                  <a:gd name="T36" fmla="*/ 8 w 42"/>
                  <a:gd name="T37" fmla="*/ 0 h 37"/>
                  <a:gd name="T38" fmla="*/ 6 w 42"/>
                  <a:gd name="T39" fmla="*/ 0 h 37"/>
                  <a:gd name="T40" fmla="*/ 4 w 42"/>
                  <a:gd name="T41" fmla="*/ 1 h 37"/>
                  <a:gd name="T42" fmla="*/ 3 w 42"/>
                  <a:gd name="T43" fmla="*/ 2 h 37"/>
                  <a:gd name="T44" fmla="*/ 1 w 42"/>
                  <a:gd name="T45" fmla="*/ 4 h 37"/>
                  <a:gd name="T46" fmla="*/ 0 w 42"/>
                  <a:gd name="T47" fmla="*/ 7 h 37"/>
                  <a:gd name="T48" fmla="*/ 0 w 42"/>
                  <a:gd name="T49" fmla="*/ 11 h 3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0" t="0" r="r" b="b"/>
                <a:pathLst>
                  <a:path w="42" h="37">
                    <a:moveTo>
                      <a:pt x="0" y="30"/>
                    </a:moveTo>
                    <a:lnTo>
                      <a:pt x="3" y="32"/>
                    </a:lnTo>
                    <a:lnTo>
                      <a:pt x="6" y="34"/>
                    </a:lnTo>
                    <a:lnTo>
                      <a:pt x="10" y="36"/>
                    </a:lnTo>
                    <a:lnTo>
                      <a:pt x="14" y="37"/>
                    </a:lnTo>
                    <a:lnTo>
                      <a:pt x="18" y="37"/>
                    </a:lnTo>
                    <a:lnTo>
                      <a:pt x="22" y="37"/>
                    </a:lnTo>
                    <a:lnTo>
                      <a:pt x="25" y="37"/>
                    </a:lnTo>
                    <a:lnTo>
                      <a:pt x="30" y="36"/>
                    </a:lnTo>
                    <a:lnTo>
                      <a:pt x="33" y="34"/>
                    </a:lnTo>
                    <a:lnTo>
                      <a:pt x="36" y="32"/>
                    </a:lnTo>
                    <a:lnTo>
                      <a:pt x="38" y="29"/>
                    </a:lnTo>
                    <a:lnTo>
                      <a:pt x="40" y="25"/>
                    </a:lnTo>
                    <a:lnTo>
                      <a:pt x="41" y="21"/>
                    </a:lnTo>
                    <a:lnTo>
                      <a:pt x="42" y="16"/>
                    </a:lnTo>
                    <a:lnTo>
                      <a:pt x="41" y="11"/>
                    </a:lnTo>
                    <a:lnTo>
                      <a:pt x="40" y="5"/>
                    </a:lnTo>
                    <a:lnTo>
                      <a:pt x="32" y="2"/>
                    </a:lnTo>
                    <a:lnTo>
                      <a:pt x="24" y="0"/>
                    </a:lnTo>
                    <a:lnTo>
                      <a:pt x="18" y="1"/>
                    </a:lnTo>
                    <a:lnTo>
                      <a:pt x="13" y="2"/>
                    </a:lnTo>
                    <a:lnTo>
                      <a:pt x="8" y="6"/>
                    </a:lnTo>
                    <a:lnTo>
                      <a:pt x="4" y="12"/>
                    </a:lnTo>
                    <a:lnTo>
                      <a:pt x="1" y="20"/>
                    </a:lnTo>
                    <a:lnTo>
                      <a:pt x="0" y="3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39" name="Lolland"/>
              <p:cNvSpPr>
                <a:spLocks/>
              </p:cNvSpPr>
              <p:nvPr/>
            </p:nvSpPr>
            <p:spPr bwMode="auto">
              <a:xfrm>
                <a:off x="3214688" y="5949950"/>
                <a:ext cx="63500" cy="68263"/>
              </a:xfrm>
              <a:custGeom>
                <a:avLst/>
                <a:gdLst>
                  <a:gd name="T0" fmla="*/ 30 w 122"/>
                  <a:gd name="T1" fmla="*/ 43 h 130"/>
                  <a:gd name="T2" fmla="*/ 27 w 122"/>
                  <a:gd name="T3" fmla="*/ 43 h 130"/>
                  <a:gd name="T4" fmla="*/ 24 w 122"/>
                  <a:gd name="T5" fmla="*/ 43 h 130"/>
                  <a:gd name="T6" fmla="*/ 22 w 122"/>
                  <a:gd name="T7" fmla="*/ 42 h 130"/>
                  <a:gd name="T8" fmla="*/ 20 w 122"/>
                  <a:gd name="T9" fmla="*/ 41 h 130"/>
                  <a:gd name="T10" fmla="*/ 18 w 122"/>
                  <a:gd name="T11" fmla="*/ 39 h 130"/>
                  <a:gd name="T12" fmla="*/ 17 w 122"/>
                  <a:gd name="T13" fmla="*/ 37 h 130"/>
                  <a:gd name="T14" fmla="*/ 14 w 122"/>
                  <a:gd name="T15" fmla="*/ 34 h 130"/>
                  <a:gd name="T16" fmla="*/ 12 w 122"/>
                  <a:gd name="T17" fmla="*/ 29 h 130"/>
                  <a:gd name="T18" fmla="*/ 10 w 122"/>
                  <a:gd name="T19" fmla="*/ 25 h 130"/>
                  <a:gd name="T20" fmla="*/ 7 w 122"/>
                  <a:gd name="T21" fmla="*/ 22 h 130"/>
                  <a:gd name="T22" fmla="*/ 6 w 122"/>
                  <a:gd name="T23" fmla="*/ 20 h 130"/>
                  <a:gd name="T24" fmla="*/ 4 w 122"/>
                  <a:gd name="T25" fmla="*/ 18 h 130"/>
                  <a:gd name="T26" fmla="*/ 2 w 122"/>
                  <a:gd name="T27" fmla="*/ 17 h 130"/>
                  <a:gd name="T28" fmla="*/ 0 w 122"/>
                  <a:gd name="T29" fmla="*/ 16 h 130"/>
                  <a:gd name="T30" fmla="*/ 0 w 122"/>
                  <a:gd name="T31" fmla="*/ 13 h 130"/>
                  <a:gd name="T32" fmla="*/ 1 w 122"/>
                  <a:gd name="T33" fmla="*/ 11 h 130"/>
                  <a:gd name="T34" fmla="*/ 2 w 122"/>
                  <a:gd name="T35" fmla="*/ 9 h 130"/>
                  <a:gd name="T36" fmla="*/ 3 w 122"/>
                  <a:gd name="T37" fmla="*/ 7 h 130"/>
                  <a:gd name="T38" fmla="*/ 6 w 122"/>
                  <a:gd name="T39" fmla="*/ 4 h 130"/>
                  <a:gd name="T40" fmla="*/ 8 w 122"/>
                  <a:gd name="T41" fmla="*/ 0 h 130"/>
                  <a:gd name="T42" fmla="*/ 18 w 122"/>
                  <a:gd name="T43" fmla="*/ 2 h 130"/>
                  <a:gd name="T44" fmla="*/ 29 w 122"/>
                  <a:gd name="T45" fmla="*/ 4 h 130"/>
                  <a:gd name="T46" fmla="*/ 30 w 122"/>
                  <a:gd name="T47" fmla="*/ 5 h 130"/>
                  <a:gd name="T48" fmla="*/ 32 w 122"/>
                  <a:gd name="T49" fmla="*/ 6 h 130"/>
                  <a:gd name="T50" fmla="*/ 34 w 122"/>
                  <a:gd name="T51" fmla="*/ 7 h 130"/>
                  <a:gd name="T52" fmla="*/ 36 w 122"/>
                  <a:gd name="T53" fmla="*/ 8 h 130"/>
                  <a:gd name="T54" fmla="*/ 37 w 122"/>
                  <a:gd name="T55" fmla="*/ 10 h 130"/>
                  <a:gd name="T56" fmla="*/ 39 w 122"/>
                  <a:gd name="T57" fmla="*/ 11 h 130"/>
                  <a:gd name="T58" fmla="*/ 39 w 122"/>
                  <a:gd name="T59" fmla="*/ 14 h 130"/>
                  <a:gd name="T60" fmla="*/ 40 w 122"/>
                  <a:gd name="T61" fmla="*/ 16 h 130"/>
                  <a:gd name="T62" fmla="*/ 40 w 122"/>
                  <a:gd name="T63" fmla="*/ 18 h 130"/>
                  <a:gd name="T64" fmla="*/ 40 w 122"/>
                  <a:gd name="T65" fmla="*/ 21 h 130"/>
                  <a:gd name="T66" fmla="*/ 39 w 122"/>
                  <a:gd name="T67" fmla="*/ 22 h 130"/>
                  <a:gd name="T68" fmla="*/ 39 w 122"/>
                  <a:gd name="T69" fmla="*/ 24 h 130"/>
                  <a:gd name="T70" fmla="*/ 37 w 122"/>
                  <a:gd name="T71" fmla="*/ 28 h 130"/>
                  <a:gd name="T72" fmla="*/ 36 w 122"/>
                  <a:gd name="T73" fmla="*/ 30 h 130"/>
                  <a:gd name="T74" fmla="*/ 34 w 122"/>
                  <a:gd name="T75" fmla="*/ 33 h 130"/>
                  <a:gd name="T76" fmla="*/ 32 w 122"/>
                  <a:gd name="T77" fmla="*/ 36 h 130"/>
                  <a:gd name="T78" fmla="*/ 30 w 122"/>
                  <a:gd name="T79" fmla="*/ 39 h 130"/>
                  <a:gd name="T80" fmla="*/ 30 w 122"/>
                  <a:gd name="T81" fmla="*/ 43 h 130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</a:gdLst>
                <a:ahLst/>
                <a:cxnLst>
                  <a:cxn ang="T82">
                    <a:pos x="T0" y="T1"/>
                  </a:cxn>
                  <a:cxn ang="T83">
                    <a:pos x="T2" y="T3"/>
                  </a:cxn>
                  <a:cxn ang="T84">
                    <a:pos x="T4" y="T5"/>
                  </a:cxn>
                  <a:cxn ang="T85">
                    <a:pos x="T6" y="T7"/>
                  </a:cxn>
                  <a:cxn ang="T86">
                    <a:pos x="T8" y="T9"/>
                  </a:cxn>
                  <a:cxn ang="T87">
                    <a:pos x="T10" y="T11"/>
                  </a:cxn>
                  <a:cxn ang="T88">
                    <a:pos x="T12" y="T13"/>
                  </a:cxn>
                  <a:cxn ang="T89">
                    <a:pos x="T14" y="T15"/>
                  </a:cxn>
                  <a:cxn ang="T90">
                    <a:pos x="T16" y="T17"/>
                  </a:cxn>
                  <a:cxn ang="T91">
                    <a:pos x="T18" y="T19"/>
                  </a:cxn>
                  <a:cxn ang="T92">
                    <a:pos x="T20" y="T21"/>
                  </a:cxn>
                  <a:cxn ang="T93">
                    <a:pos x="T22" y="T23"/>
                  </a:cxn>
                  <a:cxn ang="T94">
                    <a:pos x="T24" y="T25"/>
                  </a:cxn>
                  <a:cxn ang="T95">
                    <a:pos x="T26" y="T27"/>
                  </a:cxn>
                  <a:cxn ang="T96">
                    <a:pos x="T28" y="T29"/>
                  </a:cxn>
                  <a:cxn ang="T97">
                    <a:pos x="T30" y="T31"/>
                  </a:cxn>
                  <a:cxn ang="T98">
                    <a:pos x="T32" y="T33"/>
                  </a:cxn>
                  <a:cxn ang="T99">
                    <a:pos x="T34" y="T35"/>
                  </a:cxn>
                  <a:cxn ang="T100">
                    <a:pos x="T36" y="T37"/>
                  </a:cxn>
                  <a:cxn ang="T101">
                    <a:pos x="T38" y="T39"/>
                  </a:cxn>
                  <a:cxn ang="T102">
                    <a:pos x="T40" y="T41"/>
                  </a:cxn>
                  <a:cxn ang="T103">
                    <a:pos x="T42" y="T43"/>
                  </a:cxn>
                  <a:cxn ang="T104">
                    <a:pos x="T44" y="T45"/>
                  </a:cxn>
                  <a:cxn ang="T105">
                    <a:pos x="T46" y="T47"/>
                  </a:cxn>
                  <a:cxn ang="T106">
                    <a:pos x="T48" y="T49"/>
                  </a:cxn>
                  <a:cxn ang="T107">
                    <a:pos x="T50" y="T51"/>
                  </a:cxn>
                  <a:cxn ang="T108">
                    <a:pos x="T52" y="T53"/>
                  </a:cxn>
                  <a:cxn ang="T109">
                    <a:pos x="T54" y="T55"/>
                  </a:cxn>
                  <a:cxn ang="T110">
                    <a:pos x="T56" y="T57"/>
                  </a:cxn>
                  <a:cxn ang="T111">
                    <a:pos x="T58" y="T59"/>
                  </a:cxn>
                  <a:cxn ang="T112">
                    <a:pos x="T60" y="T61"/>
                  </a:cxn>
                  <a:cxn ang="T113">
                    <a:pos x="T62" y="T63"/>
                  </a:cxn>
                  <a:cxn ang="T114">
                    <a:pos x="T64" y="T65"/>
                  </a:cxn>
                  <a:cxn ang="T115">
                    <a:pos x="T66" y="T67"/>
                  </a:cxn>
                  <a:cxn ang="T116">
                    <a:pos x="T68" y="T69"/>
                  </a:cxn>
                  <a:cxn ang="T117">
                    <a:pos x="T70" y="T71"/>
                  </a:cxn>
                  <a:cxn ang="T118">
                    <a:pos x="T72" y="T73"/>
                  </a:cxn>
                  <a:cxn ang="T119">
                    <a:pos x="T74" y="T75"/>
                  </a:cxn>
                  <a:cxn ang="T120">
                    <a:pos x="T76" y="T77"/>
                  </a:cxn>
                  <a:cxn ang="T121">
                    <a:pos x="T78" y="T79"/>
                  </a:cxn>
                  <a:cxn ang="T122">
                    <a:pos x="T80" y="T81"/>
                  </a:cxn>
                </a:cxnLst>
                <a:rect l="0" t="0" r="r" b="b"/>
                <a:pathLst>
                  <a:path w="122" h="130">
                    <a:moveTo>
                      <a:pt x="90" y="130"/>
                    </a:moveTo>
                    <a:lnTo>
                      <a:pt x="81" y="130"/>
                    </a:lnTo>
                    <a:lnTo>
                      <a:pt x="74" y="130"/>
                    </a:lnTo>
                    <a:lnTo>
                      <a:pt x="67" y="127"/>
                    </a:lnTo>
                    <a:lnTo>
                      <a:pt x="61" y="123"/>
                    </a:lnTo>
                    <a:lnTo>
                      <a:pt x="56" y="119"/>
                    </a:lnTo>
                    <a:lnTo>
                      <a:pt x="52" y="113"/>
                    </a:lnTo>
                    <a:lnTo>
                      <a:pt x="44" y="102"/>
                    </a:lnTo>
                    <a:lnTo>
                      <a:pt x="37" y="89"/>
                    </a:lnTo>
                    <a:lnTo>
                      <a:pt x="30" y="77"/>
                    </a:lnTo>
                    <a:lnTo>
                      <a:pt x="22" y="65"/>
                    </a:lnTo>
                    <a:lnTo>
                      <a:pt x="18" y="61"/>
                    </a:lnTo>
                    <a:lnTo>
                      <a:pt x="13" y="55"/>
                    </a:lnTo>
                    <a:lnTo>
                      <a:pt x="7" y="52"/>
                    </a:lnTo>
                    <a:lnTo>
                      <a:pt x="0" y="49"/>
                    </a:lnTo>
                    <a:lnTo>
                      <a:pt x="1" y="40"/>
                    </a:lnTo>
                    <a:lnTo>
                      <a:pt x="3" y="33"/>
                    </a:lnTo>
                    <a:lnTo>
                      <a:pt x="6" y="27"/>
                    </a:lnTo>
                    <a:lnTo>
                      <a:pt x="10" y="22"/>
                    </a:lnTo>
                    <a:lnTo>
                      <a:pt x="18" y="11"/>
                    </a:lnTo>
                    <a:lnTo>
                      <a:pt x="24" y="0"/>
                    </a:lnTo>
                    <a:lnTo>
                      <a:pt x="56" y="5"/>
                    </a:lnTo>
                    <a:lnTo>
                      <a:pt x="87" y="11"/>
                    </a:lnTo>
                    <a:lnTo>
                      <a:pt x="93" y="14"/>
                    </a:lnTo>
                    <a:lnTo>
                      <a:pt x="99" y="17"/>
                    </a:lnTo>
                    <a:lnTo>
                      <a:pt x="104" y="21"/>
                    </a:lnTo>
                    <a:lnTo>
                      <a:pt x="110" y="25"/>
                    </a:lnTo>
                    <a:lnTo>
                      <a:pt x="114" y="29"/>
                    </a:lnTo>
                    <a:lnTo>
                      <a:pt x="118" y="34"/>
                    </a:lnTo>
                    <a:lnTo>
                      <a:pt x="120" y="42"/>
                    </a:lnTo>
                    <a:lnTo>
                      <a:pt x="122" y="49"/>
                    </a:lnTo>
                    <a:lnTo>
                      <a:pt x="122" y="55"/>
                    </a:lnTo>
                    <a:lnTo>
                      <a:pt x="121" y="63"/>
                    </a:lnTo>
                    <a:lnTo>
                      <a:pt x="120" y="68"/>
                    </a:lnTo>
                    <a:lnTo>
                      <a:pt x="119" y="73"/>
                    </a:lnTo>
                    <a:lnTo>
                      <a:pt x="114" y="84"/>
                    </a:lnTo>
                    <a:lnTo>
                      <a:pt x="109" y="92"/>
                    </a:lnTo>
                    <a:lnTo>
                      <a:pt x="103" y="101"/>
                    </a:lnTo>
                    <a:lnTo>
                      <a:pt x="97" y="109"/>
                    </a:lnTo>
                    <a:lnTo>
                      <a:pt x="93" y="119"/>
                    </a:lnTo>
                    <a:lnTo>
                      <a:pt x="90" y="13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40" name="Lolland kant"/>
              <p:cNvSpPr>
                <a:spLocks/>
              </p:cNvSpPr>
              <p:nvPr/>
            </p:nvSpPr>
            <p:spPr bwMode="auto">
              <a:xfrm>
                <a:off x="3214688" y="5949950"/>
                <a:ext cx="63500" cy="68263"/>
              </a:xfrm>
              <a:custGeom>
                <a:avLst/>
                <a:gdLst>
                  <a:gd name="T0" fmla="*/ 30 w 122"/>
                  <a:gd name="T1" fmla="*/ 43 h 130"/>
                  <a:gd name="T2" fmla="*/ 27 w 122"/>
                  <a:gd name="T3" fmla="*/ 43 h 130"/>
                  <a:gd name="T4" fmla="*/ 24 w 122"/>
                  <a:gd name="T5" fmla="*/ 43 h 130"/>
                  <a:gd name="T6" fmla="*/ 22 w 122"/>
                  <a:gd name="T7" fmla="*/ 42 h 130"/>
                  <a:gd name="T8" fmla="*/ 20 w 122"/>
                  <a:gd name="T9" fmla="*/ 41 h 130"/>
                  <a:gd name="T10" fmla="*/ 18 w 122"/>
                  <a:gd name="T11" fmla="*/ 39 h 130"/>
                  <a:gd name="T12" fmla="*/ 17 w 122"/>
                  <a:gd name="T13" fmla="*/ 37 h 130"/>
                  <a:gd name="T14" fmla="*/ 14 w 122"/>
                  <a:gd name="T15" fmla="*/ 34 h 130"/>
                  <a:gd name="T16" fmla="*/ 12 w 122"/>
                  <a:gd name="T17" fmla="*/ 29 h 130"/>
                  <a:gd name="T18" fmla="*/ 10 w 122"/>
                  <a:gd name="T19" fmla="*/ 25 h 130"/>
                  <a:gd name="T20" fmla="*/ 7 w 122"/>
                  <a:gd name="T21" fmla="*/ 22 h 130"/>
                  <a:gd name="T22" fmla="*/ 6 w 122"/>
                  <a:gd name="T23" fmla="*/ 20 h 130"/>
                  <a:gd name="T24" fmla="*/ 4 w 122"/>
                  <a:gd name="T25" fmla="*/ 18 h 130"/>
                  <a:gd name="T26" fmla="*/ 2 w 122"/>
                  <a:gd name="T27" fmla="*/ 17 h 130"/>
                  <a:gd name="T28" fmla="*/ 0 w 122"/>
                  <a:gd name="T29" fmla="*/ 16 h 130"/>
                  <a:gd name="T30" fmla="*/ 0 w 122"/>
                  <a:gd name="T31" fmla="*/ 13 h 130"/>
                  <a:gd name="T32" fmla="*/ 1 w 122"/>
                  <a:gd name="T33" fmla="*/ 11 h 130"/>
                  <a:gd name="T34" fmla="*/ 2 w 122"/>
                  <a:gd name="T35" fmla="*/ 9 h 130"/>
                  <a:gd name="T36" fmla="*/ 3 w 122"/>
                  <a:gd name="T37" fmla="*/ 7 h 130"/>
                  <a:gd name="T38" fmla="*/ 6 w 122"/>
                  <a:gd name="T39" fmla="*/ 4 h 130"/>
                  <a:gd name="T40" fmla="*/ 8 w 122"/>
                  <a:gd name="T41" fmla="*/ 0 h 130"/>
                  <a:gd name="T42" fmla="*/ 18 w 122"/>
                  <a:gd name="T43" fmla="*/ 2 h 130"/>
                  <a:gd name="T44" fmla="*/ 29 w 122"/>
                  <a:gd name="T45" fmla="*/ 4 h 130"/>
                  <a:gd name="T46" fmla="*/ 30 w 122"/>
                  <a:gd name="T47" fmla="*/ 5 h 130"/>
                  <a:gd name="T48" fmla="*/ 32 w 122"/>
                  <a:gd name="T49" fmla="*/ 6 h 130"/>
                  <a:gd name="T50" fmla="*/ 34 w 122"/>
                  <a:gd name="T51" fmla="*/ 7 h 130"/>
                  <a:gd name="T52" fmla="*/ 36 w 122"/>
                  <a:gd name="T53" fmla="*/ 8 h 130"/>
                  <a:gd name="T54" fmla="*/ 37 w 122"/>
                  <a:gd name="T55" fmla="*/ 10 h 130"/>
                  <a:gd name="T56" fmla="*/ 39 w 122"/>
                  <a:gd name="T57" fmla="*/ 11 h 130"/>
                  <a:gd name="T58" fmla="*/ 39 w 122"/>
                  <a:gd name="T59" fmla="*/ 14 h 130"/>
                  <a:gd name="T60" fmla="*/ 40 w 122"/>
                  <a:gd name="T61" fmla="*/ 16 h 130"/>
                  <a:gd name="T62" fmla="*/ 40 w 122"/>
                  <a:gd name="T63" fmla="*/ 18 h 130"/>
                  <a:gd name="T64" fmla="*/ 40 w 122"/>
                  <a:gd name="T65" fmla="*/ 21 h 130"/>
                  <a:gd name="T66" fmla="*/ 39 w 122"/>
                  <a:gd name="T67" fmla="*/ 22 h 130"/>
                  <a:gd name="T68" fmla="*/ 39 w 122"/>
                  <a:gd name="T69" fmla="*/ 24 h 130"/>
                  <a:gd name="T70" fmla="*/ 37 w 122"/>
                  <a:gd name="T71" fmla="*/ 28 h 130"/>
                  <a:gd name="T72" fmla="*/ 36 w 122"/>
                  <a:gd name="T73" fmla="*/ 30 h 130"/>
                  <a:gd name="T74" fmla="*/ 34 w 122"/>
                  <a:gd name="T75" fmla="*/ 33 h 130"/>
                  <a:gd name="T76" fmla="*/ 32 w 122"/>
                  <a:gd name="T77" fmla="*/ 36 h 130"/>
                  <a:gd name="T78" fmla="*/ 30 w 122"/>
                  <a:gd name="T79" fmla="*/ 39 h 130"/>
                  <a:gd name="T80" fmla="*/ 30 w 122"/>
                  <a:gd name="T81" fmla="*/ 43 h 130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</a:gdLst>
                <a:ahLst/>
                <a:cxnLst>
                  <a:cxn ang="T82">
                    <a:pos x="T0" y="T1"/>
                  </a:cxn>
                  <a:cxn ang="T83">
                    <a:pos x="T2" y="T3"/>
                  </a:cxn>
                  <a:cxn ang="T84">
                    <a:pos x="T4" y="T5"/>
                  </a:cxn>
                  <a:cxn ang="T85">
                    <a:pos x="T6" y="T7"/>
                  </a:cxn>
                  <a:cxn ang="T86">
                    <a:pos x="T8" y="T9"/>
                  </a:cxn>
                  <a:cxn ang="T87">
                    <a:pos x="T10" y="T11"/>
                  </a:cxn>
                  <a:cxn ang="T88">
                    <a:pos x="T12" y="T13"/>
                  </a:cxn>
                  <a:cxn ang="T89">
                    <a:pos x="T14" y="T15"/>
                  </a:cxn>
                  <a:cxn ang="T90">
                    <a:pos x="T16" y="T17"/>
                  </a:cxn>
                  <a:cxn ang="T91">
                    <a:pos x="T18" y="T19"/>
                  </a:cxn>
                  <a:cxn ang="T92">
                    <a:pos x="T20" y="T21"/>
                  </a:cxn>
                  <a:cxn ang="T93">
                    <a:pos x="T22" y="T23"/>
                  </a:cxn>
                  <a:cxn ang="T94">
                    <a:pos x="T24" y="T25"/>
                  </a:cxn>
                  <a:cxn ang="T95">
                    <a:pos x="T26" y="T27"/>
                  </a:cxn>
                  <a:cxn ang="T96">
                    <a:pos x="T28" y="T29"/>
                  </a:cxn>
                  <a:cxn ang="T97">
                    <a:pos x="T30" y="T31"/>
                  </a:cxn>
                  <a:cxn ang="T98">
                    <a:pos x="T32" y="T33"/>
                  </a:cxn>
                  <a:cxn ang="T99">
                    <a:pos x="T34" y="T35"/>
                  </a:cxn>
                  <a:cxn ang="T100">
                    <a:pos x="T36" y="T37"/>
                  </a:cxn>
                  <a:cxn ang="T101">
                    <a:pos x="T38" y="T39"/>
                  </a:cxn>
                  <a:cxn ang="T102">
                    <a:pos x="T40" y="T41"/>
                  </a:cxn>
                  <a:cxn ang="T103">
                    <a:pos x="T42" y="T43"/>
                  </a:cxn>
                  <a:cxn ang="T104">
                    <a:pos x="T44" y="T45"/>
                  </a:cxn>
                  <a:cxn ang="T105">
                    <a:pos x="T46" y="T47"/>
                  </a:cxn>
                  <a:cxn ang="T106">
                    <a:pos x="T48" y="T49"/>
                  </a:cxn>
                  <a:cxn ang="T107">
                    <a:pos x="T50" y="T51"/>
                  </a:cxn>
                  <a:cxn ang="T108">
                    <a:pos x="T52" y="T53"/>
                  </a:cxn>
                  <a:cxn ang="T109">
                    <a:pos x="T54" y="T55"/>
                  </a:cxn>
                  <a:cxn ang="T110">
                    <a:pos x="T56" y="T57"/>
                  </a:cxn>
                  <a:cxn ang="T111">
                    <a:pos x="T58" y="T59"/>
                  </a:cxn>
                  <a:cxn ang="T112">
                    <a:pos x="T60" y="T61"/>
                  </a:cxn>
                  <a:cxn ang="T113">
                    <a:pos x="T62" y="T63"/>
                  </a:cxn>
                  <a:cxn ang="T114">
                    <a:pos x="T64" y="T65"/>
                  </a:cxn>
                  <a:cxn ang="T115">
                    <a:pos x="T66" y="T67"/>
                  </a:cxn>
                  <a:cxn ang="T116">
                    <a:pos x="T68" y="T69"/>
                  </a:cxn>
                  <a:cxn ang="T117">
                    <a:pos x="T70" y="T71"/>
                  </a:cxn>
                  <a:cxn ang="T118">
                    <a:pos x="T72" y="T73"/>
                  </a:cxn>
                  <a:cxn ang="T119">
                    <a:pos x="T74" y="T75"/>
                  </a:cxn>
                  <a:cxn ang="T120">
                    <a:pos x="T76" y="T77"/>
                  </a:cxn>
                  <a:cxn ang="T121">
                    <a:pos x="T78" y="T79"/>
                  </a:cxn>
                  <a:cxn ang="T122">
                    <a:pos x="T80" y="T81"/>
                  </a:cxn>
                </a:cxnLst>
                <a:rect l="0" t="0" r="r" b="b"/>
                <a:pathLst>
                  <a:path w="122" h="130">
                    <a:moveTo>
                      <a:pt x="90" y="130"/>
                    </a:moveTo>
                    <a:lnTo>
                      <a:pt x="81" y="130"/>
                    </a:lnTo>
                    <a:lnTo>
                      <a:pt x="74" y="130"/>
                    </a:lnTo>
                    <a:lnTo>
                      <a:pt x="67" y="127"/>
                    </a:lnTo>
                    <a:lnTo>
                      <a:pt x="61" y="123"/>
                    </a:lnTo>
                    <a:lnTo>
                      <a:pt x="56" y="119"/>
                    </a:lnTo>
                    <a:lnTo>
                      <a:pt x="52" y="113"/>
                    </a:lnTo>
                    <a:lnTo>
                      <a:pt x="44" y="102"/>
                    </a:lnTo>
                    <a:lnTo>
                      <a:pt x="37" y="89"/>
                    </a:lnTo>
                    <a:lnTo>
                      <a:pt x="30" y="77"/>
                    </a:lnTo>
                    <a:lnTo>
                      <a:pt x="22" y="65"/>
                    </a:lnTo>
                    <a:lnTo>
                      <a:pt x="18" y="61"/>
                    </a:lnTo>
                    <a:lnTo>
                      <a:pt x="13" y="55"/>
                    </a:lnTo>
                    <a:lnTo>
                      <a:pt x="7" y="52"/>
                    </a:lnTo>
                    <a:lnTo>
                      <a:pt x="0" y="49"/>
                    </a:lnTo>
                    <a:lnTo>
                      <a:pt x="1" y="40"/>
                    </a:lnTo>
                    <a:lnTo>
                      <a:pt x="3" y="33"/>
                    </a:lnTo>
                    <a:lnTo>
                      <a:pt x="6" y="27"/>
                    </a:lnTo>
                    <a:lnTo>
                      <a:pt x="10" y="22"/>
                    </a:lnTo>
                    <a:lnTo>
                      <a:pt x="18" y="11"/>
                    </a:lnTo>
                    <a:lnTo>
                      <a:pt x="24" y="0"/>
                    </a:lnTo>
                    <a:lnTo>
                      <a:pt x="56" y="5"/>
                    </a:lnTo>
                    <a:lnTo>
                      <a:pt x="87" y="11"/>
                    </a:lnTo>
                    <a:lnTo>
                      <a:pt x="93" y="14"/>
                    </a:lnTo>
                    <a:lnTo>
                      <a:pt x="99" y="17"/>
                    </a:lnTo>
                    <a:lnTo>
                      <a:pt x="104" y="21"/>
                    </a:lnTo>
                    <a:lnTo>
                      <a:pt x="110" y="25"/>
                    </a:lnTo>
                    <a:lnTo>
                      <a:pt x="114" y="29"/>
                    </a:lnTo>
                    <a:lnTo>
                      <a:pt x="118" y="34"/>
                    </a:lnTo>
                    <a:lnTo>
                      <a:pt x="120" y="42"/>
                    </a:lnTo>
                    <a:lnTo>
                      <a:pt x="122" y="49"/>
                    </a:lnTo>
                    <a:lnTo>
                      <a:pt x="122" y="55"/>
                    </a:lnTo>
                    <a:lnTo>
                      <a:pt x="121" y="63"/>
                    </a:lnTo>
                    <a:lnTo>
                      <a:pt x="120" y="68"/>
                    </a:lnTo>
                    <a:lnTo>
                      <a:pt x="119" y="73"/>
                    </a:lnTo>
                    <a:lnTo>
                      <a:pt x="114" y="84"/>
                    </a:lnTo>
                    <a:lnTo>
                      <a:pt x="109" y="92"/>
                    </a:lnTo>
                    <a:lnTo>
                      <a:pt x="103" y="101"/>
                    </a:lnTo>
                    <a:lnTo>
                      <a:pt x="97" y="109"/>
                    </a:lnTo>
                    <a:lnTo>
                      <a:pt x="93" y="119"/>
                    </a:lnTo>
                    <a:lnTo>
                      <a:pt x="90" y="13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41" name="Lolland"/>
              <p:cNvSpPr>
                <a:spLocks/>
              </p:cNvSpPr>
              <p:nvPr/>
            </p:nvSpPr>
            <p:spPr bwMode="auto">
              <a:xfrm>
                <a:off x="3097213" y="5988050"/>
                <a:ext cx="104775" cy="73025"/>
              </a:xfrm>
              <a:custGeom>
                <a:avLst/>
                <a:gdLst>
                  <a:gd name="T0" fmla="*/ 23 w 197"/>
                  <a:gd name="T1" fmla="*/ 42 h 139"/>
                  <a:gd name="T2" fmla="*/ 15 w 197"/>
                  <a:gd name="T3" fmla="*/ 35 h 139"/>
                  <a:gd name="T4" fmla="*/ 10 w 197"/>
                  <a:gd name="T5" fmla="*/ 29 h 139"/>
                  <a:gd name="T6" fmla="*/ 6 w 197"/>
                  <a:gd name="T7" fmla="*/ 23 h 139"/>
                  <a:gd name="T8" fmla="*/ 2 w 197"/>
                  <a:gd name="T9" fmla="*/ 17 h 139"/>
                  <a:gd name="T10" fmla="*/ 0 w 197"/>
                  <a:gd name="T11" fmla="*/ 11 h 139"/>
                  <a:gd name="T12" fmla="*/ 0 w 197"/>
                  <a:gd name="T13" fmla="*/ 4 h 139"/>
                  <a:gd name="T14" fmla="*/ 3 w 197"/>
                  <a:gd name="T15" fmla="*/ 0 h 139"/>
                  <a:gd name="T16" fmla="*/ 7 w 197"/>
                  <a:gd name="T17" fmla="*/ 1 h 139"/>
                  <a:gd name="T18" fmla="*/ 11 w 197"/>
                  <a:gd name="T19" fmla="*/ 4 h 139"/>
                  <a:gd name="T20" fmla="*/ 15 w 197"/>
                  <a:gd name="T21" fmla="*/ 9 h 139"/>
                  <a:gd name="T22" fmla="*/ 19 w 197"/>
                  <a:gd name="T23" fmla="*/ 12 h 139"/>
                  <a:gd name="T24" fmla="*/ 23 w 197"/>
                  <a:gd name="T25" fmla="*/ 14 h 139"/>
                  <a:gd name="T26" fmla="*/ 26 w 197"/>
                  <a:gd name="T27" fmla="*/ 14 h 139"/>
                  <a:gd name="T28" fmla="*/ 27 w 197"/>
                  <a:gd name="T29" fmla="*/ 12 h 139"/>
                  <a:gd name="T30" fmla="*/ 28 w 197"/>
                  <a:gd name="T31" fmla="*/ 10 h 139"/>
                  <a:gd name="T32" fmla="*/ 28 w 197"/>
                  <a:gd name="T33" fmla="*/ 5 h 139"/>
                  <a:gd name="T34" fmla="*/ 29 w 197"/>
                  <a:gd name="T35" fmla="*/ 2 h 139"/>
                  <a:gd name="T36" fmla="*/ 30 w 197"/>
                  <a:gd name="T37" fmla="*/ 1 h 139"/>
                  <a:gd name="T38" fmla="*/ 34 w 197"/>
                  <a:gd name="T39" fmla="*/ 2 h 139"/>
                  <a:gd name="T40" fmla="*/ 40 w 197"/>
                  <a:gd name="T41" fmla="*/ 3 h 139"/>
                  <a:gd name="T42" fmla="*/ 46 w 197"/>
                  <a:gd name="T43" fmla="*/ 3 h 139"/>
                  <a:gd name="T44" fmla="*/ 52 w 197"/>
                  <a:gd name="T45" fmla="*/ 2 h 139"/>
                  <a:gd name="T46" fmla="*/ 58 w 197"/>
                  <a:gd name="T47" fmla="*/ 4 h 139"/>
                  <a:gd name="T48" fmla="*/ 62 w 197"/>
                  <a:gd name="T49" fmla="*/ 10 h 139"/>
                  <a:gd name="T50" fmla="*/ 65 w 197"/>
                  <a:gd name="T51" fmla="*/ 14 h 139"/>
                  <a:gd name="T52" fmla="*/ 66 w 197"/>
                  <a:gd name="T53" fmla="*/ 18 h 139"/>
                  <a:gd name="T54" fmla="*/ 65 w 197"/>
                  <a:gd name="T55" fmla="*/ 20 h 139"/>
                  <a:gd name="T56" fmla="*/ 61 w 197"/>
                  <a:gd name="T57" fmla="*/ 21 h 139"/>
                  <a:gd name="T58" fmla="*/ 56 w 197"/>
                  <a:gd name="T59" fmla="*/ 22 h 139"/>
                  <a:gd name="T60" fmla="*/ 52 w 197"/>
                  <a:gd name="T61" fmla="*/ 23 h 139"/>
                  <a:gd name="T62" fmla="*/ 50 w 197"/>
                  <a:gd name="T63" fmla="*/ 24 h 139"/>
                  <a:gd name="T64" fmla="*/ 48 w 197"/>
                  <a:gd name="T65" fmla="*/ 25 h 139"/>
                  <a:gd name="T66" fmla="*/ 44 w 197"/>
                  <a:gd name="T67" fmla="*/ 26 h 139"/>
                  <a:gd name="T68" fmla="*/ 40 w 197"/>
                  <a:gd name="T69" fmla="*/ 29 h 139"/>
                  <a:gd name="T70" fmla="*/ 37 w 197"/>
                  <a:gd name="T71" fmla="*/ 35 h 139"/>
                  <a:gd name="T72" fmla="*/ 34 w 197"/>
                  <a:gd name="T73" fmla="*/ 40 h 139"/>
                  <a:gd name="T74" fmla="*/ 32 w 197"/>
                  <a:gd name="T75" fmla="*/ 42 h 139"/>
                  <a:gd name="T76" fmla="*/ 28 w 197"/>
                  <a:gd name="T77" fmla="*/ 42 h 139"/>
                  <a:gd name="T78" fmla="*/ 24 w 197"/>
                  <a:gd name="T79" fmla="*/ 39 h 139"/>
                  <a:gd name="T80" fmla="*/ 24 w 197"/>
                  <a:gd name="T81" fmla="*/ 40 h 139"/>
                  <a:gd name="T82" fmla="*/ 26 w 197"/>
                  <a:gd name="T83" fmla="*/ 43 h 139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0" t="0" r="r" b="b"/>
                <a:pathLst>
                  <a:path w="197" h="139">
                    <a:moveTo>
                      <a:pt x="83" y="139"/>
                    </a:moveTo>
                    <a:lnTo>
                      <a:pt x="68" y="127"/>
                    </a:lnTo>
                    <a:lnTo>
                      <a:pt x="52" y="113"/>
                    </a:lnTo>
                    <a:lnTo>
                      <a:pt x="44" y="106"/>
                    </a:lnTo>
                    <a:lnTo>
                      <a:pt x="37" y="97"/>
                    </a:lnTo>
                    <a:lnTo>
                      <a:pt x="30" y="89"/>
                    </a:lnTo>
                    <a:lnTo>
                      <a:pt x="23" y="79"/>
                    </a:lnTo>
                    <a:lnTo>
                      <a:pt x="17" y="71"/>
                    </a:lnTo>
                    <a:lnTo>
                      <a:pt x="12" y="61"/>
                    </a:lnTo>
                    <a:lnTo>
                      <a:pt x="7" y="51"/>
                    </a:lnTo>
                    <a:lnTo>
                      <a:pt x="4" y="41"/>
                    </a:lnTo>
                    <a:lnTo>
                      <a:pt x="1" y="32"/>
                    </a:lnTo>
                    <a:lnTo>
                      <a:pt x="0" y="21"/>
                    </a:lnTo>
                    <a:lnTo>
                      <a:pt x="0" y="11"/>
                    </a:lnTo>
                    <a:lnTo>
                      <a:pt x="2" y="1"/>
                    </a:lnTo>
                    <a:lnTo>
                      <a:pt x="10" y="0"/>
                    </a:lnTo>
                    <a:lnTo>
                      <a:pt x="16" y="1"/>
                    </a:lnTo>
                    <a:lnTo>
                      <a:pt x="21" y="4"/>
                    </a:lnTo>
                    <a:lnTo>
                      <a:pt x="25" y="6"/>
                    </a:lnTo>
                    <a:lnTo>
                      <a:pt x="34" y="12"/>
                    </a:lnTo>
                    <a:lnTo>
                      <a:pt x="40" y="19"/>
                    </a:lnTo>
                    <a:lnTo>
                      <a:pt x="46" y="28"/>
                    </a:lnTo>
                    <a:lnTo>
                      <a:pt x="54" y="34"/>
                    </a:lnTo>
                    <a:lnTo>
                      <a:pt x="58" y="37"/>
                    </a:lnTo>
                    <a:lnTo>
                      <a:pt x="63" y="39"/>
                    </a:lnTo>
                    <a:lnTo>
                      <a:pt x="69" y="41"/>
                    </a:lnTo>
                    <a:lnTo>
                      <a:pt x="75" y="41"/>
                    </a:lnTo>
                    <a:lnTo>
                      <a:pt x="78" y="41"/>
                    </a:lnTo>
                    <a:lnTo>
                      <a:pt x="80" y="39"/>
                    </a:lnTo>
                    <a:lnTo>
                      <a:pt x="81" y="37"/>
                    </a:lnTo>
                    <a:lnTo>
                      <a:pt x="82" y="35"/>
                    </a:lnTo>
                    <a:lnTo>
                      <a:pt x="84" y="29"/>
                    </a:lnTo>
                    <a:lnTo>
                      <a:pt x="84" y="22"/>
                    </a:lnTo>
                    <a:lnTo>
                      <a:pt x="84" y="15"/>
                    </a:lnTo>
                    <a:lnTo>
                      <a:pt x="85" y="9"/>
                    </a:lnTo>
                    <a:lnTo>
                      <a:pt x="86" y="7"/>
                    </a:lnTo>
                    <a:lnTo>
                      <a:pt x="88" y="5"/>
                    </a:lnTo>
                    <a:lnTo>
                      <a:pt x="89" y="2"/>
                    </a:lnTo>
                    <a:lnTo>
                      <a:pt x="92" y="1"/>
                    </a:lnTo>
                    <a:lnTo>
                      <a:pt x="100" y="5"/>
                    </a:lnTo>
                    <a:lnTo>
                      <a:pt x="110" y="7"/>
                    </a:lnTo>
                    <a:lnTo>
                      <a:pt x="118" y="8"/>
                    </a:lnTo>
                    <a:lnTo>
                      <a:pt x="128" y="9"/>
                    </a:lnTo>
                    <a:lnTo>
                      <a:pt x="137" y="8"/>
                    </a:lnTo>
                    <a:lnTo>
                      <a:pt x="146" y="7"/>
                    </a:lnTo>
                    <a:lnTo>
                      <a:pt x="156" y="5"/>
                    </a:lnTo>
                    <a:lnTo>
                      <a:pt x="164" y="1"/>
                    </a:lnTo>
                    <a:lnTo>
                      <a:pt x="173" y="13"/>
                    </a:lnTo>
                    <a:lnTo>
                      <a:pt x="182" y="24"/>
                    </a:lnTo>
                    <a:lnTo>
                      <a:pt x="186" y="30"/>
                    </a:lnTo>
                    <a:lnTo>
                      <a:pt x="191" y="35"/>
                    </a:lnTo>
                    <a:lnTo>
                      <a:pt x="195" y="42"/>
                    </a:lnTo>
                    <a:lnTo>
                      <a:pt x="197" y="50"/>
                    </a:lnTo>
                    <a:lnTo>
                      <a:pt x="196" y="54"/>
                    </a:lnTo>
                    <a:lnTo>
                      <a:pt x="195" y="56"/>
                    </a:lnTo>
                    <a:lnTo>
                      <a:pt x="193" y="59"/>
                    </a:lnTo>
                    <a:lnTo>
                      <a:pt x="190" y="60"/>
                    </a:lnTo>
                    <a:lnTo>
                      <a:pt x="183" y="64"/>
                    </a:lnTo>
                    <a:lnTo>
                      <a:pt x="175" y="65"/>
                    </a:lnTo>
                    <a:lnTo>
                      <a:pt x="166" y="66"/>
                    </a:lnTo>
                    <a:lnTo>
                      <a:pt x="159" y="67"/>
                    </a:lnTo>
                    <a:lnTo>
                      <a:pt x="156" y="68"/>
                    </a:lnTo>
                    <a:lnTo>
                      <a:pt x="153" y="70"/>
                    </a:lnTo>
                    <a:lnTo>
                      <a:pt x="150" y="72"/>
                    </a:lnTo>
                    <a:lnTo>
                      <a:pt x="149" y="74"/>
                    </a:lnTo>
                    <a:lnTo>
                      <a:pt x="142" y="75"/>
                    </a:lnTo>
                    <a:lnTo>
                      <a:pt x="136" y="76"/>
                    </a:lnTo>
                    <a:lnTo>
                      <a:pt x="132" y="79"/>
                    </a:lnTo>
                    <a:lnTo>
                      <a:pt x="128" y="81"/>
                    </a:lnTo>
                    <a:lnTo>
                      <a:pt x="120" y="89"/>
                    </a:lnTo>
                    <a:lnTo>
                      <a:pt x="115" y="98"/>
                    </a:lnTo>
                    <a:lnTo>
                      <a:pt x="110" y="107"/>
                    </a:lnTo>
                    <a:lnTo>
                      <a:pt x="105" y="116"/>
                    </a:lnTo>
                    <a:lnTo>
                      <a:pt x="102" y="120"/>
                    </a:lnTo>
                    <a:lnTo>
                      <a:pt x="99" y="125"/>
                    </a:lnTo>
                    <a:lnTo>
                      <a:pt x="96" y="128"/>
                    </a:lnTo>
                    <a:lnTo>
                      <a:pt x="92" y="131"/>
                    </a:lnTo>
                    <a:lnTo>
                      <a:pt x="83" y="126"/>
                    </a:lnTo>
                    <a:lnTo>
                      <a:pt x="77" y="121"/>
                    </a:lnTo>
                    <a:lnTo>
                      <a:pt x="73" y="119"/>
                    </a:lnTo>
                    <a:lnTo>
                      <a:pt x="72" y="119"/>
                    </a:lnTo>
                    <a:lnTo>
                      <a:pt x="72" y="121"/>
                    </a:lnTo>
                    <a:lnTo>
                      <a:pt x="74" y="125"/>
                    </a:lnTo>
                    <a:lnTo>
                      <a:pt x="77" y="131"/>
                    </a:lnTo>
                    <a:lnTo>
                      <a:pt x="83" y="139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42" name="Lolland kant"/>
              <p:cNvSpPr>
                <a:spLocks/>
              </p:cNvSpPr>
              <p:nvPr/>
            </p:nvSpPr>
            <p:spPr bwMode="auto">
              <a:xfrm>
                <a:off x="3097213" y="5988050"/>
                <a:ext cx="104775" cy="73025"/>
              </a:xfrm>
              <a:custGeom>
                <a:avLst/>
                <a:gdLst>
                  <a:gd name="T0" fmla="*/ 23 w 197"/>
                  <a:gd name="T1" fmla="*/ 42 h 139"/>
                  <a:gd name="T2" fmla="*/ 15 w 197"/>
                  <a:gd name="T3" fmla="*/ 35 h 139"/>
                  <a:gd name="T4" fmla="*/ 10 w 197"/>
                  <a:gd name="T5" fmla="*/ 29 h 139"/>
                  <a:gd name="T6" fmla="*/ 6 w 197"/>
                  <a:gd name="T7" fmla="*/ 23 h 139"/>
                  <a:gd name="T8" fmla="*/ 2 w 197"/>
                  <a:gd name="T9" fmla="*/ 17 h 139"/>
                  <a:gd name="T10" fmla="*/ 0 w 197"/>
                  <a:gd name="T11" fmla="*/ 11 h 139"/>
                  <a:gd name="T12" fmla="*/ 0 w 197"/>
                  <a:gd name="T13" fmla="*/ 4 h 139"/>
                  <a:gd name="T14" fmla="*/ 3 w 197"/>
                  <a:gd name="T15" fmla="*/ 0 h 139"/>
                  <a:gd name="T16" fmla="*/ 7 w 197"/>
                  <a:gd name="T17" fmla="*/ 1 h 139"/>
                  <a:gd name="T18" fmla="*/ 11 w 197"/>
                  <a:gd name="T19" fmla="*/ 4 h 139"/>
                  <a:gd name="T20" fmla="*/ 15 w 197"/>
                  <a:gd name="T21" fmla="*/ 9 h 139"/>
                  <a:gd name="T22" fmla="*/ 19 w 197"/>
                  <a:gd name="T23" fmla="*/ 12 h 139"/>
                  <a:gd name="T24" fmla="*/ 23 w 197"/>
                  <a:gd name="T25" fmla="*/ 14 h 139"/>
                  <a:gd name="T26" fmla="*/ 26 w 197"/>
                  <a:gd name="T27" fmla="*/ 14 h 139"/>
                  <a:gd name="T28" fmla="*/ 27 w 197"/>
                  <a:gd name="T29" fmla="*/ 12 h 139"/>
                  <a:gd name="T30" fmla="*/ 28 w 197"/>
                  <a:gd name="T31" fmla="*/ 10 h 139"/>
                  <a:gd name="T32" fmla="*/ 28 w 197"/>
                  <a:gd name="T33" fmla="*/ 5 h 139"/>
                  <a:gd name="T34" fmla="*/ 29 w 197"/>
                  <a:gd name="T35" fmla="*/ 2 h 139"/>
                  <a:gd name="T36" fmla="*/ 30 w 197"/>
                  <a:gd name="T37" fmla="*/ 1 h 139"/>
                  <a:gd name="T38" fmla="*/ 34 w 197"/>
                  <a:gd name="T39" fmla="*/ 2 h 139"/>
                  <a:gd name="T40" fmla="*/ 40 w 197"/>
                  <a:gd name="T41" fmla="*/ 3 h 139"/>
                  <a:gd name="T42" fmla="*/ 46 w 197"/>
                  <a:gd name="T43" fmla="*/ 3 h 139"/>
                  <a:gd name="T44" fmla="*/ 52 w 197"/>
                  <a:gd name="T45" fmla="*/ 2 h 139"/>
                  <a:gd name="T46" fmla="*/ 58 w 197"/>
                  <a:gd name="T47" fmla="*/ 4 h 139"/>
                  <a:gd name="T48" fmla="*/ 62 w 197"/>
                  <a:gd name="T49" fmla="*/ 10 h 139"/>
                  <a:gd name="T50" fmla="*/ 65 w 197"/>
                  <a:gd name="T51" fmla="*/ 14 h 139"/>
                  <a:gd name="T52" fmla="*/ 66 w 197"/>
                  <a:gd name="T53" fmla="*/ 18 h 139"/>
                  <a:gd name="T54" fmla="*/ 65 w 197"/>
                  <a:gd name="T55" fmla="*/ 20 h 139"/>
                  <a:gd name="T56" fmla="*/ 61 w 197"/>
                  <a:gd name="T57" fmla="*/ 21 h 139"/>
                  <a:gd name="T58" fmla="*/ 56 w 197"/>
                  <a:gd name="T59" fmla="*/ 22 h 139"/>
                  <a:gd name="T60" fmla="*/ 52 w 197"/>
                  <a:gd name="T61" fmla="*/ 23 h 139"/>
                  <a:gd name="T62" fmla="*/ 50 w 197"/>
                  <a:gd name="T63" fmla="*/ 24 h 139"/>
                  <a:gd name="T64" fmla="*/ 48 w 197"/>
                  <a:gd name="T65" fmla="*/ 25 h 139"/>
                  <a:gd name="T66" fmla="*/ 44 w 197"/>
                  <a:gd name="T67" fmla="*/ 26 h 139"/>
                  <a:gd name="T68" fmla="*/ 40 w 197"/>
                  <a:gd name="T69" fmla="*/ 29 h 139"/>
                  <a:gd name="T70" fmla="*/ 37 w 197"/>
                  <a:gd name="T71" fmla="*/ 35 h 139"/>
                  <a:gd name="T72" fmla="*/ 34 w 197"/>
                  <a:gd name="T73" fmla="*/ 40 h 139"/>
                  <a:gd name="T74" fmla="*/ 32 w 197"/>
                  <a:gd name="T75" fmla="*/ 42 h 139"/>
                  <a:gd name="T76" fmla="*/ 28 w 197"/>
                  <a:gd name="T77" fmla="*/ 42 h 139"/>
                  <a:gd name="T78" fmla="*/ 24 w 197"/>
                  <a:gd name="T79" fmla="*/ 39 h 139"/>
                  <a:gd name="T80" fmla="*/ 24 w 197"/>
                  <a:gd name="T81" fmla="*/ 40 h 139"/>
                  <a:gd name="T82" fmla="*/ 26 w 197"/>
                  <a:gd name="T83" fmla="*/ 43 h 139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0" t="0" r="r" b="b"/>
                <a:pathLst>
                  <a:path w="197" h="139">
                    <a:moveTo>
                      <a:pt x="83" y="139"/>
                    </a:moveTo>
                    <a:lnTo>
                      <a:pt x="68" y="127"/>
                    </a:lnTo>
                    <a:lnTo>
                      <a:pt x="52" y="113"/>
                    </a:lnTo>
                    <a:lnTo>
                      <a:pt x="44" y="106"/>
                    </a:lnTo>
                    <a:lnTo>
                      <a:pt x="37" y="97"/>
                    </a:lnTo>
                    <a:lnTo>
                      <a:pt x="30" y="89"/>
                    </a:lnTo>
                    <a:lnTo>
                      <a:pt x="23" y="79"/>
                    </a:lnTo>
                    <a:lnTo>
                      <a:pt x="17" y="71"/>
                    </a:lnTo>
                    <a:lnTo>
                      <a:pt x="12" y="61"/>
                    </a:lnTo>
                    <a:lnTo>
                      <a:pt x="7" y="51"/>
                    </a:lnTo>
                    <a:lnTo>
                      <a:pt x="4" y="41"/>
                    </a:lnTo>
                    <a:lnTo>
                      <a:pt x="1" y="32"/>
                    </a:lnTo>
                    <a:lnTo>
                      <a:pt x="0" y="21"/>
                    </a:lnTo>
                    <a:lnTo>
                      <a:pt x="0" y="11"/>
                    </a:lnTo>
                    <a:lnTo>
                      <a:pt x="2" y="1"/>
                    </a:lnTo>
                    <a:lnTo>
                      <a:pt x="10" y="0"/>
                    </a:lnTo>
                    <a:lnTo>
                      <a:pt x="16" y="1"/>
                    </a:lnTo>
                    <a:lnTo>
                      <a:pt x="21" y="4"/>
                    </a:lnTo>
                    <a:lnTo>
                      <a:pt x="25" y="6"/>
                    </a:lnTo>
                    <a:lnTo>
                      <a:pt x="34" y="12"/>
                    </a:lnTo>
                    <a:lnTo>
                      <a:pt x="40" y="19"/>
                    </a:lnTo>
                    <a:lnTo>
                      <a:pt x="46" y="28"/>
                    </a:lnTo>
                    <a:lnTo>
                      <a:pt x="54" y="34"/>
                    </a:lnTo>
                    <a:lnTo>
                      <a:pt x="58" y="37"/>
                    </a:lnTo>
                    <a:lnTo>
                      <a:pt x="63" y="39"/>
                    </a:lnTo>
                    <a:lnTo>
                      <a:pt x="69" y="41"/>
                    </a:lnTo>
                    <a:lnTo>
                      <a:pt x="75" y="41"/>
                    </a:lnTo>
                    <a:lnTo>
                      <a:pt x="78" y="41"/>
                    </a:lnTo>
                    <a:lnTo>
                      <a:pt x="80" y="39"/>
                    </a:lnTo>
                    <a:lnTo>
                      <a:pt x="81" y="37"/>
                    </a:lnTo>
                    <a:lnTo>
                      <a:pt x="82" y="35"/>
                    </a:lnTo>
                    <a:lnTo>
                      <a:pt x="84" y="29"/>
                    </a:lnTo>
                    <a:lnTo>
                      <a:pt x="84" y="22"/>
                    </a:lnTo>
                    <a:lnTo>
                      <a:pt x="84" y="15"/>
                    </a:lnTo>
                    <a:lnTo>
                      <a:pt x="85" y="9"/>
                    </a:lnTo>
                    <a:lnTo>
                      <a:pt x="86" y="7"/>
                    </a:lnTo>
                    <a:lnTo>
                      <a:pt x="88" y="5"/>
                    </a:lnTo>
                    <a:lnTo>
                      <a:pt x="89" y="2"/>
                    </a:lnTo>
                    <a:lnTo>
                      <a:pt x="92" y="1"/>
                    </a:lnTo>
                    <a:lnTo>
                      <a:pt x="100" y="5"/>
                    </a:lnTo>
                    <a:lnTo>
                      <a:pt x="110" y="7"/>
                    </a:lnTo>
                    <a:lnTo>
                      <a:pt x="118" y="8"/>
                    </a:lnTo>
                    <a:lnTo>
                      <a:pt x="128" y="9"/>
                    </a:lnTo>
                    <a:lnTo>
                      <a:pt x="137" y="8"/>
                    </a:lnTo>
                    <a:lnTo>
                      <a:pt x="146" y="7"/>
                    </a:lnTo>
                    <a:lnTo>
                      <a:pt x="156" y="5"/>
                    </a:lnTo>
                    <a:lnTo>
                      <a:pt x="164" y="1"/>
                    </a:lnTo>
                    <a:lnTo>
                      <a:pt x="173" y="13"/>
                    </a:lnTo>
                    <a:lnTo>
                      <a:pt x="182" y="24"/>
                    </a:lnTo>
                    <a:lnTo>
                      <a:pt x="186" y="30"/>
                    </a:lnTo>
                    <a:lnTo>
                      <a:pt x="191" y="35"/>
                    </a:lnTo>
                    <a:lnTo>
                      <a:pt x="195" y="42"/>
                    </a:lnTo>
                    <a:lnTo>
                      <a:pt x="197" y="50"/>
                    </a:lnTo>
                    <a:lnTo>
                      <a:pt x="196" y="54"/>
                    </a:lnTo>
                    <a:lnTo>
                      <a:pt x="195" y="56"/>
                    </a:lnTo>
                    <a:lnTo>
                      <a:pt x="193" y="59"/>
                    </a:lnTo>
                    <a:lnTo>
                      <a:pt x="190" y="60"/>
                    </a:lnTo>
                    <a:lnTo>
                      <a:pt x="183" y="64"/>
                    </a:lnTo>
                    <a:lnTo>
                      <a:pt x="175" y="65"/>
                    </a:lnTo>
                    <a:lnTo>
                      <a:pt x="166" y="66"/>
                    </a:lnTo>
                    <a:lnTo>
                      <a:pt x="159" y="67"/>
                    </a:lnTo>
                    <a:lnTo>
                      <a:pt x="156" y="68"/>
                    </a:lnTo>
                    <a:lnTo>
                      <a:pt x="153" y="70"/>
                    </a:lnTo>
                    <a:lnTo>
                      <a:pt x="150" y="72"/>
                    </a:lnTo>
                    <a:lnTo>
                      <a:pt x="149" y="74"/>
                    </a:lnTo>
                    <a:lnTo>
                      <a:pt x="142" y="75"/>
                    </a:lnTo>
                    <a:lnTo>
                      <a:pt x="136" y="76"/>
                    </a:lnTo>
                    <a:lnTo>
                      <a:pt x="132" y="79"/>
                    </a:lnTo>
                    <a:lnTo>
                      <a:pt x="128" y="81"/>
                    </a:lnTo>
                    <a:lnTo>
                      <a:pt x="120" y="89"/>
                    </a:lnTo>
                    <a:lnTo>
                      <a:pt x="115" y="98"/>
                    </a:lnTo>
                    <a:lnTo>
                      <a:pt x="110" y="107"/>
                    </a:lnTo>
                    <a:lnTo>
                      <a:pt x="105" y="116"/>
                    </a:lnTo>
                    <a:lnTo>
                      <a:pt x="102" y="120"/>
                    </a:lnTo>
                    <a:lnTo>
                      <a:pt x="99" y="125"/>
                    </a:lnTo>
                    <a:lnTo>
                      <a:pt x="96" y="128"/>
                    </a:lnTo>
                    <a:lnTo>
                      <a:pt x="92" y="131"/>
                    </a:lnTo>
                    <a:lnTo>
                      <a:pt x="83" y="126"/>
                    </a:lnTo>
                    <a:lnTo>
                      <a:pt x="77" y="121"/>
                    </a:lnTo>
                    <a:lnTo>
                      <a:pt x="73" y="119"/>
                    </a:lnTo>
                    <a:lnTo>
                      <a:pt x="72" y="119"/>
                    </a:lnTo>
                    <a:lnTo>
                      <a:pt x="72" y="121"/>
                    </a:lnTo>
                    <a:lnTo>
                      <a:pt x="74" y="125"/>
                    </a:lnTo>
                    <a:lnTo>
                      <a:pt x="77" y="131"/>
                    </a:lnTo>
                    <a:lnTo>
                      <a:pt x="83" y="139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43" name="Lolland"/>
              <p:cNvSpPr>
                <a:spLocks/>
              </p:cNvSpPr>
              <p:nvPr/>
            </p:nvSpPr>
            <p:spPr bwMode="auto">
              <a:xfrm>
                <a:off x="2776538" y="6005513"/>
                <a:ext cx="763587" cy="476250"/>
              </a:xfrm>
              <a:custGeom>
                <a:avLst/>
                <a:gdLst>
                  <a:gd name="T0" fmla="*/ 472 w 1443"/>
                  <a:gd name="T1" fmla="*/ 161 h 901"/>
                  <a:gd name="T2" fmla="*/ 470 w 1443"/>
                  <a:gd name="T3" fmla="*/ 194 h 901"/>
                  <a:gd name="T4" fmla="*/ 453 w 1443"/>
                  <a:gd name="T5" fmla="*/ 215 h 901"/>
                  <a:gd name="T6" fmla="*/ 468 w 1443"/>
                  <a:gd name="T7" fmla="*/ 222 h 901"/>
                  <a:gd name="T8" fmla="*/ 475 w 1443"/>
                  <a:gd name="T9" fmla="*/ 238 h 901"/>
                  <a:gd name="T10" fmla="*/ 461 w 1443"/>
                  <a:gd name="T11" fmla="*/ 267 h 901"/>
                  <a:gd name="T12" fmla="*/ 436 w 1443"/>
                  <a:gd name="T13" fmla="*/ 274 h 901"/>
                  <a:gd name="T14" fmla="*/ 389 w 1443"/>
                  <a:gd name="T15" fmla="*/ 264 h 901"/>
                  <a:gd name="T16" fmla="*/ 363 w 1443"/>
                  <a:gd name="T17" fmla="*/ 267 h 901"/>
                  <a:gd name="T18" fmla="*/ 342 w 1443"/>
                  <a:gd name="T19" fmla="*/ 266 h 901"/>
                  <a:gd name="T20" fmla="*/ 326 w 1443"/>
                  <a:gd name="T21" fmla="*/ 270 h 901"/>
                  <a:gd name="T22" fmla="*/ 320 w 1443"/>
                  <a:gd name="T23" fmla="*/ 256 h 901"/>
                  <a:gd name="T24" fmla="*/ 318 w 1443"/>
                  <a:gd name="T25" fmla="*/ 263 h 901"/>
                  <a:gd name="T26" fmla="*/ 297 w 1443"/>
                  <a:gd name="T27" fmla="*/ 289 h 901"/>
                  <a:gd name="T28" fmla="*/ 257 w 1443"/>
                  <a:gd name="T29" fmla="*/ 300 h 901"/>
                  <a:gd name="T30" fmla="*/ 214 w 1443"/>
                  <a:gd name="T31" fmla="*/ 278 h 901"/>
                  <a:gd name="T32" fmla="*/ 155 w 1443"/>
                  <a:gd name="T33" fmla="*/ 228 h 901"/>
                  <a:gd name="T34" fmla="*/ 103 w 1443"/>
                  <a:gd name="T35" fmla="*/ 211 h 901"/>
                  <a:gd name="T36" fmla="*/ 80 w 1443"/>
                  <a:gd name="T37" fmla="*/ 200 h 901"/>
                  <a:gd name="T38" fmla="*/ 37 w 1443"/>
                  <a:gd name="T39" fmla="*/ 187 h 901"/>
                  <a:gd name="T40" fmla="*/ 6 w 1443"/>
                  <a:gd name="T41" fmla="*/ 147 h 901"/>
                  <a:gd name="T42" fmla="*/ 4 w 1443"/>
                  <a:gd name="T43" fmla="*/ 116 h 901"/>
                  <a:gd name="T44" fmla="*/ 17 w 1443"/>
                  <a:gd name="T45" fmla="*/ 115 h 901"/>
                  <a:gd name="T46" fmla="*/ 35 w 1443"/>
                  <a:gd name="T47" fmla="*/ 128 h 901"/>
                  <a:gd name="T48" fmla="*/ 42 w 1443"/>
                  <a:gd name="T49" fmla="*/ 124 h 901"/>
                  <a:gd name="T50" fmla="*/ 29 w 1443"/>
                  <a:gd name="T51" fmla="*/ 111 h 901"/>
                  <a:gd name="T52" fmla="*/ 40 w 1443"/>
                  <a:gd name="T53" fmla="*/ 99 h 901"/>
                  <a:gd name="T54" fmla="*/ 49 w 1443"/>
                  <a:gd name="T55" fmla="*/ 115 h 901"/>
                  <a:gd name="T56" fmla="*/ 53 w 1443"/>
                  <a:gd name="T57" fmla="*/ 137 h 901"/>
                  <a:gd name="T58" fmla="*/ 63 w 1443"/>
                  <a:gd name="T59" fmla="*/ 140 h 901"/>
                  <a:gd name="T60" fmla="*/ 64 w 1443"/>
                  <a:gd name="T61" fmla="*/ 126 h 901"/>
                  <a:gd name="T62" fmla="*/ 77 w 1443"/>
                  <a:gd name="T63" fmla="*/ 124 h 901"/>
                  <a:gd name="T64" fmla="*/ 77 w 1443"/>
                  <a:gd name="T65" fmla="*/ 114 h 901"/>
                  <a:gd name="T66" fmla="*/ 64 w 1443"/>
                  <a:gd name="T67" fmla="*/ 115 h 901"/>
                  <a:gd name="T68" fmla="*/ 63 w 1443"/>
                  <a:gd name="T69" fmla="*/ 103 h 901"/>
                  <a:gd name="T70" fmla="*/ 50 w 1443"/>
                  <a:gd name="T71" fmla="*/ 81 h 901"/>
                  <a:gd name="T72" fmla="*/ 35 w 1443"/>
                  <a:gd name="T73" fmla="*/ 78 h 901"/>
                  <a:gd name="T74" fmla="*/ 34 w 1443"/>
                  <a:gd name="T75" fmla="*/ 51 h 901"/>
                  <a:gd name="T76" fmla="*/ 68 w 1443"/>
                  <a:gd name="T77" fmla="*/ 19 h 901"/>
                  <a:gd name="T78" fmla="*/ 84 w 1443"/>
                  <a:gd name="T79" fmla="*/ 21 h 901"/>
                  <a:gd name="T80" fmla="*/ 82 w 1443"/>
                  <a:gd name="T81" fmla="*/ 13 h 901"/>
                  <a:gd name="T82" fmla="*/ 106 w 1443"/>
                  <a:gd name="T83" fmla="*/ 6 h 901"/>
                  <a:gd name="T84" fmla="*/ 150 w 1443"/>
                  <a:gd name="T85" fmla="*/ 3 h 901"/>
                  <a:gd name="T86" fmla="*/ 194 w 1443"/>
                  <a:gd name="T87" fmla="*/ 26 h 901"/>
                  <a:gd name="T88" fmla="*/ 219 w 1443"/>
                  <a:gd name="T89" fmla="*/ 59 h 901"/>
                  <a:gd name="T90" fmla="*/ 270 w 1443"/>
                  <a:gd name="T91" fmla="*/ 88 h 901"/>
                  <a:gd name="T92" fmla="*/ 305 w 1443"/>
                  <a:gd name="T93" fmla="*/ 109 h 901"/>
                  <a:gd name="T94" fmla="*/ 313 w 1443"/>
                  <a:gd name="T95" fmla="*/ 116 h 901"/>
                  <a:gd name="T96" fmla="*/ 339 w 1443"/>
                  <a:gd name="T97" fmla="*/ 123 h 901"/>
                  <a:gd name="T98" fmla="*/ 339 w 1443"/>
                  <a:gd name="T99" fmla="*/ 119 h 901"/>
                  <a:gd name="T100" fmla="*/ 313 w 1443"/>
                  <a:gd name="T101" fmla="*/ 90 h 901"/>
                  <a:gd name="T102" fmla="*/ 339 w 1443"/>
                  <a:gd name="T103" fmla="*/ 90 h 901"/>
                  <a:gd name="T104" fmla="*/ 352 w 1443"/>
                  <a:gd name="T105" fmla="*/ 84 h 901"/>
                  <a:gd name="T106" fmla="*/ 348 w 1443"/>
                  <a:gd name="T107" fmla="*/ 52 h 901"/>
                  <a:gd name="T108" fmla="*/ 353 w 1443"/>
                  <a:gd name="T109" fmla="*/ 38 h 901"/>
                  <a:gd name="T110" fmla="*/ 381 w 1443"/>
                  <a:gd name="T111" fmla="*/ 60 h 901"/>
                  <a:gd name="T112" fmla="*/ 404 w 1443"/>
                  <a:gd name="T113" fmla="*/ 70 h 901"/>
                  <a:gd name="T114" fmla="*/ 406 w 1443"/>
                  <a:gd name="T115" fmla="*/ 88 h 901"/>
                  <a:gd name="T116" fmla="*/ 418 w 1443"/>
                  <a:gd name="T117" fmla="*/ 97 h 901"/>
                  <a:gd name="T118" fmla="*/ 427 w 1443"/>
                  <a:gd name="T119" fmla="*/ 118 h 901"/>
                  <a:gd name="T120" fmla="*/ 441 w 1443"/>
                  <a:gd name="T121" fmla="*/ 141 h 901"/>
                  <a:gd name="T122" fmla="*/ 451 w 1443"/>
                  <a:gd name="T123" fmla="*/ 139 h 901"/>
                  <a:gd name="T124" fmla="*/ 453 w 1443"/>
                  <a:gd name="T125" fmla="*/ 141 h 901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443" h="901">
                    <a:moveTo>
                      <a:pt x="1362" y="427"/>
                    </a:moveTo>
                    <a:lnTo>
                      <a:pt x="1362" y="433"/>
                    </a:lnTo>
                    <a:lnTo>
                      <a:pt x="1363" y="438"/>
                    </a:lnTo>
                    <a:lnTo>
                      <a:pt x="1365" y="442"/>
                    </a:lnTo>
                    <a:lnTo>
                      <a:pt x="1367" y="448"/>
                    </a:lnTo>
                    <a:lnTo>
                      <a:pt x="1373" y="455"/>
                    </a:lnTo>
                    <a:lnTo>
                      <a:pt x="1380" y="460"/>
                    </a:lnTo>
                    <a:lnTo>
                      <a:pt x="1396" y="471"/>
                    </a:lnTo>
                    <a:lnTo>
                      <a:pt x="1412" y="480"/>
                    </a:lnTo>
                    <a:lnTo>
                      <a:pt x="1416" y="485"/>
                    </a:lnTo>
                    <a:lnTo>
                      <a:pt x="1426" y="497"/>
                    </a:lnTo>
                    <a:lnTo>
                      <a:pt x="1432" y="504"/>
                    </a:lnTo>
                    <a:lnTo>
                      <a:pt x="1437" y="512"/>
                    </a:lnTo>
                    <a:lnTo>
                      <a:pt x="1441" y="519"/>
                    </a:lnTo>
                    <a:lnTo>
                      <a:pt x="1443" y="527"/>
                    </a:lnTo>
                    <a:lnTo>
                      <a:pt x="1439" y="537"/>
                    </a:lnTo>
                    <a:lnTo>
                      <a:pt x="1434" y="549"/>
                    </a:lnTo>
                    <a:lnTo>
                      <a:pt x="1426" y="558"/>
                    </a:lnTo>
                    <a:lnTo>
                      <a:pt x="1420" y="569"/>
                    </a:lnTo>
                    <a:lnTo>
                      <a:pt x="1409" y="584"/>
                    </a:lnTo>
                    <a:lnTo>
                      <a:pt x="1403" y="593"/>
                    </a:lnTo>
                    <a:lnTo>
                      <a:pt x="1399" y="600"/>
                    </a:lnTo>
                    <a:lnTo>
                      <a:pt x="1395" y="609"/>
                    </a:lnTo>
                    <a:lnTo>
                      <a:pt x="1387" y="609"/>
                    </a:lnTo>
                    <a:lnTo>
                      <a:pt x="1379" y="609"/>
                    </a:lnTo>
                    <a:lnTo>
                      <a:pt x="1372" y="604"/>
                    </a:lnTo>
                    <a:lnTo>
                      <a:pt x="1363" y="601"/>
                    </a:lnTo>
                    <a:lnTo>
                      <a:pt x="1360" y="624"/>
                    </a:lnTo>
                    <a:lnTo>
                      <a:pt x="1358" y="642"/>
                    </a:lnTo>
                    <a:lnTo>
                      <a:pt x="1358" y="647"/>
                    </a:lnTo>
                    <a:lnTo>
                      <a:pt x="1359" y="650"/>
                    </a:lnTo>
                    <a:lnTo>
                      <a:pt x="1360" y="653"/>
                    </a:lnTo>
                    <a:lnTo>
                      <a:pt x="1362" y="656"/>
                    </a:lnTo>
                    <a:lnTo>
                      <a:pt x="1365" y="659"/>
                    </a:lnTo>
                    <a:lnTo>
                      <a:pt x="1369" y="661"/>
                    </a:lnTo>
                    <a:lnTo>
                      <a:pt x="1374" y="663"/>
                    </a:lnTo>
                    <a:lnTo>
                      <a:pt x="1379" y="666"/>
                    </a:lnTo>
                    <a:lnTo>
                      <a:pt x="1389" y="667"/>
                    </a:lnTo>
                    <a:lnTo>
                      <a:pt x="1397" y="667"/>
                    </a:lnTo>
                    <a:lnTo>
                      <a:pt x="1405" y="668"/>
                    </a:lnTo>
                    <a:lnTo>
                      <a:pt x="1413" y="669"/>
                    </a:lnTo>
                    <a:lnTo>
                      <a:pt x="1419" y="672"/>
                    </a:lnTo>
                    <a:lnTo>
                      <a:pt x="1424" y="676"/>
                    </a:lnTo>
                    <a:lnTo>
                      <a:pt x="1425" y="679"/>
                    </a:lnTo>
                    <a:lnTo>
                      <a:pt x="1426" y="682"/>
                    </a:lnTo>
                    <a:lnTo>
                      <a:pt x="1428" y="686"/>
                    </a:lnTo>
                    <a:lnTo>
                      <a:pt x="1428" y="691"/>
                    </a:lnTo>
                    <a:lnTo>
                      <a:pt x="1428" y="699"/>
                    </a:lnTo>
                    <a:lnTo>
                      <a:pt x="1426" y="708"/>
                    </a:lnTo>
                    <a:lnTo>
                      <a:pt x="1424" y="716"/>
                    </a:lnTo>
                    <a:lnTo>
                      <a:pt x="1422" y="723"/>
                    </a:lnTo>
                    <a:lnTo>
                      <a:pt x="1416" y="737"/>
                    </a:lnTo>
                    <a:lnTo>
                      <a:pt x="1410" y="749"/>
                    </a:lnTo>
                    <a:lnTo>
                      <a:pt x="1402" y="761"/>
                    </a:lnTo>
                    <a:lnTo>
                      <a:pt x="1396" y="774"/>
                    </a:lnTo>
                    <a:lnTo>
                      <a:pt x="1393" y="780"/>
                    </a:lnTo>
                    <a:lnTo>
                      <a:pt x="1391" y="788"/>
                    </a:lnTo>
                    <a:lnTo>
                      <a:pt x="1389" y="796"/>
                    </a:lnTo>
                    <a:lnTo>
                      <a:pt x="1387" y="805"/>
                    </a:lnTo>
                    <a:lnTo>
                      <a:pt x="1383" y="801"/>
                    </a:lnTo>
                    <a:lnTo>
                      <a:pt x="1379" y="798"/>
                    </a:lnTo>
                    <a:lnTo>
                      <a:pt x="1375" y="797"/>
                    </a:lnTo>
                    <a:lnTo>
                      <a:pt x="1371" y="797"/>
                    </a:lnTo>
                    <a:lnTo>
                      <a:pt x="1366" y="798"/>
                    </a:lnTo>
                    <a:lnTo>
                      <a:pt x="1362" y="799"/>
                    </a:lnTo>
                    <a:lnTo>
                      <a:pt x="1359" y="801"/>
                    </a:lnTo>
                    <a:lnTo>
                      <a:pt x="1355" y="803"/>
                    </a:lnTo>
                    <a:lnTo>
                      <a:pt x="1342" y="816"/>
                    </a:lnTo>
                    <a:lnTo>
                      <a:pt x="1331" y="829"/>
                    </a:lnTo>
                    <a:lnTo>
                      <a:pt x="1309" y="823"/>
                    </a:lnTo>
                    <a:lnTo>
                      <a:pt x="1287" y="820"/>
                    </a:lnTo>
                    <a:lnTo>
                      <a:pt x="1267" y="818"/>
                    </a:lnTo>
                    <a:lnTo>
                      <a:pt x="1248" y="816"/>
                    </a:lnTo>
                    <a:lnTo>
                      <a:pt x="1230" y="814"/>
                    </a:lnTo>
                    <a:lnTo>
                      <a:pt x="1212" y="812"/>
                    </a:lnTo>
                    <a:lnTo>
                      <a:pt x="1194" y="809"/>
                    </a:lnTo>
                    <a:lnTo>
                      <a:pt x="1176" y="805"/>
                    </a:lnTo>
                    <a:lnTo>
                      <a:pt x="1174" y="799"/>
                    </a:lnTo>
                    <a:lnTo>
                      <a:pt x="1172" y="795"/>
                    </a:lnTo>
                    <a:lnTo>
                      <a:pt x="1168" y="792"/>
                    </a:lnTo>
                    <a:lnTo>
                      <a:pt x="1165" y="790"/>
                    </a:lnTo>
                    <a:lnTo>
                      <a:pt x="1161" y="789"/>
                    </a:lnTo>
                    <a:lnTo>
                      <a:pt x="1157" y="789"/>
                    </a:lnTo>
                    <a:lnTo>
                      <a:pt x="1152" y="789"/>
                    </a:lnTo>
                    <a:lnTo>
                      <a:pt x="1147" y="790"/>
                    </a:lnTo>
                    <a:lnTo>
                      <a:pt x="1127" y="797"/>
                    </a:lnTo>
                    <a:lnTo>
                      <a:pt x="1111" y="805"/>
                    </a:lnTo>
                    <a:lnTo>
                      <a:pt x="1106" y="805"/>
                    </a:lnTo>
                    <a:lnTo>
                      <a:pt x="1103" y="805"/>
                    </a:lnTo>
                    <a:lnTo>
                      <a:pt x="1089" y="801"/>
                    </a:lnTo>
                    <a:lnTo>
                      <a:pt x="1077" y="797"/>
                    </a:lnTo>
                    <a:lnTo>
                      <a:pt x="1071" y="796"/>
                    </a:lnTo>
                    <a:lnTo>
                      <a:pt x="1065" y="797"/>
                    </a:lnTo>
                    <a:lnTo>
                      <a:pt x="1060" y="799"/>
                    </a:lnTo>
                    <a:lnTo>
                      <a:pt x="1054" y="805"/>
                    </a:lnTo>
                    <a:lnTo>
                      <a:pt x="1046" y="805"/>
                    </a:lnTo>
                    <a:lnTo>
                      <a:pt x="1038" y="805"/>
                    </a:lnTo>
                    <a:lnTo>
                      <a:pt x="1034" y="801"/>
                    </a:lnTo>
                    <a:lnTo>
                      <a:pt x="1029" y="799"/>
                    </a:lnTo>
                    <a:lnTo>
                      <a:pt x="1025" y="798"/>
                    </a:lnTo>
                    <a:lnTo>
                      <a:pt x="1022" y="798"/>
                    </a:lnTo>
                    <a:lnTo>
                      <a:pt x="1014" y="800"/>
                    </a:lnTo>
                    <a:lnTo>
                      <a:pt x="1006" y="805"/>
                    </a:lnTo>
                    <a:lnTo>
                      <a:pt x="999" y="810"/>
                    </a:lnTo>
                    <a:lnTo>
                      <a:pt x="991" y="814"/>
                    </a:lnTo>
                    <a:lnTo>
                      <a:pt x="982" y="818"/>
                    </a:lnTo>
                    <a:lnTo>
                      <a:pt x="973" y="820"/>
                    </a:lnTo>
                    <a:lnTo>
                      <a:pt x="976" y="816"/>
                    </a:lnTo>
                    <a:lnTo>
                      <a:pt x="978" y="813"/>
                    </a:lnTo>
                    <a:lnTo>
                      <a:pt x="979" y="810"/>
                    </a:lnTo>
                    <a:lnTo>
                      <a:pt x="978" y="807"/>
                    </a:lnTo>
                    <a:lnTo>
                      <a:pt x="973" y="800"/>
                    </a:lnTo>
                    <a:lnTo>
                      <a:pt x="967" y="794"/>
                    </a:lnTo>
                    <a:lnTo>
                      <a:pt x="963" y="791"/>
                    </a:lnTo>
                    <a:lnTo>
                      <a:pt x="961" y="788"/>
                    </a:lnTo>
                    <a:lnTo>
                      <a:pt x="959" y="785"/>
                    </a:lnTo>
                    <a:lnTo>
                      <a:pt x="957" y="780"/>
                    </a:lnTo>
                    <a:lnTo>
                      <a:pt x="957" y="777"/>
                    </a:lnTo>
                    <a:lnTo>
                      <a:pt x="958" y="773"/>
                    </a:lnTo>
                    <a:lnTo>
                      <a:pt x="960" y="769"/>
                    </a:lnTo>
                    <a:lnTo>
                      <a:pt x="964" y="763"/>
                    </a:lnTo>
                    <a:lnTo>
                      <a:pt x="960" y="765"/>
                    </a:lnTo>
                    <a:lnTo>
                      <a:pt x="956" y="767"/>
                    </a:lnTo>
                    <a:lnTo>
                      <a:pt x="953" y="769"/>
                    </a:lnTo>
                    <a:lnTo>
                      <a:pt x="950" y="772"/>
                    </a:lnTo>
                    <a:lnTo>
                      <a:pt x="949" y="775"/>
                    </a:lnTo>
                    <a:lnTo>
                      <a:pt x="949" y="778"/>
                    </a:lnTo>
                    <a:lnTo>
                      <a:pt x="949" y="781"/>
                    </a:lnTo>
                    <a:lnTo>
                      <a:pt x="950" y="785"/>
                    </a:lnTo>
                    <a:lnTo>
                      <a:pt x="955" y="791"/>
                    </a:lnTo>
                    <a:lnTo>
                      <a:pt x="960" y="797"/>
                    </a:lnTo>
                    <a:lnTo>
                      <a:pt x="966" y="801"/>
                    </a:lnTo>
                    <a:lnTo>
                      <a:pt x="973" y="805"/>
                    </a:lnTo>
                    <a:lnTo>
                      <a:pt x="966" y="813"/>
                    </a:lnTo>
                    <a:lnTo>
                      <a:pt x="957" y="821"/>
                    </a:lnTo>
                    <a:lnTo>
                      <a:pt x="947" y="831"/>
                    </a:lnTo>
                    <a:lnTo>
                      <a:pt x="937" y="839"/>
                    </a:lnTo>
                    <a:lnTo>
                      <a:pt x="918" y="854"/>
                    </a:lnTo>
                    <a:lnTo>
                      <a:pt x="907" y="861"/>
                    </a:lnTo>
                    <a:lnTo>
                      <a:pt x="892" y="869"/>
                    </a:lnTo>
                    <a:lnTo>
                      <a:pt x="874" y="876"/>
                    </a:lnTo>
                    <a:lnTo>
                      <a:pt x="866" y="880"/>
                    </a:lnTo>
                    <a:lnTo>
                      <a:pt x="860" y="886"/>
                    </a:lnTo>
                    <a:lnTo>
                      <a:pt x="857" y="890"/>
                    </a:lnTo>
                    <a:lnTo>
                      <a:pt x="855" y="893"/>
                    </a:lnTo>
                    <a:lnTo>
                      <a:pt x="853" y="897"/>
                    </a:lnTo>
                    <a:lnTo>
                      <a:pt x="850" y="901"/>
                    </a:lnTo>
                    <a:lnTo>
                      <a:pt x="824" y="901"/>
                    </a:lnTo>
                    <a:lnTo>
                      <a:pt x="798" y="901"/>
                    </a:lnTo>
                    <a:lnTo>
                      <a:pt x="771" y="901"/>
                    </a:lnTo>
                    <a:lnTo>
                      <a:pt x="745" y="901"/>
                    </a:lnTo>
                    <a:lnTo>
                      <a:pt x="740" y="894"/>
                    </a:lnTo>
                    <a:lnTo>
                      <a:pt x="734" y="888"/>
                    </a:lnTo>
                    <a:lnTo>
                      <a:pt x="726" y="882"/>
                    </a:lnTo>
                    <a:lnTo>
                      <a:pt x="718" y="878"/>
                    </a:lnTo>
                    <a:lnTo>
                      <a:pt x="699" y="870"/>
                    </a:lnTo>
                    <a:lnTo>
                      <a:pt x="680" y="861"/>
                    </a:lnTo>
                    <a:lnTo>
                      <a:pt x="666" y="853"/>
                    </a:lnTo>
                    <a:lnTo>
                      <a:pt x="652" y="845"/>
                    </a:lnTo>
                    <a:lnTo>
                      <a:pt x="641" y="834"/>
                    </a:lnTo>
                    <a:lnTo>
                      <a:pt x="628" y="823"/>
                    </a:lnTo>
                    <a:lnTo>
                      <a:pt x="605" y="801"/>
                    </a:lnTo>
                    <a:lnTo>
                      <a:pt x="583" y="777"/>
                    </a:lnTo>
                    <a:lnTo>
                      <a:pt x="560" y="753"/>
                    </a:lnTo>
                    <a:lnTo>
                      <a:pt x="535" y="730"/>
                    </a:lnTo>
                    <a:lnTo>
                      <a:pt x="522" y="718"/>
                    </a:lnTo>
                    <a:lnTo>
                      <a:pt x="508" y="709"/>
                    </a:lnTo>
                    <a:lnTo>
                      <a:pt x="492" y="699"/>
                    </a:lnTo>
                    <a:lnTo>
                      <a:pt x="477" y="691"/>
                    </a:lnTo>
                    <a:lnTo>
                      <a:pt x="465" y="686"/>
                    </a:lnTo>
                    <a:lnTo>
                      <a:pt x="455" y="681"/>
                    </a:lnTo>
                    <a:lnTo>
                      <a:pt x="443" y="677"/>
                    </a:lnTo>
                    <a:lnTo>
                      <a:pt x="432" y="674"/>
                    </a:lnTo>
                    <a:lnTo>
                      <a:pt x="410" y="669"/>
                    </a:lnTo>
                    <a:lnTo>
                      <a:pt x="389" y="663"/>
                    </a:lnTo>
                    <a:lnTo>
                      <a:pt x="367" y="658"/>
                    </a:lnTo>
                    <a:lnTo>
                      <a:pt x="345" y="650"/>
                    </a:lnTo>
                    <a:lnTo>
                      <a:pt x="333" y="646"/>
                    </a:lnTo>
                    <a:lnTo>
                      <a:pt x="322" y="640"/>
                    </a:lnTo>
                    <a:lnTo>
                      <a:pt x="310" y="633"/>
                    </a:lnTo>
                    <a:lnTo>
                      <a:pt x="298" y="626"/>
                    </a:lnTo>
                    <a:lnTo>
                      <a:pt x="292" y="620"/>
                    </a:lnTo>
                    <a:lnTo>
                      <a:pt x="285" y="614"/>
                    </a:lnTo>
                    <a:lnTo>
                      <a:pt x="276" y="609"/>
                    </a:lnTo>
                    <a:lnTo>
                      <a:pt x="265" y="603"/>
                    </a:lnTo>
                    <a:lnTo>
                      <a:pt x="260" y="602"/>
                    </a:lnTo>
                    <a:lnTo>
                      <a:pt x="253" y="601"/>
                    </a:lnTo>
                    <a:lnTo>
                      <a:pt x="248" y="600"/>
                    </a:lnTo>
                    <a:lnTo>
                      <a:pt x="243" y="600"/>
                    </a:lnTo>
                    <a:lnTo>
                      <a:pt x="239" y="601"/>
                    </a:lnTo>
                    <a:lnTo>
                      <a:pt x="233" y="602"/>
                    </a:lnTo>
                    <a:lnTo>
                      <a:pt x="229" y="606"/>
                    </a:lnTo>
                    <a:lnTo>
                      <a:pt x="225" y="609"/>
                    </a:lnTo>
                    <a:lnTo>
                      <a:pt x="207" y="604"/>
                    </a:lnTo>
                    <a:lnTo>
                      <a:pt x="189" y="599"/>
                    </a:lnTo>
                    <a:lnTo>
                      <a:pt x="173" y="593"/>
                    </a:lnTo>
                    <a:lnTo>
                      <a:pt x="157" y="586"/>
                    </a:lnTo>
                    <a:lnTo>
                      <a:pt x="142" y="578"/>
                    </a:lnTo>
                    <a:lnTo>
                      <a:pt x="127" y="570"/>
                    </a:lnTo>
                    <a:lnTo>
                      <a:pt x="112" y="561"/>
                    </a:lnTo>
                    <a:lnTo>
                      <a:pt x="100" y="552"/>
                    </a:lnTo>
                    <a:lnTo>
                      <a:pt x="87" y="541"/>
                    </a:lnTo>
                    <a:lnTo>
                      <a:pt x="75" y="530"/>
                    </a:lnTo>
                    <a:lnTo>
                      <a:pt x="65" y="518"/>
                    </a:lnTo>
                    <a:lnTo>
                      <a:pt x="54" y="505"/>
                    </a:lnTo>
                    <a:lnTo>
                      <a:pt x="45" y="492"/>
                    </a:lnTo>
                    <a:lnTo>
                      <a:pt x="36" y="478"/>
                    </a:lnTo>
                    <a:lnTo>
                      <a:pt x="28" y="462"/>
                    </a:lnTo>
                    <a:lnTo>
                      <a:pt x="22" y="447"/>
                    </a:lnTo>
                    <a:lnTo>
                      <a:pt x="18" y="442"/>
                    </a:lnTo>
                    <a:lnTo>
                      <a:pt x="13" y="438"/>
                    </a:lnTo>
                    <a:lnTo>
                      <a:pt x="10" y="433"/>
                    </a:lnTo>
                    <a:lnTo>
                      <a:pt x="7" y="428"/>
                    </a:lnTo>
                    <a:lnTo>
                      <a:pt x="3" y="416"/>
                    </a:lnTo>
                    <a:lnTo>
                      <a:pt x="1" y="403"/>
                    </a:lnTo>
                    <a:lnTo>
                      <a:pt x="0" y="392"/>
                    </a:lnTo>
                    <a:lnTo>
                      <a:pt x="1" y="379"/>
                    </a:lnTo>
                    <a:lnTo>
                      <a:pt x="3" y="366"/>
                    </a:lnTo>
                    <a:lnTo>
                      <a:pt x="7" y="356"/>
                    </a:lnTo>
                    <a:lnTo>
                      <a:pt x="12" y="348"/>
                    </a:lnTo>
                    <a:lnTo>
                      <a:pt x="18" y="340"/>
                    </a:lnTo>
                    <a:lnTo>
                      <a:pt x="21" y="337"/>
                    </a:lnTo>
                    <a:lnTo>
                      <a:pt x="24" y="335"/>
                    </a:lnTo>
                    <a:lnTo>
                      <a:pt x="27" y="334"/>
                    </a:lnTo>
                    <a:lnTo>
                      <a:pt x="31" y="334"/>
                    </a:lnTo>
                    <a:lnTo>
                      <a:pt x="34" y="334"/>
                    </a:lnTo>
                    <a:lnTo>
                      <a:pt x="39" y="335"/>
                    </a:lnTo>
                    <a:lnTo>
                      <a:pt x="43" y="337"/>
                    </a:lnTo>
                    <a:lnTo>
                      <a:pt x="46" y="340"/>
                    </a:lnTo>
                    <a:lnTo>
                      <a:pt x="50" y="345"/>
                    </a:lnTo>
                    <a:lnTo>
                      <a:pt x="54" y="351"/>
                    </a:lnTo>
                    <a:lnTo>
                      <a:pt x="59" y="357"/>
                    </a:lnTo>
                    <a:lnTo>
                      <a:pt x="63" y="365"/>
                    </a:lnTo>
                    <a:lnTo>
                      <a:pt x="63" y="370"/>
                    </a:lnTo>
                    <a:lnTo>
                      <a:pt x="63" y="374"/>
                    </a:lnTo>
                    <a:lnTo>
                      <a:pt x="71" y="374"/>
                    </a:lnTo>
                    <a:lnTo>
                      <a:pt x="80" y="375"/>
                    </a:lnTo>
                    <a:lnTo>
                      <a:pt x="87" y="377"/>
                    </a:lnTo>
                    <a:lnTo>
                      <a:pt x="93" y="379"/>
                    </a:lnTo>
                    <a:lnTo>
                      <a:pt x="106" y="384"/>
                    </a:lnTo>
                    <a:lnTo>
                      <a:pt x="120" y="390"/>
                    </a:lnTo>
                    <a:lnTo>
                      <a:pt x="128" y="393"/>
                    </a:lnTo>
                    <a:lnTo>
                      <a:pt x="135" y="398"/>
                    </a:lnTo>
                    <a:lnTo>
                      <a:pt x="137" y="389"/>
                    </a:lnTo>
                    <a:lnTo>
                      <a:pt x="137" y="382"/>
                    </a:lnTo>
                    <a:lnTo>
                      <a:pt x="135" y="377"/>
                    </a:lnTo>
                    <a:lnTo>
                      <a:pt x="133" y="374"/>
                    </a:lnTo>
                    <a:lnTo>
                      <a:pt x="131" y="372"/>
                    </a:lnTo>
                    <a:lnTo>
                      <a:pt x="128" y="371"/>
                    </a:lnTo>
                    <a:lnTo>
                      <a:pt x="125" y="371"/>
                    </a:lnTo>
                    <a:lnTo>
                      <a:pt x="121" y="371"/>
                    </a:lnTo>
                    <a:lnTo>
                      <a:pt x="113" y="371"/>
                    </a:lnTo>
                    <a:lnTo>
                      <a:pt x="106" y="371"/>
                    </a:lnTo>
                    <a:lnTo>
                      <a:pt x="102" y="369"/>
                    </a:lnTo>
                    <a:lnTo>
                      <a:pt x="100" y="366"/>
                    </a:lnTo>
                    <a:lnTo>
                      <a:pt x="97" y="362"/>
                    </a:lnTo>
                    <a:lnTo>
                      <a:pt x="94" y="357"/>
                    </a:lnTo>
                    <a:lnTo>
                      <a:pt x="90" y="350"/>
                    </a:lnTo>
                    <a:lnTo>
                      <a:pt x="87" y="341"/>
                    </a:lnTo>
                    <a:lnTo>
                      <a:pt x="86" y="334"/>
                    </a:lnTo>
                    <a:lnTo>
                      <a:pt x="87" y="325"/>
                    </a:lnTo>
                    <a:lnTo>
                      <a:pt x="88" y="318"/>
                    </a:lnTo>
                    <a:lnTo>
                      <a:pt x="90" y="311"/>
                    </a:lnTo>
                    <a:lnTo>
                      <a:pt x="94" y="305"/>
                    </a:lnTo>
                    <a:lnTo>
                      <a:pt x="98" y="300"/>
                    </a:lnTo>
                    <a:lnTo>
                      <a:pt x="103" y="296"/>
                    </a:lnTo>
                    <a:lnTo>
                      <a:pt x="107" y="294"/>
                    </a:lnTo>
                    <a:lnTo>
                      <a:pt x="111" y="294"/>
                    </a:lnTo>
                    <a:lnTo>
                      <a:pt x="117" y="295"/>
                    </a:lnTo>
                    <a:lnTo>
                      <a:pt x="120" y="298"/>
                    </a:lnTo>
                    <a:lnTo>
                      <a:pt x="124" y="304"/>
                    </a:lnTo>
                    <a:lnTo>
                      <a:pt x="126" y="313"/>
                    </a:lnTo>
                    <a:lnTo>
                      <a:pt x="127" y="324"/>
                    </a:lnTo>
                    <a:lnTo>
                      <a:pt x="133" y="326"/>
                    </a:lnTo>
                    <a:lnTo>
                      <a:pt x="139" y="330"/>
                    </a:lnTo>
                    <a:lnTo>
                      <a:pt x="142" y="332"/>
                    </a:lnTo>
                    <a:lnTo>
                      <a:pt x="145" y="336"/>
                    </a:lnTo>
                    <a:lnTo>
                      <a:pt x="147" y="339"/>
                    </a:lnTo>
                    <a:lnTo>
                      <a:pt x="148" y="343"/>
                    </a:lnTo>
                    <a:lnTo>
                      <a:pt x="148" y="346"/>
                    </a:lnTo>
                    <a:lnTo>
                      <a:pt x="148" y="352"/>
                    </a:lnTo>
                    <a:lnTo>
                      <a:pt x="146" y="361"/>
                    </a:lnTo>
                    <a:lnTo>
                      <a:pt x="144" y="373"/>
                    </a:lnTo>
                    <a:lnTo>
                      <a:pt x="143" y="384"/>
                    </a:lnTo>
                    <a:lnTo>
                      <a:pt x="144" y="398"/>
                    </a:lnTo>
                    <a:lnTo>
                      <a:pt x="147" y="398"/>
                    </a:lnTo>
                    <a:lnTo>
                      <a:pt x="150" y="400"/>
                    </a:lnTo>
                    <a:lnTo>
                      <a:pt x="153" y="402"/>
                    </a:lnTo>
                    <a:lnTo>
                      <a:pt x="155" y="404"/>
                    </a:lnTo>
                    <a:lnTo>
                      <a:pt x="159" y="411"/>
                    </a:lnTo>
                    <a:lnTo>
                      <a:pt x="161" y="417"/>
                    </a:lnTo>
                    <a:lnTo>
                      <a:pt x="164" y="423"/>
                    </a:lnTo>
                    <a:lnTo>
                      <a:pt x="168" y="428"/>
                    </a:lnTo>
                    <a:lnTo>
                      <a:pt x="171" y="430"/>
                    </a:lnTo>
                    <a:lnTo>
                      <a:pt x="174" y="431"/>
                    </a:lnTo>
                    <a:lnTo>
                      <a:pt x="179" y="431"/>
                    </a:lnTo>
                    <a:lnTo>
                      <a:pt x="184" y="431"/>
                    </a:lnTo>
                    <a:lnTo>
                      <a:pt x="187" y="428"/>
                    </a:lnTo>
                    <a:lnTo>
                      <a:pt x="189" y="424"/>
                    </a:lnTo>
                    <a:lnTo>
                      <a:pt x="189" y="421"/>
                    </a:lnTo>
                    <a:lnTo>
                      <a:pt x="189" y="418"/>
                    </a:lnTo>
                    <a:lnTo>
                      <a:pt x="186" y="412"/>
                    </a:lnTo>
                    <a:lnTo>
                      <a:pt x="182" y="404"/>
                    </a:lnTo>
                    <a:lnTo>
                      <a:pt x="178" y="397"/>
                    </a:lnTo>
                    <a:lnTo>
                      <a:pt x="175" y="390"/>
                    </a:lnTo>
                    <a:lnTo>
                      <a:pt x="175" y="386"/>
                    </a:lnTo>
                    <a:lnTo>
                      <a:pt x="178" y="382"/>
                    </a:lnTo>
                    <a:lnTo>
                      <a:pt x="180" y="378"/>
                    </a:lnTo>
                    <a:lnTo>
                      <a:pt x="184" y="374"/>
                    </a:lnTo>
                    <a:lnTo>
                      <a:pt x="192" y="377"/>
                    </a:lnTo>
                    <a:lnTo>
                      <a:pt x="201" y="381"/>
                    </a:lnTo>
                    <a:lnTo>
                      <a:pt x="208" y="385"/>
                    </a:lnTo>
                    <a:lnTo>
                      <a:pt x="217" y="390"/>
                    </a:lnTo>
                    <a:lnTo>
                      <a:pt x="217" y="394"/>
                    </a:lnTo>
                    <a:lnTo>
                      <a:pt x="217" y="398"/>
                    </a:lnTo>
                    <a:lnTo>
                      <a:pt x="219" y="393"/>
                    </a:lnTo>
                    <a:lnTo>
                      <a:pt x="221" y="389"/>
                    </a:lnTo>
                    <a:lnTo>
                      <a:pt x="223" y="383"/>
                    </a:lnTo>
                    <a:lnTo>
                      <a:pt x="225" y="380"/>
                    </a:lnTo>
                    <a:lnTo>
                      <a:pt x="231" y="373"/>
                    </a:lnTo>
                    <a:lnTo>
                      <a:pt x="240" y="368"/>
                    </a:lnTo>
                    <a:lnTo>
                      <a:pt x="257" y="358"/>
                    </a:lnTo>
                    <a:lnTo>
                      <a:pt x="273" y="349"/>
                    </a:lnTo>
                    <a:lnTo>
                      <a:pt x="272" y="346"/>
                    </a:lnTo>
                    <a:lnTo>
                      <a:pt x="269" y="344"/>
                    </a:lnTo>
                    <a:lnTo>
                      <a:pt x="266" y="342"/>
                    </a:lnTo>
                    <a:lnTo>
                      <a:pt x="262" y="341"/>
                    </a:lnTo>
                    <a:lnTo>
                      <a:pt x="252" y="339"/>
                    </a:lnTo>
                    <a:lnTo>
                      <a:pt x="242" y="339"/>
                    </a:lnTo>
                    <a:lnTo>
                      <a:pt x="231" y="341"/>
                    </a:lnTo>
                    <a:lnTo>
                      <a:pt x="224" y="345"/>
                    </a:lnTo>
                    <a:lnTo>
                      <a:pt x="221" y="348"/>
                    </a:lnTo>
                    <a:lnTo>
                      <a:pt x="218" y="351"/>
                    </a:lnTo>
                    <a:lnTo>
                      <a:pt x="217" y="354"/>
                    </a:lnTo>
                    <a:lnTo>
                      <a:pt x="217" y="357"/>
                    </a:lnTo>
                    <a:lnTo>
                      <a:pt x="209" y="357"/>
                    </a:lnTo>
                    <a:lnTo>
                      <a:pt x="204" y="356"/>
                    </a:lnTo>
                    <a:lnTo>
                      <a:pt x="199" y="354"/>
                    </a:lnTo>
                    <a:lnTo>
                      <a:pt x="195" y="350"/>
                    </a:lnTo>
                    <a:lnTo>
                      <a:pt x="193" y="345"/>
                    </a:lnTo>
                    <a:lnTo>
                      <a:pt x="192" y="339"/>
                    </a:lnTo>
                    <a:lnTo>
                      <a:pt x="192" y="332"/>
                    </a:lnTo>
                    <a:lnTo>
                      <a:pt x="192" y="324"/>
                    </a:lnTo>
                    <a:lnTo>
                      <a:pt x="197" y="323"/>
                    </a:lnTo>
                    <a:lnTo>
                      <a:pt x="199" y="322"/>
                    </a:lnTo>
                    <a:lnTo>
                      <a:pt x="200" y="321"/>
                    </a:lnTo>
                    <a:lnTo>
                      <a:pt x="200" y="319"/>
                    </a:lnTo>
                    <a:lnTo>
                      <a:pt x="198" y="317"/>
                    </a:lnTo>
                    <a:lnTo>
                      <a:pt x="193" y="314"/>
                    </a:lnTo>
                    <a:lnTo>
                      <a:pt x="188" y="310"/>
                    </a:lnTo>
                    <a:lnTo>
                      <a:pt x="184" y="304"/>
                    </a:lnTo>
                    <a:lnTo>
                      <a:pt x="183" y="302"/>
                    </a:lnTo>
                    <a:lnTo>
                      <a:pt x="183" y="299"/>
                    </a:lnTo>
                    <a:lnTo>
                      <a:pt x="183" y="296"/>
                    </a:lnTo>
                    <a:lnTo>
                      <a:pt x="184" y="292"/>
                    </a:lnTo>
                    <a:lnTo>
                      <a:pt x="179" y="281"/>
                    </a:lnTo>
                    <a:lnTo>
                      <a:pt x="171" y="269"/>
                    </a:lnTo>
                    <a:lnTo>
                      <a:pt x="163" y="257"/>
                    </a:lnTo>
                    <a:lnTo>
                      <a:pt x="154" y="247"/>
                    </a:lnTo>
                    <a:lnTo>
                      <a:pt x="149" y="243"/>
                    </a:lnTo>
                    <a:lnTo>
                      <a:pt x="145" y="241"/>
                    </a:lnTo>
                    <a:lnTo>
                      <a:pt x="141" y="240"/>
                    </a:lnTo>
                    <a:lnTo>
                      <a:pt x="135" y="240"/>
                    </a:lnTo>
                    <a:lnTo>
                      <a:pt x="131" y="242"/>
                    </a:lnTo>
                    <a:lnTo>
                      <a:pt x="127" y="245"/>
                    </a:lnTo>
                    <a:lnTo>
                      <a:pt x="123" y="252"/>
                    </a:lnTo>
                    <a:lnTo>
                      <a:pt x="120" y="260"/>
                    </a:lnTo>
                    <a:lnTo>
                      <a:pt x="113" y="252"/>
                    </a:lnTo>
                    <a:lnTo>
                      <a:pt x="108" y="243"/>
                    </a:lnTo>
                    <a:lnTo>
                      <a:pt x="104" y="235"/>
                    </a:lnTo>
                    <a:lnTo>
                      <a:pt x="101" y="227"/>
                    </a:lnTo>
                    <a:lnTo>
                      <a:pt x="99" y="219"/>
                    </a:lnTo>
                    <a:lnTo>
                      <a:pt x="97" y="212"/>
                    </a:lnTo>
                    <a:lnTo>
                      <a:pt x="95" y="203"/>
                    </a:lnTo>
                    <a:lnTo>
                      <a:pt x="94" y="196"/>
                    </a:lnTo>
                    <a:lnTo>
                      <a:pt x="94" y="189"/>
                    </a:lnTo>
                    <a:lnTo>
                      <a:pt x="95" y="181"/>
                    </a:lnTo>
                    <a:lnTo>
                      <a:pt x="97" y="174"/>
                    </a:lnTo>
                    <a:lnTo>
                      <a:pt x="98" y="167"/>
                    </a:lnTo>
                    <a:lnTo>
                      <a:pt x="103" y="153"/>
                    </a:lnTo>
                    <a:lnTo>
                      <a:pt x="109" y="140"/>
                    </a:lnTo>
                    <a:lnTo>
                      <a:pt x="118" y="126"/>
                    </a:lnTo>
                    <a:lnTo>
                      <a:pt x="127" y="114"/>
                    </a:lnTo>
                    <a:lnTo>
                      <a:pt x="137" y="102"/>
                    </a:lnTo>
                    <a:lnTo>
                      <a:pt x="148" y="91"/>
                    </a:lnTo>
                    <a:lnTo>
                      <a:pt x="170" y="68"/>
                    </a:lnTo>
                    <a:lnTo>
                      <a:pt x="192" y="48"/>
                    </a:lnTo>
                    <a:lnTo>
                      <a:pt x="195" y="53"/>
                    </a:lnTo>
                    <a:lnTo>
                      <a:pt x="200" y="55"/>
                    </a:lnTo>
                    <a:lnTo>
                      <a:pt x="204" y="57"/>
                    </a:lnTo>
                    <a:lnTo>
                      <a:pt x="208" y="57"/>
                    </a:lnTo>
                    <a:lnTo>
                      <a:pt x="217" y="57"/>
                    </a:lnTo>
                    <a:lnTo>
                      <a:pt x="226" y="55"/>
                    </a:lnTo>
                    <a:lnTo>
                      <a:pt x="233" y="53"/>
                    </a:lnTo>
                    <a:lnTo>
                      <a:pt x="241" y="53"/>
                    </a:lnTo>
                    <a:lnTo>
                      <a:pt x="244" y="54"/>
                    </a:lnTo>
                    <a:lnTo>
                      <a:pt x="246" y="56"/>
                    </a:lnTo>
                    <a:lnTo>
                      <a:pt x="248" y="60"/>
                    </a:lnTo>
                    <a:lnTo>
                      <a:pt x="249" y="64"/>
                    </a:lnTo>
                    <a:lnTo>
                      <a:pt x="251" y="63"/>
                    </a:lnTo>
                    <a:lnTo>
                      <a:pt x="253" y="61"/>
                    </a:lnTo>
                    <a:lnTo>
                      <a:pt x="253" y="59"/>
                    </a:lnTo>
                    <a:lnTo>
                      <a:pt x="253" y="57"/>
                    </a:lnTo>
                    <a:lnTo>
                      <a:pt x="251" y="53"/>
                    </a:lnTo>
                    <a:lnTo>
                      <a:pt x="248" y="48"/>
                    </a:lnTo>
                    <a:lnTo>
                      <a:pt x="246" y="47"/>
                    </a:lnTo>
                    <a:lnTo>
                      <a:pt x="245" y="45"/>
                    </a:lnTo>
                    <a:lnTo>
                      <a:pt x="245" y="42"/>
                    </a:lnTo>
                    <a:lnTo>
                      <a:pt x="245" y="40"/>
                    </a:lnTo>
                    <a:lnTo>
                      <a:pt x="246" y="38"/>
                    </a:lnTo>
                    <a:lnTo>
                      <a:pt x="248" y="36"/>
                    </a:lnTo>
                    <a:lnTo>
                      <a:pt x="252" y="34"/>
                    </a:lnTo>
                    <a:lnTo>
                      <a:pt x="258" y="32"/>
                    </a:lnTo>
                    <a:lnTo>
                      <a:pt x="265" y="27"/>
                    </a:lnTo>
                    <a:lnTo>
                      <a:pt x="274" y="24"/>
                    </a:lnTo>
                    <a:lnTo>
                      <a:pt x="280" y="23"/>
                    </a:lnTo>
                    <a:lnTo>
                      <a:pt x="285" y="23"/>
                    </a:lnTo>
                    <a:lnTo>
                      <a:pt x="291" y="23"/>
                    </a:lnTo>
                    <a:lnTo>
                      <a:pt x="298" y="24"/>
                    </a:lnTo>
                    <a:lnTo>
                      <a:pt x="318" y="17"/>
                    </a:lnTo>
                    <a:lnTo>
                      <a:pt x="338" y="11"/>
                    </a:lnTo>
                    <a:lnTo>
                      <a:pt x="349" y="10"/>
                    </a:lnTo>
                    <a:lnTo>
                      <a:pt x="361" y="7"/>
                    </a:lnTo>
                    <a:lnTo>
                      <a:pt x="373" y="7"/>
                    </a:lnTo>
                    <a:lnTo>
                      <a:pt x="387" y="7"/>
                    </a:lnTo>
                    <a:lnTo>
                      <a:pt x="399" y="6"/>
                    </a:lnTo>
                    <a:lnTo>
                      <a:pt x="411" y="6"/>
                    </a:lnTo>
                    <a:lnTo>
                      <a:pt x="424" y="7"/>
                    </a:lnTo>
                    <a:lnTo>
                      <a:pt x="438" y="8"/>
                    </a:lnTo>
                    <a:lnTo>
                      <a:pt x="449" y="8"/>
                    </a:lnTo>
                    <a:lnTo>
                      <a:pt x="461" y="8"/>
                    </a:lnTo>
                    <a:lnTo>
                      <a:pt x="466" y="6"/>
                    </a:lnTo>
                    <a:lnTo>
                      <a:pt x="470" y="5"/>
                    </a:lnTo>
                    <a:lnTo>
                      <a:pt x="473" y="2"/>
                    </a:lnTo>
                    <a:lnTo>
                      <a:pt x="477" y="0"/>
                    </a:lnTo>
                    <a:lnTo>
                      <a:pt x="499" y="15"/>
                    </a:lnTo>
                    <a:lnTo>
                      <a:pt x="520" y="30"/>
                    </a:lnTo>
                    <a:lnTo>
                      <a:pt x="541" y="45"/>
                    </a:lnTo>
                    <a:lnTo>
                      <a:pt x="561" y="61"/>
                    </a:lnTo>
                    <a:lnTo>
                      <a:pt x="582" y="78"/>
                    </a:lnTo>
                    <a:lnTo>
                      <a:pt x="601" y="95"/>
                    </a:lnTo>
                    <a:lnTo>
                      <a:pt x="621" y="112"/>
                    </a:lnTo>
                    <a:lnTo>
                      <a:pt x="640" y="130"/>
                    </a:lnTo>
                    <a:lnTo>
                      <a:pt x="639" y="140"/>
                    </a:lnTo>
                    <a:lnTo>
                      <a:pt x="639" y="149"/>
                    </a:lnTo>
                    <a:lnTo>
                      <a:pt x="641" y="156"/>
                    </a:lnTo>
                    <a:lnTo>
                      <a:pt x="643" y="162"/>
                    </a:lnTo>
                    <a:lnTo>
                      <a:pt x="647" y="167"/>
                    </a:lnTo>
                    <a:lnTo>
                      <a:pt x="652" y="172"/>
                    </a:lnTo>
                    <a:lnTo>
                      <a:pt x="658" y="176"/>
                    </a:lnTo>
                    <a:lnTo>
                      <a:pt x="664" y="178"/>
                    </a:lnTo>
                    <a:lnTo>
                      <a:pt x="680" y="193"/>
                    </a:lnTo>
                    <a:lnTo>
                      <a:pt x="697" y="205"/>
                    </a:lnTo>
                    <a:lnTo>
                      <a:pt x="715" y="217"/>
                    </a:lnTo>
                    <a:lnTo>
                      <a:pt x="733" y="226"/>
                    </a:lnTo>
                    <a:lnTo>
                      <a:pt x="751" y="235"/>
                    </a:lnTo>
                    <a:lnTo>
                      <a:pt x="770" y="241"/>
                    </a:lnTo>
                    <a:lnTo>
                      <a:pt x="789" y="246"/>
                    </a:lnTo>
                    <a:lnTo>
                      <a:pt x="810" y="252"/>
                    </a:lnTo>
                    <a:lnTo>
                      <a:pt x="810" y="263"/>
                    </a:lnTo>
                    <a:lnTo>
                      <a:pt x="810" y="276"/>
                    </a:lnTo>
                    <a:lnTo>
                      <a:pt x="810" y="289"/>
                    </a:lnTo>
                    <a:lnTo>
                      <a:pt x="810" y="300"/>
                    </a:lnTo>
                    <a:lnTo>
                      <a:pt x="825" y="308"/>
                    </a:lnTo>
                    <a:lnTo>
                      <a:pt x="840" y="313"/>
                    </a:lnTo>
                    <a:lnTo>
                      <a:pt x="854" y="316"/>
                    </a:lnTo>
                    <a:lnTo>
                      <a:pt x="867" y="318"/>
                    </a:lnTo>
                    <a:lnTo>
                      <a:pt x="882" y="321"/>
                    </a:lnTo>
                    <a:lnTo>
                      <a:pt x="897" y="323"/>
                    </a:lnTo>
                    <a:lnTo>
                      <a:pt x="914" y="328"/>
                    </a:lnTo>
                    <a:lnTo>
                      <a:pt x="932" y="333"/>
                    </a:lnTo>
                    <a:lnTo>
                      <a:pt x="929" y="334"/>
                    </a:lnTo>
                    <a:lnTo>
                      <a:pt x="927" y="336"/>
                    </a:lnTo>
                    <a:lnTo>
                      <a:pt x="925" y="338"/>
                    </a:lnTo>
                    <a:lnTo>
                      <a:pt x="925" y="342"/>
                    </a:lnTo>
                    <a:lnTo>
                      <a:pt x="924" y="350"/>
                    </a:lnTo>
                    <a:lnTo>
                      <a:pt x="924" y="357"/>
                    </a:lnTo>
                    <a:lnTo>
                      <a:pt x="927" y="353"/>
                    </a:lnTo>
                    <a:lnTo>
                      <a:pt x="933" y="350"/>
                    </a:lnTo>
                    <a:lnTo>
                      <a:pt x="939" y="348"/>
                    </a:lnTo>
                    <a:lnTo>
                      <a:pt x="945" y="345"/>
                    </a:lnTo>
                    <a:lnTo>
                      <a:pt x="953" y="345"/>
                    </a:lnTo>
                    <a:lnTo>
                      <a:pt x="961" y="345"/>
                    </a:lnTo>
                    <a:lnTo>
                      <a:pt x="969" y="348"/>
                    </a:lnTo>
                    <a:lnTo>
                      <a:pt x="978" y="350"/>
                    </a:lnTo>
                    <a:lnTo>
                      <a:pt x="986" y="352"/>
                    </a:lnTo>
                    <a:lnTo>
                      <a:pt x="995" y="355"/>
                    </a:lnTo>
                    <a:lnTo>
                      <a:pt x="1002" y="359"/>
                    </a:lnTo>
                    <a:lnTo>
                      <a:pt x="1009" y="362"/>
                    </a:lnTo>
                    <a:lnTo>
                      <a:pt x="1016" y="368"/>
                    </a:lnTo>
                    <a:lnTo>
                      <a:pt x="1022" y="372"/>
                    </a:lnTo>
                    <a:lnTo>
                      <a:pt x="1026" y="377"/>
                    </a:lnTo>
                    <a:lnTo>
                      <a:pt x="1029" y="381"/>
                    </a:lnTo>
                    <a:lnTo>
                      <a:pt x="1033" y="380"/>
                    </a:lnTo>
                    <a:lnTo>
                      <a:pt x="1034" y="379"/>
                    </a:lnTo>
                    <a:lnTo>
                      <a:pt x="1035" y="377"/>
                    </a:lnTo>
                    <a:lnTo>
                      <a:pt x="1035" y="375"/>
                    </a:lnTo>
                    <a:lnTo>
                      <a:pt x="1032" y="371"/>
                    </a:lnTo>
                    <a:lnTo>
                      <a:pt x="1027" y="365"/>
                    </a:lnTo>
                    <a:lnTo>
                      <a:pt x="1016" y="356"/>
                    </a:lnTo>
                    <a:lnTo>
                      <a:pt x="1005" y="349"/>
                    </a:lnTo>
                    <a:lnTo>
                      <a:pt x="989" y="332"/>
                    </a:lnTo>
                    <a:lnTo>
                      <a:pt x="973" y="317"/>
                    </a:lnTo>
                    <a:lnTo>
                      <a:pt x="963" y="310"/>
                    </a:lnTo>
                    <a:lnTo>
                      <a:pt x="954" y="303"/>
                    </a:lnTo>
                    <a:lnTo>
                      <a:pt x="943" y="297"/>
                    </a:lnTo>
                    <a:lnTo>
                      <a:pt x="932" y="292"/>
                    </a:lnTo>
                    <a:lnTo>
                      <a:pt x="932" y="284"/>
                    </a:lnTo>
                    <a:lnTo>
                      <a:pt x="932" y="276"/>
                    </a:lnTo>
                    <a:lnTo>
                      <a:pt x="939" y="269"/>
                    </a:lnTo>
                    <a:lnTo>
                      <a:pt x="945" y="263"/>
                    </a:lnTo>
                    <a:lnTo>
                      <a:pt x="953" y="260"/>
                    </a:lnTo>
                    <a:lnTo>
                      <a:pt x="959" y="258"/>
                    </a:lnTo>
                    <a:lnTo>
                      <a:pt x="965" y="257"/>
                    </a:lnTo>
                    <a:lnTo>
                      <a:pt x="972" y="257"/>
                    </a:lnTo>
                    <a:lnTo>
                      <a:pt x="978" y="258"/>
                    </a:lnTo>
                    <a:lnTo>
                      <a:pt x="984" y="259"/>
                    </a:lnTo>
                    <a:lnTo>
                      <a:pt x="997" y="263"/>
                    </a:lnTo>
                    <a:lnTo>
                      <a:pt x="1011" y="268"/>
                    </a:lnTo>
                    <a:lnTo>
                      <a:pt x="1017" y="269"/>
                    </a:lnTo>
                    <a:lnTo>
                      <a:pt x="1023" y="270"/>
                    </a:lnTo>
                    <a:lnTo>
                      <a:pt x="1031" y="269"/>
                    </a:lnTo>
                    <a:lnTo>
                      <a:pt x="1038" y="268"/>
                    </a:lnTo>
                    <a:lnTo>
                      <a:pt x="1039" y="264"/>
                    </a:lnTo>
                    <a:lnTo>
                      <a:pt x="1041" y="261"/>
                    </a:lnTo>
                    <a:lnTo>
                      <a:pt x="1043" y="258"/>
                    </a:lnTo>
                    <a:lnTo>
                      <a:pt x="1046" y="256"/>
                    </a:lnTo>
                    <a:lnTo>
                      <a:pt x="1049" y="254"/>
                    </a:lnTo>
                    <a:lnTo>
                      <a:pt x="1053" y="253"/>
                    </a:lnTo>
                    <a:lnTo>
                      <a:pt x="1057" y="252"/>
                    </a:lnTo>
                    <a:lnTo>
                      <a:pt x="1062" y="252"/>
                    </a:lnTo>
                    <a:lnTo>
                      <a:pt x="1064" y="241"/>
                    </a:lnTo>
                    <a:lnTo>
                      <a:pt x="1065" y="232"/>
                    </a:lnTo>
                    <a:lnTo>
                      <a:pt x="1065" y="221"/>
                    </a:lnTo>
                    <a:lnTo>
                      <a:pt x="1064" y="212"/>
                    </a:lnTo>
                    <a:lnTo>
                      <a:pt x="1061" y="201"/>
                    </a:lnTo>
                    <a:lnTo>
                      <a:pt x="1058" y="192"/>
                    </a:lnTo>
                    <a:lnTo>
                      <a:pt x="1055" y="182"/>
                    </a:lnTo>
                    <a:lnTo>
                      <a:pt x="1051" y="173"/>
                    </a:lnTo>
                    <a:lnTo>
                      <a:pt x="1043" y="156"/>
                    </a:lnTo>
                    <a:lnTo>
                      <a:pt x="1037" y="141"/>
                    </a:lnTo>
                    <a:lnTo>
                      <a:pt x="1035" y="135"/>
                    </a:lnTo>
                    <a:lnTo>
                      <a:pt x="1035" y="130"/>
                    </a:lnTo>
                    <a:lnTo>
                      <a:pt x="1036" y="125"/>
                    </a:lnTo>
                    <a:lnTo>
                      <a:pt x="1038" y="121"/>
                    </a:lnTo>
                    <a:lnTo>
                      <a:pt x="1042" y="118"/>
                    </a:lnTo>
                    <a:lnTo>
                      <a:pt x="1046" y="116"/>
                    </a:lnTo>
                    <a:lnTo>
                      <a:pt x="1051" y="114"/>
                    </a:lnTo>
                    <a:lnTo>
                      <a:pt x="1055" y="114"/>
                    </a:lnTo>
                    <a:lnTo>
                      <a:pt x="1059" y="114"/>
                    </a:lnTo>
                    <a:lnTo>
                      <a:pt x="1063" y="115"/>
                    </a:lnTo>
                    <a:lnTo>
                      <a:pt x="1067" y="116"/>
                    </a:lnTo>
                    <a:lnTo>
                      <a:pt x="1072" y="118"/>
                    </a:lnTo>
                    <a:lnTo>
                      <a:pt x="1081" y="124"/>
                    </a:lnTo>
                    <a:lnTo>
                      <a:pt x="1089" y="132"/>
                    </a:lnTo>
                    <a:lnTo>
                      <a:pt x="1100" y="140"/>
                    </a:lnTo>
                    <a:lnTo>
                      <a:pt x="1110" y="150"/>
                    </a:lnTo>
                    <a:lnTo>
                      <a:pt x="1120" y="160"/>
                    </a:lnTo>
                    <a:lnTo>
                      <a:pt x="1132" y="171"/>
                    </a:lnTo>
                    <a:lnTo>
                      <a:pt x="1142" y="180"/>
                    </a:lnTo>
                    <a:lnTo>
                      <a:pt x="1155" y="189"/>
                    </a:lnTo>
                    <a:lnTo>
                      <a:pt x="1167" y="195"/>
                    </a:lnTo>
                    <a:lnTo>
                      <a:pt x="1180" y="200"/>
                    </a:lnTo>
                    <a:lnTo>
                      <a:pt x="1187" y="202"/>
                    </a:lnTo>
                    <a:lnTo>
                      <a:pt x="1194" y="203"/>
                    </a:lnTo>
                    <a:lnTo>
                      <a:pt x="1201" y="203"/>
                    </a:lnTo>
                    <a:lnTo>
                      <a:pt x="1208" y="203"/>
                    </a:lnTo>
                    <a:lnTo>
                      <a:pt x="1208" y="205"/>
                    </a:lnTo>
                    <a:lnTo>
                      <a:pt x="1211" y="207"/>
                    </a:lnTo>
                    <a:lnTo>
                      <a:pt x="1212" y="209"/>
                    </a:lnTo>
                    <a:lnTo>
                      <a:pt x="1214" y="210"/>
                    </a:lnTo>
                    <a:lnTo>
                      <a:pt x="1219" y="210"/>
                    </a:lnTo>
                    <a:lnTo>
                      <a:pt x="1224" y="211"/>
                    </a:lnTo>
                    <a:lnTo>
                      <a:pt x="1222" y="214"/>
                    </a:lnTo>
                    <a:lnTo>
                      <a:pt x="1220" y="217"/>
                    </a:lnTo>
                    <a:lnTo>
                      <a:pt x="1218" y="222"/>
                    </a:lnTo>
                    <a:lnTo>
                      <a:pt x="1217" y="229"/>
                    </a:lnTo>
                    <a:lnTo>
                      <a:pt x="1216" y="242"/>
                    </a:lnTo>
                    <a:lnTo>
                      <a:pt x="1216" y="257"/>
                    </a:lnTo>
                    <a:lnTo>
                      <a:pt x="1217" y="263"/>
                    </a:lnTo>
                    <a:lnTo>
                      <a:pt x="1218" y="270"/>
                    </a:lnTo>
                    <a:lnTo>
                      <a:pt x="1220" y="274"/>
                    </a:lnTo>
                    <a:lnTo>
                      <a:pt x="1221" y="278"/>
                    </a:lnTo>
                    <a:lnTo>
                      <a:pt x="1224" y="280"/>
                    </a:lnTo>
                    <a:lnTo>
                      <a:pt x="1226" y="281"/>
                    </a:lnTo>
                    <a:lnTo>
                      <a:pt x="1230" y="279"/>
                    </a:lnTo>
                    <a:lnTo>
                      <a:pt x="1233" y="276"/>
                    </a:lnTo>
                    <a:lnTo>
                      <a:pt x="1239" y="281"/>
                    </a:lnTo>
                    <a:lnTo>
                      <a:pt x="1245" y="286"/>
                    </a:lnTo>
                    <a:lnTo>
                      <a:pt x="1253" y="292"/>
                    </a:lnTo>
                    <a:lnTo>
                      <a:pt x="1261" y="296"/>
                    </a:lnTo>
                    <a:lnTo>
                      <a:pt x="1270" y="299"/>
                    </a:lnTo>
                    <a:lnTo>
                      <a:pt x="1278" y="302"/>
                    </a:lnTo>
                    <a:lnTo>
                      <a:pt x="1287" y="305"/>
                    </a:lnTo>
                    <a:lnTo>
                      <a:pt x="1297" y="306"/>
                    </a:lnTo>
                    <a:lnTo>
                      <a:pt x="1297" y="308"/>
                    </a:lnTo>
                    <a:lnTo>
                      <a:pt x="1298" y="308"/>
                    </a:lnTo>
                    <a:lnTo>
                      <a:pt x="1290" y="341"/>
                    </a:lnTo>
                    <a:lnTo>
                      <a:pt x="1285" y="348"/>
                    </a:lnTo>
                    <a:lnTo>
                      <a:pt x="1282" y="355"/>
                    </a:lnTo>
                    <a:lnTo>
                      <a:pt x="1281" y="360"/>
                    </a:lnTo>
                    <a:lnTo>
                      <a:pt x="1281" y="366"/>
                    </a:lnTo>
                    <a:lnTo>
                      <a:pt x="1282" y="372"/>
                    </a:lnTo>
                    <a:lnTo>
                      <a:pt x="1284" y="377"/>
                    </a:lnTo>
                    <a:lnTo>
                      <a:pt x="1287" y="382"/>
                    </a:lnTo>
                    <a:lnTo>
                      <a:pt x="1291" y="386"/>
                    </a:lnTo>
                    <a:lnTo>
                      <a:pt x="1299" y="396"/>
                    </a:lnTo>
                    <a:lnTo>
                      <a:pt x="1309" y="404"/>
                    </a:lnTo>
                    <a:lnTo>
                      <a:pt x="1316" y="413"/>
                    </a:lnTo>
                    <a:lnTo>
                      <a:pt x="1322" y="422"/>
                    </a:lnTo>
                    <a:lnTo>
                      <a:pt x="1325" y="423"/>
                    </a:lnTo>
                    <a:lnTo>
                      <a:pt x="1327" y="423"/>
                    </a:lnTo>
                    <a:lnTo>
                      <a:pt x="1331" y="423"/>
                    </a:lnTo>
                    <a:lnTo>
                      <a:pt x="1333" y="422"/>
                    </a:lnTo>
                    <a:lnTo>
                      <a:pt x="1338" y="419"/>
                    </a:lnTo>
                    <a:lnTo>
                      <a:pt x="1342" y="416"/>
                    </a:lnTo>
                    <a:lnTo>
                      <a:pt x="1346" y="414"/>
                    </a:lnTo>
                    <a:lnTo>
                      <a:pt x="1350" y="413"/>
                    </a:lnTo>
                    <a:lnTo>
                      <a:pt x="1351" y="414"/>
                    </a:lnTo>
                    <a:lnTo>
                      <a:pt x="1353" y="416"/>
                    </a:lnTo>
                    <a:lnTo>
                      <a:pt x="1354" y="418"/>
                    </a:lnTo>
                    <a:lnTo>
                      <a:pt x="1355" y="422"/>
                    </a:lnTo>
                    <a:lnTo>
                      <a:pt x="1350" y="424"/>
                    </a:lnTo>
                    <a:lnTo>
                      <a:pt x="1347" y="427"/>
                    </a:lnTo>
                    <a:lnTo>
                      <a:pt x="1346" y="428"/>
                    </a:lnTo>
                    <a:lnTo>
                      <a:pt x="1347" y="428"/>
                    </a:lnTo>
                    <a:lnTo>
                      <a:pt x="1351" y="428"/>
                    </a:lnTo>
                    <a:lnTo>
                      <a:pt x="1354" y="428"/>
                    </a:lnTo>
                    <a:lnTo>
                      <a:pt x="1357" y="427"/>
                    </a:lnTo>
                    <a:lnTo>
                      <a:pt x="1360" y="424"/>
                    </a:lnTo>
                    <a:lnTo>
                      <a:pt x="1362" y="427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44" name="Lolland kant"/>
              <p:cNvSpPr>
                <a:spLocks/>
              </p:cNvSpPr>
              <p:nvPr/>
            </p:nvSpPr>
            <p:spPr bwMode="auto">
              <a:xfrm>
                <a:off x="2776538" y="6005513"/>
                <a:ext cx="763587" cy="476250"/>
              </a:xfrm>
              <a:custGeom>
                <a:avLst/>
                <a:gdLst>
                  <a:gd name="T0" fmla="*/ 472 w 1443"/>
                  <a:gd name="T1" fmla="*/ 161 h 901"/>
                  <a:gd name="T2" fmla="*/ 470 w 1443"/>
                  <a:gd name="T3" fmla="*/ 194 h 901"/>
                  <a:gd name="T4" fmla="*/ 453 w 1443"/>
                  <a:gd name="T5" fmla="*/ 215 h 901"/>
                  <a:gd name="T6" fmla="*/ 468 w 1443"/>
                  <a:gd name="T7" fmla="*/ 222 h 901"/>
                  <a:gd name="T8" fmla="*/ 475 w 1443"/>
                  <a:gd name="T9" fmla="*/ 238 h 901"/>
                  <a:gd name="T10" fmla="*/ 461 w 1443"/>
                  <a:gd name="T11" fmla="*/ 267 h 901"/>
                  <a:gd name="T12" fmla="*/ 436 w 1443"/>
                  <a:gd name="T13" fmla="*/ 274 h 901"/>
                  <a:gd name="T14" fmla="*/ 389 w 1443"/>
                  <a:gd name="T15" fmla="*/ 264 h 901"/>
                  <a:gd name="T16" fmla="*/ 363 w 1443"/>
                  <a:gd name="T17" fmla="*/ 267 h 901"/>
                  <a:gd name="T18" fmla="*/ 342 w 1443"/>
                  <a:gd name="T19" fmla="*/ 266 h 901"/>
                  <a:gd name="T20" fmla="*/ 326 w 1443"/>
                  <a:gd name="T21" fmla="*/ 270 h 901"/>
                  <a:gd name="T22" fmla="*/ 320 w 1443"/>
                  <a:gd name="T23" fmla="*/ 256 h 901"/>
                  <a:gd name="T24" fmla="*/ 318 w 1443"/>
                  <a:gd name="T25" fmla="*/ 263 h 901"/>
                  <a:gd name="T26" fmla="*/ 297 w 1443"/>
                  <a:gd name="T27" fmla="*/ 289 h 901"/>
                  <a:gd name="T28" fmla="*/ 257 w 1443"/>
                  <a:gd name="T29" fmla="*/ 300 h 901"/>
                  <a:gd name="T30" fmla="*/ 214 w 1443"/>
                  <a:gd name="T31" fmla="*/ 278 h 901"/>
                  <a:gd name="T32" fmla="*/ 155 w 1443"/>
                  <a:gd name="T33" fmla="*/ 228 h 901"/>
                  <a:gd name="T34" fmla="*/ 103 w 1443"/>
                  <a:gd name="T35" fmla="*/ 211 h 901"/>
                  <a:gd name="T36" fmla="*/ 80 w 1443"/>
                  <a:gd name="T37" fmla="*/ 200 h 901"/>
                  <a:gd name="T38" fmla="*/ 37 w 1443"/>
                  <a:gd name="T39" fmla="*/ 187 h 901"/>
                  <a:gd name="T40" fmla="*/ 6 w 1443"/>
                  <a:gd name="T41" fmla="*/ 147 h 901"/>
                  <a:gd name="T42" fmla="*/ 4 w 1443"/>
                  <a:gd name="T43" fmla="*/ 116 h 901"/>
                  <a:gd name="T44" fmla="*/ 17 w 1443"/>
                  <a:gd name="T45" fmla="*/ 115 h 901"/>
                  <a:gd name="T46" fmla="*/ 35 w 1443"/>
                  <a:gd name="T47" fmla="*/ 128 h 901"/>
                  <a:gd name="T48" fmla="*/ 42 w 1443"/>
                  <a:gd name="T49" fmla="*/ 124 h 901"/>
                  <a:gd name="T50" fmla="*/ 29 w 1443"/>
                  <a:gd name="T51" fmla="*/ 111 h 901"/>
                  <a:gd name="T52" fmla="*/ 40 w 1443"/>
                  <a:gd name="T53" fmla="*/ 99 h 901"/>
                  <a:gd name="T54" fmla="*/ 49 w 1443"/>
                  <a:gd name="T55" fmla="*/ 115 h 901"/>
                  <a:gd name="T56" fmla="*/ 53 w 1443"/>
                  <a:gd name="T57" fmla="*/ 137 h 901"/>
                  <a:gd name="T58" fmla="*/ 63 w 1443"/>
                  <a:gd name="T59" fmla="*/ 140 h 901"/>
                  <a:gd name="T60" fmla="*/ 64 w 1443"/>
                  <a:gd name="T61" fmla="*/ 126 h 901"/>
                  <a:gd name="T62" fmla="*/ 77 w 1443"/>
                  <a:gd name="T63" fmla="*/ 124 h 901"/>
                  <a:gd name="T64" fmla="*/ 77 w 1443"/>
                  <a:gd name="T65" fmla="*/ 114 h 901"/>
                  <a:gd name="T66" fmla="*/ 64 w 1443"/>
                  <a:gd name="T67" fmla="*/ 115 h 901"/>
                  <a:gd name="T68" fmla="*/ 63 w 1443"/>
                  <a:gd name="T69" fmla="*/ 103 h 901"/>
                  <a:gd name="T70" fmla="*/ 50 w 1443"/>
                  <a:gd name="T71" fmla="*/ 81 h 901"/>
                  <a:gd name="T72" fmla="*/ 35 w 1443"/>
                  <a:gd name="T73" fmla="*/ 78 h 901"/>
                  <a:gd name="T74" fmla="*/ 34 w 1443"/>
                  <a:gd name="T75" fmla="*/ 51 h 901"/>
                  <a:gd name="T76" fmla="*/ 68 w 1443"/>
                  <a:gd name="T77" fmla="*/ 19 h 901"/>
                  <a:gd name="T78" fmla="*/ 84 w 1443"/>
                  <a:gd name="T79" fmla="*/ 21 h 901"/>
                  <a:gd name="T80" fmla="*/ 82 w 1443"/>
                  <a:gd name="T81" fmla="*/ 13 h 901"/>
                  <a:gd name="T82" fmla="*/ 106 w 1443"/>
                  <a:gd name="T83" fmla="*/ 6 h 901"/>
                  <a:gd name="T84" fmla="*/ 150 w 1443"/>
                  <a:gd name="T85" fmla="*/ 3 h 901"/>
                  <a:gd name="T86" fmla="*/ 194 w 1443"/>
                  <a:gd name="T87" fmla="*/ 26 h 901"/>
                  <a:gd name="T88" fmla="*/ 219 w 1443"/>
                  <a:gd name="T89" fmla="*/ 59 h 901"/>
                  <a:gd name="T90" fmla="*/ 270 w 1443"/>
                  <a:gd name="T91" fmla="*/ 88 h 901"/>
                  <a:gd name="T92" fmla="*/ 305 w 1443"/>
                  <a:gd name="T93" fmla="*/ 109 h 901"/>
                  <a:gd name="T94" fmla="*/ 313 w 1443"/>
                  <a:gd name="T95" fmla="*/ 116 h 901"/>
                  <a:gd name="T96" fmla="*/ 339 w 1443"/>
                  <a:gd name="T97" fmla="*/ 123 h 901"/>
                  <a:gd name="T98" fmla="*/ 339 w 1443"/>
                  <a:gd name="T99" fmla="*/ 119 h 901"/>
                  <a:gd name="T100" fmla="*/ 313 w 1443"/>
                  <a:gd name="T101" fmla="*/ 90 h 901"/>
                  <a:gd name="T102" fmla="*/ 339 w 1443"/>
                  <a:gd name="T103" fmla="*/ 90 h 901"/>
                  <a:gd name="T104" fmla="*/ 352 w 1443"/>
                  <a:gd name="T105" fmla="*/ 84 h 901"/>
                  <a:gd name="T106" fmla="*/ 348 w 1443"/>
                  <a:gd name="T107" fmla="*/ 52 h 901"/>
                  <a:gd name="T108" fmla="*/ 353 w 1443"/>
                  <a:gd name="T109" fmla="*/ 38 h 901"/>
                  <a:gd name="T110" fmla="*/ 381 w 1443"/>
                  <a:gd name="T111" fmla="*/ 60 h 901"/>
                  <a:gd name="T112" fmla="*/ 404 w 1443"/>
                  <a:gd name="T113" fmla="*/ 70 h 901"/>
                  <a:gd name="T114" fmla="*/ 406 w 1443"/>
                  <a:gd name="T115" fmla="*/ 88 h 901"/>
                  <a:gd name="T116" fmla="*/ 418 w 1443"/>
                  <a:gd name="T117" fmla="*/ 97 h 901"/>
                  <a:gd name="T118" fmla="*/ 427 w 1443"/>
                  <a:gd name="T119" fmla="*/ 118 h 901"/>
                  <a:gd name="T120" fmla="*/ 441 w 1443"/>
                  <a:gd name="T121" fmla="*/ 141 h 901"/>
                  <a:gd name="T122" fmla="*/ 451 w 1443"/>
                  <a:gd name="T123" fmla="*/ 139 h 901"/>
                  <a:gd name="T124" fmla="*/ 453 w 1443"/>
                  <a:gd name="T125" fmla="*/ 141 h 901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443" h="901">
                    <a:moveTo>
                      <a:pt x="1362" y="427"/>
                    </a:moveTo>
                    <a:lnTo>
                      <a:pt x="1362" y="433"/>
                    </a:lnTo>
                    <a:lnTo>
                      <a:pt x="1363" y="438"/>
                    </a:lnTo>
                    <a:lnTo>
                      <a:pt x="1365" y="442"/>
                    </a:lnTo>
                    <a:lnTo>
                      <a:pt x="1367" y="448"/>
                    </a:lnTo>
                    <a:lnTo>
                      <a:pt x="1373" y="455"/>
                    </a:lnTo>
                    <a:lnTo>
                      <a:pt x="1380" y="460"/>
                    </a:lnTo>
                    <a:lnTo>
                      <a:pt x="1396" y="471"/>
                    </a:lnTo>
                    <a:lnTo>
                      <a:pt x="1412" y="480"/>
                    </a:lnTo>
                    <a:lnTo>
                      <a:pt x="1416" y="485"/>
                    </a:lnTo>
                    <a:lnTo>
                      <a:pt x="1426" y="497"/>
                    </a:lnTo>
                    <a:lnTo>
                      <a:pt x="1432" y="504"/>
                    </a:lnTo>
                    <a:lnTo>
                      <a:pt x="1437" y="512"/>
                    </a:lnTo>
                    <a:lnTo>
                      <a:pt x="1441" y="519"/>
                    </a:lnTo>
                    <a:lnTo>
                      <a:pt x="1443" y="527"/>
                    </a:lnTo>
                    <a:lnTo>
                      <a:pt x="1439" y="537"/>
                    </a:lnTo>
                    <a:lnTo>
                      <a:pt x="1434" y="549"/>
                    </a:lnTo>
                    <a:lnTo>
                      <a:pt x="1426" y="558"/>
                    </a:lnTo>
                    <a:lnTo>
                      <a:pt x="1420" y="569"/>
                    </a:lnTo>
                    <a:lnTo>
                      <a:pt x="1409" y="584"/>
                    </a:lnTo>
                    <a:lnTo>
                      <a:pt x="1403" y="593"/>
                    </a:lnTo>
                    <a:lnTo>
                      <a:pt x="1399" y="600"/>
                    </a:lnTo>
                    <a:lnTo>
                      <a:pt x="1395" y="609"/>
                    </a:lnTo>
                    <a:lnTo>
                      <a:pt x="1387" y="609"/>
                    </a:lnTo>
                    <a:lnTo>
                      <a:pt x="1379" y="609"/>
                    </a:lnTo>
                    <a:lnTo>
                      <a:pt x="1372" y="604"/>
                    </a:lnTo>
                    <a:lnTo>
                      <a:pt x="1363" y="601"/>
                    </a:lnTo>
                    <a:lnTo>
                      <a:pt x="1360" y="624"/>
                    </a:lnTo>
                    <a:lnTo>
                      <a:pt x="1358" y="642"/>
                    </a:lnTo>
                    <a:lnTo>
                      <a:pt x="1358" y="647"/>
                    </a:lnTo>
                    <a:lnTo>
                      <a:pt x="1359" y="650"/>
                    </a:lnTo>
                    <a:lnTo>
                      <a:pt x="1360" y="653"/>
                    </a:lnTo>
                    <a:lnTo>
                      <a:pt x="1362" y="656"/>
                    </a:lnTo>
                    <a:lnTo>
                      <a:pt x="1365" y="659"/>
                    </a:lnTo>
                    <a:lnTo>
                      <a:pt x="1369" y="661"/>
                    </a:lnTo>
                    <a:lnTo>
                      <a:pt x="1374" y="663"/>
                    </a:lnTo>
                    <a:lnTo>
                      <a:pt x="1379" y="666"/>
                    </a:lnTo>
                    <a:lnTo>
                      <a:pt x="1389" y="667"/>
                    </a:lnTo>
                    <a:lnTo>
                      <a:pt x="1397" y="667"/>
                    </a:lnTo>
                    <a:lnTo>
                      <a:pt x="1405" y="668"/>
                    </a:lnTo>
                    <a:lnTo>
                      <a:pt x="1413" y="669"/>
                    </a:lnTo>
                    <a:lnTo>
                      <a:pt x="1419" y="672"/>
                    </a:lnTo>
                    <a:lnTo>
                      <a:pt x="1424" y="676"/>
                    </a:lnTo>
                    <a:lnTo>
                      <a:pt x="1425" y="679"/>
                    </a:lnTo>
                    <a:lnTo>
                      <a:pt x="1426" y="682"/>
                    </a:lnTo>
                    <a:lnTo>
                      <a:pt x="1428" y="686"/>
                    </a:lnTo>
                    <a:lnTo>
                      <a:pt x="1428" y="691"/>
                    </a:lnTo>
                    <a:lnTo>
                      <a:pt x="1428" y="699"/>
                    </a:lnTo>
                    <a:lnTo>
                      <a:pt x="1426" y="708"/>
                    </a:lnTo>
                    <a:lnTo>
                      <a:pt x="1424" y="716"/>
                    </a:lnTo>
                    <a:lnTo>
                      <a:pt x="1422" y="723"/>
                    </a:lnTo>
                    <a:lnTo>
                      <a:pt x="1416" y="737"/>
                    </a:lnTo>
                    <a:lnTo>
                      <a:pt x="1410" y="749"/>
                    </a:lnTo>
                    <a:lnTo>
                      <a:pt x="1402" y="761"/>
                    </a:lnTo>
                    <a:lnTo>
                      <a:pt x="1396" y="774"/>
                    </a:lnTo>
                    <a:lnTo>
                      <a:pt x="1393" y="780"/>
                    </a:lnTo>
                    <a:lnTo>
                      <a:pt x="1391" y="788"/>
                    </a:lnTo>
                    <a:lnTo>
                      <a:pt x="1389" y="796"/>
                    </a:lnTo>
                    <a:lnTo>
                      <a:pt x="1387" y="805"/>
                    </a:lnTo>
                    <a:lnTo>
                      <a:pt x="1383" y="801"/>
                    </a:lnTo>
                    <a:lnTo>
                      <a:pt x="1379" y="798"/>
                    </a:lnTo>
                    <a:lnTo>
                      <a:pt x="1375" y="797"/>
                    </a:lnTo>
                    <a:lnTo>
                      <a:pt x="1371" y="797"/>
                    </a:lnTo>
                    <a:lnTo>
                      <a:pt x="1366" y="798"/>
                    </a:lnTo>
                    <a:lnTo>
                      <a:pt x="1362" y="799"/>
                    </a:lnTo>
                    <a:lnTo>
                      <a:pt x="1359" y="801"/>
                    </a:lnTo>
                    <a:lnTo>
                      <a:pt x="1355" y="803"/>
                    </a:lnTo>
                    <a:lnTo>
                      <a:pt x="1342" y="816"/>
                    </a:lnTo>
                    <a:lnTo>
                      <a:pt x="1331" y="829"/>
                    </a:lnTo>
                    <a:lnTo>
                      <a:pt x="1309" y="823"/>
                    </a:lnTo>
                    <a:lnTo>
                      <a:pt x="1287" y="820"/>
                    </a:lnTo>
                    <a:lnTo>
                      <a:pt x="1267" y="818"/>
                    </a:lnTo>
                    <a:lnTo>
                      <a:pt x="1248" y="816"/>
                    </a:lnTo>
                    <a:lnTo>
                      <a:pt x="1230" y="814"/>
                    </a:lnTo>
                    <a:lnTo>
                      <a:pt x="1212" y="812"/>
                    </a:lnTo>
                    <a:lnTo>
                      <a:pt x="1194" y="809"/>
                    </a:lnTo>
                    <a:lnTo>
                      <a:pt x="1176" y="805"/>
                    </a:lnTo>
                    <a:lnTo>
                      <a:pt x="1174" y="799"/>
                    </a:lnTo>
                    <a:lnTo>
                      <a:pt x="1172" y="795"/>
                    </a:lnTo>
                    <a:lnTo>
                      <a:pt x="1168" y="792"/>
                    </a:lnTo>
                    <a:lnTo>
                      <a:pt x="1165" y="790"/>
                    </a:lnTo>
                    <a:lnTo>
                      <a:pt x="1161" y="789"/>
                    </a:lnTo>
                    <a:lnTo>
                      <a:pt x="1157" y="789"/>
                    </a:lnTo>
                    <a:lnTo>
                      <a:pt x="1152" y="789"/>
                    </a:lnTo>
                    <a:lnTo>
                      <a:pt x="1147" y="790"/>
                    </a:lnTo>
                    <a:lnTo>
                      <a:pt x="1127" y="797"/>
                    </a:lnTo>
                    <a:lnTo>
                      <a:pt x="1111" y="805"/>
                    </a:lnTo>
                    <a:lnTo>
                      <a:pt x="1106" y="805"/>
                    </a:lnTo>
                    <a:lnTo>
                      <a:pt x="1103" y="805"/>
                    </a:lnTo>
                    <a:lnTo>
                      <a:pt x="1089" y="801"/>
                    </a:lnTo>
                    <a:lnTo>
                      <a:pt x="1077" y="797"/>
                    </a:lnTo>
                    <a:lnTo>
                      <a:pt x="1071" y="796"/>
                    </a:lnTo>
                    <a:lnTo>
                      <a:pt x="1065" y="797"/>
                    </a:lnTo>
                    <a:lnTo>
                      <a:pt x="1060" y="799"/>
                    </a:lnTo>
                    <a:lnTo>
                      <a:pt x="1054" y="805"/>
                    </a:lnTo>
                    <a:lnTo>
                      <a:pt x="1046" y="805"/>
                    </a:lnTo>
                    <a:lnTo>
                      <a:pt x="1038" y="805"/>
                    </a:lnTo>
                    <a:lnTo>
                      <a:pt x="1034" y="801"/>
                    </a:lnTo>
                    <a:lnTo>
                      <a:pt x="1029" y="799"/>
                    </a:lnTo>
                    <a:lnTo>
                      <a:pt x="1025" y="798"/>
                    </a:lnTo>
                    <a:lnTo>
                      <a:pt x="1022" y="798"/>
                    </a:lnTo>
                    <a:lnTo>
                      <a:pt x="1014" y="800"/>
                    </a:lnTo>
                    <a:lnTo>
                      <a:pt x="1006" y="805"/>
                    </a:lnTo>
                    <a:lnTo>
                      <a:pt x="999" y="810"/>
                    </a:lnTo>
                    <a:lnTo>
                      <a:pt x="991" y="814"/>
                    </a:lnTo>
                    <a:lnTo>
                      <a:pt x="982" y="818"/>
                    </a:lnTo>
                    <a:lnTo>
                      <a:pt x="973" y="820"/>
                    </a:lnTo>
                    <a:lnTo>
                      <a:pt x="976" y="816"/>
                    </a:lnTo>
                    <a:lnTo>
                      <a:pt x="978" y="813"/>
                    </a:lnTo>
                    <a:lnTo>
                      <a:pt x="979" y="810"/>
                    </a:lnTo>
                    <a:lnTo>
                      <a:pt x="978" y="807"/>
                    </a:lnTo>
                    <a:lnTo>
                      <a:pt x="973" y="800"/>
                    </a:lnTo>
                    <a:lnTo>
                      <a:pt x="967" y="794"/>
                    </a:lnTo>
                    <a:lnTo>
                      <a:pt x="963" y="791"/>
                    </a:lnTo>
                    <a:lnTo>
                      <a:pt x="961" y="788"/>
                    </a:lnTo>
                    <a:lnTo>
                      <a:pt x="959" y="785"/>
                    </a:lnTo>
                    <a:lnTo>
                      <a:pt x="957" y="780"/>
                    </a:lnTo>
                    <a:lnTo>
                      <a:pt x="957" y="777"/>
                    </a:lnTo>
                    <a:lnTo>
                      <a:pt x="958" y="773"/>
                    </a:lnTo>
                    <a:lnTo>
                      <a:pt x="960" y="769"/>
                    </a:lnTo>
                    <a:lnTo>
                      <a:pt x="964" y="763"/>
                    </a:lnTo>
                    <a:lnTo>
                      <a:pt x="960" y="765"/>
                    </a:lnTo>
                    <a:lnTo>
                      <a:pt x="956" y="767"/>
                    </a:lnTo>
                    <a:lnTo>
                      <a:pt x="953" y="769"/>
                    </a:lnTo>
                    <a:lnTo>
                      <a:pt x="950" y="772"/>
                    </a:lnTo>
                    <a:lnTo>
                      <a:pt x="949" y="775"/>
                    </a:lnTo>
                    <a:lnTo>
                      <a:pt x="949" y="778"/>
                    </a:lnTo>
                    <a:lnTo>
                      <a:pt x="949" y="781"/>
                    </a:lnTo>
                    <a:lnTo>
                      <a:pt x="950" y="785"/>
                    </a:lnTo>
                    <a:lnTo>
                      <a:pt x="955" y="791"/>
                    </a:lnTo>
                    <a:lnTo>
                      <a:pt x="960" y="797"/>
                    </a:lnTo>
                    <a:lnTo>
                      <a:pt x="966" y="801"/>
                    </a:lnTo>
                    <a:lnTo>
                      <a:pt x="973" y="805"/>
                    </a:lnTo>
                    <a:lnTo>
                      <a:pt x="966" y="813"/>
                    </a:lnTo>
                    <a:lnTo>
                      <a:pt x="957" y="821"/>
                    </a:lnTo>
                    <a:lnTo>
                      <a:pt x="947" y="831"/>
                    </a:lnTo>
                    <a:lnTo>
                      <a:pt x="937" y="839"/>
                    </a:lnTo>
                    <a:lnTo>
                      <a:pt x="918" y="854"/>
                    </a:lnTo>
                    <a:lnTo>
                      <a:pt x="907" y="861"/>
                    </a:lnTo>
                    <a:lnTo>
                      <a:pt x="892" y="869"/>
                    </a:lnTo>
                    <a:lnTo>
                      <a:pt x="874" y="876"/>
                    </a:lnTo>
                    <a:lnTo>
                      <a:pt x="866" y="880"/>
                    </a:lnTo>
                    <a:lnTo>
                      <a:pt x="860" y="886"/>
                    </a:lnTo>
                    <a:lnTo>
                      <a:pt x="857" y="890"/>
                    </a:lnTo>
                    <a:lnTo>
                      <a:pt x="855" y="893"/>
                    </a:lnTo>
                    <a:lnTo>
                      <a:pt x="853" y="897"/>
                    </a:lnTo>
                    <a:lnTo>
                      <a:pt x="850" y="901"/>
                    </a:lnTo>
                    <a:lnTo>
                      <a:pt x="824" y="901"/>
                    </a:lnTo>
                    <a:lnTo>
                      <a:pt x="798" y="901"/>
                    </a:lnTo>
                    <a:lnTo>
                      <a:pt x="771" y="901"/>
                    </a:lnTo>
                    <a:lnTo>
                      <a:pt x="745" y="901"/>
                    </a:lnTo>
                    <a:lnTo>
                      <a:pt x="740" y="894"/>
                    </a:lnTo>
                    <a:lnTo>
                      <a:pt x="734" y="888"/>
                    </a:lnTo>
                    <a:lnTo>
                      <a:pt x="726" y="882"/>
                    </a:lnTo>
                    <a:lnTo>
                      <a:pt x="718" y="878"/>
                    </a:lnTo>
                    <a:lnTo>
                      <a:pt x="699" y="870"/>
                    </a:lnTo>
                    <a:lnTo>
                      <a:pt x="680" y="861"/>
                    </a:lnTo>
                    <a:lnTo>
                      <a:pt x="666" y="853"/>
                    </a:lnTo>
                    <a:lnTo>
                      <a:pt x="652" y="845"/>
                    </a:lnTo>
                    <a:lnTo>
                      <a:pt x="641" y="834"/>
                    </a:lnTo>
                    <a:lnTo>
                      <a:pt x="628" y="823"/>
                    </a:lnTo>
                    <a:lnTo>
                      <a:pt x="605" y="801"/>
                    </a:lnTo>
                    <a:lnTo>
                      <a:pt x="583" y="777"/>
                    </a:lnTo>
                    <a:lnTo>
                      <a:pt x="560" y="753"/>
                    </a:lnTo>
                    <a:lnTo>
                      <a:pt x="535" y="730"/>
                    </a:lnTo>
                    <a:lnTo>
                      <a:pt x="522" y="718"/>
                    </a:lnTo>
                    <a:lnTo>
                      <a:pt x="508" y="709"/>
                    </a:lnTo>
                    <a:lnTo>
                      <a:pt x="492" y="699"/>
                    </a:lnTo>
                    <a:lnTo>
                      <a:pt x="477" y="691"/>
                    </a:lnTo>
                    <a:lnTo>
                      <a:pt x="465" y="686"/>
                    </a:lnTo>
                    <a:lnTo>
                      <a:pt x="455" y="681"/>
                    </a:lnTo>
                    <a:lnTo>
                      <a:pt x="443" y="677"/>
                    </a:lnTo>
                    <a:lnTo>
                      <a:pt x="432" y="674"/>
                    </a:lnTo>
                    <a:lnTo>
                      <a:pt x="410" y="669"/>
                    </a:lnTo>
                    <a:lnTo>
                      <a:pt x="389" y="663"/>
                    </a:lnTo>
                    <a:lnTo>
                      <a:pt x="367" y="658"/>
                    </a:lnTo>
                    <a:lnTo>
                      <a:pt x="345" y="650"/>
                    </a:lnTo>
                    <a:lnTo>
                      <a:pt x="333" y="646"/>
                    </a:lnTo>
                    <a:lnTo>
                      <a:pt x="322" y="640"/>
                    </a:lnTo>
                    <a:lnTo>
                      <a:pt x="310" y="633"/>
                    </a:lnTo>
                    <a:lnTo>
                      <a:pt x="298" y="626"/>
                    </a:lnTo>
                    <a:lnTo>
                      <a:pt x="292" y="620"/>
                    </a:lnTo>
                    <a:lnTo>
                      <a:pt x="285" y="614"/>
                    </a:lnTo>
                    <a:lnTo>
                      <a:pt x="276" y="609"/>
                    </a:lnTo>
                    <a:lnTo>
                      <a:pt x="265" y="603"/>
                    </a:lnTo>
                    <a:lnTo>
                      <a:pt x="260" y="602"/>
                    </a:lnTo>
                    <a:lnTo>
                      <a:pt x="253" y="601"/>
                    </a:lnTo>
                    <a:lnTo>
                      <a:pt x="248" y="600"/>
                    </a:lnTo>
                    <a:lnTo>
                      <a:pt x="243" y="600"/>
                    </a:lnTo>
                    <a:lnTo>
                      <a:pt x="239" y="601"/>
                    </a:lnTo>
                    <a:lnTo>
                      <a:pt x="233" y="602"/>
                    </a:lnTo>
                    <a:lnTo>
                      <a:pt x="229" y="606"/>
                    </a:lnTo>
                    <a:lnTo>
                      <a:pt x="225" y="609"/>
                    </a:lnTo>
                    <a:lnTo>
                      <a:pt x="207" y="604"/>
                    </a:lnTo>
                    <a:lnTo>
                      <a:pt x="189" y="599"/>
                    </a:lnTo>
                    <a:lnTo>
                      <a:pt x="173" y="593"/>
                    </a:lnTo>
                    <a:lnTo>
                      <a:pt x="157" y="586"/>
                    </a:lnTo>
                    <a:lnTo>
                      <a:pt x="142" y="578"/>
                    </a:lnTo>
                    <a:lnTo>
                      <a:pt x="127" y="570"/>
                    </a:lnTo>
                    <a:lnTo>
                      <a:pt x="112" y="561"/>
                    </a:lnTo>
                    <a:lnTo>
                      <a:pt x="100" y="552"/>
                    </a:lnTo>
                    <a:lnTo>
                      <a:pt x="87" y="541"/>
                    </a:lnTo>
                    <a:lnTo>
                      <a:pt x="75" y="530"/>
                    </a:lnTo>
                    <a:lnTo>
                      <a:pt x="65" y="518"/>
                    </a:lnTo>
                    <a:lnTo>
                      <a:pt x="54" y="505"/>
                    </a:lnTo>
                    <a:lnTo>
                      <a:pt x="45" y="492"/>
                    </a:lnTo>
                    <a:lnTo>
                      <a:pt x="36" y="478"/>
                    </a:lnTo>
                    <a:lnTo>
                      <a:pt x="28" y="462"/>
                    </a:lnTo>
                    <a:lnTo>
                      <a:pt x="22" y="447"/>
                    </a:lnTo>
                    <a:lnTo>
                      <a:pt x="18" y="442"/>
                    </a:lnTo>
                    <a:lnTo>
                      <a:pt x="13" y="438"/>
                    </a:lnTo>
                    <a:lnTo>
                      <a:pt x="10" y="433"/>
                    </a:lnTo>
                    <a:lnTo>
                      <a:pt x="7" y="428"/>
                    </a:lnTo>
                    <a:lnTo>
                      <a:pt x="3" y="416"/>
                    </a:lnTo>
                    <a:lnTo>
                      <a:pt x="1" y="403"/>
                    </a:lnTo>
                    <a:lnTo>
                      <a:pt x="0" y="392"/>
                    </a:lnTo>
                    <a:lnTo>
                      <a:pt x="1" y="379"/>
                    </a:lnTo>
                    <a:lnTo>
                      <a:pt x="3" y="366"/>
                    </a:lnTo>
                    <a:lnTo>
                      <a:pt x="7" y="356"/>
                    </a:lnTo>
                    <a:lnTo>
                      <a:pt x="12" y="348"/>
                    </a:lnTo>
                    <a:lnTo>
                      <a:pt x="18" y="340"/>
                    </a:lnTo>
                    <a:lnTo>
                      <a:pt x="21" y="337"/>
                    </a:lnTo>
                    <a:lnTo>
                      <a:pt x="24" y="335"/>
                    </a:lnTo>
                    <a:lnTo>
                      <a:pt x="27" y="334"/>
                    </a:lnTo>
                    <a:lnTo>
                      <a:pt x="31" y="334"/>
                    </a:lnTo>
                    <a:lnTo>
                      <a:pt x="34" y="334"/>
                    </a:lnTo>
                    <a:lnTo>
                      <a:pt x="39" y="335"/>
                    </a:lnTo>
                    <a:lnTo>
                      <a:pt x="43" y="337"/>
                    </a:lnTo>
                    <a:lnTo>
                      <a:pt x="46" y="340"/>
                    </a:lnTo>
                    <a:lnTo>
                      <a:pt x="50" y="345"/>
                    </a:lnTo>
                    <a:lnTo>
                      <a:pt x="54" y="351"/>
                    </a:lnTo>
                    <a:lnTo>
                      <a:pt x="59" y="357"/>
                    </a:lnTo>
                    <a:lnTo>
                      <a:pt x="63" y="365"/>
                    </a:lnTo>
                    <a:lnTo>
                      <a:pt x="63" y="370"/>
                    </a:lnTo>
                    <a:lnTo>
                      <a:pt x="63" y="374"/>
                    </a:lnTo>
                    <a:lnTo>
                      <a:pt x="71" y="374"/>
                    </a:lnTo>
                    <a:lnTo>
                      <a:pt x="80" y="375"/>
                    </a:lnTo>
                    <a:lnTo>
                      <a:pt x="87" y="377"/>
                    </a:lnTo>
                    <a:lnTo>
                      <a:pt x="93" y="379"/>
                    </a:lnTo>
                    <a:lnTo>
                      <a:pt x="106" y="384"/>
                    </a:lnTo>
                    <a:lnTo>
                      <a:pt x="120" y="390"/>
                    </a:lnTo>
                    <a:lnTo>
                      <a:pt x="128" y="393"/>
                    </a:lnTo>
                    <a:lnTo>
                      <a:pt x="135" y="398"/>
                    </a:lnTo>
                    <a:lnTo>
                      <a:pt x="137" y="389"/>
                    </a:lnTo>
                    <a:lnTo>
                      <a:pt x="137" y="382"/>
                    </a:lnTo>
                    <a:lnTo>
                      <a:pt x="135" y="377"/>
                    </a:lnTo>
                    <a:lnTo>
                      <a:pt x="133" y="374"/>
                    </a:lnTo>
                    <a:lnTo>
                      <a:pt x="131" y="372"/>
                    </a:lnTo>
                    <a:lnTo>
                      <a:pt x="128" y="371"/>
                    </a:lnTo>
                    <a:lnTo>
                      <a:pt x="125" y="371"/>
                    </a:lnTo>
                    <a:lnTo>
                      <a:pt x="121" y="371"/>
                    </a:lnTo>
                    <a:lnTo>
                      <a:pt x="113" y="371"/>
                    </a:lnTo>
                    <a:lnTo>
                      <a:pt x="106" y="371"/>
                    </a:lnTo>
                    <a:lnTo>
                      <a:pt x="102" y="369"/>
                    </a:lnTo>
                    <a:lnTo>
                      <a:pt x="100" y="366"/>
                    </a:lnTo>
                    <a:lnTo>
                      <a:pt x="97" y="362"/>
                    </a:lnTo>
                    <a:lnTo>
                      <a:pt x="94" y="357"/>
                    </a:lnTo>
                    <a:lnTo>
                      <a:pt x="90" y="350"/>
                    </a:lnTo>
                    <a:lnTo>
                      <a:pt x="87" y="341"/>
                    </a:lnTo>
                    <a:lnTo>
                      <a:pt x="86" y="334"/>
                    </a:lnTo>
                    <a:lnTo>
                      <a:pt x="87" y="325"/>
                    </a:lnTo>
                    <a:lnTo>
                      <a:pt x="88" y="318"/>
                    </a:lnTo>
                    <a:lnTo>
                      <a:pt x="90" y="311"/>
                    </a:lnTo>
                    <a:lnTo>
                      <a:pt x="94" y="305"/>
                    </a:lnTo>
                    <a:lnTo>
                      <a:pt x="98" y="300"/>
                    </a:lnTo>
                    <a:lnTo>
                      <a:pt x="103" y="296"/>
                    </a:lnTo>
                    <a:lnTo>
                      <a:pt x="107" y="294"/>
                    </a:lnTo>
                    <a:lnTo>
                      <a:pt x="111" y="294"/>
                    </a:lnTo>
                    <a:lnTo>
                      <a:pt x="117" y="295"/>
                    </a:lnTo>
                    <a:lnTo>
                      <a:pt x="120" y="298"/>
                    </a:lnTo>
                    <a:lnTo>
                      <a:pt x="124" y="304"/>
                    </a:lnTo>
                    <a:lnTo>
                      <a:pt x="126" y="313"/>
                    </a:lnTo>
                    <a:lnTo>
                      <a:pt x="127" y="324"/>
                    </a:lnTo>
                    <a:lnTo>
                      <a:pt x="133" y="326"/>
                    </a:lnTo>
                    <a:lnTo>
                      <a:pt x="139" y="330"/>
                    </a:lnTo>
                    <a:lnTo>
                      <a:pt x="142" y="332"/>
                    </a:lnTo>
                    <a:lnTo>
                      <a:pt x="145" y="336"/>
                    </a:lnTo>
                    <a:lnTo>
                      <a:pt x="147" y="339"/>
                    </a:lnTo>
                    <a:lnTo>
                      <a:pt x="148" y="343"/>
                    </a:lnTo>
                    <a:lnTo>
                      <a:pt x="148" y="346"/>
                    </a:lnTo>
                    <a:lnTo>
                      <a:pt x="148" y="352"/>
                    </a:lnTo>
                    <a:lnTo>
                      <a:pt x="146" y="361"/>
                    </a:lnTo>
                    <a:lnTo>
                      <a:pt x="144" y="373"/>
                    </a:lnTo>
                    <a:lnTo>
                      <a:pt x="143" y="384"/>
                    </a:lnTo>
                    <a:lnTo>
                      <a:pt x="144" y="398"/>
                    </a:lnTo>
                    <a:lnTo>
                      <a:pt x="147" y="398"/>
                    </a:lnTo>
                    <a:lnTo>
                      <a:pt x="150" y="400"/>
                    </a:lnTo>
                    <a:lnTo>
                      <a:pt x="153" y="402"/>
                    </a:lnTo>
                    <a:lnTo>
                      <a:pt x="155" y="404"/>
                    </a:lnTo>
                    <a:lnTo>
                      <a:pt x="159" y="411"/>
                    </a:lnTo>
                    <a:lnTo>
                      <a:pt x="161" y="417"/>
                    </a:lnTo>
                    <a:lnTo>
                      <a:pt x="164" y="423"/>
                    </a:lnTo>
                    <a:lnTo>
                      <a:pt x="168" y="428"/>
                    </a:lnTo>
                    <a:lnTo>
                      <a:pt x="171" y="430"/>
                    </a:lnTo>
                    <a:lnTo>
                      <a:pt x="174" y="431"/>
                    </a:lnTo>
                    <a:lnTo>
                      <a:pt x="179" y="431"/>
                    </a:lnTo>
                    <a:lnTo>
                      <a:pt x="184" y="431"/>
                    </a:lnTo>
                    <a:lnTo>
                      <a:pt x="187" y="428"/>
                    </a:lnTo>
                    <a:lnTo>
                      <a:pt x="189" y="424"/>
                    </a:lnTo>
                    <a:lnTo>
                      <a:pt x="189" y="421"/>
                    </a:lnTo>
                    <a:lnTo>
                      <a:pt x="189" y="418"/>
                    </a:lnTo>
                    <a:lnTo>
                      <a:pt x="186" y="412"/>
                    </a:lnTo>
                    <a:lnTo>
                      <a:pt x="182" y="404"/>
                    </a:lnTo>
                    <a:lnTo>
                      <a:pt x="178" y="397"/>
                    </a:lnTo>
                    <a:lnTo>
                      <a:pt x="175" y="390"/>
                    </a:lnTo>
                    <a:lnTo>
                      <a:pt x="175" y="386"/>
                    </a:lnTo>
                    <a:lnTo>
                      <a:pt x="178" y="382"/>
                    </a:lnTo>
                    <a:lnTo>
                      <a:pt x="180" y="378"/>
                    </a:lnTo>
                    <a:lnTo>
                      <a:pt x="184" y="374"/>
                    </a:lnTo>
                    <a:lnTo>
                      <a:pt x="192" y="377"/>
                    </a:lnTo>
                    <a:lnTo>
                      <a:pt x="201" y="381"/>
                    </a:lnTo>
                    <a:lnTo>
                      <a:pt x="208" y="385"/>
                    </a:lnTo>
                    <a:lnTo>
                      <a:pt x="217" y="390"/>
                    </a:lnTo>
                    <a:lnTo>
                      <a:pt x="217" y="394"/>
                    </a:lnTo>
                    <a:lnTo>
                      <a:pt x="217" y="398"/>
                    </a:lnTo>
                    <a:lnTo>
                      <a:pt x="219" y="393"/>
                    </a:lnTo>
                    <a:lnTo>
                      <a:pt x="221" y="389"/>
                    </a:lnTo>
                    <a:lnTo>
                      <a:pt x="223" y="383"/>
                    </a:lnTo>
                    <a:lnTo>
                      <a:pt x="225" y="380"/>
                    </a:lnTo>
                    <a:lnTo>
                      <a:pt x="231" y="373"/>
                    </a:lnTo>
                    <a:lnTo>
                      <a:pt x="240" y="368"/>
                    </a:lnTo>
                    <a:lnTo>
                      <a:pt x="257" y="358"/>
                    </a:lnTo>
                    <a:lnTo>
                      <a:pt x="273" y="349"/>
                    </a:lnTo>
                    <a:lnTo>
                      <a:pt x="272" y="346"/>
                    </a:lnTo>
                    <a:lnTo>
                      <a:pt x="269" y="344"/>
                    </a:lnTo>
                    <a:lnTo>
                      <a:pt x="266" y="342"/>
                    </a:lnTo>
                    <a:lnTo>
                      <a:pt x="262" y="341"/>
                    </a:lnTo>
                    <a:lnTo>
                      <a:pt x="252" y="339"/>
                    </a:lnTo>
                    <a:lnTo>
                      <a:pt x="242" y="339"/>
                    </a:lnTo>
                    <a:lnTo>
                      <a:pt x="231" y="341"/>
                    </a:lnTo>
                    <a:lnTo>
                      <a:pt x="224" y="345"/>
                    </a:lnTo>
                    <a:lnTo>
                      <a:pt x="221" y="348"/>
                    </a:lnTo>
                    <a:lnTo>
                      <a:pt x="218" y="351"/>
                    </a:lnTo>
                    <a:lnTo>
                      <a:pt x="217" y="354"/>
                    </a:lnTo>
                    <a:lnTo>
                      <a:pt x="217" y="357"/>
                    </a:lnTo>
                    <a:lnTo>
                      <a:pt x="209" y="357"/>
                    </a:lnTo>
                    <a:lnTo>
                      <a:pt x="204" y="356"/>
                    </a:lnTo>
                    <a:lnTo>
                      <a:pt x="199" y="354"/>
                    </a:lnTo>
                    <a:lnTo>
                      <a:pt x="195" y="350"/>
                    </a:lnTo>
                    <a:lnTo>
                      <a:pt x="193" y="345"/>
                    </a:lnTo>
                    <a:lnTo>
                      <a:pt x="192" y="339"/>
                    </a:lnTo>
                    <a:lnTo>
                      <a:pt x="192" y="332"/>
                    </a:lnTo>
                    <a:lnTo>
                      <a:pt x="192" y="324"/>
                    </a:lnTo>
                    <a:lnTo>
                      <a:pt x="197" y="323"/>
                    </a:lnTo>
                    <a:lnTo>
                      <a:pt x="199" y="322"/>
                    </a:lnTo>
                    <a:lnTo>
                      <a:pt x="200" y="321"/>
                    </a:lnTo>
                    <a:lnTo>
                      <a:pt x="200" y="319"/>
                    </a:lnTo>
                    <a:lnTo>
                      <a:pt x="198" y="317"/>
                    </a:lnTo>
                    <a:lnTo>
                      <a:pt x="193" y="314"/>
                    </a:lnTo>
                    <a:lnTo>
                      <a:pt x="188" y="310"/>
                    </a:lnTo>
                    <a:lnTo>
                      <a:pt x="184" y="304"/>
                    </a:lnTo>
                    <a:lnTo>
                      <a:pt x="183" y="302"/>
                    </a:lnTo>
                    <a:lnTo>
                      <a:pt x="183" y="299"/>
                    </a:lnTo>
                    <a:lnTo>
                      <a:pt x="183" y="296"/>
                    </a:lnTo>
                    <a:lnTo>
                      <a:pt x="184" y="292"/>
                    </a:lnTo>
                    <a:lnTo>
                      <a:pt x="179" y="281"/>
                    </a:lnTo>
                    <a:lnTo>
                      <a:pt x="171" y="269"/>
                    </a:lnTo>
                    <a:lnTo>
                      <a:pt x="163" y="257"/>
                    </a:lnTo>
                    <a:lnTo>
                      <a:pt x="154" y="247"/>
                    </a:lnTo>
                    <a:lnTo>
                      <a:pt x="149" y="243"/>
                    </a:lnTo>
                    <a:lnTo>
                      <a:pt x="145" y="241"/>
                    </a:lnTo>
                    <a:lnTo>
                      <a:pt x="141" y="240"/>
                    </a:lnTo>
                    <a:lnTo>
                      <a:pt x="135" y="240"/>
                    </a:lnTo>
                    <a:lnTo>
                      <a:pt x="131" y="242"/>
                    </a:lnTo>
                    <a:lnTo>
                      <a:pt x="127" y="245"/>
                    </a:lnTo>
                    <a:lnTo>
                      <a:pt x="123" y="252"/>
                    </a:lnTo>
                    <a:lnTo>
                      <a:pt x="120" y="260"/>
                    </a:lnTo>
                    <a:lnTo>
                      <a:pt x="113" y="252"/>
                    </a:lnTo>
                    <a:lnTo>
                      <a:pt x="108" y="243"/>
                    </a:lnTo>
                    <a:lnTo>
                      <a:pt x="104" y="235"/>
                    </a:lnTo>
                    <a:lnTo>
                      <a:pt x="101" y="227"/>
                    </a:lnTo>
                    <a:lnTo>
                      <a:pt x="99" y="219"/>
                    </a:lnTo>
                    <a:lnTo>
                      <a:pt x="97" y="212"/>
                    </a:lnTo>
                    <a:lnTo>
                      <a:pt x="95" y="203"/>
                    </a:lnTo>
                    <a:lnTo>
                      <a:pt x="94" y="196"/>
                    </a:lnTo>
                    <a:lnTo>
                      <a:pt x="94" y="189"/>
                    </a:lnTo>
                    <a:lnTo>
                      <a:pt x="95" y="181"/>
                    </a:lnTo>
                    <a:lnTo>
                      <a:pt x="97" y="174"/>
                    </a:lnTo>
                    <a:lnTo>
                      <a:pt x="98" y="167"/>
                    </a:lnTo>
                    <a:lnTo>
                      <a:pt x="103" y="153"/>
                    </a:lnTo>
                    <a:lnTo>
                      <a:pt x="109" y="140"/>
                    </a:lnTo>
                    <a:lnTo>
                      <a:pt x="118" y="126"/>
                    </a:lnTo>
                    <a:lnTo>
                      <a:pt x="127" y="114"/>
                    </a:lnTo>
                    <a:lnTo>
                      <a:pt x="137" y="102"/>
                    </a:lnTo>
                    <a:lnTo>
                      <a:pt x="148" y="91"/>
                    </a:lnTo>
                    <a:lnTo>
                      <a:pt x="170" y="68"/>
                    </a:lnTo>
                    <a:lnTo>
                      <a:pt x="192" y="48"/>
                    </a:lnTo>
                    <a:lnTo>
                      <a:pt x="195" y="53"/>
                    </a:lnTo>
                    <a:lnTo>
                      <a:pt x="200" y="55"/>
                    </a:lnTo>
                    <a:lnTo>
                      <a:pt x="204" y="57"/>
                    </a:lnTo>
                    <a:lnTo>
                      <a:pt x="208" y="57"/>
                    </a:lnTo>
                    <a:lnTo>
                      <a:pt x="217" y="57"/>
                    </a:lnTo>
                    <a:lnTo>
                      <a:pt x="226" y="55"/>
                    </a:lnTo>
                    <a:lnTo>
                      <a:pt x="233" y="53"/>
                    </a:lnTo>
                    <a:lnTo>
                      <a:pt x="241" y="53"/>
                    </a:lnTo>
                    <a:lnTo>
                      <a:pt x="244" y="54"/>
                    </a:lnTo>
                    <a:lnTo>
                      <a:pt x="246" y="56"/>
                    </a:lnTo>
                    <a:lnTo>
                      <a:pt x="248" y="60"/>
                    </a:lnTo>
                    <a:lnTo>
                      <a:pt x="249" y="64"/>
                    </a:lnTo>
                    <a:lnTo>
                      <a:pt x="251" y="63"/>
                    </a:lnTo>
                    <a:lnTo>
                      <a:pt x="253" y="61"/>
                    </a:lnTo>
                    <a:lnTo>
                      <a:pt x="253" y="59"/>
                    </a:lnTo>
                    <a:lnTo>
                      <a:pt x="253" y="57"/>
                    </a:lnTo>
                    <a:lnTo>
                      <a:pt x="251" y="53"/>
                    </a:lnTo>
                    <a:lnTo>
                      <a:pt x="248" y="48"/>
                    </a:lnTo>
                    <a:lnTo>
                      <a:pt x="246" y="47"/>
                    </a:lnTo>
                    <a:lnTo>
                      <a:pt x="245" y="45"/>
                    </a:lnTo>
                    <a:lnTo>
                      <a:pt x="245" y="42"/>
                    </a:lnTo>
                    <a:lnTo>
                      <a:pt x="245" y="40"/>
                    </a:lnTo>
                    <a:lnTo>
                      <a:pt x="246" y="38"/>
                    </a:lnTo>
                    <a:lnTo>
                      <a:pt x="248" y="36"/>
                    </a:lnTo>
                    <a:lnTo>
                      <a:pt x="252" y="34"/>
                    </a:lnTo>
                    <a:lnTo>
                      <a:pt x="258" y="32"/>
                    </a:lnTo>
                    <a:lnTo>
                      <a:pt x="265" y="27"/>
                    </a:lnTo>
                    <a:lnTo>
                      <a:pt x="274" y="24"/>
                    </a:lnTo>
                    <a:lnTo>
                      <a:pt x="280" y="23"/>
                    </a:lnTo>
                    <a:lnTo>
                      <a:pt x="285" y="23"/>
                    </a:lnTo>
                    <a:lnTo>
                      <a:pt x="291" y="23"/>
                    </a:lnTo>
                    <a:lnTo>
                      <a:pt x="298" y="24"/>
                    </a:lnTo>
                    <a:lnTo>
                      <a:pt x="318" y="17"/>
                    </a:lnTo>
                    <a:lnTo>
                      <a:pt x="338" y="11"/>
                    </a:lnTo>
                    <a:lnTo>
                      <a:pt x="349" y="10"/>
                    </a:lnTo>
                    <a:lnTo>
                      <a:pt x="361" y="7"/>
                    </a:lnTo>
                    <a:lnTo>
                      <a:pt x="373" y="7"/>
                    </a:lnTo>
                    <a:lnTo>
                      <a:pt x="387" y="7"/>
                    </a:lnTo>
                    <a:lnTo>
                      <a:pt x="399" y="6"/>
                    </a:lnTo>
                    <a:lnTo>
                      <a:pt x="411" y="6"/>
                    </a:lnTo>
                    <a:lnTo>
                      <a:pt x="424" y="7"/>
                    </a:lnTo>
                    <a:lnTo>
                      <a:pt x="438" y="8"/>
                    </a:lnTo>
                    <a:lnTo>
                      <a:pt x="449" y="8"/>
                    </a:lnTo>
                    <a:lnTo>
                      <a:pt x="461" y="8"/>
                    </a:lnTo>
                    <a:lnTo>
                      <a:pt x="466" y="6"/>
                    </a:lnTo>
                    <a:lnTo>
                      <a:pt x="470" y="5"/>
                    </a:lnTo>
                    <a:lnTo>
                      <a:pt x="473" y="2"/>
                    </a:lnTo>
                    <a:lnTo>
                      <a:pt x="477" y="0"/>
                    </a:lnTo>
                    <a:lnTo>
                      <a:pt x="499" y="15"/>
                    </a:lnTo>
                    <a:lnTo>
                      <a:pt x="520" y="30"/>
                    </a:lnTo>
                    <a:lnTo>
                      <a:pt x="541" y="45"/>
                    </a:lnTo>
                    <a:lnTo>
                      <a:pt x="561" y="61"/>
                    </a:lnTo>
                    <a:lnTo>
                      <a:pt x="582" y="78"/>
                    </a:lnTo>
                    <a:lnTo>
                      <a:pt x="601" y="95"/>
                    </a:lnTo>
                    <a:lnTo>
                      <a:pt x="621" y="112"/>
                    </a:lnTo>
                    <a:lnTo>
                      <a:pt x="640" y="130"/>
                    </a:lnTo>
                    <a:lnTo>
                      <a:pt x="639" y="140"/>
                    </a:lnTo>
                    <a:lnTo>
                      <a:pt x="639" y="149"/>
                    </a:lnTo>
                    <a:lnTo>
                      <a:pt x="641" y="156"/>
                    </a:lnTo>
                    <a:lnTo>
                      <a:pt x="643" y="162"/>
                    </a:lnTo>
                    <a:lnTo>
                      <a:pt x="647" y="167"/>
                    </a:lnTo>
                    <a:lnTo>
                      <a:pt x="652" y="172"/>
                    </a:lnTo>
                    <a:lnTo>
                      <a:pt x="658" y="176"/>
                    </a:lnTo>
                    <a:lnTo>
                      <a:pt x="664" y="178"/>
                    </a:lnTo>
                    <a:lnTo>
                      <a:pt x="680" y="193"/>
                    </a:lnTo>
                    <a:lnTo>
                      <a:pt x="697" y="205"/>
                    </a:lnTo>
                    <a:lnTo>
                      <a:pt x="715" y="217"/>
                    </a:lnTo>
                    <a:lnTo>
                      <a:pt x="733" y="226"/>
                    </a:lnTo>
                    <a:lnTo>
                      <a:pt x="751" y="235"/>
                    </a:lnTo>
                    <a:lnTo>
                      <a:pt x="770" y="241"/>
                    </a:lnTo>
                    <a:lnTo>
                      <a:pt x="789" y="246"/>
                    </a:lnTo>
                    <a:lnTo>
                      <a:pt x="810" y="252"/>
                    </a:lnTo>
                    <a:lnTo>
                      <a:pt x="810" y="263"/>
                    </a:lnTo>
                    <a:lnTo>
                      <a:pt x="810" y="276"/>
                    </a:lnTo>
                    <a:lnTo>
                      <a:pt x="810" y="289"/>
                    </a:lnTo>
                    <a:lnTo>
                      <a:pt x="810" y="300"/>
                    </a:lnTo>
                    <a:lnTo>
                      <a:pt x="825" y="308"/>
                    </a:lnTo>
                    <a:lnTo>
                      <a:pt x="840" y="313"/>
                    </a:lnTo>
                    <a:lnTo>
                      <a:pt x="854" y="316"/>
                    </a:lnTo>
                    <a:lnTo>
                      <a:pt x="867" y="318"/>
                    </a:lnTo>
                    <a:lnTo>
                      <a:pt x="882" y="321"/>
                    </a:lnTo>
                    <a:lnTo>
                      <a:pt x="897" y="323"/>
                    </a:lnTo>
                    <a:lnTo>
                      <a:pt x="914" y="328"/>
                    </a:lnTo>
                    <a:lnTo>
                      <a:pt x="932" y="333"/>
                    </a:lnTo>
                    <a:lnTo>
                      <a:pt x="929" y="334"/>
                    </a:lnTo>
                    <a:lnTo>
                      <a:pt x="927" y="336"/>
                    </a:lnTo>
                    <a:lnTo>
                      <a:pt x="925" y="338"/>
                    </a:lnTo>
                    <a:lnTo>
                      <a:pt x="925" y="342"/>
                    </a:lnTo>
                    <a:lnTo>
                      <a:pt x="924" y="350"/>
                    </a:lnTo>
                    <a:lnTo>
                      <a:pt x="924" y="357"/>
                    </a:lnTo>
                    <a:lnTo>
                      <a:pt x="927" y="353"/>
                    </a:lnTo>
                    <a:lnTo>
                      <a:pt x="933" y="350"/>
                    </a:lnTo>
                    <a:lnTo>
                      <a:pt x="939" y="348"/>
                    </a:lnTo>
                    <a:lnTo>
                      <a:pt x="945" y="345"/>
                    </a:lnTo>
                    <a:lnTo>
                      <a:pt x="953" y="345"/>
                    </a:lnTo>
                    <a:lnTo>
                      <a:pt x="961" y="345"/>
                    </a:lnTo>
                    <a:lnTo>
                      <a:pt x="969" y="348"/>
                    </a:lnTo>
                    <a:lnTo>
                      <a:pt x="978" y="350"/>
                    </a:lnTo>
                    <a:lnTo>
                      <a:pt x="986" y="352"/>
                    </a:lnTo>
                    <a:lnTo>
                      <a:pt x="995" y="355"/>
                    </a:lnTo>
                    <a:lnTo>
                      <a:pt x="1002" y="359"/>
                    </a:lnTo>
                    <a:lnTo>
                      <a:pt x="1009" y="362"/>
                    </a:lnTo>
                    <a:lnTo>
                      <a:pt x="1016" y="368"/>
                    </a:lnTo>
                    <a:lnTo>
                      <a:pt x="1022" y="372"/>
                    </a:lnTo>
                    <a:lnTo>
                      <a:pt x="1026" y="377"/>
                    </a:lnTo>
                    <a:lnTo>
                      <a:pt x="1029" y="381"/>
                    </a:lnTo>
                    <a:lnTo>
                      <a:pt x="1033" y="380"/>
                    </a:lnTo>
                    <a:lnTo>
                      <a:pt x="1034" y="379"/>
                    </a:lnTo>
                    <a:lnTo>
                      <a:pt x="1035" y="377"/>
                    </a:lnTo>
                    <a:lnTo>
                      <a:pt x="1035" y="375"/>
                    </a:lnTo>
                    <a:lnTo>
                      <a:pt x="1032" y="371"/>
                    </a:lnTo>
                    <a:lnTo>
                      <a:pt x="1027" y="365"/>
                    </a:lnTo>
                    <a:lnTo>
                      <a:pt x="1016" y="356"/>
                    </a:lnTo>
                    <a:lnTo>
                      <a:pt x="1005" y="349"/>
                    </a:lnTo>
                    <a:lnTo>
                      <a:pt x="989" y="332"/>
                    </a:lnTo>
                    <a:lnTo>
                      <a:pt x="973" y="317"/>
                    </a:lnTo>
                    <a:lnTo>
                      <a:pt x="963" y="310"/>
                    </a:lnTo>
                    <a:lnTo>
                      <a:pt x="954" y="303"/>
                    </a:lnTo>
                    <a:lnTo>
                      <a:pt x="943" y="297"/>
                    </a:lnTo>
                    <a:lnTo>
                      <a:pt x="932" y="292"/>
                    </a:lnTo>
                    <a:lnTo>
                      <a:pt x="932" y="284"/>
                    </a:lnTo>
                    <a:lnTo>
                      <a:pt x="932" y="276"/>
                    </a:lnTo>
                    <a:lnTo>
                      <a:pt x="939" y="269"/>
                    </a:lnTo>
                    <a:lnTo>
                      <a:pt x="945" y="263"/>
                    </a:lnTo>
                    <a:lnTo>
                      <a:pt x="953" y="260"/>
                    </a:lnTo>
                    <a:lnTo>
                      <a:pt x="959" y="258"/>
                    </a:lnTo>
                    <a:lnTo>
                      <a:pt x="965" y="257"/>
                    </a:lnTo>
                    <a:lnTo>
                      <a:pt x="972" y="257"/>
                    </a:lnTo>
                    <a:lnTo>
                      <a:pt x="978" y="258"/>
                    </a:lnTo>
                    <a:lnTo>
                      <a:pt x="984" y="259"/>
                    </a:lnTo>
                    <a:lnTo>
                      <a:pt x="997" y="263"/>
                    </a:lnTo>
                    <a:lnTo>
                      <a:pt x="1011" y="268"/>
                    </a:lnTo>
                    <a:lnTo>
                      <a:pt x="1017" y="269"/>
                    </a:lnTo>
                    <a:lnTo>
                      <a:pt x="1023" y="270"/>
                    </a:lnTo>
                    <a:lnTo>
                      <a:pt x="1031" y="269"/>
                    </a:lnTo>
                    <a:lnTo>
                      <a:pt x="1038" y="268"/>
                    </a:lnTo>
                    <a:lnTo>
                      <a:pt x="1039" y="264"/>
                    </a:lnTo>
                    <a:lnTo>
                      <a:pt x="1041" y="261"/>
                    </a:lnTo>
                    <a:lnTo>
                      <a:pt x="1043" y="258"/>
                    </a:lnTo>
                    <a:lnTo>
                      <a:pt x="1046" y="256"/>
                    </a:lnTo>
                    <a:lnTo>
                      <a:pt x="1049" y="254"/>
                    </a:lnTo>
                    <a:lnTo>
                      <a:pt x="1053" y="253"/>
                    </a:lnTo>
                    <a:lnTo>
                      <a:pt x="1057" y="252"/>
                    </a:lnTo>
                    <a:lnTo>
                      <a:pt x="1062" y="252"/>
                    </a:lnTo>
                    <a:lnTo>
                      <a:pt x="1064" y="241"/>
                    </a:lnTo>
                    <a:lnTo>
                      <a:pt x="1065" y="232"/>
                    </a:lnTo>
                    <a:lnTo>
                      <a:pt x="1065" y="221"/>
                    </a:lnTo>
                    <a:lnTo>
                      <a:pt x="1064" y="212"/>
                    </a:lnTo>
                    <a:lnTo>
                      <a:pt x="1061" y="201"/>
                    </a:lnTo>
                    <a:lnTo>
                      <a:pt x="1058" y="192"/>
                    </a:lnTo>
                    <a:lnTo>
                      <a:pt x="1055" y="182"/>
                    </a:lnTo>
                    <a:lnTo>
                      <a:pt x="1051" y="173"/>
                    </a:lnTo>
                    <a:lnTo>
                      <a:pt x="1043" y="156"/>
                    </a:lnTo>
                    <a:lnTo>
                      <a:pt x="1037" y="141"/>
                    </a:lnTo>
                    <a:lnTo>
                      <a:pt x="1035" y="135"/>
                    </a:lnTo>
                    <a:lnTo>
                      <a:pt x="1035" y="130"/>
                    </a:lnTo>
                    <a:lnTo>
                      <a:pt x="1036" y="125"/>
                    </a:lnTo>
                    <a:lnTo>
                      <a:pt x="1038" y="121"/>
                    </a:lnTo>
                    <a:lnTo>
                      <a:pt x="1042" y="118"/>
                    </a:lnTo>
                    <a:lnTo>
                      <a:pt x="1046" y="116"/>
                    </a:lnTo>
                    <a:lnTo>
                      <a:pt x="1051" y="114"/>
                    </a:lnTo>
                    <a:lnTo>
                      <a:pt x="1055" y="114"/>
                    </a:lnTo>
                    <a:lnTo>
                      <a:pt x="1059" y="114"/>
                    </a:lnTo>
                    <a:lnTo>
                      <a:pt x="1063" y="115"/>
                    </a:lnTo>
                    <a:lnTo>
                      <a:pt x="1067" y="116"/>
                    </a:lnTo>
                    <a:lnTo>
                      <a:pt x="1072" y="118"/>
                    </a:lnTo>
                    <a:lnTo>
                      <a:pt x="1081" y="124"/>
                    </a:lnTo>
                    <a:lnTo>
                      <a:pt x="1089" y="132"/>
                    </a:lnTo>
                    <a:lnTo>
                      <a:pt x="1100" y="140"/>
                    </a:lnTo>
                    <a:lnTo>
                      <a:pt x="1110" y="150"/>
                    </a:lnTo>
                    <a:lnTo>
                      <a:pt x="1120" y="160"/>
                    </a:lnTo>
                    <a:lnTo>
                      <a:pt x="1132" y="171"/>
                    </a:lnTo>
                    <a:lnTo>
                      <a:pt x="1142" y="180"/>
                    </a:lnTo>
                    <a:lnTo>
                      <a:pt x="1155" y="189"/>
                    </a:lnTo>
                    <a:lnTo>
                      <a:pt x="1167" y="195"/>
                    </a:lnTo>
                    <a:lnTo>
                      <a:pt x="1180" y="200"/>
                    </a:lnTo>
                    <a:lnTo>
                      <a:pt x="1187" y="202"/>
                    </a:lnTo>
                    <a:lnTo>
                      <a:pt x="1194" y="203"/>
                    </a:lnTo>
                    <a:lnTo>
                      <a:pt x="1201" y="203"/>
                    </a:lnTo>
                    <a:lnTo>
                      <a:pt x="1208" y="203"/>
                    </a:lnTo>
                    <a:lnTo>
                      <a:pt x="1208" y="205"/>
                    </a:lnTo>
                    <a:lnTo>
                      <a:pt x="1211" y="207"/>
                    </a:lnTo>
                    <a:lnTo>
                      <a:pt x="1212" y="209"/>
                    </a:lnTo>
                    <a:lnTo>
                      <a:pt x="1214" y="210"/>
                    </a:lnTo>
                    <a:lnTo>
                      <a:pt x="1219" y="210"/>
                    </a:lnTo>
                    <a:lnTo>
                      <a:pt x="1224" y="211"/>
                    </a:lnTo>
                    <a:lnTo>
                      <a:pt x="1222" y="214"/>
                    </a:lnTo>
                    <a:lnTo>
                      <a:pt x="1220" y="217"/>
                    </a:lnTo>
                    <a:lnTo>
                      <a:pt x="1218" y="222"/>
                    </a:lnTo>
                    <a:lnTo>
                      <a:pt x="1217" y="229"/>
                    </a:lnTo>
                    <a:lnTo>
                      <a:pt x="1216" y="242"/>
                    </a:lnTo>
                    <a:lnTo>
                      <a:pt x="1216" y="257"/>
                    </a:lnTo>
                    <a:lnTo>
                      <a:pt x="1217" y="263"/>
                    </a:lnTo>
                    <a:lnTo>
                      <a:pt x="1218" y="270"/>
                    </a:lnTo>
                    <a:lnTo>
                      <a:pt x="1220" y="274"/>
                    </a:lnTo>
                    <a:lnTo>
                      <a:pt x="1221" y="278"/>
                    </a:lnTo>
                    <a:lnTo>
                      <a:pt x="1224" y="280"/>
                    </a:lnTo>
                    <a:lnTo>
                      <a:pt x="1226" y="281"/>
                    </a:lnTo>
                    <a:lnTo>
                      <a:pt x="1230" y="279"/>
                    </a:lnTo>
                    <a:lnTo>
                      <a:pt x="1233" y="276"/>
                    </a:lnTo>
                    <a:lnTo>
                      <a:pt x="1239" y="281"/>
                    </a:lnTo>
                    <a:lnTo>
                      <a:pt x="1245" y="286"/>
                    </a:lnTo>
                    <a:lnTo>
                      <a:pt x="1253" y="292"/>
                    </a:lnTo>
                    <a:lnTo>
                      <a:pt x="1261" y="296"/>
                    </a:lnTo>
                    <a:lnTo>
                      <a:pt x="1270" y="299"/>
                    </a:lnTo>
                    <a:lnTo>
                      <a:pt x="1278" y="302"/>
                    </a:lnTo>
                    <a:lnTo>
                      <a:pt x="1287" y="305"/>
                    </a:lnTo>
                    <a:lnTo>
                      <a:pt x="1297" y="306"/>
                    </a:lnTo>
                    <a:lnTo>
                      <a:pt x="1297" y="308"/>
                    </a:lnTo>
                    <a:lnTo>
                      <a:pt x="1298" y="308"/>
                    </a:lnTo>
                    <a:lnTo>
                      <a:pt x="1290" y="341"/>
                    </a:lnTo>
                    <a:lnTo>
                      <a:pt x="1285" y="348"/>
                    </a:lnTo>
                    <a:lnTo>
                      <a:pt x="1282" y="355"/>
                    </a:lnTo>
                    <a:lnTo>
                      <a:pt x="1281" y="360"/>
                    </a:lnTo>
                    <a:lnTo>
                      <a:pt x="1281" y="366"/>
                    </a:lnTo>
                    <a:lnTo>
                      <a:pt x="1282" y="372"/>
                    </a:lnTo>
                    <a:lnTo>
                      <a:pt x="1284" y="377"/>
                    </a:lnTo>
                    <a:lnTo>
                      <a:pt x="1287" y="382"/>
                    </a:lnTo>
                    <a:lnTo>
                      <a:pt x="1291" y="386"/>
                    </a:lnTo>
                    <a:lnTo>
                      <a:pt x="1299" y="396"/>
                    </a:lnTo>
                    <a:lnTo>
                      <a:pt x="1309" y="404"/>
                    </a:lnTo>
                    <a:lnTo>
                      <a:pt x="1316" y="413"/>
                    </a:lnTo>
                    <a:lnTo>
                      <a:pt x="1322" y="422"/>
                    </a:lnTo>
                    <a:lnTo>
                      <a:pt x="1325" y="423"/>
                    </a:lnTo>
                    <a:lnTo>
                      <a:pt x="1327" y="423"/>
                    </a:lnTo>
                    <a:lnTo>
                      <a:pt x="1331" y="423"/>
                    </a:lnTo>
                    <a:lnTo>
                      <a:pt x="1333" y="422"/>
                    </a:lnTo>
                    <a:lnTo>
                      <a:pt x="1338" y="419"/>
                    </a:lnTo>
                    <a:lnTo>
                      <a:pt x="1342" y="416"/>
                    </a:lnTo>
                    <a:lnTo>
                      <a:pt x="1346" y="414"/>
                    </a:lnTo>
                    <a:lnTo>
                      <a:pt x="1350" y="413"/>
                    </a:lnTo>
                    <a:lnTo>
                      <a:pt x="1351" y="414"/>
                    </a:lnTo>
                    <a:lnTo>
                      <a:pt x="1353" y="416"/>
                    </a:lnTo>
                    <a:lnTo>
                      <a:pt x="1354" y="418"/>
                    </a:lnTo>
                    <a:lnTo>
                      <a:pt x="1355" y="422"/>
                    </a:lnTo>
                    <a:lnTo>
                      <a:pt x="1350" y="424"/>
                    </a:lnTo>
                    <a:lnTo>
                      <a:pt x="1347" y="427"/>
                    </a:lnTo>
                    <a:lnTo>
                      <a:pt x="1346" y="428"/>
                    </a:lnTo>
                    <a:lnTo>
                      <a:pt x="1347" y="428"/>
                    </a:lnTo>
                    <a:lnTo>
                      <a:pt x="1351" y="428"/>
                    </a:lnTo>
                    <a:lnTo>
                      <a:pt x="1354" y="428"/>
                    </a:lnTo>
                    <a:lnTo>
                      <a:pt x="1357" y="427"/>
                    </a:lnTo>
                    <a:lnTo>
                      <a:pt x="1360" y="424"/>
                    </a:lnTo>
                    <a:lnTo>
                      <a:pt x="1362" y="427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34" name="Guldborgsund"/>
            <p:cNvSpPr>
              <a:spLocks/>
            </p:cNvSpPr>
            <p:nvPr/>
          </p:nvSpPr>
          <p:spPr bwMode="auto">
            <a:xfrm>
              <a:off x="3386138" y="5980113"/>
              <a:ext cx="392112" cy="501650"/>
            </a:xfrm>
            <a:custGeom>
              <a:avLst/>
              <a:gdLst>
                <a:gd name="T0" fmla="*/ 92 w 739"/>
                <a:gd name="T1" fmla="*/ 212 h 950"/>
                <a:gd name="T2" fmla="*/ 92 w 739"/>
                <a:gd name="T3" fmla="*/ 217 h 950"/>
                <a:gd name="T4" fmla="*/ 107 w 739"/>
                <a:gd name="T5" fmla="*/ 225 h 950"/>
                <a:gd name="T6" fmla="*/ 110 w 739"/>
                <a:gd name="T7" fmla="*/ 233 h 950"/>
                <a:gd name="T8" fmla="*/ 101 w 739"/>
                <a:gd name="T9" fmla="*/ 243 h 950"/>
                <a:gd name="T10" fmla="*/ 95 w 739"/>
                <a:gd name="T11" fmla="*/ 244 h 950"/>
                <a:gd name="T12" fmla="*/ 94 w 739"/>
                <a:gd name="T13" fmla="*/ 262 h 950"/>
                <a:gd name="T14" fmla="*/ 95 w 739"/>
                <a:gd name="T15" fmla="*/ 286 h 950"/>
                <a:gd name="T16" fmla="*/ 110 w 739"/>
                <a:gd name="T17" fmla="*/ 311 h 950"/>
                <a:gd name="T18" fmla="*/ 151 w 739"/>
                <a:gd name="T19" fmla="*/ 314 h 950"/>
                <a:gd name="T20" fmla="*/ 151 w 739"/>
                <a:gd name="T21" fmla="*/ 301 h 950"/>
                <a:gd name="T22" fmla="*/ 147 w 739"/>
                <a:gd name="T23" fmla="*/ 305 h 950"/>
                <a:gd name="T24" fmla="*/ 143 w 739"/>
                <a:gd name="T25" fmla="*/ 276 h 950"/>
                <a:gd name="T26" fmla="*/ 147 w 739"/>
                <a:gd name="T27" fmla="*/ 253 h 950"/>
                <a:gd name="T28" fmla="*/ 150 w 739"/>
                <a:gd name="T29" fmla="*/ 238 h 950"/>
                <a:gd name="T30" fmla="*/ 157 w 739"/>
                <a:gd name="T31" fmla="*/ 226 h 950"/>
                <a:gd name="T32" fmla="*/ 172 w 739"/>
                <a:gd name="T33" fmla="*/ 210 h 950"/>
                <a:gd name="T34" fmla="*/ 186 w 739"/>
                <a:gd name="T35" fmla="*/ 181 h 950"/>
                <a:gd name="T36" fmla="*/ 206 w 739"/>
                <a:gd name="T37" fmla="*/ 154 h 950"/>
                <a:gd name="T38" fmla="*/ 197 w 739"/>
                <a:gd name="T39" fmla="*/ 162 h 950"/>
                <a:gd name="T40" fmla="*/ 214 w 739"/>
                <a:gd name="T41" fmla="*/ 147 h 950"/>
                <a:gd name="T42" fmla="*/ 229 w 739"/>
                <a:gd name="T43" fmla="*/ 130 h 950"/>
                <a:gd name="T44" fmla="*/ 244 w 739"/>
                <a:gd name="T45" fmla="*/ 117 h 950"/>
                <a:gd name="T46" fmla="*/ 244 w 739"/>
                <a:gd name="T47" fmla="*/ 104 h 950"/>
                <a:gd name="T48" fmla="*/ 228 w 739"/>
                <a:gd name="T49" fmla="*/ 84 h 950"/>
                <a:gd name="T50" fmla="*/ 217 w 739"/>
                <a:gd name="T51" fmla="*/ 66 h 950"/>
                <a:gd name="T52" fmla="*/ 200 w 739"/>
                <a:gd name="T53" fmla="*/ 57 h 950"/>
                <a:gd name="T54" fmla="*/ 180 w 739"/>
                <a:gd name="T55" fmla="*/ 62 h 950"/>
                <a:gd name="T56" fmla="*/ 161 w 739"/>
                <a:gd name="T57" fmla="*/ 59 h 950"/>
                <a:gd name="T58" fmla="*/ 150 w 739"/>
                <a:gd name="T59" fmla="*/ 47 h 950"/>
                <a:gd name="T60" fmla="*/ 142 w 739"/>
                <a:gd name="T61" fmla="*/ 26 h 950"/>
                <a:gd name="T62" fmla="*/ 129 w 739"/>
                <a:gd name="T63" fmla="*/ 21 h 950"/>
                <a:gd name="T64" fmla="*/ 115 w 739"/>
                <a:gd name="T65" fmla="*/ 23 h 950"/>
                <a:gd name="T66" fmla="*/ 110 w 739"/>
                <a:gd name="T67" fmla="*/ 37 h 950"/>
                <a:gd name="T68" fmla="*/ 103 w 739"/>
                <a:gd name="T69" fmla="*/ 41 h 950"/>
                <a:gd name="T70" fmla="*/ 81 w 739"/>
                <a:gd name="T71" fmla="*/ 9 h 950"/>
                <a:gd name="T72" fmla="*/ 63 w 739"/>
                <a:gd name="T73" fmla="*/ 1 h 950"/>
                <a:gd name="T74" fmla="*/ 65 w 739"/>
                <a:gd name="T75" fmla="*/ 11 h 950"/>
                <a:gd name="T76" fmla="*/ 60 w 739"/>
                <a:gd name="T77" fmla="*/ 18 h 950"/>
                <a:gd name="T78" fmla="*/ 56 w 739"/>
                <a:gd name="T79" fmla="*/ 22 h 950"/>
                <a:gd name="T80" fmla="*/ 42 w 739"/>
                <a:gd name="T81" fmla="*/ 12 h 950"/>
                <a:gd name="T82" fmla="*/ 29 w 739"/>
                <a:gd name="T83" fmla="*/ 5 h 950"/>
                <a:gd name="T84" fmla="*/ 17 w 739"/>
                <a:gd name="T85" fmla="*/ 15 h 950"/>
                <a:gd name="T86" fmla="*/ 7 w 739"/>
                <a:gd name="T87" fmla="*/ 26 h 950"/>
                <a:gd name="T88" fmla="*/ 0 w 739"/>
                <a:gd name="T89" fmla="*/ 32 h 950"/>
                <a:gd name="T90" fmla="*/ 3 w 739"/>
                <a:gd name="T91" fmla="*/ 33 h 950"/>
                <a:gd name="T92" fmla="*/ 22 w 739"/>
                <a:gd name="T93" fmla="*/ 41 h 950"/>
                <a:gd name="T94" fmla="*/ 20 w 739"/>
                <a:gd name="T95" fmla="*/ 64 h 950"/>
                <a:gd name="T96" fmla="*/ 24 w 739"/>
                <a:gd name="T97" fmla="*/ 81 h 950"/>
                <a:gd name="T98" fmla="*/ 30 w 739"/>
                <a:gd name="T99" fmla="*/ 88 h 950"/>
                <a:gd name="T100" fmla="*/ 41 w 739"/>
                <a:gd name="T101" fmla="*/ 103 h 950"/>
                <a:gd name="T102" fmla="*/ 49 w 739"/>
                <a:gd name="T103" fmla="*/ 113 h 950"/>
                <a:gd name="T104" fmla="*/ 50 w 739"/>
                <a:gd name="T105" fmla="*/ 124 h 950"/>
                <a:gd name="T106" fmla="*/ 46 w 739"/>
                <a:gd name="T107" fmla="*/ 137 h 950"/>
                <a:gd name="T108" fmla="*/ 50 w 739"/>
                <a:gd name="T109" fmla="*/ 142 h 950"/>
                <a:gd name="T110" fmla="*/ 57 w 739"/>
                <a:gd name="T111" fmla="*/ 153 h 950"/>
                <a:gd name="T112" fmla="*/ 71 w 739"/>
                <a:gd name="T113" fmla="*/ 154 h 950"/>
                <a:gd name="T114" fmla="*/ 87 w 739"/>
                <a:gd name="T115" fmla="*/ 176 h 95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739" h="950">
                  <a:moveTo>
                    <a:pt x="292" y="569"/>
                  </a:moveTo>
                  <a:lnTo>
                    <a:pt x="290" y="591"/>
                  </a:lnTo>
                  <a:lnTo>
                    <a:pt x="287" y="612"/>
                  </a:lnTo>
                  <a:lnTo>
                    <a:pt x="284" y="622"/>
                  </a:lnTo>
                  <a:lnTo>
                    <a:pt x="281" y="630"/>
                  </a:lnTo>
                  <a:lnTo>
                    <a:pt x="278" y="633"/>
                  </a:lnTo>
                  <a:lnTo>
                    <a:pt x="276" y="637"/>
                  </a:lnTo>
                  <a:lnTo>
                    <a:pt x="271" y="640"/>
                  </a:lnTo>
                  <a:lnTo>
                    <a:pt x="268" y="642"/>
                  </a:lnTo>
                  <a:lnTo>
                    <a:pt x="270" y="643"/>
                  </a:lnTo>
                  <a:lnTo>
                    <a:pt x="272" y="644"/>
                  </a:lnTo>
                  <a:lnTo>
                    <a:pt x="273" y="646"/>
                  </a:lnTo>
                  <a:lnTo>
                    <a:pt x="273" y="648"/>
                  </a:lnTo>
                  <a:lnTo>
                    <a:pt x="274" y="652"/>
                  </a:lnTo>
                  <a:lnTo>
                    <a:pt x="276" y="658"/>
                  </a:lnTo>
                  <a:lnTo>
                    <a:pt x="292" y="662"/>
                  </a:lnTo>
                  <a:lnTo>
                    <a:pt x="308" y="666"/>
                  </a:lnTo>
                  <a:lnTo>
                    <a:pt x="312" y="667"/>
                  </a:lnTo>
                  <a:lnTo>
                    <a:pt x="316" y="669"/>
                  </a:lnTo>
                  <a:lnTo>
                    <a:pt x="319" y="671"/>
                  </a:lnTo>
                  <a:lnTo>
                    <a:pt x="321" y="675"/>
                  </a:lnTo>
                  <a:lnTo>
                    <a:pt x="323" y="678"/>
                  </a:lnTo>
                  <a:lnTo>
                    <a:pt x="324" y="681"/>
                  </a:lnTo>
                  <a:lnTo>
                    <a:pt x="325" y="685"/>
                  </a:lnTo>
                  <a:lnTo>
                    <a:pt x="325" y="690"/>
                  </a:lnTo>
                  <a:lnTo>
                    <a:pt x="328" y="693"/>
                  </a:lnTo>
                  <a:lnTo>
                    <a:pt x="330" y="696"/>
                  </a:lnTo>
                  <a:lnTo>
                    <a:pt x="330" y="700"/>
                  </a:lnTo>
                  <a:lnTo>
                    <a:pt x="329" y="704"/>
                  </a:lnTo>
                  <a:lnTo>
                    <a:pt x="328" y="708"/>
                  </a:lnTo>
                  <a:lnTo>
                    <a:pt x="325" y="712"/>
                  </a:lnTo>
                  <a:lnTo>
                    <a:pt x="322" y="717"/>
                  </a:lnTo>
                  <a:lnTo>
                    <a:pt x="318" y="721"/>
                  </a:lnTo>
                  <a:lnTo>
                    <a:pt x="310" y="728"/>
                  </a:lnTo>
                  <a:lnTo>
                    <a:pt x="302" y="732"/>
                  </a:lnTo>
                  <a:lnTo>
                    <a:pt x="299" y="735"/>
                  </a:lnTo>
                  <a:lnTo>
                    <a:pt x="296" y="735"/>
                  </a:lnTo>
                  <a:lnTo>
                    <a:pt x="293" y="733"/>
                  </a:lnTo>
                  <a:lnTo>
                    <a:pt x="292" y="731"/>
                  </a:lnTo>
                  <a:lnTo>
                    <a:pt x="288" y="731"/>
                  </a:lnTo>
                  <a:lnTo>
                    <a:pt x="286" y="732"/>
                  </a:lnTo>
                  <a:lnTo>
                    <a:pt x="285" y="733"/>
                  </a:lnTo>
                  <a:lnTo>
                    <a:pt x="284" y="736"/>
                  </a:lnTo>
                  <a:lnTo>
                    <a:pt x="284" y="737"/>
                  </a:lnTo>
                  <a:lnTo>
                    <a:pt x="284" y="740"/>
                  </a:lnTo>
                  <a:lnTo>
                    <a:pt x="285" y="753"/>
                  </a:lnTo>
                  <a:lnTo>
                    <a:pt x="284" y="766"/>
                  </a:lnTo>
                  <a:lnTo>
                    <a:pt x="283" y="778"/>
                  </a:lnTo>
                  <a:lnTo>
                    <a:pt x="280" y="788"/>
                  </a:lnTo>
                  <a:lnTo>
                    <a:pt x="278" y="799"/>
                  </a:lnTo>
                  <a:lnTo>
                    <a:pt x="276" y="810"/>
                  </a:lnTo>
                  <a:lnTo>
                    <a:pt x="274" y="823"/>
                  </a:lnTo>
                  <a:lnTo>
                    <a:pt x="276" y="837"/>
                  </a:lnTo>
                  <a:lnTo>
                    <a:pt x="278" y="845"/>
                  </a:lnTo>
                  <a:lnTo>
                    <a:pt x="281" y="854"/>
                  </a:lnTo>
                  <a:lnTo>
                    <a:pt x="284" y="861"/>
                  </a:lnTo>
                  <a:lnTo>
                    <a:pt x="287" y="868"/>
                  </a:lnTo>
                  <a:lnTo>
                    <a:pt x="296" y="881"/>
                  </a:lnTo>
                  <a:lnTo>
                    <a:pt x="305" y="894"/>
                  </a:lnTo>
                  <a:lnTo>
                    <a:pt x="313" y="905"/>
                  </a:lnTo>
                  <a:lnTo>
                    <a:pt x="322" y="919"/>
                  </a:lnTo>
                  <a:lnTo>
                    <a:pt x="325" y="926"/>
                  </a:lnTo>
                  <a:lnTo>
                    <a:pt x="328" y="934"/>
                  </a:lnTo>
                  <a:lnTo>
                    <a:pt x="331" y="942"/>
                  </a:lnTo>
                  <a:lnTo>
                    <a:pt x="332" y="950"/>
                  </a:lnTo>
                  <a:lnTo>
                    <a:pt x="363" y="950"/>
                  </a:lnTo>
                  <a:lnTo>
                    <a:pt x="393" y="950"/>
                  </a:lnTo>
                  <a:lnTo>
                    <a:pt x="424" y="950"/>
                  </a:lnTo>
                  <a:lnTo>
                    <a:pt x="455" y="950"/>
                  </a:lnTo>
                  <a:lnTo>
                    <a:pt x="453" y="944"/>
                  </a:lnTo>
                  <a:lnTo>
                    <a:pt x="453" y="937"/>
                  </a:lnTo>
                  <a:lnTo>
                    <a:pt x="455" y="929"/>
                  </a:lnTo>
                  <a:lnTo>
                    <a:pt x="456" y="921"/>
                  </a:lnTo>
                  <a:lnTo>
                    <a:pt x="456" y="914"/>
                  </a:lnTo>
                  <a:lnTo>
                    <a:pt x="455" y="908"/>
                  </a:lnTo>
                  <a:lnTo>
                    <a:pt x="453" y="905"/>
                  </a:lnTo>
                  <a:lnTo>
                    <a:pt x="451" y="904"/>
                  </a:lnTo>
                  <a:lnTo>
                    <a:pt x="449" y="903"/>
                  </a:lnTo>
                  <a:lnTo>
                    <a:pt x="446" y="902"/>
                  </a:lnTo>
                  <a:lnTo>
                    <a:pt x="446" y="907"/>
                  </a:lnTo>
                  <a:lnTo>
                    <a:pt x="445" y="912"/>
                  </a:lnTo>
                  <a:lnTo>
                    <a:pt x="444" y="915"/>
                  </a:lnTo>
                  <a:lnTo>
                    <a:pt x="443" y="917"/>
                  </a:lnTo>
                  <a:lnTo>
                    <a:pt x="441" y="918"/>
                  </a:lnTo>
                  <a:lnTo>
                    <a:pt x="439" y="918"/>
                  </a:lnTo>
                  <a:lnTo>
                    <a:pt x="439" y="909"/>
                  </a:lnTo>
                  <a:lnTo>
                    <a:pt x="439" y="899"/>
                  </a:lnTo>
                  <a:lnTo>
                    <a:pt x="438" y="888"/>
                  </a:lnTo>
                  <a:lnTo>
                    <a:pt x="437" y="877"/>
                  </a:lnTo>
                  <a:lnTo>
                    <a:pt x="432" y="854"/>
                  </a:lnTo>
                  <a:lnTo>
                    <a:pt x="429" y="830"/>
                  </a:lnTo>
                  <a:lnTo>
                    <a:pt x="428" y="819"/>
                  </a:lnTo>
                  <a:lnTo>
                    <a:pt x="427" y="807"/>
                  </a:lnTo>
                  <a:lnTo>
                    <a:pt x="428" y="797"/>
                  </a:lnTo>
                  <a:lnTo>
                    <a:pt x="429" y="787"/>
                  </a:lnTo>
                  <a:lnTo>
                    <a:pt x="431" y="778"/>
                  </a:lnTo>
                  <a:lnTo>
                    <a:pt x="435" y="769"/>
                  </a:lnTo>
                  <a:lnTo>
                    <a:pt x="440" y="762"/>
                  </a:lnTo>
                  <a:lnTo>
                    <a:pt x="446" y="756"/>
                  </a:lnTo>
                  <a:lnTo>
                    <a:pt x="446" y="746"/>
                  </a:lnTo>
                  <a:lnTo>
                    <a:pt x="448" y="737"/>
                  </a:lnTo>
                  <a:lnTo>
                    <a:pt x="450" y="729"/>
                  </a:lnTo>
                  <a:lnTo>
                    <a:pt x="455" y="723"/>
                  </a:lnTo>
                  <a:lnTo>
                    <a:pt x="451" y="719"/>
                  </a:lnTo>
                  <a:lnTo>
                    <a:pt x="450" y="715"/>
                  </a:lnTo>
                  <a:lnTo>
                    <a:pt x="450" y="710"/>
                  </a:lnTo>
                  <a:lnTo>
                    <a:pt x="450" y="705"/>
                  </a:lnTo>
                  <a:lnTo>
                    <a:pt x="452" y="701"/>
                  </a:lnTo>
                  <a:lnTo>
                    <a:pt x="455" y="697"/>
                  </a:lnTo>
                  <a:lnTo>
                    <a:pt x="458" y="691"/>
                  </a:lnTo>
                  <a:lnTo>
                    <a:pt x="461" y="687"/>
                  </a:lnTo>
                  <a:lnTo>
                    <a:pt x="469" y="679"/>
                  </a:lnTo>
                  <a:lnTo>
                    <a:pt x="479" y="670"/>
                  </a:lnTo>
                  <a:lnTo>
                    <a:pt x="487" y="664"/>
                  </a:lnTo>
                  <a:lnTo>
                    <a:pt x="496" y="658"/>
                  </a:lnTo>
                  <a:lnTo>
                    <a:pt x="501" y="653"/>
                  </a:lnTo>
                  <a:lnTo>
                    <a:pt x="506" y="647"/>
                  </a:lnTo>
                  <a:lnTo>
                    <a:pt x="510" y="639"/>
                  </a:lnTo>
                  <a:lnTo>
                    <a:pt x="515" y="630"/>
                  </a:lnTo>
                  <a:lnTo>
                    <a:pt x="522" y="611"/>
                  </a:lnTo>
                  <a:lnTo>
                    <a:pt x="528" y="591"/>
                  </a:lnTo>
                  <a:lnTo>
                    <a:pt x="535" y="573"/>
                  </a:lnTo>
                  <a:lnTo>
                    <a:pt x="542" y="558"/>
                  </a:lnTo>
                  <a:lnTo>
                    <a:pt x="546" y="551"/>
                  </a:lnTo>
                  <a:lnTo>
                    <a:pt x="550" y="547"/>
                  </a:lnTo>
                  <a:lnTo>
                    <a:pt x="555" y="545"/>
                  </a:lnTo>
                  <a:lnTo>
                    <a:pt x="560" y="544"/>
                  </a:lnTo>
                  <a:lnTo>
                    <a:pt x="565" y="532"/>
                  </a:lnTo>
                  <a:lnTo>
                    <a:pt x="571" y="521"/>
                  </a:lnTo>
                  <a:lnTo>
                    <a:pt x="579" y="510"/>
                  </a:lnTo>
                  <a:lnTo>
                    <a:pt x="586" y="501"/>
                  </a:lnTo>
                  <a:lnTo>
                    <a:pt x="601" y="482"/>
                  </a:lnTo>
                  <a:lnTo>
                    <a:pt x="617" y="463"/>
                  </a:lnTo>
                  <a:lnTo>
                    <a:pt x="614" y="464"/>
                  </a:lnTo>
                  <a:lnTo>
                    <a:pt x="611" y="465"/>
                  </a:lnTo>
                  <a:lnTo>
                    <a:pt x="608" y="467"/>
                  </a:lnTo>
                  <a:lnTo>
                    <a:pt x="605" y="469"/>
                  </a:lnTo>
                  <a:lnTo>
                    <a:pt x="600" y="477"/>
                  </a:lnTo>
                  <a:lnTo>
                    <a:pt x="595" y="483"/>
                  </a:lnTo>
                  <a:lnTo>
                    <a:pt x="589" y="488"/>
                  </a:lnTo>
                  <a:lnTo>
                    <a:pt x="585" y="492"/>
                  </a:lnTo>
                  <a:lnTo>
                    <a:pt x="583" y="492"/>
                  </a:lnTo>
                  <a:lnTo>
                    <a:pt x="581" y="492"/>
                  </a:lnTo>
                  <a:lnTo>
                    <a:pt x="579" y="490"/>
                  </a:lnTo>
                  <a:lnTo>
                    <a:pt x="577" y="487"/>
                  </a:lnTo>
                  <a:lnTo>
                    <a:pt x="606" y="466"/>
                  </a:lnTo>
                  <a:lnTo>
                    <a:pt x="640" y="443"/>
                  </a:lnTo>
                  <a:lnTo>
                    <a:pt x="655" y="431"/>
                  </a:lnTo>
                  <a:lnTo>
                    <a:pt x="668" y="420"/>
                  </a:lnTo>
                  <a:lnTo>
                    <a:pt x="674" y="414"/>
                  </a:lnTo>
                  <a:lnTo>
                    <a:pt x="678" y="408"/>
                  </a:lnTo>
                  <a:lnTo>
                    <a:pt x="681" y="403"/>
                  </a:lnTo>
                  <a:lnTo>
                    <a:pt x="682" y="398"/>
                  </a:lnTo>
                  <a:lnTo>
                    <a:pt x="684" y="392"/>
                  </a:lnTo>
                  <a:lnTo>
                    <a:pt x="687" y="388"/>
                  </a:lnTo>
                  <a:lnTo>
                    <a:pt x="690" y="383"/>
                  </a:lnTo>
                  <a:lnTo>
                    <a:pt x="694" y="380"/>
                  </a:lnTo>
                  <a:lnTo>
                    <a:pt x="703" y="372"/>
                  </a:lnTo>
                  <a:lnTo>
                    <a:pt x="711" y="367"/>
                  </a:lnTo>
                  <a:lnTo>
                    <a:pt x="721" y="361"/>
                  </a:lnTo>
                  <a:lnTo>
                    <a:pt x="729" y="353"/>
                  </a:lnTo>
                  <a:lnTo>
                    <a:pt x="733" y="349"/>
                  </a:lnTo>
                  <a:lnTo>
                    <a:pt x="736" y="345"/>
                  </a:lnTo>
                  <a:lnTo>
                    <a:pt x="738" y="340"/>
                  </a:lnTo>
                  <a:lnTo>
                    <a:pt x="739" y="333"/>
                  </a:lnTo>
                  <a:lnTo>
                    <a:pt x="737" y="327"/>
                  </a:lnTo>
                  <a:lnTo>
                    <a:pt x="734" y="321"/>
                  </a:lnTo>
                  <a:lnTo>
                    <a:pt x="729" y="314"/>
                  </a:lnTo>
                  <a:lnTo>
                    <a:pt x="724" y="309"/>
                  </a:lnTo>
                  <a:lnTo>
                    <a:pt x="714" y="298"/>
                  </a:lnTo>
                  <a:lnTo>
                    <a:pt x="703" y="286"/>
                  </a:lnTo>
                  <a:lnTo>
                    <a:pt x="692" y="275"/>
                  </a:lnTo>
                  <a:lnTo>
                    <a:pt x="685" y="265"/>
                  </a:lnTo>
                  <a:lnTo>
                    <a:pt x="682" y="260"/>
                  </a:lnTo>
                  <a:lnTo>
                    <a:pt x="681" y="254"/>
                  </a:lnTo>
                  <a:lnTo>
                    <a:pt x="681" y="249"/>
                  </a:lnTo>
                  <a:lnTo>
                    <a:pt x="682" y="244"/>
                  </a:lnTo>
                  <a:lnTo>
                    <a:pt x="675" y="229"/>
                  </a:lnTo>
                  <a:lnTo>
                    <a:pt x="666" y="215"/>
                  </a:lnTo>
                  <a:lnTo>
                    <a:pt x="661" y="209"/>
                  </a:lnTo>
                  <a:lnTo>
                    <a:pt x="656" y="203"/>
                  </a:lnTo>
                  <a:lnTo>
                    <a:pt x="650" y="198"/>
                  </a:lnTo>
                  <a:lnTo>
                    <a:pt x="644" y="192"/>
                  </a:lnTo>
                  <a:lnTo>
                    <a:pt x="638" y="188"/>
                  </a:lnTo>
                  <a:lnTo>
                    <a:pt x="630" y="184"/>
                  </a:lnTo>
                  <a:lnTo>
                    <a:pt x="623" y="180"/>
                  </a:lnTo>
                  <a:lnTo>
                    <a:pt x="615" y="176"/>
                  </a:lnTo>
                  <a:lnTo>
                    <a:pt x="606" y="174"/>
                  </a:lnTo>
                  <a:lnTo>
                    <a:pt x="597" y="172"/>
                  </a:lnTo>
                  <a:lnTo>
                    <a:pt x="587" y="171"/>
                  </a:lnTo>
                  <a:lnTo>
                    <a:pt x="577" y="170"/>
                  </a:lnTo>
                  <a:lnTo>
                    <a:pt x="570" y="175"/>
                  </a:lnTo>
                  <a:lnTo>
                    <a:pt x="563" y="180"/>
                  </a:lnTo>
                  <a:lnTo>
                    <a:pt x="557" y="183"/>
                  </a:lnTo>
                  <a:lnTo>
                    <a:pt x="548" y="185"/>
                  </a:lnTo>
                  <a:lnTo>
                    <a:pt x="540" y="186"/>
                  </a:lnTo>
                  <a:lnTo>
                    <a:pt x="532" y="187"/>
                  </a:lnTo>
                  <a:lnTo>
                    <a:pt x="523" y="187"/>
                  </a:lnTo>
                  <a:lnTo>
                    <a:pt x="515" y="186"/>
                  </a:lnTo>
                  <a:lnTo>
                    <a:pt x="506" y="185"/>
                  </a:lnTo>
                  <a:lnTo>
                    <a:pt x="498" y="183"/>
                  </a:lnTo>
                  <a:lnTo>
                    <a:pt x="489" y="181"/>
                  </a:lnTo>
                  <a:lnTo>
                    <a:pt x="482" y="178"/>
                  </a:lnTo>
                  <a:lnTo>
                    <a:pt x="475" y="174"/>
                  </a:lnTo>
                  <a:lnTo>
                    <a:pt x="467" y="170"/>
                  </a:lnTo>
                  <a:lnTo>
                    <a:pt x="461" y="167"/>
                  </a:lnTo>
                  <a:lnTo>
                    <a:pt x="455" y="163"/>
                  </a:lnTo>
                  <a:lnTo>
                    <a:pt x="455" y="154"/>
                  </a:lnTo>
                  <a:lnTo>
                    <a:pt x="455" y="146"/>
                  </a:lnTo>
                  <a:lnTo>
                    <a:pt x="449" y="142"/>
                  </a:lnTo>
                  <a:lnTo>
                    <a:pt x="445" y="136"/>
                  </a:lnTo>
                  <a:lnTo>
                    <a:pt x="442" y="130"/>
                  </a:lnTo>
                  <a:lnTo>
                    <a:pt x="440" y="123"/>
                  </a:lnTo>
                  <a:lnTo>
                    <a:pt x="436" y="108"/>
                  </a:lnTo>
                  <a:lnTo>
                    <a:pt x="431" y="92"/>
                  </a:lnTo>
                  <a:lnTo>
                    <a:pt x="429" y="85"/>
                  </a:lnTo>
                  <a:lnTo>
                    <a:pt x="426" y="77"/>
                  </a:lnTo>
                  <a:lnTo>
                    <a:pt x="423" y="72"/>
                  </a:lnTo>
                  <a:lnTo>
                    <a:pt x="419" y="66"/>
                  </a:lnTo>
                  <a:lnTo>
                    <a:pt x="413" y="62"/>
                  </a:lnTo>
                  <a:lnTo>
                    <a:pt x="407" y="59"/>
                  </a:lnTo>
                  <a:lnTo>
                    <a:pt x="399" y="56"/>
                  </a:lnTo>
                  <a:lnTo>
                    <a:pt x="389" y="56"/>
                  </a:lnTo>
                  <a:lnTo>
                    <a:pt x="387" y="62"/>
                  </a:lnTo>
                  <a:lnTo>
                    <a:pt x="384" y="65"/>
                  </a:lnTo>
                  <a:lnTo>
                    <a:pt x="381" y="67"/>
                  </a:lnTo>
                  <a:lnTo>
                    <a:pt x="378" y="69"/>
                  </a:lnTo>
                  <a:lnTo>
                    <a:pt x="370" y="71"/>
                  </a:lnTo>
                  <a:lnTo>
                    <a:pt x="362" y="70"/>
                  </a:lnTo>
                  <a:lnTo>
                    <a:pt x="353" y="70"/>
                  </a:lnTo>
                  <a:lnTo>
                    <a:pt x="345" y="69"/>
                  </a:lnTo>
                  <a:lnTo>
                    <a:pt x="342" y="69"/>
                  </a:lnTo>
                  <a:lnTo>
                    <a:pt x="339" y="70"/>
                  </a:lnTo>
                  <a:lnTo>
                    <a:pt x="336" y="71"/>
                  </a:lnTo>
                  <a:lnTo>
                    <a:pt x="332" y="73"/>
                  </a:lnTo>
                  <a:lnTo>
                    <a:pt x="333" y="91"/>
                  </a:lnTo>
                  <a:lnTo>
                    <a:pt x="331" y="108"/>
                  </a:lnTo>
                  <a:lnTo>
                    <a:pt x="330" y="112"/>
                  </a:lnTo>
                  <a:lnTo>
                    <a:pt x="329" y="115"/>
                  </a:lnTo>
                  <a:lnTo>
                    <a:pt x="327" y="117"/>
                  </a:lnTo>
                  <a:lnTo>
                    <a:pt x="324" y="120"/>
                  </a:lnTo>
                  <a:lnTo>
                    <a:pt x="322" y="121"/>
                  </a:lnTo>
                  <a:lnTo>
                    <a:pt x="318" y="122"/>
                  </a:lnTo>
                  <a:lnTo>
                    <a:pt x="313" y="122"/>
                  </a:lnTo>
                  <a:lnTo>
                    <a:pt x="308" y="122"/>
                  </a:lnTo>
                  <a:lnTo>
                    <a:pt x="298" y="103"/>
                  </a:lnTo>
                  <a:lnTo>
                    <a:pt x="287" y="84"/>
                  </a:lnTo>
                  <a:lnTo>
                    <a:pt x="276" y="66"/>
                  </a:lnTo>
                  <a:lnTo>
                    <a:pt x="264" y="49"/>
                  </a:lnTo>
                  <a:lnTo>
                    <a:pt x="257" y="41"/>
                  </a:lnTo>
                  <a:lnTo>
                    <a:pt x="249" y="33"/>
                  </a:lnTo>
                  <a:lnTo>
                    <a:pt x="242" y="26"/>
                  </a:lnTo>
                  <a:lnTo>
                    <a:pt x="233" y="20"/>
                  </a:lnTo>
                  <a:lnTo>
                    <a:pt x="225" y="13"/>
                  </a:lnTo>
                  <a:lnTo>
                    <a:pt x="215" y="8"/>
                  </a:lnTo>
                  <a:lnTo>
                    <a:pt x="206" y="4"/>
                  </a:lnTo>
                  <a:lnTo>
                    <a:pt x="194" y="0"/>
                  </a:lnTo>
                  <a:lnTo>
                    <a:pt x="191" y="2"/>
                  </a:lnTo>
                  <a:lnTo>
                    <a:pt x="189" y="4"/>
                  </a:lnTo>
                  <a:lnTo>
                    <a:pt x="188" y="6"/>
                  </a:lnTo>
                  <a:lnTo>
                    <a:pt x="188" y="9"/>
                  </a:lnTo>
                  <a:lnTo>
                    <a:pt x="190" y="14"/>
                  </a:lnTo>
                  <a:lnTo>
                    <a:pt x="192" y="20"/>
                  </a:lnTo>
                  <a:lnTo>
                    <a:pt x="194" y="26"/>
                  </a:lnTo>
                  <a:lnTo>
                    <a:pt x="195" y="31"/>
                  </a:lnTo>
                  <a:lnTo>
                    <a:pt x="194" y="34"/>
                  </a:lnTo>
                  <a:lnTo>
                    <a:pt x="193" y="36"/>
                  </a:lnTo>
                  <a:lnTo>
                    <a:pt x="190" y="39"/>
                  </a:lnTo>
                  <a:lnTo>
                    <a:pt x="186" y="41"/>
                  </a:lnTo>
                  <a:lnTo>
                    <a:pt x="183" y="42"/>
                  </a:lnTo>
                  <a:lnTo>
                    <a:pt x="181" y="45"/>
                  </a:lnTo>
                  <a:lnTo>
                    <a:pt x="180" y="49"/>
                  </a:lnTo>
                  <a:lnTo>
                    <a:pt x="179" y="53"/>
                  </a:lnTo>
                  <a:lnTo>
                    <a:pt x="179" y="57"/>
                  </a:lnTo>
                  <a:lnTo>
                    <a:pt x="177" y="62"/>
                  </a:lnTo>
                  <a:lnTo>
                    <a:pt x="175" y="63"/>
                  </a:lnTo>
                  <a:lnTo>
                    <a:pt x="174" y="64"/>
                  </a:lnTo>
                  <a:lnTo>
                    <a:pt x="172" y="65"/>
                  </a:lnTo>
                  <a:lnTo>
                    <a:pt x="170" y="65"/>
                  </a:lnTo>
                  <a:lnTo>
                    <a:pt x="167" y="66"/>
                  </a:lnTo>
                  <a:lnTo>
                    <a:pt x="165" y="67"/>
                  </a:lnTo>
                  <a:lnTo>
                    <a:pt x="162" y="67"/>
                  </a:lnTo>
                  <a:lnTo>
                    <a:pt x="160" y="66"/>
                  </a:lnTo>
                  <a:lnTo>
                    <a:pt x="153" y="64"/>
                  </a:lnTo>
                  <a:lnTo>
                    <a:pt x="148" y="60"/>
                  </a:lnTo>
                  <a:lnTo>
                    <a:pt x="138" y="48"/>
                  </a:lnTo>
                  <a:lnTo>
                    <a:pt x="126" y="35"/>
                  </a:lnTo>
                  <a:lnTo>
                    <a:pt x="120" y="29"/>
                  </a:lnTo>
                  <a:lnTo>
                    <a:pt x="113" y="24"/>
                  </a:lnTo>
                  <a:lnTo>
                    <a:pt x="107" y="19"/>
                  </a:lnTo>
                  <a:lnTo>
                    <a:pt x="100" y="15"/>
                  </a:lnTo>
                  <a:lnTo>
                    <a:pt x="95" y="14"/>
                  </a:lnTo>
                  <a:lnTo>
                    <a:pt x="91" y="14"/>
                  </a:lnTo>
                  <a:lnTo>
                    <a:pt x="87" y="14"/>
                  </a:lnTo>
                  <a:lnTo>
                    <a:pt x="83" y="15"/>
                  </a:lnTo>
                  <a:lnTo>
                    <a:pt x="79" y="16"/>
                  </a:lnTo>
                  <a:lnTo>
                    <a:pt x="74" y="19"/>
                  </a:lnTo>
                  <a:lnTo>
                    <a:pt x="69" y="21"/>
                  </a:lnTo>
                  <a:lnTo>
                    <a:pt x="65" y="24"/>
                  </a:lnTo>
                  <a:lnTo>
                    <a:pt x="58" y="34"/>
                  </a:lnTo>
                  <a:lnTo>
                    <a:pt x="51" y="44"/>
                  </a:lnTo>
                  <a:lnTo>
                    <a:pt x="49" y="49"/>
                  </a:lnTo>
                  <a:lnTo>
                    <a:pt x="47" y="55"/>
                  </a:lnTo>
                  <a:lnTo>
                    <a:pt x="47" y="64"/>
                  </a:lnTo>
                  <a:lnTo>
                    <a:pt x="48" y="73"/>
                  </a:lnTo>
                  <a:lnTo>
                    <a:pt x="39" y="73"/>
                  </a:lnTo>
                  <a:lnTo>
                    <a:pt x="29" y="74"/>
                  </a:lnTo>
                  <a:lnTo>
                    <a:pt x="22" y="77"/>
                  </a:lnTo>
                  <a:lnTo>
                    <a:pt x="15" y="81"/>
                  </a:lnTo>
                  <a:lnTo>
                    <a:pt x="10" y="84"/>
                  </a:lnTo>
                  <a:lnTo>
                    <a:pt x="6" y="87"/>
                  </a:lnTo>
                  <a:lnTo>
                    <a:pt x="4" y="89"/>
                  </a:lnTo>
                  <a:lnTo>
                    <a:pt x="2" y="91"/>
                  </a:lnTo>
                  <a:lnTo>
                    <a:pt x="1" y="94"/>
                  </a:lnTo>
                  <a:lnTo>
                    <a:pt x="0" y="97"/>
                  </a:lnTo>
                  <a:lnTo>
                    <a:pt x="7" y="93"/>
                  </a:lnTo>
                  <a:lnTo>
                    <a:pt x="11" y="92"/>
                  </a:lnTo>
                  <a:lnTo>
                    <a:pt x="12" y="91"/>
                  </a:lnTo>
                  <a:lnTo>
                    <a:pt x="13" y="92"/>
                  </a:lnTo>
                  <a:lnTo>
                    <a:pt x="12" y="92"/>
                  </a:lnTo>
                  <a:lnTo>
                    <a:pt x="10" y="100"/>
                  </a:lnTo>
                  <a:lnTo>
                    <a:pt x="8" y="113"/>
                  </a:lnTo>
                  <a:lnTo>
                    <a:pt x="22" y="113"/>
                  </a:lnTo>
                  <a:lnTo>
                    <a:pt x="36" y="113"/>
                  </a:lnTo>
                  <a:lnTo>
                    <a:pt x="50" y="113"/>
                  </a:lnTo>
                  <a:lnTo>
                    <a:pt x="65" y="113"/>
                  </a:lnTo>
                  <a:lnTo>
                    <a:pt x="65" y="117"/>
                  </a:lnTo>
                  <a:lnTo>
                    <a:pt x="65" y="122"/>
                  </a:lnTo>
                  <a:lnTo>
                    <a:pt x="67" y="129"/>
                  </a:lnTo>
                  <a:lnTo>
                    <a:pt x="69" y="136"/>
                  </a:lnTo>
                  <a:lnTo>
                    <a:pt x="69" y="144"/>
                  </a:lnTo>
                  <a:lnTo>
                    <a:pt x="68" y="151"/>
                  </a:lnTo>
                  <a:lnTo>
                    <a:pt x="65" y="167"/>
                  </a:lnTo>
                  <a:lnTo>
                    <a:pt x="61" y="183"/>
                  </a:lnTo>
                  <a:lnTo>
                    <a:pt x="59" y="191"/>
                  </a:lnTo>
                  <a:lnTo>
                    <a:pt x="58" y="199"/>
                  </a:lnTo>
                  <a:lnTo>
                    <a:pt x="56" y="207"/>
                  </a:lnTo>
                  <a:lnTo>
                    <a:pt x="58" y="214"/>
                  </a:lnTo>
                  <a:lnTo>
                    <a:pt x="59" y="222"/>
                  </a:lnTo>
                  <a:lnTo>
                    <a:pt x="62" y="229"/>
                  </a:lnTo>
                  <a:lnTo>
                    <a:pt x="66" y="236"/>
                  </a:lnTo>
                  <a:lnTo>
                    <a:pt x="72" y="244"/>
                  </a:lnTo>
                  <a:lnTo>
                    <a:pt x="75" y="243"/>
                  </a:lnTo>
                  <a:lnTo>
                    <a:pt x="79" y="244"/>
                  </a:lnTo>
                  <a:lnTo>
                    <a:pt x="81" y="245"/>
                  </a:lnTo>
                  <a:lnTo>
                    <a:pt x="83" y="246"/>
                  </a:lnTo>
                  <a:lnTo>
                    <a:pt x="86" y="250"/>
                  </a:lnTo>
                  <a:lnTo>
                    <a:pt x="88" y="258"/>
                  </a:lnTo>
                  <a:lnTo>
                    <a:pt x="89" y="266"/>
                  </a:lnTo>
                  <a:lnTo>
                    <a:pt x="90" y="276"/>
                  </a:lnTo>
                  <a:lnTo>
                    <a:pt x="89" y="288"/>
                  </a:lnTo>
                  <a:lnTo>
                    <a:pt x="89" y="301"/>
                  </a:lnTo>
                  <a:lnTo>
                    <a:pt x="101" y="303"/>
                  </a:lnTo>
                  <a:lnTo>
                    <a:pt x="112" y="306"/>
                  </a:lnTo>
                  <a:lnTo>
                    <a:pt x="118" y="307"/>
                  </a:lnTo>
                  <a:lnTo>
                    <a:pt x="122" y="310"/>
                  </a:lnTo>
                  <a:lnTo>
                    <a:pt x="126" y="312"/>
                  </a:lnTo>
                  <a:lnTo>
                    <a:pt x="129" y="317"/>
                  </a:lnTo>
                  <a:lnTo>
                    <a:pt x="131" y="323"/>
                  </a:lnTo>
                  <a:lnTo>
                    <a:pt x="134" y="328"/>
                  </a:lnTo>
                  <a:lnTo>
                    <a:pt x="140" y="331"/>
                  </a:lnTo>
                  <a:lnTo>
                    <a:pt x="144" y="334"/>
                  </a:lnTo>
                  <a:lnTo>
                    <a:pt x="148" y="339"/>
                  </a:lnTo>
                  <a:lnTo>
                    <a:pt x="152" y="343"/>
                  </a:lnTo>
                  <a:lnTo>
                    <a:pt x="153" y="346"/>
                  </a:lnTo>
                  <a:lnTo>
                    <a:pt x="154" y="349"/>
                  </a:lnTo>
                  <a:lnTo>
                    <a:pt x="154" y="353"/>
                  </a:lnTo>
                  <a:lnTo>
                    <a:pt x="154" y="358"/>
                  </a:lnTo>
                  <a:lnTo>
                    <a:pt x="152" y="363"/>
                  </a:lnTo>
                  <a:lnTo>
                    <a:pt x="149" y="374"/>
                  </a:lnTo>
                  <a:lnTo>
                    <a:pt x="146" y="386"/>
                  </a:lnTo>
                  <a:lnTo>
                    <a:pt x="143" y="392"/>
                  </a:lnTo>
                  <a:lnTo>
                    <a:pt x="144" y="394"/>
                  </a:lnTo>
                  <a:lnTo>
                    <a:pt x="143" y="399"/>
                  </a:lnTo>
                  <a:lnTo>
                    <a:pt x="141" y="403"/>
                  </a:lnTo>
                  <a:lnTo>
                    <a:pt x="139" y="407"/>
                  </a:lnTo>
                  <a:lnTo>
                    <a:pt x="137" y="412"/>
                  </a:lnTo>
                  <a:lnTo>
                    <a:pt x="135" y="419"/>
                  </a:lnTo>
                  <a:lnTo>
                    <a:pt x="135" y="424"/>
                  </a:lnTo>
                  <a:lnTo>
                    <a:pt x="138" y="430"/>
                  </a:lnTo>
                  <a:lnTo>
                    <a:pt x="140" y="428"/>
                  </a:lnTo>
                  <a:lnTo>
                    <a:pt x="143" y="427"/>
                  </a:lnTo>
                  <a:lnTo>
                    <a:pt x="146" y="427"/>
                  </a:lnTo>
                  <a:lnTo>
                    <a:pt x="149" y="428"/>
                  </a:lnTo>
                  <a:lnTo>
                    <a:pt x="157" y="431"/>
                  </a:lnTo>
                  <a:lnTo>
                    <a:pt x="163" y="438"/>
                  </a:lnTo>
                  <a:lnTo>
                    <a:pt x="169" y="444"/>
                  </a:lnTo>
                  <a:lnTo>
                    <a:pt x="172" y="451"/>
                  </a:lnTo>
                  <a:lnTo>
                    <a:pt x="173" y="454"/>
                  </a:lnTo>
                  <a:lnTo>
                    <a:pt x="173" y="458"/>
                  </a:lnTo>
                  <a:lnTo>
                    <a:pt x="172" y="461"/>
                  </a:lnTo>
                  <a:lnTo>
                    <a:pt x="170" y="463"/>
                  </a:lnTo>
                  <a:lnTo>
                    <a:pt x="183" y="461"/>
                  </a:lnTo>
                  <a:lnTo>
                    <a:pt x="192" y="457"/>
                  </a:lnTo>
                  <a:lnTo>
                    <a:pt x="197" y="457"/>
                  </a:lnTo>
                  <a:lnTo>
                    <a:pt x="201" y="457"/>
                  </a:lnTo>
                  <a:lnTo>
                    <a:pt x="205" y="459"/>
                  </a:lnTo>
                  <a:lnTo>
                    <a:pt x="211" y="463"/>
                  </a:lnTo>
                  <a:lnTo>
                    <a:pt x="211" y="466"/>
                  </a:lnTo>
                  <a:lnTo>
                    <a:pt x="211" y="468"/>
                  </a:lnTo>
                  <a:lnTo>
                    <a:pt x="211" y="471"/>
                  </a:lnTo>
                  <a:lnTo>
                    <a:pt x="224" y="487"/>
                  </a:lnTo>
                  <a:lnTo>
                    <a:pt x="234" y="498"/>
                  </a:lnTo>
                  <a:lnTo>
                    <a:pt x="246" y="509"/>
                  </a:lnTo>
                  <a:lnTo>
                    <a:pt x="260" y="528"/>
                  </a:lnTo>
                  <a:lnTo>
                    <a:pt x="263" y="529"/>
                  </a:lnTo>
                  <a:lnTo>
                    <a:pt x="271" y="536"/>
                  </a:lnTo>
                  <a:lnTo>
                    <a:pt x="277" y="541"/>
                  </a:lnTo>
                  <a:lnTo>
                    <a:pt x="282" y="548"/>
                  </a:lnTo>
                  <a:lnTo>
                    <a:pt x="287" y="558"/>
                  </a:lnTo>
                  <a:lnTo>
                    <a:pt x="292" y="569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 dirty="0"/>
            </a:p>
          </p:txBody>
        </p:sp>
        <p:sp>
          <p:nvSpPr>
            <p:cNvPr id="135" name="Guldborgsund kant"/>
            <p:cNvSpPr>
              <a:spLocks/>
            </p:cNvSpPr>
            <p:nvPr/>
          </p:nvSpPr>
          <p:spPr bwMode="auto">
            <a:xfrm>
              <a:off x="3386138" y="5980113"/>
              <a:ext cx="392112" cy="501650"/>
            </a:xfrm>
            <a:custGeom>
              <a:avLst/>
              <a:gdLst>
                <a:gd name="T0" fmla="*/ 92 w 739"/>
                <a:gd name="T1" fmla="*/ 212 h 950"/>
                <a:gd name="T2" fmla="*/ 92 w 739"/>
                <a:gd name="T3" fmla="*/ 217 h 950"/>
                <a:gd name="T4" fmla="*/ 107 w 739"/>
                <a:gd name="T5" fmla="*/ 225 h 950"/>
                <a:gd name="T6" fmla="*/ 110 w 739"/>
                <a:gd name="T7" fmla="*/ 233 h 950"/>
                <a:gd name="T8" fmla="*/ 101 w 739"/>
                <a:gd name="T9" fmla="*/ 243 h 950"/>
                <a:gd name="T10" fmla="*/ 95 w 739"/>
                <a:gd name="T11" fmla="*/ 244 h 950"/>
                <a:gd name="T12" fmla="*/ 94 w 739"/>
                <a:gd name="T13" fmla="*/ 262 h 950"/>
                <a:gd name="T14" fmla="*/ 95 w 739"/>
                <a:gd name="T15" fmla="*/ 286 h 950"/>
                <a:gd name="T16" fmla="*/ 110 w 739"/>
                <a:gd name="T17" fmla="*/ 311 h 950"/>
                <a:gd name="T18" fmla="*/ 151 w 739"/>
                <a:gd name="T19" fmla="*/ 314 h 950"/>
                <a:gd name="T20" fmla="*/ 151 w 739"/>
                <a:gd name="T21" fmla="*/ 301 h 950"/>
                <a:gd name="T22" fmla="*/ 147 w 739"/>
                <a:gd name="T23" fmla="*/ 305 h 950"/>
                <a:gd name="T24" fmla="*/ 143 w 739"/>
                <a:gd name="T25" fmla="*/ 276 h 950"/>
                <a:gd name="T26" fmla="*/ 147 w 739"/>
                <a:gd name="T27" fmla="*/ 253 h 950"/>
                <a:gd name="T28" fmla="*/ 150 w 739"/>
                <a:gd name="T29" fmla="*/ 238 h 950"/>
                <a:gd name="T30" fmla="*/ 157 w 739"/>
                <a:gd name="T31" fmla="*/ 226 h 950"/>
                <a:gd name="T32" fmla="*/ 172 w 739"/>
                <a:gd name="T33" fmla="*/ 210 h 950"/>
                <a:gd name="T34" fmla="*/ 186 w 739"/>
                <a:gd name="T35" fmla="*/ 181 h 950"/>
                <a:gd name="T36" fmla="*/ 206 w 739"/>
                <a:gd name="T37" fmla="*/ 154 h 950"/>
                <a:gd name="T38" fmla="*/ 197 w 739"/>
                <a:gd name="T39" fmla="*/ 162 h 950"/>
                <a:gd name="T40" fmla="*/ 214 w 739"/>
                <a:gd name="T41" fmla="*/ 147 h 950"/>
                <a:gd name="T42" fmla="*/ 229 w 739"/>
                <a:gd name="T43" fmla="*/ 130 h 950"/>
                <a:gd name="T44" fmla="*/ 244 w 739"/>
                <a:gd name="T45" fmla="*/ 117 h 950"/>
                <a:gd name="T46" fmla="*/ 244 w 739"/>
                <a:gd name="T47" fmla="*/ 104 h 950"/>
                <a:gd name="T48" fmla="*/ 228 w 739"/>
                <a:gd name="T49" fmla="*/ 84 h 950"/>
                <a:gd name="T50" fmla="*/ 217 w 739"/>
                <a:gd name="T51" fmla="*/ 66 h 950"/>
                <a:gd name="T52" fmla="*/ 200 w 739"/>
                <a:gd name="T53" fmla="*/ 57 h 950"/>
                <a:gd name="T54" fmla="*/ 180 w 739"/>
                <a:gd name="T55" fmla="*/ 62 h 950"/>
                <a:gd name="T56" fmla="*/ 161 w 739"/>
                <a:gd name="T57" fmla="*/ 59 h 950"/>
                <a:gd name="T58" fmla="*/ 150 w 739"/>
                <a:gd name="T59" fmla="*/ 47 h 950"/>
                <a:gd name="T60" fmla="*/ 142 w 739"/>
                <a:gd name="T61" fmla="*/ 26 h 950"/>
                <a:gd name="T62" fmla="*/ 129 w 739"/>
                <a:gd name="T63" fmla="*/ 21 h 950"/>
                <a:gd name="T64" fmla="*/ 115 w 739"/>
                <a:gd name="T65" fmla="*/ 23 h 950"/>
                <a:gd name="T66" fmla="*/ 110 w 739"/>
                <a:gd name="T67" fmla="*/ 37 h 950"/>
                <a:gd name="T68" fmla="*/ 103 w 739"/>
                <a:gd name="T69" fmla="*/ 41 h 950"/>
                <a:gd name="T70" fmla="*/ 81 w 739"/>
                <a:gd name="T71" fmla="*/ 9 h 950"/>
                <a:gd name="T72" fmla="*/ 63 w 739"/>
                <a:gd name="T73" fmla="*/ 1 h 950"/>
                <a:gd name="T74" fmla="*/ 65 w 739"/>
                <a:gd name="T75" fmla="*/ 11 h 950"/>
                <a:gd name="T76" fmla="*/ 60 w 739"/>
                <a:gd name="T77" fmla="*/ 18 h 950"/>
                <a:gd name="T78" fmla="*/ 56 w 739"/>
                <a:gd name="T79" fmla="*/ 22 h 950"/>
                <a:gd name="T80" fmla="*/ 42 w 739"/>
                <a:gd name="T81" fmla="*/ 12 h 950"/>
                <a:gd name="T82" fmla="*/ 29 w 739"/>
                <a:gd name="T83" fmla="*/ 5 h 950"/>
                <a:gd name="T84" fmla="*/ 17 w 739"/>
                <a:gd name="T85" fmla="*/ 15 h 950"/>
                <a:gd name="T86" fmla="*/ 7 w 739"/>
                <a:gd name="T87" fmla="*/ 26 h 950"/>
                <a:gd name="T88" fmla="*/ 0 w 739"/>
                <a:gd name="T89" fmla="*/ 32 h 950"/>
                <a:gd name="T90" fmla="*/ 3 w 739"/>
                <a:gd name="T91" fmla="*/ 33 h 950"/>
                <a:gd name="T92" fmla="*/ 22 w 739"/>
                <a:gd name="T93" fmla="*/ 41 h 950"/>
                <a:gd name="T94" fmla="*/ 20 w 739"/>
                <a:gd name="T95" fmla="*/ 64 h 950"/>
                <a:gd name="T96" fmla="*/ 24 w 739"/>
                <a:gd name="T97" fmla="*/ 81 h 950"/>
                <a:gd name="T98" fmla="*/ 30 w 739"/>
                <a:gd name="T99" fmla="*/ 88 h 950"/>
                <a:gd name="T100" fmla="*/ 41 w 739"/>
                <a:gd name="T101" fmla="*/ 103 h 950"/>
                <a:gd name="T102" fmla="*/ 49 w 739"/>
                <a:gd name="T103" fmla="*/ 113 h 950"/>
                <a:gd name="T104" fmla="*/ 50 w 739"/>
                <a:gd name="T105" fmla="*/ 124 h 950"/>
                <a:gd name="T106" fmla="*/ 46 w 739"/>
                <a:gd name="T107" fmla="*/ 137 h 950"/>
                <a:gd name="T108" fmla="*/ 50 w 739"/>
                <a:gd name="T109" fmla="*/ 142 h 950"/>
                <a:gd name="T110" fmla="*/ 57 w 739"/>
                <a:gd name="T111" fmla="*/ 153 h 950"/>
                <a:gd name="T112" fmla="*/ 71 w 739"/>
                <a:gd name="T113" fmla="*/ 154 h 950"/>
                <a:gd name="T114" fmla="*/ 87 w 739"/>
                <a:gd name="T115" fmla="*/ 176 h 95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739" h="950">
                  <a:moveTo>
                    <a:pt x="292" y="569"/>
                  </a:moveTo>
                  <a:lnTo>
                    <a:pt x="290" y="591"/>
                  </a:lnTo>
                  <a:lnTo>
                    <a:pt x="287" y="612"/>
                  </a:lnTo>
                  <a:lnTo>
                    <a:pt x="284" y="622"/>
                  </a:lnTo>
                  <a:lnTo>
                    <a:pt x="281" y="630"/>
                  </a:lnTo>
                  <a:lnTo>
                    <a:pt x="278" y="633"/>
                  </a:lnTo>
                  <a:lnTo>
                    <a:pt x="276" y="637"/>
                  </a:lnTo>
                  <a:lnTo>
                    <a:pt x="271" y="640"/>
                  </a:lnTo>
                  <a:lnTo>
                    <a:pt x="268" y="642"/>
                  </a:lnTo>
                  <a:lnTo>
                    <a:pt x="270" y="643"/>
                  </a:lnTo>
                  <a:lnTo>
                    <a:pt x="272" y="644"/>
                  </a:lnTo>
                  <a:lnTo>
                    <a:pt x="273" y="646"/>
                  </a:lnTo>
                  <a:lnTo>
                    <a:pt x="273" y="648"/>
                  </a:lnTo>
                  <a:lnTo>
                    <a:pt x="274" y="652"/>
                  </a:lnTo>
                  <a:lnTo>
                    <a:pt x="276" y="658"/>
                  </a:lnTo>
                  <a:lnTo>
                    <a:pt x="292" y="662"/>
                  </a:lnTo>
                  <a:lnTo>
                    <a:pt x="308" y="666"/>
                  </a:lnTo>
                  <a:lnTo>
                    <a:pt x="312" y="667"/>
                  </a:lnTo>
                  <a:lnTo>
                    <a:pt x="316" y="669"/>
                  </a:lnTo>
                  <a:lnTo>
                    <a:pt x="319" y="671"/>
                  </a:lnTo>
                  <a:lnTo>
                    <a:pt x="321" y="675"/>
                  </a:lnTo>
                  <a:lnTo>
                    <a:pt x="323" y="678"/>
                  </a:lnTo>
                  <a:lnTo>
                    <a:pt x="324" y="681"/>
                  </a:lnTo>
                  <a:lnTo>
                    <a:pt x="325" y="685"/>
                  </a:lnTo>
                  <a:lnTo>
                    <a:pt x="325" y="690"/>
                  </a:lnTo>
                  <a:lnTo>
                    <a:pt x="328" y="693"/>
                  </a:lnTo>
                  <a:lnTo>
                    <a:pt x="330" y="696"/>
                  </a:lnTo>
                  <a:lnTo>
                    <a:pt x="330" y="700"/>
                  </a:lnTo>
                  <a:lnTo>
                    <a:pt x="329" y="704"/>
                  </a:lnTo>
                  <a:lnTo>
                    <a:pt x="328" y="708"/>
                  </a:lnTo>
                  <a:lnTo>
                    <a:pt x="325" y="712"/>
                  </a:lnTo>
                  <a:lnTo>
                    <a:pt x="322" y="717"/>
                  </a:lnTo>
                  <a:lnTo>
                    <a:pt x="318" y="721"/>
                  </a:lnTo>
                  <a:lnTo>
                    <a:pt x="310" y="728"/>
                  </a:lnTo>
                  <a:lnTo>
                    <a:pt x="302" y="732"/>
                  </a:lnTo>
                  <a:lnTo>
                    <a:pt x="299" y="735"/>
                  </a:lnTo>
                  <a:lnTo>
                    <a:pt x="296" y="735"/>
                  </a:lnTo>
                  <a:lnTo>
                    <a:pt x="293" y="733"/>
                  </a:lnTo>
                  <a:lnTo>
                    <a:pt x="292" y="731"/>
                  </a:lnTo>
                  <a:lnTo>
                    <a:pt x="288" y="731"/>
                  </a:lnTo>
                  <a:lnTo>
                    <a:pt x="286" y="732"/>
                  </a:lnTo>
                  <a:lnTo>
                    <a:pt x="285" y="733"/>
                  </a:lnTo>
                  <a:lnTo>
                    <a:pt x="284" y="736"/>
                  </a:lnTo>
                  <a:lnTo>
                    <a:pt x="284" y="737"/>
                  </a:lnTo>
                  <a:lnTo>
                    <a:pt x="284" y="740"/>
                  </a:lnTo>
                  <a:lnTo>
                    <a:pt x="285" y="753"/>
                  </a:lnTo>
                  <a:lnTo>
                    <a:pt x="284" y="766"/>
                  </a:lnTo>
                  <a:lnTo>
                    <a:pt x="283" y="778"/>
                  </a:lnTo>
                  <a:lnTo>
                    <a:pt x="280" y="788"/>
                  </a:lnTo>
                  <a:lnTo>
                    <a:pt x="278" y="799"/>
                  </a:lnTo>
                  <a:lnTo>
                    <a:pt x="276" y="810"/>
                  </a:lnTo>
                  <a:lnTo>
                    <a:pt x="274" y="823"/>
                  </a:lnTo>
                  <a:lnTo>
                    <a:pt x="276" y="837"/>
                  </a:lnTo>
                  <a:lnTo>
                    <a:pt x="278" y="845"/>
                  </a:lnTo>
                  <a:lnTo>
                    <a:pt x="281" y="854"/>
                  </a:lnTo>
                  <a:lnTo>
                    <a:pt x="284" y="861"/>
                  </a:lnTo>
                  <a:lnTo>
                    <a:pt x="287" y="868"/>
                  </a:lnTo>
                  <a:lnTo>
                    <a:pt x="296" y="881"/>
                  </a:lnTo>
                  <a:lnTo>
                    <a:pt x="305" y="894"/>
                  </a:lnTo>
                  <a:lnTo>
                    <a:pt x="313" y="905"/>
                  </a:lnTo>
                  <a:lnTo>
                    <a:pt x="322" y="919"/>
                  </a:lnTo>
                  <a:lnTo>
                    <a:pt x="325" y="926"/>
                  </a:lnTo>
                  <a:lnTo>
                    <a:pt x="328" y="934"/>
                  </a:lnTo>
                  <a:lnTo>
                    <a:pt x="331" y="942"/>
                  </a:lnTo>
                  <a:lnTo>
                    <a:pt x="332" y="950"/>
                  </a:lnTo>
                  <a:lnTo>
                    <a:pt x="363" y="950"/>
                  </a:lnTo>
                  <a:lnTo>
                    <a:pt x="393" y="950"/>
                  </a:lnTo>
                  <a:lnTo>
                    <a:pt x="424" y="950"/>
                  </a:lnTo>
                  <a:lnTo>
                    <a:pt x="455" y="950"/>
                  </a:lnTo>
                  <a:lnTo>
                    <a:pt x="453" y="944"/>
                  </a:lnTo>
                  <a:lnTo>
                    <a:pt x="453" y="937"/>
                  </a:lnTo>
                  <a:lnTo>
                    <a:pt x="455" y="929"/>
                  </a:lnTo>
                  <a:lnTo>
                    <a:pt x="456" y="921"/>
                  </a:lnTo>
                  <a:lnTo>
                    <a:pt x="456" y="914"/>
                  </a:lnTo>
                  <a:lnTo>
                    <a:pt x="455" y="908"/>
                  </a:lnTo>
                  <a:lnTo>
                    <a:pt x="453" y="905"/>
                  </a:lnTo>
                  <a:lnTo>
                    <a:pt x="451" y="904"/>
                  </a:lnTo>
                  <a:lnTo>
                    <a:pt x="449" y="903"/>
                  </a:lnTo>
                  <a:lnTo>
                    <a:pt x="446" y="902"/>
                  </a:lnTo>
                  <a:lnTo>
                    <a:pt x="446" y="907"/>
                  </a:lnTo>
                  <a:lnTo>
                    <a:pt x="445" y="912"/>
                  </a:lnTo>
                  <a:lnTo>
                    <a:pt x="444" y="915"/>
                  </a:lnTo>
                  <a:lnTo>
                    <a:pt x="443" y="917"/>
                  </a:lnTo>
                  <a:lnTo>
                    <a:pt x="441" y="918"/>
                  </a:lnTo>
                  <a:lnTo>
                    <a:pt x="439" y="918"/>
                  </a:lnTo>
                  <a:lnTo>
                    <a:pt x="439" y="909"/>
                  </a:lnTo>
                  <a:lnTo>
                    <a:pt x="439" y="899"/>
                  </a:lnTo>
                  <a:lnTo>
                    <a:pt x="438" y="888"/>
                  </a:lnTo>
                  <a:lnTo>
                    <a:pt x="437" y="877"/>
                  </a:lnTo>
                  <a:lnTo>
                    <a:pt x="432" y="854"/>
                  </a:lnTo>
                  <a:lnTo>
                    <a:pt x="429" y="830"/>
                  </a:lnTo>
                  <a:lnTo>
                    <a:pt x="428" y="819"/>
                  </a:lnTo>
                  <a:lnTo>
                    <a:pt x="427" y="807"/>
                  </a:lnTo>
                  <a:lnTo>
                    <a:pt x="428" y="797"/>
                  </a:lnTo>
                  <a:lnTo>
                    <a:pt x="429" y="787"/>
                  </a:lnTo>
                  <a:lnTo>
                    <a:pt x="431" y="778"/>
                  </a:lnTo>
                  <a:lnTo>
                    <a:pt x="435" y="769"/>
                  </a:lnTo>
                  <a:lnTo>
                    <a:pt x="440" y="762"/>
                  </a:lnTo>
                  <a:lnTo>
                    <a:pt x="446" y="756"/>
                  </a:lnTo>
                  <a:lnTo>
                    <a:pt x="446" y="746"/>
                  </a:lnTo>
                  <a:lnTo>
                    <a:pt x="448" y="737"/>
                  </a:lnTo>
                  <a:lnTo>
                    <a:pt x="450" y="729"/>
                  </a:lnTo>
                  <a:lnTo>
                    <a:pt x="455" y="723"/>
                  </a:lnTo>
                  <a:lnTo>
                    <a:pt x="451" y="719"/>
                  </a:lnTo>
                  <a:lnTo>
                    <a:pt x="450" y="715"/>
                  </a:lnTo>
                  <a:lnTo>
                    <a:pt x="450" y="710"/>
                  </a:lnTo>
                  <a:lnTo>
                    <a:pt x="450" y="705"/>
                  </a:lnTo>
                  <a:lnTo>
                    <a:pt x="452" y="701"/>
                  </a:lnTo>
                  <a:lnTo>
                    <a:pt x="455" y="697"/>
                  </a:lnTo>
                  <a:lnTo>
                    <a:pt x="458" y="691"/>
                  </a:lnTo>
                  <a:lnTo>
                    <a:pt x="461" y="687"/>
                  </a:lnTo>
                  <a:lnTo>
                    <a:pt x="469" y="679"/>
                  </a:lnTo>
                  <a:lnTo>
                    <a:pt x="479" y="670"/>
                  </a:lnTo>
                  <a:lnTo>
                    <a:pt x="487" y="664"/>
                  </a:lnTo>
                  <a:lnTo>
                    <a:pt x="496" y="658"/>
                  </a:lnTo>
                  <a:lnTo>
                    <a:pt x="501" y="653"/>
                  </a:lnTo>
                  <a:lnTo>
                    <a:pt x="506" y="647"/>
                  </a:lnTo>
                  <a:lnTo>
                    <a:pt x="510" y="639"/>
                  </a:lnTo>
                  <a:lnTo>
                    <a:pt x="515" y="630"/>
                  </a:lnTo>
                  <a:lnTo>
                    <a:pt x="522" y="611"/>
                  </a:lnTo>
                  <a:lnTo>
                    <a:pt x="528" y="591"/>
                  </a:lnTo>
                  <a:lnTo>
                    <a:pt x="535" y="573"/>
                  </a:lnTo>
                  <a:lnTo>
                    <a:pt x="542" y="558"/>
                  </a:lnTo>
                  <a:lnTo>
                    <a:pt x="546" y="551"/>
                  </a:lnTo>
                  <a:lnTo>
                    <a:pt x="550" y="547"/>
                  </a:lnTo>
                  <a:lnTo>
                    <a:pt x="555" y="545"/>
                  </a:lnTo>
                  <a:lnTo>
                    <a:pt x="560" y="544"/>
                  </a:lnTo>
                  <a:lnTo>
                    <a:pt x="565" y="532"/>
                  </a:lnTo>
                  <a:lnTo>
                    <a:pt x="571" y="521"/>
                  </a:lnTo>
                  <a:lnTo>
                    <a:pt x="579" y="510"/>
                  </a:lnTo>
                  <a:lnTo>
                    <a:pt x="586" y="501"/>
                  </a:lnTo>
                  <a:lnTo>
                    <a:pt x="601" y="482"/>
                  </a:lnTo>
                  <a:lnTo>
                    <a:pt x="617" y="463"/>
                  </a:lnTo>
                  <a:lnTo>
                    <a:pt x="614" y="464"/>
                  </a:lnTo>
                  <a:lnTo>
                    <a:pt x="611" y="465"/>
                  </a:lnTo>
                  <a:lnTo>
                    <a:pt x="608" y="467"/>
                  </a:lnTo>
                  <a:lnTo>
                    <a:pt x="605" y="469"/>
                  </a:lnTo>
                  <a:lnTo>
                    <a:pt x="600" y="477"/>
                  </a:lnTo>
                  <a:lnTo>
                    <a:pt x="595" y="483"/>
                  </a:lnTo>
                  <a:lnTo>
                    <a:pt x="589" y="488"/>
                  </a:lnTo>
                  <a:lnTo>
                    <a:pt x="585" y="492"/>
                  </a:lnTo>
                  <a:lnTo>
                    <a:pt x="583" y="492"/>
                  </a:lnTo>
                  <a:lnTo>
                    <a:pt x="581" y="492"/>
                  </a:lnTo>
                  <a:lnTo>
                    <a:pt x="579" y="490"/>
                  </a:lnTo>
                  <a:lnTo>
                    <a:pt x="577" y="487"/>
                  </a:lnTo>
                  <a:lnTo>
                    <a:pt x="606" y="466"/>
                  </a:lnTo>
                  <a:lnTo>
                    <a:pt x="640" y="443"/>
                  </a:lnTo>
                  <a:lnTo>
                    <a:pt x="655" y="431"/>
                  </a:lnTo>
                  <a:lnTo>
                    <a:pt x="668" y="420"/>
                  </a:lnTo>
                  <a:lnTo>
                    <a:pt x="674" y="414"/>
                  </a:lnTo>
                  <a:lnTo>
                    <a:pt x="678" y="408"/>
                  </a:lnTo>
                  <a:lnTo>
                    <a:pt x="681" y="403"/>
                  </a:lnTo>
                  <a:lnTo>
                    <a:pt x="682" y="398"/>
                  </a:lnTo>
                  <a:lnTo>
                    <a:pt x="684" y="392"/>
                  </a:lnTo>
                  <a:lnTo>
                    <a:pt x="687" y="388"/>
                  </a:lnTo>
                  <a:lnTo>
                    <a:pt x="690" y="383"/>
                  </a:lnTo>
                  <a:lnTo>
                    <a:pt x="694" y="380"/>
                  </a:lnTo>
                  <a:lnTo>
                    <a:pt x="703" y="372"/>
                  </a:lnTo>
                  <a:lnTo>
                    <a:pt x="711" y="367"/>
                  </a:lnTo>
                  <a:lnTo>
                    <a:pt x="721" y="361"/>
                  </a:lnTo>
                  <a:lnTo>
                    <a:pt x="729" y="353"/>
                  </a:lnTo>
                  <a:lnTo>
                    <a:pt x="733" y="349"/>
                  </a:lnTo>
                  <a:lnTo>
                    <a:pt x="736" y="345"/>
                  </a:lnTo>
                  <a:lnTo>
                    <a:pt x="738" y="340"/>
                  </a:lnTo>
                  <a:lnTo>
                    <a:pt x="739" y="333"/>
                  </a:lnTo>
                  <a:lnTo>
                    <a:pt x="737" y="327"/>
                  </a:lnTo>
                  <a:lnTo>
                    <a:pt x="734" y="321"/>
                  </a:lnTo>
                  <a:lnTo>
                    <a:pt x="729" y="314"/>
                  </a:lnTo>
                  <a:lnTo>
                    <a:pt x="724" y="309"/>
                  </a:lnTo>
                  <a:lnTo>
                    <a:pt x="714" y="298"/>
                  </a:lnTo>
                  <a:lnTo>
                    <a:pt x="703" y="286"/>
                  </a:lnTo>
                  <a:lnTo>
                    <a:pt x="692" y="275"/>
                  </a:lnTo>
                  <a:lnTo>
                    <a:pt x="685" y="265"/>
                  </a:lnTo>
                  <a:lnTo>
                    <a:pt x="682" y="260"/>
                  </a:lnTo>
                  <a:lnTo>
                    <a:pt x="681" y="254"/>
                  </a:lnTo>
                  <a:lnTo>
                    <a:pt x="681" y="249"/>
                  </a:lnTo>
                  <a:lnTo>
                    <a:pt x="682" y="244"/>
                  </a:lnTo>
                  <a:lnTo>
                    <a:pt x="675" y="229"/>
                  </a:lnTo>
                  <a:lnTo>
                    <a:pt x="666" y="215"/>
                  </a:lnTo>
                  <a:lnTo>
                    <a:pt x="661" y="209"/>
                  </a:lnTo>
                  <a:lnTo>
                    <a:pt x="656" y="203"/>
                  </a:lnTo>
                  <a:lnTo>
                    <a:pt x="650" y="198"/>
                  </a:lnTo>
                  <a:lnTo>
                    <a:pt x="644" y="192"/>
                  </a:lnTo>
                  <a:lnTo>
                    <a:pt x="638" y="188"/>
                  </a:lnTo>
                  <a:lnTo>
                    <a:pt x="630" y="184"/>
                  </a:lnTo>
                  <a:lnTo>
                    <a:pt x="623" y="180"/>
                  </a:lnTo>
                  <a:lnTo>
                    <a:pt x="615" y="176"/>
                  </a:lnTo>
                  <a:lnTo>
                    <a:pt x="606" y="174"/>
                  </a:lnTo>
                  <a:lnTo>
                    <a:pt x="597" y="172"/>
                  </a:lnTo>
                  <a:lnTo>
                    <a:pt x="587" y="171"/>
                  </a:lnTo>
                  <a:lnTo>
                    <a:pt x="577" y="170"/>
                  </a:lnTo>
                  <a:lnTo>
                    <a:pt x="570" y="175"/>
                  </a:lnTo>
                  <a:lnTo>
                    <a:pt x="563" y="180"/>
                  </a:lnTo>
                  <a:lnTo>
                    <a:pt x="557" y="183"/>
                  </a:lnTo>
                  <a:lnTo>
                    <a:pt x="548" y="185"/>
                  </a:lnTo>
                  <a:lnTo>
                    <a:pt x="540" y="186"/>
                  </a:lnTo>
                  <a:lnTo>
                    <a:pt x="532" y="187"/>
                  </a:lnTo>
                  <a:lnTo>
                    <a:pt x="523" y="187"/>
                  </a:lnTo>
                  <a:lnTo>
                    <a:pt x="515" y="186"/>
                  </a:lnTo>
                  <a:lnTo>
                    <a:pt x="506" y="185"/>
                  </a:lnTo>
                  <a:lnTo>
                    <a:pt x="498" y="183"/>
                  </a:lnTo>
                  <a:lnTo>
                    <a:pt x="489" y="181"/>
                  </a:lnTo>
                  <a:lnTo>
                    <a:pt x="482" y="178"/>
                  </a:lnTo>
                  <a:lnTo>
                    <a:pt x="475" y="174"/>
                  </a:lnTo>
                  <a:lnTo>
                    <a:pt x="467" y="170"/>
                  </a:lnTo>
                  <a:lnTo>
                    <a:pt x="461" y="167"/>
                  </a:lnTo>
                  <a:lnTo>
                    <a:pt x="455" y="163"/>
                  </a:lnTo>
                  <a:lnTo>
                    <a:pt x="455" y="154"/>
                  </a:lnTo>
                  <a:lnTo>
                    <a:pt x="455" y="146"/>
                  </a:lnTo>
                  <a:lnTo>
                    <a:pt x="449" y="142"/>
                  </a:lnTo>
                  <a:lnTo>
                    <a:pt x="445" y="136"/>
                  </a:lnTo>
                  <a:lnTo>
                    <a:pt x="442" y="130"/>
                  </a:lnTo>
                  <a:lnTo>
                    <a:pt x="440" y="123"/>
                  </a:lnTo>
                  <a:lnTo>
                    <a:pt x="436" y="108"/>
                  </a:lnTo>
                  <a:lnTo>
                    <a:pt x="431" y="92"/>
                  </a:lnTo>
                  <a:lnTo>
                    <a:pt x="429" y="85"/>
                  </a:lnTo>
                  <a:lnTo>
                    <a:pt x="426" y="77"/>
                  </a:lnTo>
                  <a:lnTo>
                    <a:pt x="423" y="72"/>
                  </a:lnTo>
                  <a:lnTo>
                    <a:pt x="419" y="66"/>
                  </a:lnTo>
                  <a:lnTo>
                    <a:pt x="413" y="62"/>
                  </a:lnTo>
                  <a:lnTo>
                    <a:pt x="407" y="59"/>
                  </a:lnTo>
                  <a:lnTo>
                    <a:pt x="399" y="56"/>
                  </a:lnTo>
                  <a:lnTo>
                    <a:pt x="389" y="56"/>
                  </a:lnTo>
                  <a:lnTo>
                    <a:pt x="387" y="62"/>
                  </a:lnTo>
                  <a:lnTo>
                    <a:pt x="384" y="65"/>
                  </a:lnTo>
                  <a:lnTo>
                    <a:pt x="381" y="67"/>
                  </a:lnTo>
                  <a:lnTo>
                    <a:pt x="378" y="69"/>
                  </a:lnTo>
                  <a:lnTo>
                    <a:pt x="370" y="71"/>
                  </a:lnTo>
                  <a:lnTo>
                    <a:pt x="362" y="70"/>
                  </a:lnTo>
                  <a:lnTo>
                    <a:pt x="353" y="70"/>
                  </a:lnTo>
                  <a:lnTo>
                    <a:pt x="345" y="69"/>
                  </a:lnTo>
                  <a:lnTo>
                    <a:pt x="342" y="69"/>
                  </a:lnTo>
                  <a:lnTo>
                    <a:pt x="339" y="70"/>
                  </a:lnTo>
                  <a:lnTo>
                    <a:pt x="336" y="71"/>
                  </a:lnTo>
                  <a:lnTo>
                    <a:pt x="332" y="73"/>
                  </a:lnTo>
                  <a:lnTo>
                    <a:pt x="333" y="91"/>
                  </a:lnTo>
                  <a:lnTo>
                    <a:pt x="331" y="108"/>
                  </a:lnTo>
                  <a:lnTo>
                    <a:pt x="330" y="112"/>
                  </a:lnTo>
                  <a:lnTo>
                    <a:pt x="329" y="115"/>
                  </a:lnTo>
                  <a:lnTo>
                    <a:pt x="327" y="117"/>
                  </a:lnTo>
                  <a:lnTo>
                    <a:pt x="324" y="120"/>
                  </a:lnTo>
                  <a:lnTo>
                    <a:pt x="322" y="121"/>
                  </a:lnTo>
                  <a:lnTo>
                    <a:pt x="318" y="122"/>
                  </a:lnTo>
                  <a:lnTo>
                    <a:pt x="313" y="122"/>
                  </a:lnTo>
                  <a:lnTo>
                    <a:pt x="308" y="122"/>
                  </a:lnTo>
                  <a:lnTo>
                    <a:pt x="298" y="103"/>
                  </a:lnTo>
                  <a:lnTo>
                    <a:pt x="287" y="84"/>
                  </a:lnTo>
                  <a:lnTo>
                    <a:pt x="276" y="66"/>
                  </a:lnTo>
                  <a:lnTo>
                    <a:pt x="264" y="49"/>
                  </a:lnTo>
                  <a:lnTo>
                    <a:pt x="257" y="41"/>
                  </a:lnTo>
                  <a:lnTo>
                    <a:pt x="249" y="33"/>
                  </a:lnTo>
                  <a:lnTo>
                    <a:pt x="242" y="26"/>
                  </a:lnTo>
                  <a:lnTo>
                    <a:pt x="233" y="20"/>
                  </a:lnTo>
                  <a:lnTo>
                    <a:pt x="225" y="13"/>
                  </a:lnTo>
                  <a:lnTo>
                    <a:pt x="215" y="8"/>
                  </a:lnTo>
                  <a:lnTo>
                    <a:pt x="206" y="4"/>
                  </a:lnTo>
                  <a:lnTo>
                    <a:pt x="194" y="0"/>
                  </a:lnTo>
                  <a:lnTo>
                    <a:pt x="191" y="2"/>
                  </a:lnTo>
                  <a:lnTo>
                    <a:pt x="189" y="4"/>
                  </a:lnTo>
                  <a:lnTo>
                    <a:pt x="188" y="6"/>
                  </a:lnTo>
                  <a:lnTo>
                    <a:pt x="188" y="9"/>
                  </a:lnTo>
                  <a:lnTo>
                    <a:pt x="190" y="14"/>
                  </a:lnTo>
                  <a:lnTo>
                    <a:pt x="192" y="20"/>
                  </a:lnTo>
                  <a:lnTo>
                    <a:pt x="194" y="26"/>
                  </a:lnTo>
                  <a:lnTo>
                    <a:pt x="195" y="31"/>
                  </a:lnTo>
                  <a:lnTo>
                    <a:pt x="194" y="34"/>
                  </a:lnTo>
                  <a:lnTo>
                    <a:pt x="193" y="36"/>
                  </a:lnTo>
                  <a:lnTo>
                    <a:pt x="190" y="39"/>
                  </a:lnTo>
                  <a:lnTo>
                    <a:pt x="186" y="41"/>
                  </a:lnTo>
                  <a:lnTo>
                    <a:pt x="183" y="42"/>
                  </a:lnTo>
                  <a:lnTo>
                    <a:pt x="181" y="45"/>
                  </a:lnTo>
                  <a:lnTo>
                    <a:pt x="180" y="49"/>
                  </a:lnTo>
                  <a:lnTo>
                    <a:pt x="179" y="53"/>
                  </a:lnTo>
                  <a:lnTo>
                    <a:pt x="179" y="57"/>
                  </a:lnTo>
                  <a:lnTo>
                    <a:pt x="177" y="62"/>
                  </a:lnTo>
                  <a:lnTo>
                    <a:pt x="175" y="63"/>
                  </a:lnTo>
                  <a:lnTo>
                    <a:pt x="174" y="64"/>
                  </a:lnTo>
                  <a:lnTo>
                    <a:pt x="172" y="65"/>
                  </a:lnTo>
                  <a:lnTo>
                    <a:pt x="170" y="65"/>
                  </a:lnTo>
                  <a:lnTo>
                    <a:pt x="167" y="66"/>
                  </a:lnTo>
                  <a:lnTo>
                    <a:pt x="165" y="67"/>
                  </a:lnTo>
                  <a:lnTo>
                    <a:pt x="162" y="67"/>
                  </a:lnTo>
                  <a:lnTo>
                    <a:pt x="160" y="66"/>
                  </a:lnTo>
                  <a:lnTo>
                    <a:pt x="153" y="64"/>
                  </a:lnTo>
                  <a:lnTo>
                    <a:pt x="148" y="60"/>
                  </a:lnTo>
                  <a:lnTo>
                    <a:pt x="138" y="48"/>
                  </a:lnTo>
                  <a:lnTo>
                    <a:pt x="126" y="35"/>
                  </a:lnTo>
                  <a:lnTo>
                    <a:pt x="120" y="29"/>
                  </a:lnTo>
                  <a:lnTo>
                    <a:pt x="113" y="24"/>
                  </a:lnTo>
                  <a:lnTo>
                    <a:pt x="107" y="19"/>
                  </a:lnTo>
                  <a:lnTo>
                    <a:pt x="100" y="15"/>
                  </a:lnTo>
                  <a:lnTo>
                    <a:pt x="95" y="14"/>
                  </a:lnTo>
                  <a:lnTo>
                    <a:pt x="91" y="14"/>
                  </a:lnTo>
                  <a:lnTo>
                    <a:pt x="87" y="14"/>
                  </a:lnTo>
                  <a:lnTo>
                    <a:pt x="83" y="15"/>
                  </a:lnTo>
                  <a:lnTo>
                    <a:pt x="79" y="16"/>
                  </a:lnTo>
                  <a:lnTo>
                    <a:pt x="74" y="19"/>
                  </a:lnTo>
                  <a:lnTo>
                    <a:pt x="69" y="21"/>
                  </a:lnTo>
                  <a:lnTo>
                    <a:pt x="65" y="24"/>
                  </a:lnTo>
                  <a:lnTo>
                    <a:pt x="58" y="34"/>
                  </a:lnTo>
                  <a:lnTo>
                    <a:pt x="51" y="44"/>
                  </a:lnTo>
                  <a:lnTo>
                    <a:pt x="49" y="49"/>
                  </a:lnTo>
                  <a:lnTo>
                    <a:pt x="47" y="55"/>
                  </a:lnTo>
                  <a:lnTo>
                    <a:pt x="47" y="64"/>
                  </a:lnTo>
                  <a:lnTo>
                    <a:pt x="48" y="73"/>
                  </a:lnTo>
                  <a:lnTo>
                    <a:pt x="39" y="73"/>
                  </a:lnTo>
                  <a:lnTo>
                    <a:pt x="29" y="74"/>
                  </a:lnTo>
                  <a:lnTo>
                    <a:pt x="22" y="77"/>
                  </a:lnTo>
                  <a:lnTo>
                    <a:pt x="15" y="81"/>
                  </a:lnTo>
                  <a:lnTo>
                    <a:pt x="10" y="84"/>
                  </a:lnTo>
                  <a:lnTo>
                    <a:pt x="6" y="87"/>
                  </a:lnTo>
                  <a:lnTo>
                    <a:pt x="4" y="89"/>
                  </a:lnTo>
                  <a:lnTo>
                    <a:pt x="2" y="91"/>
                  </a:lnTo>
                  <a:lnTo>
                    <a:pt x="1" y="94"/>
                  </a:lnTo>
                  <a:lnTo>
                    <a:pt x="0" y="97"/>
                  </a:lnTo>
                  <a:lnTo>
                    <a:pt x="7" y="93"/>
                  </a:lnTo>
                  <a:lnTo>
                    <a:pt x="11" y="92"/>
                  </a:lnTo>
                  <a:lnTo>
                    <a:pt x="12" y="91"/>
                  </a:lnTo>
                  <a:lnTo>
                    <a:pt x="13" y="92"/>
                  </a:lnTo>
                  <a:lnTo>
                    <a:pt x="12" y="92"/>
                  </a:lnTo>
                  <a:lnTo>
                    <a:pt x="10" y="100"/>
                  </a:lnTo>
                  <a:lnTo>
                    <a:pt x="8" y="113"/>
                  </a:lnTo>
                  <a:lnTo>
                    <a:pt x="22" y="113"/>
                  </a:lnTo>
                  <a:lnTo>
                    <a:pt x="36" y="113"/>
                  </a:lnTo>
                  <a:lnTo>
                    <a:pt x="50" y="113"/>
                  </a:lnTo>
                  <a:lnTo>
                    <a:pt x="65" y="113"/>
                  </a:lnTo>
                  <a:lnTo>
                    <a:pt x="65" y="117"/>
                  </a:lnTo>
                  <a:lnTo>
                    <a:pt x="65" y="122"/>
                  </a:lnTo>
                  <a:lnTo>
                    <a:pt x="67" y="129"/>
                  </a:lnTo>
                  <a:lnTo>
                    <a:pt x="69" y="136"/>
                  </a:lnTo>
                  <a:lnTo>
                    <a:pt x="69" y="144"/>
                  </a:lnTo>
                  <a:lnTo>
                    <a:pt x="68" y="151"/>
                  </a:lnTo>
                  <a:lnTo>
                    <a:pt x="65" y="167"/>
                  </a:lnTo>
                  <a:lnTo>
                    <a:pt x="61" y="183"/>
                  </a:lnTo>
                  <a:lnTo>
                    <a:pt x="59" y="191"/>
                  </a:lnTo>
                  <a:lnTo>
                    <a:pt x="58" y="199"/>
                  </a:lnTo>
                  <a:lnTo>
                    <a:pt x="56" y="207"/>
                  </a:lnTo>
                  <a:lnTo>
                    <a:pt x="58" y="214"/>
                  </a:lnTo>
                  <a:lnTo>
                    <a:pt x="59" y="222"/>
                  </a:lnTo>
                  <a:lnTo>
                    <a:pt x="62" y="229"/>
                  </a:lnTo>
                  <a:lnTo>
                    <a:pt x="66" y="236"/>
                  </a:lnTo>
                  <a:lnTo>
                    <a:pt x="72" y="244"/>
                  </a:lnTo>
                  <a:lnTo>
                    <a:pt x="75" y="243"/>
                  </a:lnTo>
                  <a:lnTo>
                    <a:pt x="79" y="244"/>
                  </a:lnTo>
                  <a:lnTo>
                    <a:pt x="81" y="245"/>
                  </a:lnTo>
                  <a:lnTo>
                    <a:pt x="83" y="246"/>
                  </a:lnTo>
                  <a:lnTo>
                    <a:pt x="86" y="250"/>
                  </a:lnTo>
                  <a:lnTo>
                    <a:pt x="88" y="258"/>
                  </a:lnTo>
                  <a:lnTo>
                    <a:pt x="89" y="266"/>
                  </a:lnTo>
                  <a:lnTo>
                    <a:pt x="90" y="276"/>
                  </a:lnTo>
                  <a:lnTo>
                    <a:pt x="89" y="288"/>
                  </a:lnTo>
                  <a:lnTo>
                    <a:pt x="89" y="301"/>
                  </a:lnTo>
                  <a:lnTo>
                    <a:pt x="101" y="303"/>
                  </a:lnTo>
                  <a:lnTo>
                    <a:pt x="112" y="306"/>
                  </a:lnTo>
                  <a:lnTo>
                    <a:pt x="118" y="307"/>
                  </a:lnTo>
                  <a:lnTo>
                    <a:pt x="122" y="310"/>
                  </a:lnTo>
                  <a:lnTo>
                    <a:pt x="126" y="312"/>
                  </a:lnTo>
                  <a:lnTo>
                    <a:pt x="129" y="317"/>
                  </a:lnTo>
                  <a:lnTo>
                    <a:pt x="131" y="323"/>
                  </a:lnTo>
                  <a:lnTo>
                    <a:pt x="134" y="328"/>
                  </a:lnTo>
                  <a:lnTo>
                    <a:pt x="140" y="331"/>
                  </a:lnTo>
                  <a:lnTo>
                    <a:pt x="144" y="334"/>
                  </a:lnTo>
                  <a:lnTo>
                    <a:pt x="148" y="339"/>
                  </a:lnTo>
                  <a:lnTo>
                    <a:pt x="152" y="343"/>
                  </a:lnTo>
                  <a:lnTo>
                    <a:pt x="153" y="346"/>
                  </a:lnTo>
                  <a:lnTo>
                    <a:pt x="154" y="349"/>
                  </a:lnTo>
                  <a:lnTo>
                    <a:pt x="154" y="353"/>
                  </a:lnTo>
                  <a:lnTo>
                    <a:pt x="154" y="358"/>
                  </a:lnTo>
                  <a:lnTo>
                    <a:pt x="152" y="363"/>
                  </a:lnTo>
                  <a:lnTo>
                    <a:pt x="149" y="374"/>
                  </a:lnTo>
                  <a:lnTo>
                    <a:pt x="146" y="386"/>
                  </a:lnTo>
                  <a:lnTo>
                    <a:pt x="143" y="392"/>
                  </a:lnTo>
                  <a:lnTo>
                    <a:pt x="144" y="394"/>
                  </a:lnTo>
                  <a:lnTo>
                    <a:pt x="143" y="399"/>
                  </a:lnTo>
                  <a:lnTo>
                    <a:pt x="141" y="403"/>
                  </a:lnTo>
                  <a:lnTo>
                    <a:pt x="139" y="407"/>
                  </a:lnTo>
                  <a:lnTo>
                    <a:pt x="137" y="412"/>
                  </a:lnTo>
                  <a:lnTo>
                    <a:pt x="135" y="419"/>
                  </a:lnTo>
                  <a:lnTo>
                    <a:pt x="135" y="424"/>
                  </a:lnTo>
                  <a:lnTo>
                    <a:pt x="138" y="430"/>
                  </a:lnTo>
                  <a:lnTo>
                    <a:pt x="140" y="428"/>
                  </a:lnTo>
                  <a:lnTo>
                    <a:pt x="143" y="427"/>
                  </a:lnTo>
                  <a:lnTo>
                    <a:pt x="146" y="427"/>
                  </a:lnTo>
                  <a:lnTo>
                    <a:pt x="149" y="428"/>
                  </a:lnTo>
                  <a:lnTo>
                    <a:pt x="157" y="431"/>
                  </a:lnTo>
                  <a:lnTo>
                    <a:pt x="163" y="438"/>
                  </a:lnTo>
                  <a:lnTo>
                    <a:pt x="169" y="444"/>
                  </a:lnTo>
                  <a:lnTo>
                    <a:pt x="172" y="451"/>
                  </a:lnTo>
                  <a:lnTo>
                    <a:pt x="173" y="454"/>
                  </a:lnTo>
                  <a:lnTo>
                    <a:pt x="173" y="458"/>
                  </a:lnTo>
                  <a:lnTo>
                    <a:pt x="172" y="461"/>
                  </a:lnTo>
                  <a:lnTo>
                    <a:pt x="170" y="463"/>
                  </a:lnTo>
                  <a:lnTo>
                    <a:pt x="183" y="461"/>
                  </a:lnTo>
                  <a:lnTo>
                    <a:pt x="192" y="457"/>
                  </a:lnTo>
                  <a:lnTo>
                    <a:pt x="197" y="457"/>
                  </a:lnTo>
                  <a:lnTo>
                    <a:pt x="201" y="457"/>
                  </a:lnTo>
                  <a:lnTo>
                    <a:pt x="205" y="459"/>
                  </a:lnTo>
                  <a:lnTo>
                    <a:pt x="211" y="463"/>
                  </a:lnTo>
                  <a:lnTo>
                    <a:pt x="211" y="466"/>
                  </a:lnTo>
                  <a:lnTo>
                    <a:pt x="211" y="468"/>
                  </a:lnTo>
                  <a:lnTo>
                    <a:pt x="211" y="471"/>
                  </a:lnTo>
                  <a:lnTo>
                    <a:pt x="224" y="487"/>
                  </a:lnTo>
                  <a:lnTo>
                    <a:pt x="234" y="498"/>
                  </a:lnTo>
                  <a:lnTo>
                    <a:pt x="246" y="509"/>
                  </a:lnTo>
                  <a:lnTo>
                    <a:pt x="260" y="528"/>
                  </a:lnTo>
                  <a:lnTo>
                    <a:pt x="263" y="529"/>
                  </a:lnTo>
                  <a:lnTo>
                    <a:pt x="271" y="536"/>
                  </a:lnTo>
                  <a:lnTo>
                    <a:pt x="277" y="541"/>
                  </a:lnTo>
                  <a:lnTo>
                    <a:pt x="282" y="548"/>
                  </a:lnTo>
                  <a:lnTo>
                    <a:pt x="287" y="558"/>
                  </a:lnTo>
                  <a:lnTo>
                    <a:pt x="292" y="569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</p:grpSp>
      <p:grpSp>
        <p:nvGrpSpPr>
          <p:cNvPr id="186" name="Hovedstaden"/>
          <p:cNvGrpSpPr>
            <a:grpSpLocks/>
          </p:cNvGrpSpPr>
          <p:nvPr/>
        </p:nvGrpSpPr>
        <p:grpSpPr>
          <a:xfrm>
            <a:off x="3632201" y="3103748"/>
            <a:ext cx="655638" cy="1938337"/>
            <a:chOff x="3435350" y="3157538"/>
            <a:chExt cx="655638" cy="1938337"/>
          </a:xfrm>
          <a:solidFill>
            <a:schemeClr val="bg1"/>
          </a:solidFill>
        </p:grpSpPr>
        <p:sp>
          <p:nvSpPr>
            <p:cNvPr id="187" name="Bornholm"/>
            <p:cNvSpPr>
              <a:spLocks/>
            </p:cNvSpPr>
            <p:nvPr/>
          </p:nvSpPr>
          <p:spPr bwMode="auto">
            <a:xfrm>
              <a:off x="3500438" y="3157538"/>
              <a:ext cx="446087" cy="504825"/>
            </a:xfrm>
            <a:custGeom>
              <a:avLst/>
              <a:gdLst>
                <a:gd name="T0" fmla="*/ 253 w 845"/>
                <a:gd name="T1" fmla="*/ 153 h 952"/>
                <a:gd name="T2" fmla="*/ 231 w 845"/>
                <a:gd name="T3" fmla="*/ 142 h 952"/>
                <a:gd name="T4" fmla="*/ 210 w 845"/>
                <a:gd name="T5" fmla="*/ 130 h 952"/>
                <a:gd name="T6" fmla="*/ 191 w 845"/>
                <a:gd name="T7" fmla="*/ 115 h 952"/>
                <a:gd name="T8" fmla="*/ 175 w 845"/>
                <a:gd name="T9" fmla="*/ 98 h 952"/>
                <a:gd name="T10" fmla="*/ 164 w 845"/>
                <a:gd name="T11" fmla="*/ 84 h 952"/>
                <a:gd name="T12" fmla="*/ 162 w 845"/>
                <a:gd name="T13" fmla="*/ 83 h 952"/>
                <a:gd name="T14" fmla="*/ 156 w 845"/>
                <a:gd name="T15" fmla="*/ 86 h 952"/>
                <a:gd name="T16" fmla="*/ 151 w 845"/>
                <a:gd name="T17" fmla="*/ 89 h 952"/>
                <a:gd name="T18" fmla="*/ 139 w 845"/>
                <a:gd name="T19" fmla="*/ 83 h 952"/>
                <a:gd name="T20" fmla="*/ 111 w 845"/>
                <a:gd name="T21" fmla="*/ 65 h 952"/>
                <a:gd name="T22" fmla="*/ 84 w 845"/>
                <a:gd name="T23" fmla="*/ 47 h 952"/>
                <a:gd name="T24" fmla="*/ 74 w 845"/>
                <a:gd name="T25" fmla="*/ 34 h 952"/>
                <a:gd name="T26" fmla="*/ 68 w 845"/>
                <a:gd name="T27" fmla="*/ 24 h 952"/>
                <a:gd name="T28" fmla="*/ 56 w 845"/>
                <a:gd name="T29" fmla="*/ 10 h 952"/>
                <a:gd name="T30" fmla="*/ 51 w 845"/>
                <a:gd name="T31" fmla="*/ 3 h 952"/>
                <a:gd name="T32" fmla="*/ 47 w 845"/>
                <a:gd name="T33" fmla="*/ 0 h 952"/>
                <a:gd name="T34" fmla="*/ 43 w 845"/>
                <a:gd name="T35" fmla="*/ 3 h 952"/>
                <a:gd name="T36" fmla="*/ 39 w 845"/>
                <a:gd name="T37" fmla="*/ 7 h 952"/>
                <a:gd name="T38" fmla="*/ 36 w 845"/>
                <a:gd name="T39" fmla="*/ 16 h 952"/>
                <a:gd name="T40" fmla="*/ 35 w 845"/>
                <a:gd name="T41" fmla="*/ 31 h 952"/>
                <a:gd name="T42" fmla="*/ 30 w 845"/>
                <a:gd name="T43" fmla="*/ 45 h 952"/>
                <a:gd name="T44" fmla="*/ 18 w 845"/>
                <a:gd name="T45" fmla="*/ 67 h 952"/>
                <a:gd name="T46" fmla="*/ 11 w 845"/>
                <a:gd name="T47" fmla="*/ 81 h 952"/>
                <a:gd name="T48" fmla="*/ 11 w 845"/>
                <a:gd name="T49" fmla="*/ 121 h 952"/>
                <a:gd name="T50" fmla="*/ 11 w 845"/>
                <a:gd name="T51" fmla="*/ 166 h 952"/>
                <a:gd name="T52" fmla="*/ 9 w 845"/>
                <a:gd name="T53" fmla="*/ 189 h 952"/>
                <a:gd name="T54" fmla="*/ 4 w 845"/>
                <a:gd name="T55" fmla="*/ 206 h 952"/>
                <a:gd name="T56" fmla="*/ 0 w 845"/>
                <a:gd name="T57" fmla="*/ 213 h 952"/>
                <a:gd name="T58" fmla="*/ 5 w 845"/>
                <a:gd name="T59" fmla="*/ 216 h 952"/>
                <a:gd name="T60" fmla="*/ 11 w 845"/>
                <a:gd name="T61" fmla="*/ 223 h 952"/>
                <a:gd name="T62" fmla="*/ 15 w 845"/>
                <a:gd name="T63" fmla="*/ 226 h 952"/>
                <a:gd name="T64" fmla="*/ 21 w 845"/>
                <a:gd name="T65" fmla="*/ 228 h 952"/>
                <a:gd name="T66" fmla="*/ 26 w 845"/>
                <a:gd name="T67" fmla="*/ 230 h 952"/>
                <a:gd name="T68" fmla="*/ 30 w 845"/>
                <a:gd name="T69" fmla="*/ 237 h 952"/>
                <a:gd name="T70" fmla="*/ 35 w 845"/>
                <a:gd name="T71" fmla="*/ 242 h 952"/>
                <a:gd name="T72" fmla="*/ 45 w 845"/>
                <a:gd name="T73" fmla="*/ 248 h 952"/>
                <a:gd name="T74" fmla="*/ 61 w 845"/>
                <a:gd name="T75" fmla="*/ 256 h 952"/>
                <a:gd name="T76" fmla="*/ 85 w 845"/>
                <a:gd name="T77" fmla="*/ 262 h 952"/>
                <a:gd name="T78" fmla="*/ 107 w 845"/>
                <a:gd name="T79" fmla="*/ 271 h 952"/>
                <a:gd name="T80" fmla="*/ 141 w 845"/>
                <a:gd name="T81" fmla="*/ 289 h 952"/>
                <a:gd name="T82" fmla="*/ 177 w 845"/>
                <a:gd name="T83" fmla="*/ 305 h 952"/>
                <a:gd name="T84" fmla="*/ 202 w 845"/>
                <a:gd name="T85" fmla="*/ 310 h 952"/>
                <a:gd name="T86" fmla="*/ 226 w 845"/>
                <a:gd name="T87" fmla="*/ 316 h 952"/>
                <a:gd name="T88" fmla="*/ 238 w 845"/>
                <a:gd name="T89" fmla="*/ 315 h 952"/>
                <a:gd name="T90" fmla="*/ 245 w 845"/>
                <a:gd name="T91" fmla="*/ 308 h 952"/>
                <a:gd name="T92" fmla="*/ 260 w 845"/>
                <a:gd name="T93" fmla="*/ 287 h 952"/>
                <a:gd name="T94" fmla="*/ 256 w 845"/>
                <a:gd name="T95" fmla="*/ 272 h 952"/>
                <a:gd name="T96" fmla="*/ 258 w 845"/>
                <a:gd name="T97" fmla="*/ 258 h 952"/>
                <a:gd name="T98" fmla="*/ 266 w 845"/>
                <a:gd name="T99" fmla="*/ 242 h 952"/>
                <a:gd name="T100" fmla="*/ 281 w 845"/>
                <a:gd name="T101" fmla="*/ 218 h 952"/>
                <a:gd name="T102" fmla="*/ 276 w 845"/>
                <a:gd name="T103" fmla="*/ 204 h 952"/>
                <a:gd name="T104" fmla="*/ 272 w 845"/>
                <a:gd name="T105" fmla="*/ 190 h 952"/>
                <a:gd name="T106" fmla="*/ 273 w 845"/>
                <a:gd name="T107" fmla="*/ 183 h 952"/>
                <a:gd name="T108" fmla="*/ 276 w 845"/>
                <a:gd name="T109" fmla="*/ 180 h 952"/>
                <a:gd name="T110" fmla="*/ 278 w 845"/>
                <a:gd name="T111" fmla="*/ 177 h 952"/>
                <a:gd name="T112" fmla="*/ 279 w 845"/>
                <a:gd name="T113" fmla="*/ 164 h 952"/>
                <a:gd name="T114" fmla="*/ 275 w 845"/>
                <a:gd name="T115" fmla="*/ 164 h 952"/>
                <a:gd name="T116" fmla="*/ 274 w 845"/>
                <a:gd name="T117" fmla="*/ 162 h 952"/>
                <a:gd name="T118" fmla="*/ 272 w 845"/>
                <a:gd name="T119" fmla="*/ 159 h 952"/>
                <a:gd name="T120" fmla="*/ 269 w 845"/>
                <a:gd name="T121" fmla="*/ 159 h 952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845" h="952">
                  <a:moveTo>
                    <a:pt x="809" y="476"/>
                  </a:moveTo>
                  <a:lnTo>
                    <a:pt x="786" y="467"/>
                  </a:lnTo>
                  <a:lnTo>
                    <a:pt x="762" y="457"/>
                  </a:lnTo>
                  <a:lnTo>
                    <a:pt x="740" y="447"/>
                  </a:lnTo>
                  <a:lnTo>
                    <a:pt x="716" y="436"/>
                  </a:lnTo>
                  <a:lnTo>
                    <a:pt x="694" y="425"/>
                  </a:lnTo>
                  <a:lnTo>
                    <a:pt x="673" y="413"/>
                  </a:lnTo>
                  <a:lnTo>
                    <a:pt x="652" y="400"/>
                  </a:lnTo>
                  <a:lnTo>
                    <a:pt x="632" y="388"/>
                  </a:lnTo>
                  <a:lnTo>
                    <a:pt x="612" y="374"/>
                  </a:lnTo>
                  <a:lnTo>
                    <a:pt x="593" y="359"/>
                  </a:lnTo>
                  <a:lnTo>
                    <a:pt x="575" y="345"/>
                  </a:lnTo>
                  <a:lnTo>
                    <a:pt x="557" y="329"/>
                  </a:lnTo>
                  <a:lnTo>
                    <a:pt x="542" y="312"/>
                  </a:lnTo>
                  <a:lnTo>
                    <a:pt x="526" y="294"/>
                  </a:lnTo>
                  <a:lnTo>
                    <a:pt x="511" y="275"/>
                  </a:lnTo>
                  <a:lnTo>
                    <a:pt x="496" y="256"/>
                  </a:lnTo>
                  <a:lnTo>
                    <a:pt x="494" y="252"/>
                  </a:lnTo>
                  <a:lnTo>
                    <a:pt x="491" y="250"/>
                  </a:lnTo>
                  <a:lnTo>
                    <a:pt x="488" y="249"/>
                  </a:lnTo>
                  <a:lnTo>
                    <a:pt x="486" y="248"/>
                  </a:lnTo>
                  <a:lnTo>
                    <a:pt x="481" y="250"/>
                  </a:lnTo>
                  <a:lnTo>
                    <a:pt x="475" y="254"/>
                  </a:lnTo>
                  <a:lnTo>
                    <a:pt x="469" y="258"/>
                  </a:lnTo>
                  <a:lnTo>
                    <a:pt x="463" y="262"/>
                  </a:lnTo>
                  <a:lnTo>
                    <a:pt x="460" y="265"/>
                  </a:lnTo>
                  <a:lnTo>
                    <a:pt x="455" y="265"/>
                  </a:lnTo>
                  <a:lnTo>
                    <a:pt x="451" y="265"/>
                  </a:lnTo>
                  <a:lnTo>
                    <a:pt x="447" y="263"/>
                  </a:lnTo>
                  <a:lnTo>
                    <a:pt x="418" y="247"/>
                  </a:lnTo>
                  <a:lnTo>
                    <a:pt x="391" y="230"/>
                  </a:lnTo>
                  <a:lnTo>
                    <a:pt x="363" y="212"/>
                  </a:lnTo>
                  <a:lnTo>
                    <a:pt x="334" y="195"/>
                  </a:lnTo>
                  <a:lnTo>
                    <a:pt x="307" y="177"/>
                  </a:lnTo>
                  <a:lnTo>
                    <a:pt x="279" y="159"/>
                  </a:lnTo>
                  <a:lnTo>
                    <a:pt x="253" y="140"/>
                  </a:lnTo>
                  <a:lnTo>
                    <a:pt x="227" y="121"/>
                  </a:lnTo>
                  <a:lnTo>
                    <a:pt x="225" y="111"/>
                  </a:lnTo>
                  <a:lnTo>
                    <a:pt x="222" y="101"/>
                  </a:lnTo>
                  <a:lnTo>
                    <a:pt x="218" y="93"/>
                  </a:lnTo>
                  <a:lnTo>
                    <a:pt x="213" y="86"/>
                  </a:lnTo>
                  <a:lnTo>
                    <a:pt x="204" y="71"/>
                  </a:lnTo>
                  <a:lnTo>
                    <a:pt x="192" y="57"/>
                  </a:lnTo>
                  <a:lnTo>
                    <a:pt x="179" y="44"/>
                  </a:lnTo>
                  <a:lnTo>
                    <a:pt x="168" y="31"/>
                  </a:lnTo>
                  <a:lnTo>
                    <a:pt x="163" y="24"/>
                  </a:lnTo>
                  <a:lnTo>
                    <a:pt x="157" y="17"/>
                  </a:lnTo>
                  <a:lnTo>
                    <a:pt x="153" y="9"/>
                  </a:lnTo>
                  <a:lnTo>
                    <a:pt x="149" y="0"/>
                  </a:lnTo>
                  <a:lnTo>
                    <a:pt x="145" y="0"/>
                  </a:lnTo>
                  <a:lnTo>
                    <a:pt x="140" y="1"/>
                  </a:lnTo>
                  <a:lnTo>
                    <a:pt x="137" y="2"/>
                  </a:lnTo>
                  <a:lnTo>
                    <a:pt x="134" y="3"/>
                  </a:lnTo>
                  <a:lnTo>
                    <a:pt x="130" y="8"/>
                  </a:lnTo>
                  <a:lnTo>
                    <a:pt x="126" y="13"/>
                  </a:lnTo>
                  <a:lnTo>
                    <a:pt x="122" y="18"/>
                  </a:lnTo>
                  <a:lnTo>
                    <a:pt x="117" y="22"/>
                  </a:lnTo>
                  <a:lnTo>
                    <a:pt x="113" y="27"/>
                  </a:lnTo>
                  <a:lnTo>
                    <a:pt x="107" y="29"/>
                  </a:lnTo>
                  <a:lnTo>
                    <a:pt x="109" y="47"/>
                  </a:lnTo>
                  <a:lnTo>
                    <a:pt x="109" y="62"/>
                  </a:lnTo>
                  <a:lnTo>
                    <a:pt x="108" y="78"/>
                  </a:lnTo>
                  <a:lnTo>
                    <a:pt x="105" y="94"/>
                  </a:lnTo>
                  <a:lnTo>
                    <a:pt x="102" y="109"/>
                  </a:lnTo>
                  <a:lnTo>
                    <a:pt x="96" y="122"/>
                  </a:lnTo>
                  <a:lnTo>
                    <a:pt x="90" y="136"/>
                  </a:lnTo>
                  <a:lnTo>
                    <a:pt x="84" y="150"/>
                  </a:lnTo>
                  <a:lnTo>
                    <a:pt x="69" y="176"/>
                  </a:lnTo>
                  <a:lnTo>
                    <a:pt x="54" y="202"/>
                  </a:lnTo>
                  <a:lnTo>
                    <a:pt x="47" y="216"/>
                  </a:lnTo>
                  <a:lnTo>
                    <a:pt x="39" y="229"/>
                  </a:lnTo>
                  <a:lnTo>
                    <a:pt x="34" y="242"/>
                  </a:lnTo>
                  <a:lnTo>
                    <a:pt x="29" y="256"/>
                  </a:lnTo>
                  <a:lnTo>
                    <a:pt x="30" y="309"/>
                  </a:lnTo>
                  <a:lnTo>
                    <a:pt x="32" y="362"/>
                  </a:lnTo>
                  <a:lnTo>
                    <a:pt x="33" y="417"/>
                  </a:lnTo>
                  <a:lnTo>
                    <a:pt x="34" y="471"/>
                  </a:lnTo>
                  <a:lnTo>
                    <a:pt x="33" y="496"/>
                  </a:lnTo>
                  <a:lnTo>
                    <a:pt x="31" y="521"/>
                  </a:lnTo>
                  <a:lnTo>
                    <a:pt x="29" y="545"/>
                  </a:lnTo>
                  <a:lnTo>
                    <a:pt x="26" y="567"/>
                  </a:lnTo>
                  <a:lnTo>
                    <a:pt x="21" y="588"/>
                  </a:lnTo>
                  <a:lnTo>
                    <a:pt x="15" y="607"/>
                  </a:lnTo>
                  <a:lnTo>
                    <a:pt x="12" y="616"/>
                  </a:lnTo>
                  <a:lnTo>
                    <a:pt x="9" y="625"/>
                  </a:lnTo>
                  <a:lnTo>
                    <a:pt x="5" y="632"/>
                  </a:lnTo>
                  <a:lnTo>
                    <a:pt x="0" y="639"/>
                  </a:lnTo>
                  <a:lnTo>
                    <a:pt x="6" y="642"/>
                  </a:lnTo>
                  <a:lnTo>
                    <a:pt x="10" y="645"/>
                  </a:lnTo>
                  <a:lnTo>
                    <a:pt x="14" y="648"/>
                  </a:lnTo>
                  <a:lnTo>
                    <a:pt x="18" y="651"/>
                  </a:lnTo>
                  <a:lnTo>
                    <a:pt x="26" y="659"/>
                  </a:lnTo>
                  <a:lnTo>
                    <a:pt x="33" y="667"/>
                  </a:lnTo>
                  <a:lnTo>
                    <a:pt x="36" y="671"/>
                  </a:lnTo>
                  <a:lnTo>
                    <a:pt x="40" y="674"/>
                  </a:lnTo>
                  <a:lnTo>
                    <a:pt x="46" y="677"/>
                  </a:lnTo>
                  <a:lnTo>
                    <a:pt x="50" y="679"/>
                  </a:lnTo>
                  <a:lnTo>
                    <a:pt x="56" y="682"/>
                  </a:lnTo>
                  <a:lnTo>
                    <a:pt x="63" y="683"/>
                  </a:lnTo>
                  <a:lnTo>
                    <a:pt x="70" y="683"/>
                  </a:lnTo>
                  <a:lnTo>
                    <a:pt x="78" y="683"/>
                  </a:lnTo>
                  <a:lnTo>
                    <a:pt x="79" y="690"/>
                  </a:lnTo>
                  <a:lnTo>
                    <a:pt x="83" y="697"/>
                  </a:lnTo>
                  <a:lnTo>
                    <a:pt x="86" y="704"/>
                  </a:lnTo>
                  <a:lnTo>
                    <a:pt x="90" y="710"/>
                  </a:lnTo>
                  <a:lnTo>
                    <a:pt x="94" y="715"/>
                  </a:lnTo>
                  <a:lnTo>
                    <a:pt x="99" y="719"/>
                  </a:lnTo>
                  <a:lnTo>
                    <a:pt x="105" y="724"/>
                  </a:lnTo>
                  <a:lnTo>
                    <a:pt x="111" y="728"/>
                  </a:lnTo>
                  <a:lnTo>
                    <a:pt x="123" y="735"/>
                  </a:lnTo>
                  <a:lnTo>
                    <a:pt x="135" y="743"/>
                  </a:lnTo>
                  <a:lnTo>
                    <a:pt x="146" y="751"/>
                  </a:lnTo>
                  <a:lnTo>
                    <a:pt x="156" y="761"/>
                  </a:lnTo>
                  <a:lnTo>
                    <a:pt x="183" y="765"/>
                  </a:lnTo>
                  <a:lnTo>
                    <a:pt x="208" y="770"/>
                  </a:lnTo>
                  <a:lnTo>
                    <a:pt x="232" y="777"/>
                  </a:lnTo>
                  <a:lnTo>
                    <a:pt x="256" y="785"/>
                  </a:lnTo>
                  <a:lnTo>
                    <a:pt x="278" y="793"/>
                  </a:lnTo>
                  <a:lnTo>
                    <a:pt x="301" y="802"/>
                  </a:lnTo>
                  <a:lnTo>
                    <a:pt x="323" y="811"/>
                  </a:lnTo>
                  <a:lnTo>
                    <a:pt x="343" y="822"/>
                  </a:lnTo>
                  <a:lnTo>
                    <a:pt x="384" y="843"/>
                  </a:lnTo>
                  <a:lnTo>
                    <a:pt x="424" y="866"/>
                  </a:lnTo>
                  <a:lnTo>
                    <a:pt x="464" y="888"/>
                  </a:lnTo>
                  <a:lnTo>
                    <a:pt x="504" y="909"/>
                  </a:lnTo>
                  <a:lnTo>
                    <a:pt x="531" y="912"/>
                  </a:lnTo>
                  <a:lnTo>
                    <a:pt x="556" y="916"/>
                  </a:lnTo>
                  <a:lnTo>
                    <a:pt x="582" y="922"/>
                  </a:lnTo>
                  <a:lnTo>
                    <a:pt x="607" y="927"/>
                  </a:lnTo>
                  <a:lnTo>
                    <a:pt x="631" y="933"/>
                  </a:lnTo>
                  <a:lnTo>
                    <a:pt x="654" y="940"/>
                  </a:lnTo>
                  <a:lnTo>
                    <a:pt x="679" y="946"/>
                  </a:lnTo>
                  <a:lnTo>
                    <a:pt x="703" y="952"/>
                  </a:lnTo>
                  <a:lnTo>
                    <a:pt x="710" y="948"/>
                  </a:lnTo>
                  <a:lnTo>
                    <a:pt x="716" y="944"/>
                  </a:lnTo>
                  <a:lnTo>
                    <a:pt x="722" y="940"/>
                  </a:lnTo>
                  <a:lnTo>
                    <a:pt x="727" y="934"/>
                  </a:lnTo>
                  <a:lnTo>
                    <a:pt x="738" y="923"/>
                  </a:lnTo>
                  <a:lnTo>
                    <a:pt x="746" y="910"/>
                  </a:lnTo>
                  <a:lnTo>
                    <a:pt x="763" y="884"/>
                  </a:lnTo>
                  <a:lnTo>
                    <a:pt x="781" y="859"/>
                  </a:lnTo>
                  <a:lnTo>
                    <a:pt x="775" y="844"/>
                  </a:lnTo>
                  <a:lnTo>
                    <a:pt x="772" y="828"/>
                  </a:lnTo>
                  <a:lnTo>
                    <a:pt x="770" y="813"/>
                  </a:lnTo>
                  <a:lnTo>
                    <a:pt x="771" y="799"/>
                  </a:lnTo>
                  <a:lnTo>
                    <a:pt x="773" y="786"/>
                  </a:lnTo>
                  <a:lnTo>
                    <a:pt x="776" y="772"/>
                  </a:lnTo>
                  <a:lnTo>
                    <a:pt x="782" y="759"/>
                  </a:lnTo>
                  <a:lnTo>
                    <a:pt x="787" y="747"/>
                  </a:lnTo>
                  <a:lnTo>
                    <a:pt x="801" y="723"/>
                  </a:lnTo>
                  <a:lnTo>
                    <a:pt x="815" y="698"/>
                  </a:lnTo>
                  <a:lnTo>
                    <a:pt x="831" y="676"/>
                  </a:lnTo>
                  <a:lnTo>
                    <a:pt x="845" y="654"/>
                  </a:lnTo>
                  <a:lnTo>
                    <a:pt x="842" y="639"/>
                  </a:lnTo>
                  <a:lnTo>
                    <a:pt x="837" y="626"/>
                  </a:lnTo>
                  <a:lnTo>
                    <a:pt x="831" y="611"/>
                  </a:lnTo>
                  <a:lnTo>
                    <a:pt x="825" y="597"/>
                  </a:lnTo>
                  <a:lnTo>
                    <a:pt x="821" y="583"/>
                  </a:lnTo>
                  <a:lnTo>
                    <a:pt x="819" y="568"/>
                  </a:lnTo>
                  <a:lnTo>
                    <a:pt x="819" y="561"/>
                  </a:lnTo>
                  <a:lnTo>
                    <a:pt x="819" y="554"/>
                  </a:lnTo>
                  <a:lnTo>
                    <a:pt x="821" y="547"/>
                  </a:lnTo>
                  <a:lnTo>
                    <a:pt x="824" y="540"/>
                  </a:lnTo>
                  <a:lnTo>
                    <a:pt x="827" y="539"/>
                  </a:lnTo>
                  <a:lnTo>
                    <a:pt x="830" y="538"/>
                  </a:lnTo>
                  <a:lnTo>
                    <a:pt x="832" y="537"/>
                  </a:lnTo>
                  <a:lnTo>
                    <a:pt x="834" y="535"/>
                  </a:lnTo>
                  <a:lnTo>
                    <a:pt x="837" y="529"/>
                  </a:lnTo>
                  <a:lnTo>
                    <a:pt x="838" y="523"/>
                  </a:lnTo>
                  <a:lnTo>
                    <a:pt x="838" y="507"/>
                  </a:lnTo>
                  <a:lnTo>
                    <a:pt x="838" y="490"/>
                  </a:lnTo>
                  <a:lnTo>
                    <a:pt x="833" y="492"/>
                  </a:lnTo>
                  <a:lnTo>
                    <a:pt x="831" y="492"/>
                  </a:lnTo>
                  <a:lnTo>
                    <a:pt x="828" y="492"/>
                  </a:lnTo>
                  <a:lnTo>
                    <a:pt x="827" y="491"/>
                  </a:lnTo>
                  <a:lnTo>
                    <a:pt x="825" y="488"/>
                  </a:lnTo>
                  <a:lnTo>
                    <a:pt x="824" y="484"/>
                  </a:lnTo>
                  <a:lnTo>
                    <a:pt x="822" y="479"/>
                  </a:lnTo>
                  <a:lnTo>
                    <a:pt x="820" y="476"/>
                  </a:lnTo>
                  <a:lnTo>
                    <a:pt x="819" y="475"/>
                  </a:lnTo>
                  <a:lnTo>
                    <a:pt x="817" y="475"/>
                  </a:lnTo>
                  <a:lnTo>
                    <a:pt x="813" y="475"/>
                  </a:lnTo>
                  <a:lnTo>
                    <a:pt x="809" y="476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88" name="Bornholm kant"/>
            <p:cNvSpPr>
              <a:spLocks/>
            </p:cNvSpPr>
            <p:nvPr/>
          </p:nvSpPr>
          <p:spPr bwMode="auto">
            <a:xfrm>
              <a:off x="3500438" y="3157538"/>
              <a:ext cx="446087" cy="504825"/>
            </a:xfrm>
            <a:custGeom>
              <a:avLst/>
              <a:gdLst>
                <a:gd name="T0" fmla="*/ 253 w 845"/>
                <a:gd name="T1" fmla="*/ 153 h 952"/>
                <a:gd name="T2" fmla="*/ 231 w 845"/>
                <a:gd name="T3" fmla="*/ 142 h 952"/>
                <a:gd name="T4" fmla="*/ 210 w 845"/>
                <a:gd name="T5" fmla="*/ 130 h 952"/>
                <a:gd name="T6" fmla="*/ 191 w 845"/>
                <a:gd name="T7" fmla="*/ 115 h 952"/>
                <a:gd name="T8" fmla="*/ 175 w 845"/>
                <a:gd name="T9" fmla="*/ 98 h 952"/>
                <a:gd name="T10" fmla="*/ 164 w 845"/>
                <a:gd name="T11" fmla="*/ 84 h 952"/>
                <a:gd name="T12" fmla="*/ 162 w 845"/>
                <a:gd name="T13" fmla="*/ 83 h 952"/>
                <a:gd name="T14" fmla="*/ 156 w 845"/>
                <a:gd name="T15" fmla="*/ 86 h 952"/>
                <a:gd name="T16" fmla="*/ 151 w 845"/>
                <a:gd name="T17" fmla="*/ 89 h 952"/>
                <a:gd name="T18" fmla="*/ 139 w 845"/>
                <a:gd name="T19" fmla="*/ 83 h 952"/>
                <a:gd name="T20" fmla="*/ 111 w 845"/>
                <a:gd name="T21" fmla="*/ 65 h 952"/>
                <a:gd name="T22" fmla="*/ 84 w 845"/>
                <a:gd name="T23" fmla="*/ 47 h 952"/>
                <a:gd name="T24" fmla="*/ 74 w 845"/>
                <a:gd name="T25" fmla="*/ 34 h 952"/>
                <a:gd name="T26" fmla="*/ 68 w 845"/>
                <a:gd name="T27" fmla="*/ 24 h 952"/>
                <a:gd name="T28" fmla="*/ 56 w 845"/>
                <a:gd name="T29" fmla="*/ 10 h 952"/>
                <a:gd name="T30" fmla="*/ 51 w 845"/>
                <a:gd name="T31" fmla="*/ 3 h 952"/>
                <a:gd name="T32" fmla="*/ 47 w 845"/>
                <a:gd name="T33" fmla="*/ 0 h 952"/>
                <a:gd name="T34" fmla="*/ 43 w 845"/>
                <a:gd name="T35" fmla="*/ 3 h 952"/>
                <a:gd name="T36" fmla="*/ 39 w 845"/>
                <a:gd name="T37" fmla="*/ 7 h 952"/>
                <a:gd name="T38" fmla="*/ 36 w 845"/>
                <a:gd name="T39" fmla="*/ 16 h 952"/>
                <a:gd name="T40" fmla="*/ 35 w 845"/>
                <a:gd name="T41" fmla="*/ 31 h 952"/>
                <a:gd name="T42" fmla="*/ 30 w 845"/>
                <a:gd name="T43" fmla="*/ 45 h 952"/>
                <a:gd name="T44" fmla="*/ 18 w 845"/>
                <a:gd name="T45" fmla="*/ 67 h 952"/>
                <a:gd name="T46" fmla="*/ 11 w 845"/>
                <a:gd name="T47" fmla="*/ 81 h 952"/>
                <a:gd name="T48" fmla="*/ 11 w 845"/>
                <a:gd name="T49" fmla="*/ 121 h 952"/>
                <a:gd name="T50" fmla="*/ 11 w 845"/>
                <a:gd name="T51" fmla="*/ 166 h 952"/>
                <a:gd name="T52" fmla="*/ 9 w 845"/>
                <a:gd name="T53" fmla="*/ 189 h 952"/>
                <a:gd name="T54" fmla="*/ 4 w 845"/>
                <a:gd name="T55" fmla="*/ 206 h 952"/>
                <a:gd name="T56" fmla="*/ 0 w 845"/>
                <a:gd name="T57" fmla="*/ 213 h 952"/>
                <a:gd name="T58" fmla="*/ 5 w 845"/>
                <a:gd name="T59" fmla="*/ 216 h 952"/>
                <a:gd name="T60" fmla="*/ 11 w 845"/>
                <a:gd name="T61" fmla="*/ 223 h 952"/>
                <a:gd name="T62" fmla="*/ 15 w 845"/>
                <a:gd name="T63" fmla="*/ 226 h 952"/>
                <a:gd name="T64" fmla="*/ 21 w 845"/>
                <a:gd name="T65" fmla="*/ 228 h 952"/>
                <a:gd name="T66" fmla="*/ 26 w 845"/>
                <a:gd name="T67" fmla="*/ 230 h 952"/>
                <a:gd name="T68" fmla="*/ 30 w 845"/>
                <a:gd name="T69" fmla="*/ 237 h 952"/>
                <a:gd name="T70" fmla="*/ 35 w 845"/>
                <a:gd name="T71" fmla="*/ 242 h 952"/>
                <a:gd name="T72" fmla="*/ 45 w 845"/>
                <a:gd name="T73" fmla="*/ 248 h 952"/>
                <a:gd name="T74" fmla="*/ 61 w 845"/>
                <a:gd name="T75" fmla="*/ 256 h 952"/>
                <a:gd name="T76" fmla="*/ 85 w 845"/>
                <a:gd name="T77" fmla="*/ 262 h 952"/>
                <a:gd name="T78" fmla="*/ 107 w 845"/>
                <a:gd name="T79" fmla="*/ 271 h 952"/>
                <a:gd name="T80" fmla="*/ 141 w 845"/>
                <a:gd name="T81" fmla="*/ 289 h 952"/>
                <a:gd name="T82" fmla="*/ 177 w 845"/>
                <a:gd name="T83" fmla="*/ 305 h 952"/>
                <a:gd name="T84" fmla="*/ 202 w 845"/>
                <a:gd name="T85" fmla="*/ 310 h 952"/>
                <a:gd name="T86" fmla="*/ 226 w 845"/>
                <a:gd name="T87" fmla="*/ 316 h 952"/>
                <a:gd name="T88" fmla="*/ 238 w 845"/>
                <a:gd name="T89" fmla="*/ 315 h 952"/>
                <a:gd name="T90" fmla="*/ 245 w 845"/>
                <a:gd name="T91" fmla="*/ 308 h 952"/>
                <a:gd name="T92" fmla="*/ 260 w 845"/>
                <a:gd name="T93" fmla="*/ 287 h 952"/>
                <a:gd name="T94" fmla="*/ 256 w 845"/>
                <a:gd name="T95" fmla="*/ 272 h 952"/>
                <a:gd name="T96" fmla="*/ 258 w 845"/>
                <a:gd name="T97" fmla="*/ 258 h 952"/>
                <a:gd name="T98" fmla="*/ 266 w 845"/>
                <a:gd name="T99" fmla="*/ 242 h 952"/>
                <a:gd name="T100" fmla="*/ 281 w 845"/>
                <a:gd name="T101" fmla="*/ 218 h 952"/>
                <a:gd name="T102" fmla="*/ 276 w 845"/>
                <a:gd name="T103" fmla="*/ 204 h 952"/>
                <a:gd name="T104" fmla="*/ 272 w 845"/>
                <a:gd name="T105" fmla="*/ 190 h 952"/>
                <a:gd name="T106" fmla="*/ 273 w 845"/>
                <a:gd name="T107" fmla="*/ 183 h 952"/>
                <a:gd name="T108" fmla="*/ 276 w 845"/>
                <a:gd name="T109" fmla="*/ 180 h 952"/>
                <a:gd name="T110" fmla="*/ 278 w 845"/>
                <a:gd name="T111" fmla="*/ 177 h 952"/>
                <a:gd name="T112" fmla="*/ 279 w 845"/>
                <a:gd name="T113" fmla="*/ 164 h 952"/>
                <a:gd name="T114" fmla="*/ 275 w 845"/>
                <a:gd name="T115" fmla="*/ 164 h 952"/>
                <a:gd name="T116" fmla="*/ 274 w 845"/>
                <a:gd name="T117" fmla="*/ 162 h 952"/>
                <a:gd name="T118" fmla="*/ 272 w 845"/>
                <a:gd name="T119" fmla="*/ 159 h 952"/>
                <a:gd name="T120" fmla="*/ 269 w 845"/>
                <a:gd name="T121" fmla="*/ 159 h 952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845" h="952">
                  <a:moveTo>
                    <a:pt x="809" y="476"/>
                  </a:moveTo>
                  <a:lnTo>
                    <a:pt x="786" y="467"/>
                  </a:lnTo>
                  <a:lnTo>
                    <a:pt x="762" y="457"/>
                  </a:lnTo>
                  <a:lnTo>
                    <a:pt x="740" y="447"/>
                  </a:lnTo>
                  <a:lnTo>
                    <a:pt x="716" y="436"/>
                  </a:lnTo>
                  <a:lnTo>
                    <a:pt x="694" y="425"/>
                  </a:lnTo>
                  <a:lnTo>
                    <a:pt x="673" y="413"/>
                  </a:lnTo>
                  <a:lnTo>
                    <a:pt x="652" y="400"/>
                  </a:lnTo>
                  <a:lnTo>
                    <a:pt x="632" y="388"/>
                  </a:lnTo>
                  <a:lnTo>
                    <a:pt x="612" y="374"/>
                  </a:lnTo>
                  <a:lnTo>
                    <a:pt x="593" y="359"/>
                  </a:lnTo>
                  <a:lnTo>
                    <a:pt x="575" y="345"/>
                  </a:lnTo>
                  <a:lnTo>
                    <a:pt x="557" y="329"/>
                  </a:lnTo>
                  <a:lnTo>
                    <a:pt x="542" y="312"/>
                  </a:lnTo>
                  <a:lnTo>
                    <a:pt x="526" y="294"/>
                  </a:lnTo>
                  <a:lnTo>
                    <a:pt x="511" y="275"/>
                  </a:lnTo>
                  <a:lnTo>
                    <a:pt x="496" y="256"/>
                  </a:lnTo>
                  <a:lnTo>
                    <a:pt x="494" y="252"/>
                  </a:lnTo>
                  <a:lnTo>
                    <a:pt x="491" y="250"/>
                  </a:lnTo>
                  <a:lnTo>
                    <a:pt x="488" y="249"/>
                  </a:lnTo>
                  <a:lnTo>
                    <a:pt x="486" y="248"/>
                  </a:lnTo>
                  <a:lnTo>
                    <a:pt x="481" y="250"/>
                  </a:lnTo>
                  <a:lnTo>
                    <a:pt x="475" y="254"/>
                  </a:lnTo>
                  <a:lnTo>
                    <a:pt x="469" y="258"/>
                  </a:lnTo>
                  <a:lnTo>
                    <a:pt x="463" y="262"/>
                  </a:lnTo>
                  <a:lnTo>
                    <a:pt x="460" y="265"/>
                  </a:lnTo>
                  <a:lnTo>
                    <a:pt x="455" y="265"/>
                  </a:lnTo>
                  <a:lnTo>
                    <a:pt x="451" y="265"/>
                  </a:lnTo>
                  <a:lnTo>
                    <a:pt x="447" y="263"/>
                  </a:lnTo>
                  <a:lnTo>
                    <a:pt x="418" y="247"/>
                  </a:lnTo>
                  <a:lnTo>
                    <a:pt x="391" y="230"/>
                  </a:lnTo>
                  <a:lnTo>
                    <a:pt x="363" y="212"/>
                  </a:lnTo>
                  <a:lnTo>
                    <a:pt x="334" y="195"/>
                  </a:lnTo>
                  <a:lnTo>
                    <a:pt x="307" y="177"/>
                  </a:lnTo>
                  <a:lnTo>
                    <a:pt x="279" y="159"/>
                  </a:lnTo>
                  <a:lnTo>
                    <a:pt x="253" y="140"/>
                  </a:lnTo>
                  <a:lnTo>
                    <a:pt x="227" y="121"/>
                  </a:lnTo>
                  <a:lnTo>
                    <a:pt x="225" y="111"/>
                  </a:lnTo>
                  <a:lnTo>
                    <a:pt x="222" y="101"/>
                  </a:lnTo>
                  <a:lnTo>
                    <a:pt x="218" y="93"/>
                  </a:lnTo>
                  <a:lnTo>
                    <a:pt x="213" y="86"/>
                  </a:lnTo>
                  <a:lnTo>
                    <a:pt x="204" y="71"/>
                  </a:lnTo>
                  <a:lnTo>
                    <a:pt x="192" y="57"/>
                  </a:lnTo>
                  <a:lnTo>
                    <a:pt x="179" y="44"/>
                  </a:lnTo>
                  <a:lnTo>
                    <a:pt x="168" y="31"/>
                  </a:lnTo>
                  <a:lnTo>
                    <a:pt x="163" y="24"/>
                  </a:lnTo>
                  <a:lnTo>
                    <a:pt x="157" y="17"/>
                  </a:lnTo>
                  <a:lnTo>
                    <a:pt x="153" y="9"/>
                  </a:lnTo>
                  <a:lnTo>
                    <a:pt x="149" y="0"/>
                  </a:lnTo>
                  <a:lnTo>
                    <a:pt x="145" y="0"/>
                  </a:lnTo>
                  <a:lnTo>
                    <a:pt x="140" y="1"/>
                  </a:lnTo>
                  <a:lnTo>
                    <a:pt x="137" y="2"/>
                  </a:lnTo>
                  <a:lnTo>
                    <a:pt x="134" y="3"/>
                  </a:lnTo>
                  <a:lnTo>
                    <a:pt x="130" y="8"/>
                  </a:lnTo>
                  <a:lnTo>
                    <a:pt x="126" y="13"/>
                  </a:lnTo>
                  <a:lnTo>
                    <a:pt x="122" y="18"/>
                  </a:lnTo>
                  <a:lnTo>
                    <a:pt x="117" y="22"/>
                  </a:lnTo>
                  <a:lnTo>
                    <a:pt x="113" y="27"/>
                  </a:lnTo>
                  <a:lnTo>
                    <a:pt x="107" y="29"/>
                  </a:lnTo>
                  <a:lnTo>
                    <a:pt x="109" y="47"/>
                  </a:lnTo>
                  <a:lnTo>
                    <a:pt x="109" y="62"/>
                  </a:lnTo>
                  <a:lnTo>
                    <a:pt x="108" y="78"/>
                  </a:lnTo>
                  <a:lnTo>
                    <a:pt x="105" y="94"/>
                  </a:lnTo>
                  <a:lnTo>
                    <a:pt x="102" y="109"/>
                  </a:lnTo>
                  <a:lnTo>
                    <a:pt x="96" y="122"/>
                  </a:lnTo>
                  <a:lnTo>
                    <a:pt x="90" y="136"/>
                  </a:lnTo>
                  <a:lnTo>
                    <a:pt x="84" y="150"/>
                  </a:lnTo>
                  <a:lnTo>
                    <a:pt x="69" y="176"/>
                  </a:lnTo>
                  <a:lnTo>
                    <a:pt x="54" y="202"/>
                  </a:lnTo>
                  <a:lnTo>
                    <a:pt x="47" y="216"/>
                  </a:lnTo>
                  <a:lnTo>
                    <a:pt x="39" y="229"/>
                  </a:lnTo>
                  <a:lnTo>
                    <a:pt x="34" y="242"/>
                  </a:lnTo>
                  <a:lnTo>
                    <a:pt x="29" y="256"/>
                  </a:lnTo>
                  <a:lnTo>
                    <a:pt x="30" y="309"/>
                  </a:lnTo>
                  <a:lnTo>
                    <a:pt x="32" y="362"/>
                  </a:lnTo>
                  <a:lnTo>
                    <a:pt x="33" y="417"/>
                  </a:lnTo>
                  <a:lnTo>
                    <a:pt x="34" y="471"/>
                  </a:lnTo>
                  <a:lnTo>
                    <a:pt x="33" y="496"/>
                  </a:lnTo>
                  <a:lnTo>
                    <a:pt x="31" y="521"/>
                  </a:lnTo>
                  <a:lnTo>
                    <a:pt x="29" y="545"/>
                  </a:lnTo>
                  <a:lnTo>
                    <a:pt x="26" y="567"/>
                  </a:lnTo>
                  <a:lnTo>
                    <a:pt x="21" y="588"/>
                  </a:lnTo>
                  <a:lnTo>
                    <a:pt x="15" y="607"/>
                  </a:lnTo>
                  <a:lnTo>
                    <a:pt x="12" y="616"/>
                  </a:lnTo>
                  <a:lnTo>
                    <a:pt x="9" y="625"/>
                  </a:lnTo>
                  <a:lnTo>
                    <a:pt x="5" y="632"/>
                  </a:lnTo>
                  <a:lnTo>
                    <a:pt x="0" y="639"/>
                  </a:lnTo>
                  <a:lnTo>
                    <a:pt x="6" y="642"/>
                  </a:lnTo>
                  <a:lnTo>
                    <a:pt x="10" y="645"/>
                  </a:lnTo>
                  <a:lnTo>
                    <a:pt x="14" y="648"/>
                  </a:lnTo>
                  <a:lnTo>
                    <a:pt x="18" y="651"/>
                  </a:lnTo>
                  <a:lnTo>
                    <a:pt x="26" y="659"/>
                  </a:lnTo>
                  <a:lnTo>
                    <a:pt x="33" y="667"/>
                  </a:lnTo>
                  <a:lnTo>
                    <a:pt x="36" y="671"/>
                  </a:lnTo>
                  <a:lnTo>
                    <a:pt x="40" y="674"/>
                  </a:lnTo>
                  <a:lnTo>
                    <a:pt x="46" y="677"/>
                  </a:lnTo>
                  <a:lnTo>
                    <a:pt x="50" y="679"/>
                  </a:lnTo>
                  <a:lnTo>
                    <a:pt x="56" y="682"/>
                  </a:lnTo>
                  <a:lnTo>
                    <a:pt x="63" y="683"/>
                  </a:lnTo>
                  <a:lnTo>
                    <a:pt x="70" y="683"/>
                  </a:lnTo>
                  <a:lnTo>
                    <a:pt x="78" y="683"/>
                  </a:lnTo>
                  <a:lnTo>
                    <a:pt x="79" y="690"/>
                  </a:lnTo>
                  <a:lnTo>
                    <a:pt x="83" y="697"/>
                  </a:lnTo>
                  <a:lnTo>
                    <a:pt x="86" y="704"/>
                  </a:lnTo>
                  <a:lnTo>
                    <a:pt x="90" y="710"/>
                  </a:lnTo>
                  <a:lnTo>
                    <a:pt x="94" y="715"/>
                  </a:lnTo>
                  <a:lnTo>
                    <a:pt x="99" y="719"/>
                  </a:lnTo>
                  <a:lnTo>
                    <a:pt x="105" y="724"/>
                  </a:lnTo>
                  <a:lnTo>
                    <a:pt x="111" y="728"/>
                  </a:lnTo>
                  <a:lnTo>
                    <a:pt x="123" y="735"/>
                  </a:lnTo>
                  <a:lnTo>
                    <a:pt x="135" y="743"/>
                  </a:lnTo>
                  <a:lnTo>
                    <a:pt x="146" y="751"/>
                  </a:lnTo>
                  <a:lnTo>
                    <a:pt x="156" y="761"/>
                  </a:lnTo>
                  <a:lnTo>
                    <a:pt x="183" y="765"/>
                  </a:lnTo>
                  <a:lnTo>
                    <a:pt x="208" y="770"/>
                  </a:lnTo>
                  <a:lnTo>
                    <a:pt x="232" y="777"/>
                  </a:lnTo>
                  <a:lnTo>
                    <a:pt x="256" y="785"/>
                  </a:lnTo>
                  <a:lnTo>
                    <a:pt x="278" y="793"/>
                  </a:lnTo>
                  <a:lnTo>
                    <a:pt x="301" y="802"/>
                  </a:lnTo>
                  <a:lnTo>
                    <a:pt x="323" y="811"/>
                  </a:lnTo>
                  <a:lnTo>
                    <a:pt x="343" y="822"/>
                  </a:lnTo>
                  <a:lnTo>
                    <a:pt x="384" y="843"/>
                  </a:lnTo>
                  <a:lnTo>
                    <a:pt x="424" y="866"/>
                  </a:lnTo>
                  <a:lnTo>
                    <a:pt x="464" y="888"/>
                  </a:lnTo>
                  <a:lnTo>
                    <a:pt x="504" y="909"/>
                  </a:lnTo>
                  <a:lnTo>
                    <a:pt x="531" y="912"/>
                  </a:lnTo>
                  <a:lnTo>
                    <a:pt x="556" y="916"/>
                  </a:lnTo>
                  <a:lnTo>
                    <a:pt x="582" y="922"/>
                  </a:lnTo>
                  <a:lnTo>
                    <a:pt x="607" y="927"/>
                  </a:lnTo>
                  <a:lnTo>
                    <a:pt x="631" y="933"/>
                  </a:lnTo>
                  <a:lnTo>
                    <a:pt x="654" y="940"/>
                  </a:lnTo>
                  <a:lnTo>
                    <a:pt x="679" y="946"/>
                  </a:lnTo>
                  <a:lnTo>
                    <a:pt x="703" y="952"/>
                  </a:lnTo>
                  <a:lnTo>
                    <a:pt x="710" y="948"/>
                  </a:lnTo>
                  <a:lnTo>
                    <a:pt x="716" y="944"/>
                  </a:lnTo>
                  <a:lnTo>
                    <a:pt x="722" y="940"/>
                  </a:lnTo>
                  <a:lnTo>
                    <a:pt x="727" y="934"/>
                  </a:lnTo>
                  <a:lnTo>
                    <a:pt x="738" y="923"/>
                  </a:lnTo>
                  <a:lnTo>
                    <a:pt x="746" y="910"/>
                  </a:lnTo>
                  <a:lnTo>
                    <a:pt x="763" y="884"/>
                  </a:lnTo>
                  <a:lnTo>
                    <a:pt x="781" y="859"/>
                  </a:lnTo>
                  <a:lnTo>
                    <a:pt x="775" y="844"/>
                  </a:lnTo>
                  <a:lnTo>
                    <a:pt x="772" y="828"/>
                  </a:lnTo>
                  <a:lnTo>
                    <a:pt x="770" y="813"/>
                  </a:lnTo>
                  <a:lnTo>
                    <a:pt x="771" y="799"/>
                  </a:lnTo>
                  <a:lnTo>
                    <a:pt x="773" y="786"/>
                  </a:lnTo>
                  <a:lnTo>
                    <a:pt x="776" y="772"/>
                  </a:lnTo>
                  <a:lnTo>
                    <a:pt x="782" y="759"/>
                  </a:lnTo>
                  <a:lnTo>
                    <a:pt x="787" y="747"/>
                  </a:lnTo>
                  <a:lnTo>
                    <a:pt x="801" y="723"/>
                  </a:lnTo>
                  <a:lnTo>
                    <a:pt x="815" y="698"/>
                  </a:lnTo>
                  <a:lnTo>
                    <a:pt x="831" y="676"/>
                  </a:lnTo>
                  <a:lnTo>
                    <a:pt x="845" y="654"/>
                  </a:lnTo>
                  <a:lnTo>
                    <a:pt x="842" y="639"/>
                  </a:lnTo>
                  <a:lnTo>
                    <a:pt x="837" y="626"/>
                  </a:lnTo>
                  <a:lnTo>
                    <a:pt x="831" y="611"/>
                  </a:lnTo>
                  <a:lnTo>
                    <a:pt x="825" y="597"/>
                  </a:lnTo>
                  <a:lnTo>
                    <a:pt x="821" y="583"/>
                  </a:lnTo>
                  <a:lnTo>
                    <a:pt x="819" y="568"/>
                  </a:lnTo>
                  <a:lnTo>
                    <a:pt x="819" y="561"/>
                  </a:lnTo>
                  <a:lnTo>
                    <a:pt x="819" y="554"/>
                  </a:lnTo>
                  <a:lnTo>
                    <a:pt x="821" y="547"/>
                  </a:lnTo>
                  <a:lnTo>
                    <a:pt x="824" y="540"/>
                  </a:lnTo>
                  <a:lnTo>
                    <a:pt x="827" y="539"/>
                  </a:lnTo>
                  <a:lnTo>
                    <a:pt x="830" y="538"/>
                  </a:lnTo>
                  <a:lnTo>
                    <a:pt x="832" y="537"/>
                  </a:lnTo>
                  <a:lnTo>
                    <a:pt x="834" y="535"/>
                  </a:lnTo>
                  <a:lnTo>
                    <a:pt x="837" y="529"/>
                  </a:lnTo>
                  <a:lnTo>
                    <a:pt x="838" y="523"/>
                  </a:lnTo>
                  <a:lnTo>
                    <a:pt x="838" y="507"/>
                  </a:lnTo>
                  <a:lnTo>
                    <a:pt x="838" y="490"/>
                  </a:lnTo>
                  <a:lnTo>
                    <a:pt x="833" y="492"/>
                  </a:lnTo>
                  <a:lnTo>
                    <a:pt x="831" y="492"/>
                  </a:lnTo>
                  <a:lnTo>
                    <a:pt x="828" y="492"/>
                  </a:lnTo>
                  <a:lnTo>
                    <a:pt x="827" y="491"/>
                  </a:lnTo>
                  <a:lnTo>
                    <a:pt x="825" y="488"/>
                  </a:lnTo>
                  <a:lnTo>
                    <a:pt x="824" y="484"/>
                  </a:lnTo>
                  <a:lnTo>
                    <a:pt x="822" y="479"/>
                  </a:lnTo>
                  <a:lnTo>
                    <a:pt x="820" y="476"/>
                  </a:lnTo>
                  <a:lnTo>
                    <a:pt x="819" y="475"/>
                  </a:lnTo>
                  <a:lnTo>
                    <a:pt x="817" y="475"/>
                  </a:lnTo>
                  <a:lnTo>
                    <a:pt x="813" y="475"/>
                  </a:lnTo>
                  <a:lnTo>
                    <a:pt x="809" y="476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89" name="Fredrikssund"/>
            <p:cNvSpPr>
              <a:spLocks/>
            </p:cNvSpPr>
            <p:nvPr/>
          </p:nvSpPr>
          <p:spPr bwMode="auto">
            <a:xfrm>
              <a:off x="3452813" y="4616450"/>
              <a:ext cx="161925" cy="284163"/>
            </a:xfrm>
            <a:custGeom>
              <a:avLst/>
              <a:gdLst>
                <a:gd name="T0" fmla="*/ 87 w 308"/>
                <a:gd name="T1" fmla="*/ 89 h 536"/>
                <a:gd name="T2" fmla="*/ 88 w 308"/>
                <a:gd name="T3" fmla="*/ 96 h 536"/>
                <a:gd name="T4" fmla="*/ 93 w 308"/>
                <a:gd name="T5" fmla="*/ 103 h 536"/>
                <a:gd name="T6" fmla="*/ 94 w 308"/>
                <a:gd name="T7" fmla="*/ 105 h 536"/>
                <a:gd name="T8" fmla="*/ 90 w 308"/>
                <a:gd name="T9" fmla="*/ 111 h 536"/>
                <a:gd name="T10" fmla="*/ 93 w 308"/>
                <a:gd name="T11" fmla="*/ 114 h 536"/>
                <a:gd name="T12" fmla="*/ 98 w 308"/>
                <a:gd name="T13" fmla="*/ 115 h 536"/>
                <a:gd name="T14" fmla="*/ 98 w 308"/>
                <a:gd name="T15" fmla="*/ 130 h 536"/>
                <a:gd name="T16" fmla="*/ 100 w 308"/>
                <a:gd name="T17" fmla="*/ 143 h 536"/>
                <a:gd name="T18" fmla="*/ 101 w 308"/>
                <a:gd name="T19" fmla="*/ 155 h 536"/>
                <a:gd name="T20" fmla="*/ 102 w 308"/>
                <a:gd name="T21" fmla="*/ 171 h 536"/>
                <a:gd name="T22" fmla="*/ 94 w 308"/>
                <a:gd name="T23" fmla="*/ 168 h 536"/>
                <a:gd name="T24" fmla="*/ 84 w 308"/>
                <a:gd name="T25" fmla="*/ 174 h 536"/>
                <a:gd name="T26" fmla="*/ 77 w 308"/>
                <a:gd name="T27" fmla="*/ 178 h 536"/>
                <a:gd name="T28" fmla="*/ 74 w 308"/>
                <a:gd name="T29" fmla="*/ 169 h 536"/>
                <a:gd name="T30" fmla="*/ 70 w 308"/>
                <a:gd name="T31" fmla="*/ 166 h 536"/>
                <a:gd name="T32" fmla="*/ 71 w 308"/>
                <a:gd name="T33" fmla="*/ 162 h 536"/>
                <a:gd name="T34" fmla="*/ 74 w 308"/>
                <a:gd name="T35" fmla="*/ 156 h 536"/>
                <a:gd name="T36" fmla="*/ 67 w 308"/>
                <a:gd name="T37" fmla="*/ 164 h 536"/>
                <a:gd name="T38" fmla="*/ 59 w 308"/>
                <a:gd name="T39" fmla="*/ 173 h 536"/>
                <a:gd name="T40" fmla="*/ 47 w 308"/>
                <a:gd name="T41" fmla="*/ 167 h 536"/>
                <a:gd name="T42" fmla="*/ 39 w 308"/>
                <a:gd name="T43" fmla="*/ 168 h 536"/>
                <a:gd name="T44" fmla="*/ 29 w 308"/>
                <a:gd name="T45" fmla="*/ 176 h 536"/>
                <a:gd name="T46" fmla="*/ 23 w 308"/>
                <a:gd name="T47" fmla="*/ 174 h 536"/>
                <a:gd name="T48" fmla="*/ 13 w 308"/>
                <a:gd name="T49" fmla="*/ 169 h 536"/>
                <a:gd name="T50" fmla="*/ 5 w 308"/>
                <a:gd name="T51" fmla="*/ 164 h 536"/>
                <a:gd name="T52" fmla="*/ 0 w 308"/>
                <a:gd name="T53" fmla="*/ 155 h 536"/>
                <a:gd name="T54" fmla="*/ 2 w 308"/>
                <a:gd name="T55" fmla="*/ 153 h 536"/>
                <a:gd name="T56" fmla="*/ 7 w 308"/>
                <a:gd name="T57" fmla="*/ 146 h 536"/>
                <a:gd name="T58" fmla="*/ 5 w 308"/>
                <a:gd name="T59" fmla="*/ 138 h 536"/>
                <a:gd name="T60" fmla="*/ 7 w 308"/>
                <a:gd name="T61" fmla="*/ 127 h 536"/>
                <a:gd name="T62" fmla="*/ 7 w 308"/>
                <a:gd name="T63" fmla="*/ 118 h 536"/>
                <a:gd name="T64" fmla="*/ 14 w 308"/>
                <a:gd name="T65" fmla="*/ 115 h 536"/>
                <a:gd name="T66" fmla="*/ 13 w 308"/>
                <a:gd name="T67" fmla="*/ 109 h 536"/>
                <a:gd name="T68" fmla="*/ 16 w 308"/>
                <a:gd name="T69" fmla="*/ 102 h 536"/>
                <a:gd name="T70" fmla="*/ 27 w 308"/>
                <a:gd name="T71" fmla="*/ 99 h 536"/>
                <a:gd name="T72" fmla="*/ 37 w 308"/>
                <a:gd name="T73" fmla="*/ 101 h 536"/>
                <a:gd name="T74" fmla="*/ 44 w 308"/>
                <a:gd name="T75" fmla="*/ 95 h 536"/>
                <a:gd name="T76" fmla="*/ 47 w 308"/>
                <a:gd name="T77" fmla="*/ 64 h 536"/>
                <a:gd name="T78" fmla="*/ 41 w 308"/>
                <a:gd name="T79" fmla="*/ 55 h 536"/>
                <a:gd name="T80" fmla="*/ 35 w 308"/>
                <a:gd name="T81" fmla="*/ 47 h 536"/>
                <a:gd name="T82" fmla="*/ 35 w 308"/>
                <a:gd name="T83" fmla="*/ 38 h 536"/>
                <a:gd name="T84" fmla="*/ 28 w 308"/>
                <a:gd name="T85" fmla="*/ 26 h 536"/>
                <a:gd name="T86" fmla="*/ 22 w 308"/>
                <a:gd name="T87" fmla="*/ 17 h 536"/>
                <a:gd name="T88" fmla="*/ 21 w 308"/>
                <a:gd name="T89" fmla="*/ 7 h 536"/>
                <a:gd name="T90" fmla="*/ 33 w 308"/>
                <a:gd name="T91" fmla="*/ 1 h 536"/>
                <a:gd name="T92" fmla="*/ 46 w 308"/>
                <a:gd name="T93" fmla="*/ 5 h 536"/>
                <a:gd name="T94" fmla="*/ 65 w 308"/>
                <a:gd name="T95" fmla="*/ 18 h 536"/>
                <a:gd name="T96" fmla="*/ 77 w 308"/>
                <a:gd name="T97" fmla="*/ 22 h 536"/>
                <a:gd name="T98" fmla="*/ 79 w 308"/>
                <a:gd name="T99" fmla="*/ 29 h 536"/>
                <a:gd name="T100" fmla="*/ 73 w 308"/>
                <a:gd name="T101" fmla="*/ 36 h 536"/>
                <a:gd name="T102" fmla="*/ 68 w 308"/>
                <a:gd name="T103" fmla="*/ 47 h 536"/>
                <a:gd name="T104" fmla="*/ 71 w 308"/>
                <a:gd name="T105" fmla="*/ 63 h 536"/>
                <a:gd name="T106" fmla="*/ 85 w 308"/>
                <a:gd name="T107" fmla="*/ 73 h 536"/>
                <a:gd name="T108" fmla="*/ 86 w 308"/>
                <a:gd name="T109" fmla="*/ 84 h 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0" t="0" r="r" b="b"/>
              <a:pathLst>
                <a:path w="308" h="536">
                  <a:moveTo>
                    <a:pt x="259" y="252"/>
                  </a:moveTo>
                  <a:lnTo>
                    <a:pt x="261" y="257"/>
                  </a:lnTo>
                  <a:lnTo>
                    <a:pt x="262" y="262"/>
                  </a:lnTo>
                  <a:lnTo>
                    <a:pt x="262" y="265"/>
                  </a:lnTo>
                  <a:lnTo>
                    <a:pt x="263" y="267"/>
                  </a:lnTo>
                  <a:lnTo>
                    <a:pt x="266" y="269"/>
                  </a:lnTo>
                  <a:lnTo>
                    <a:pt x="269" y="269"/>
                  </a:lnTo>
                  <a:lnTo>
                    <a:pt x="266" y="275"/>
                  </a:lnTo>
                  <a:lnTo>
                    <a:pt x="264" y="281"/>
                  </a:lnTo>
                  <a:lnTo>
                    <a:pt x="265" y="287"/>
                  </a:lnTo>
                  <a:lnTo>
                    <a:pt x="266" y="294"/>
                  </a:lnTo>
                  <a:lnTo>
                    <a:pt x="269" y="300"/>
                  </a:lnTo>
                  <a:lnTo>
                    <a:pt x="275" y="304"/>
                  </a:lnTo>
                  <a:lnTo>
                    <a:pt x="277" y="306"/>
                  </a:lnTo>
                  <a:lnTo>
                    <a:pt x="280" y="307"/>
                  </a:lnTo>
                  <a:lnTo>
                    <a:pt x="283" y="307"/>
                  </a:lnTo>
                  <a:lnTo>
                    <a:pt x="287" y="307"/>
                  </a:lnTo>
                  <a:lnTo>
                    <a:pt x="286" y="311"/>
                  </a:lnTo>
                  <a:lnTo>
                    <a:pt x="285" y="312"/>
                  </a:lnTo>
                  <a:lnTo>
                    <a:pt x="283" y="313"/>
                  </a:lnTo>
                  <a:lnTo>
                    <a:pt x="281" y="314"/>
                  </a:lnTo>
                  <a:lnTo>
                    <a:pt x="276" y="315"/>
                  </a:lnTo>
                  <a:lnTo>
                    <a:pt x="272" y="318"/>
                  </a:lnTo>
                  <a:lnTo>
                    <a:pt x="273" y="323"/>
                  </a:lnTo>
                  <a:lnTo>
                    <a:pt x="272" y="331"/>
                  </a:lnTo>
                  <a:lnTo>
                    <a:pt x="272" y="334"/>
                  </a:lnTo>
                  <a:lnTo>
                    <a:pt x="272" y="337"/>
                  </a:lnTo>
                  <a:lnTo>
                    <a:pt x="273" y="339"/>
                  </a:lnTo>
                  <a:lnTo>
                    <a:pt x="275" y="340"/>
                  </a:lnTo>
                  <a:lnTo>
                    <a:pt x="281" y="341"/>
                  </a:lnTo>
                  <a:lnTo>
                    <a:pt x="287" y="340"/>
                  </a:lnTo>
                  <a:lnTo>
                    <a:pt x="291" y="340"/>
                  </a:lnTo>
                  <a:lnTo>
                    <a:pt x="294" y="341"/>
                  </a:lnTo>
                  <a:lnTo>
                    <a:pt x="295" y="342"/>
                  </a:lnTo>
                  <a:lnTo>
                    <a:pt x="295" y="345"/>
                  </a:lnTo>
                  <a:lnTo>
                    <a:pt x="292" y="355"/>
                  </a:lnTo>
                  <a:lnTo>
                    <a:pt x="291" y="363"/>
                  </a:lnTo>
                  <a:lnTo>
                    <a:pt x="292" y="373"/>
                  </a:lnTo>
                  <a:lnTo>
                    <a:pt x="293" y="381"/>
                  </a:lnTo>
                  <a:lnTo>
                    <a:pt x="296" y="390"/>
                  </a:lnTo>
                  <a:lnTo>
                    <a:pt x="299" y="398"/>
                  </a:lnTo>
                  <a:lnTo>
                    <a:pt x="303" y="405"/>
                  </a:lnTo>
                  <a:lnTo>
                    <a:pt x="307" y="412"/>
                  </a:lnTo>
                  <a:lnTo>
                    <a:pt x="305" y="421"/>
                  </a:lnTo>
                  <a:lnTo>
                    <a:pt x="302" y="428"/>
                  </a:lnTo>
                  <a:lnTo>
                    <a:pt x="299" y="437"/>
                  </a:lnTo>
                  <a:lnTo>
                    <a:pt x="295" y="444"/>
                  </a:lnTo>
                  <a:lnTo>
                    <a:pt x="299" y="451"/>
                  </a:lnTo>
                  <a:lnTo>
                    <a:pt x="303" y="458"/>
                  </a:lnTo>
                  <a:lnTo>
                    <a:pt x="305" y="465"/>
                  </a:lnTo>
                  <a:lnTo>
                    <a:pt x="307" y="474"/>
                  </a:lnTo>
                  <a:lnTo>
                    <a:pt x="308" y="483"/>
                  </a:lnTo>
                  <a:lnTo>
                    <a:pt x="308" y="492"/>
                  </a:lnTo>
                  <a:lnTo>
                    <a:pt x="308" y="501"/>
                  </a:lnTo>
                  <a:lnTo>
                    <a:pt x="307" y="511"/>
                  </a:lnTo>
                  <a:lnTo>
                    <a:pt x="303" y="507"/>
                  </a:lnTo>
                  <a:lnTo>
                    <a:pt x="298" y="505"/>
                  </a:lnTo>
                  <a:lnTo>
                    <a:pt x="294" y="504"/>
                  </a:lnTo>
                  <a:lnTo>
                    <a:pt x="288" y="504"/>
                  </a:lnTo>
                  <a:lnTo>
                    <a:pt x="284" y="504"/>
                  </a:lnTo>
                  <a:lnTo>
                    <a:pt x="279" y="505"/>
                  </a:lnTo>
                  <a:lnTo>
                    <a:pt x="274" y="506"/>
                  </a:lnTo>
                  <a:lnTo>
                    <a:pt x="269" y="509"/>
                  </a:lnTo>
                  <a:lnTo>
                    <a:pt x="261" y="514"/>
                  </a:lnTo>
                  <a:lnTo>
                    <a:pt x="254" y="520"/>
                  </a:lnTo>
                  <a:lnTo>
                    <a:pt x="247" y="527"/>
                  </a:lnTo>
                  <a:lnTo>
                    <a:pt x="244" y="536"/>
                  </a:lnTo>
                  <a:lnTo>
                    <a:pt x="240" y="536"/>
                  </a:lnTo>
                  <a:lnTo>
                    <a:pt x="237" y="535"/>
                  </a:lnTo>
                  <a:lnTo>
                    <a:pt x="234" y="533"/>
                  </a:lnTo>
                  <a:lnTo>
                    <a:pt x="232" y="531"/>
                  </a:lnTo>
                  <a:lnTo>
                    <a:pt x="228" y="525"/>
                  </a:lnTo>
                  <a:lnTo>
                    <a:pt x="226" y="519"/>
                  </a:lnTo>
                  <a:lnTo>
                    <a:pt x="224" y="513"/>
                  </a:lnTo>
                  <a:lnTo>
                    <a:pt x="222" y="506"/>
                  </a:lnTo>
                  <a:lnTo>
                    <a:pt x="220" y="504"/>
                  </a:lnTo>
                  <a:lnTo>
                    <a:pt x="218" y="502"/>
                  </a:lnTo>
                  <a:lnTo>
                    <a:pt x="215" y="501"/>
                  </a:lnTo>
                  <a:lnTo>
                    <a:pt x="210" y="500"/>
                  </a:lnTo>
                  <a:lnTo>
                    <a:pt x="210" y="497"/>
                  </a:lnTo>
                  <a:lnTo>
                    <a:pt x="210" y="493"/>
                  </a:lnTo>
                  <a:lnTo>
                    <a:pt x="210" y="491"/>
                  </a:lnTo>
                  <a:lnTo>
                    <a:pt x="212" y="489"/>
                  </a:lnTo>
                  <a:lnTo>
                    <a:pt x="213" y="486"/>
                  </a:lnTo>
                  <a:lnTo>
                    <a:pt x="215" y="485"/>
                  </a:lnTo>
                  <a:lnTo>
                    <a:pt x="219" y="485"/>
                  </a:lnTo>
                  <a:lnTo>
                    <a:pt x="224" y="485"/>
                  </a:lnTo>
                  <a:lnTo>
                    <a:pt x="224" y="477"/>
                  </a:lnTo>
                  <a:lnTo>
                    <a:pt x="223" y="470"/>
                  </a:lnTo>
                  <a:lnTo>
                    <a:pt x="222" y="466"/>
                  </a:lnTo>
                  <a:lnTo>
                    <a:pt x="220" y="464"/>
                  </a:lnTo>
                  <a:lnTo>
                    <a:pt x="217" y="463"/>
                  </a:lnTo>
                  <a:lnTo>
                    <a:pt x="214" y="462"/>
                  </a:lnTo>
                  <a:lnTo>
                    <a:pt x="208" y="477"/>
                  </a:lnTo>
                  <a:lnTo>
                    <a:pt x="203" y="491"/>
                  </a:lnTo>
                  <a:lnTo>
                    <a:pt x="198" y="505"/>
                  </a:lnTo>
                  <a:lnTo>
                    <a:pt x="194" y="521"/>
                  </a:lnTo>
                  <a:lnTo>
                    <a:pt x="187" y="521"/>
                  </a:lnTo>
                  <a:lnTo>
                    <a:pt x="182" y="520"/>
                  </a:lnTo>
                  <a:lnTo>
                    <a:pt x="177" y="519"/>
                  </a:lnTo>
                  <a:lnTo>
                    <a:pt x="173" y="518"/>
                  </a:lnTo>
                  <a:lnTo>
                    <a:pt x="164" y="514"/>
                  </a:lnTo>
                  <a:lnTo>
                    <a:pt x="157" y="509"/>
                  </a:lnTo>
                  <a:lnTo>
                    <a:pt x="149" y="504"/>
                  </a:lnTo>
                  <a:lnTo>
                    <a:pt x="142" y="500"/>
                  </a:lnTo>
                  <a:lnTo>
                    <a:pt x="138" y="498"/>
                  </a:lnTo>
                  <a:lnTo>
                    <a:pt x="133" y="497"/>
                  </a:lnTo>
                  <a:lnTo>
                    <a:pt x="128" y="496"/>
                  </a:lnTo>
                  <a:lnTo>
                    <a:pt x="122" y="495"/>
                  </a:lnTo>
                  <a:lnTo>
                    <a:pt x="117" y="502"/>
                  </a:lnTo>
                  <a:lnTo>
                    <a:pt x="111" y="510"/>
                  </a:lnTo>
                  <a:lnTo>
                    <a:pt x="104" y="516"/>
                  </a:lnTo>
                  <a:lnTo>
                    <a:pt x="97" y="522"/>
                  </a:lnTo>
                  <a:lnTo>
                    <a:pt x="94" y="525"/>
                  </a:lnTo>
                  <a:lnTo>
                    <a:pt x="89" y="526"/>
                  </a:lnTo>
                  <a:lnTo>
                    <a:pt x="85" y="527"/>
                  </a:lnTo>
                  <a:lnTo>
                    <a:pt x="81" y="529"/>
                  </a:lnTo>
                  <a:lnTo>
                    <a:pt x="77" y="527"/>
                  </a:lnTo>
                  <a:lnTo>
                    <a:pt x="73" y="525"/>
                  </a:lnTo>
                  <a:lnTo>
                    <a:pt x="68" y="522"/>
                  </a:lnTo>
                  <a:lnTo>
                    <a:pt x="64" y="518"/>
                  </a:lnTo>
                  <a:lnTo>
                    <a:pt x="51" y="516"/>
                  </a:lnTo>
                  <a:lnTo>
                    <a:pt x="38" y="513"/>
                  </a:lnTo>
                  <a:lnTo>
                    <a:pt x="38" y="510"/>
                  </a:lnTo>
                  <a:lnTo>
                    <a:pt x="38" y="505"/>
                  </a:lnTo>
                  <a:lnTo>
                    <a:pt x="31" y="505"/>
                  </a:lnTo>
                  <a:lnTo>
                    <a:pt x="25" y="505"/>
                  </a:lnTo>
                  <a:lnTo>
                    <a:pt x="20" y="505"/>
                  </a:lnTo>
                  <a:lnTo>
                    <a:pt x="16" y="503"/>
                  </a:lnTo>
                  <a:lnTo>
                    <a:pt x="16" y="490"/>
                  </a:lnTo>
                  <a:lnTo>
                    <a:pt x="15" y="477"/>
                  </a:lnTo>
                  <a:lnTo>
                    <a:pt x="13" y="472"/>
                  </a:lnTo>
                  <a:lnTo>
                    <a:pt x="10" y="469"/>
                  </a:lnTo>
                  <a:lnTo>
                    <a:pt x="6" y="465"/>
                  </a:lnTo>
                  <a:lnTo>
                    <a:pt x="0" y="465"/>
                  </a:lnTo>
                  <a:lnTo>
                    <a:pt x="0" y="462"/>
                  </a:lnTo>
                  <a:lnTo>
                    <a:pt x="0" y="460"/>
                  </a:lnTo>
                  <a:lnTo>
                    <a:pt x="1" y="459"/>
                  </a:lnTo>
                  <a:lnTo>
                    <a:pt x="3" y="459"/>
                  </a:lnTo>
                  <a:lnTo>
                    <a:pt x="6" y="457"/>
                  </a:lnTo>
                  <a:lnTo>
                    <a:pt x="8" y="455"/>
                  </a:lnTo>
                  <a:lnTo>
                    <a:pt x="13" y="450"/>
                  </a:lnTo>
                  <a:lnTo>
                    <a:pt x="18" y="443"/>
                  </a:lnTo>
                  <a:lnTo>
                    <a:pt x="20" y="440"/>
                  </a:lnTo>
                  <a:lnTo>
                    <a:pt x="21" y="437"/>
                  </a:lnTo>
                  <a:lnTo>
                    <a:pt x="20" y="434"/>
                  </a:lnTo>
                  <a:lnTo>
                    <a:pt x="18" y="430"/>
                  </a:lnTo>
                  <a:lnTo>
                    <a:pt x="15" y="424"/>
                  </a:lnTo>
                  <a:lnTo>
                    <a:pt x="14" y="419"/>
                  </a:lnTo>
                  <a:lnTo>
                    <a:pt x="14" y="414"/>
                  </a:lnTo>
                  <a:lnTo>
                    <a:pt x="14" y="407"/>
                  </a:lnTo>
                  <a:lnTo>
                    <a:pt x="17" y="396"/>
                  </a:lnTo>
                  <a:lnTo>
                    <a:pt x="18" y="383"/>
                  </a:lnTo>
                  <a:lnTo>
                    <a:pt x="20" y="382"/>
                  </a:lnTo>
                  <a:lnTo>
                    <a:pt x="21" y="379"/>
                  </a:lnTo>
                  <a:lnTo>
                    <a:pt x="21" y="376"/>
                  </a:lnTo>
                  <a:lnTo>
                    <a:pt x="21" y="373"/>
                  </a:lnTo>
                  <a:lnTo>
                    <a:pt x="20" y="365"/>
                  </a:lnTo>
                  <a:lnTo>
                    <a:pt x="21" y="358"/>
                  </a:lnTo>
                  <a:lnTo>
                    <a:pt x="22" y="354"/>
                  </a:lnTo>
                  <a:lnTo>
                    <a:pt x="23" y="348"/>
                  </a:lnTo>
                  <a:lnTo>
                    <a:pt x="27" y="346"/>
                  </a:lnTo>
                  <a:lnTo>
                    <a:pt x="33" y="345"/>
                  </a:lnTo>
                  <a:lnTo>
                    <a:pt x="38" y="345"/>
                  </a:lnTo>
                  <a:lnTo>
                    <a:pt x="43" y="345"/>
                  </a:lnTo>
                  <a:lnTo>
                    <a:pt x="44" y="341"/>
                  </a:lnTo>
                  <a:lnTo>
                    <a:pt x="44" y="337"/>
                  </a:lnTo>
                  <a:lnTo>
                    <a:pt x="43" y="334"/>
                  </a:lnTo>
                  <a:lnTo>
                    <a:pt x="42" y="332"/>
                  </a:lnTo>
                  <a:lnTo>
                    <a:pt x="39" y="327"/>
                  </a:lnTo>
                  <a:lnTo>
                    <a:pt x="36" y="322"/>
                  </a:lnTo>
                  <a:lnTo>
                    <a:pt x="38" y="318"/>
                  </a:lnTo>
                  <a:lnTo>
                    <a:pt x="40" y="313"/>
                  </a:lnTo>
                  <a:lnTo>
                    <a:pt x="44" y="310"/>
                  </a:lnTo>
                  <a:lnTo>
                    <a:pt x="48" y="305"/>
                  </a:lnTo>
                  <a:lnTo>
                    <a:pt x="53" y="302"/>
                  </a:lnTo>
                  <a:lnTo>
                    <a:pt x="58" y="300"/>
                  </a:lnTo>
                  <a:lnTo>
                    <a:pt x="63" y="298"/>
                  </a:lnTo>
                  <a:lnTo>
                    <a:pt x="68" y="297"/>
                  </a:lnTo>
                  <a:lnTo>
                    <a:pt x="81" y="295"/>
                  </a:lnTo>
                  <a:lnTo>
                    <a:pt x="93" y="296"/>
                  </a:lnTo>
                  <a:lnTo>
                    <a:pt x="98" y="296"/>
                  </a:lnTo>
                  <a:lnTo>
                    <a:pt x="103" y="298"/>
                  </a:lnTo>
                  <a:lnTo>
                    <a:pt x="107" y="300"/>
                  </a:lnTo>
                  <a:lnTo>
                    <a:pt x="111" y="302"/>
                  </a:lnTo>
                  <a:lnTo>
                    <a:pt x="117" y="300"/>
                  </a:lnTo>
                  <a:lnTo>
                    <a:pt x="120" y="298"/>
                  </a:lnTo>
                  <a:lnTo>
                    <a:pt x="124" y="294"/>
                  </a:lnTo>
                  <a:lnTo>
                    <a:pt x="127" y="291"/>
                  </a:lnTo>
                  <a:lnTo>
                    <a:pt x="133" y="283"/>
                  </a:lnTo>
                  <a:lnTo>
                    <a:pt x="140" y="277"/>
                  </a:lnTo>
                  <a:lnTo>
                    <a:pt x="144" y="244"/>
                  </a:lnTo>
                  <a:lnTo>
                    <a:pt x="146" y="217"/>
                  </a:lnTo>
                  <a:lnTo>
                    <a:pt x="145" y="204"/>
                  </a:lnTo>
                  <a:lnTo>
                    <a:pt x="142" y="192"/>
                  </a:lnTo>
                  <a:lnTo>
                    <a:pt x="140" y="185"/>
                  </a:lnTo>
                  <a:lnTo>
                    <a:pt x="138" y="180"/>
                  </a:lnTo>
                  <a:lnTo>
                    <a:pt x="134" y="174"/>
                  </a:lnTo>
                  <a:lnTo>
                    <a:pt x="129" y="167"/>
                  </a:lnTo>
                  <a:lnTo>
                    <a:pt x="125" y="166"/>
                  </a:lnTo>
                  <a:lnTo>
                    <a:pt x="121" y="164"/>
                  </a:lnTo>
                  <a:lnTo>
                    <a:pt x="118" y="161"/>
                  </a:lnTo>
                  <a:lnTo>
                    <a:pt x="116" y="158"/>
                  </a:lnTo>
                  <a:lnTo>
                    <a:pt x="110" y="151"/>
                  </a:lnTo>
                  <a:lnTo>
                    <a:pt x="107" y="142"/>
                  </a:lnTo>
                  <a:lnTo>
                    <a:pt x="106" y="134"/>
                  </a:lnTo>
                  <a:lnTo>
                    <a:pt x="107" y="124"/>
                  </a:lnTo>
                  <a:lnTo>
                    <a:pt x="107" y="120"/>
                  </a:lnTo>
                  <a:lnTo>
                    <a:pt x="107" y="116"/>
                  </a:lnTo>
                  <a:lnTo>
                    <a:pt x="106" y="113"/>
                  </a:lnTo>
                  <a:lnTo>
                    <a:pt x="104" y="109"/>
                  </a:lnTo>
                  <a:lnTo>
                    <a:pt x="98" y="102"/>
                  </a:lnTo>
                  <a:lnTo>
                    <a:pt x="94" y="95"/>
                  </a:lnTo>
                  <a:lnTo>
                    <a:pt x="89" y="85"/>
                  </a:lnTo>
                  <a:lnTo>
                    <a:pt x="85" y="77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3" y="57"/>
                  </a:lnTo>
                  <a:lnTo>
                    <a:pt x="69" y="54"/>
                  </a:lnTo>
                  <a:lnTo>
                    <a:pt x="65" y="50"/>
                  </a:lnTo>
                  <a:lnTo>
                    <a:pt x="61" y="48"/>
                  </a:lnTo>
                  <a:lnTo>
                    <a:pt x="61" y="40"/>
                  </a:lnTo>
                  <a:lnTo>
                    <a:pt x="61" y="34"/>
                  </a:lnTo>
                  <a:lnTo>
                    <a:pt x="61" y="27"/>
                  </a:lnTo>
                  <a:lnTo>
                    <a:pt x="63" y="21"/>
                  </a:lnTo>
                  <a:lnTo>
                    <a:pt x="66" y="10"/>
                  </a:lnTo>
                  <a:lnTo>
                    <a:pt x="71" y="0"/>
                  </a:lnTo>
                  <a:lnTo>
                    <a:pt x="82" y="0"/>
                  </a:lnTo>
                  <a:lnTo>
                    <a:pt x="91" y="1"/>
                  </a:lnTo>
                  <a:lnTo>
                    <a:pt x="101" y="2"/>
                  </a:lnTo>
                  <a:lnTo>
                    <a:pt x="109" y="3"/>
                  </a:lnTo>
                  <a:lnTo>
                    <a:pt x="118" y="5"/>
                  </a:lnTo>
                  <a:lnTo>
                    <a:pt x="125" y="8"/>
                  </a:lnTo>
                  <a:lnTo>
                    <a:pt x="133" y="12"/>
                  </a:lnTo>
                  <a:lnTo>
                    <a:pt x="139" y="15"/>
                  </a:lnTo>
                  <a:lnTo>
                    <a:pt x="152" y="23"/>
                  </a:lnTo>
                  <a:lnTo>
                    <a:pt x="163" y="33"/>
                  </a:lnTo>
                  <a:lnTo>
                    <a:pt x="174" y="43"/>
                  </a:lnTo>
                  <a:lnTo>
                    <a:pt x="183" y="54"/>
                  </a:lnTo>
                  <a:lnTo>
                    <a:pt x="195" y="54"/>
                  </a:lnTo>
                  <a:lnTo>
                    <a:pt x="205" y="55"/>
                  </a:lnTo>
                  <a:lnTo>
                    <a:pt x="216" y="57"/>
                  </a:lnTo>
                  <a:lnTo>
                    <a:pt x="225" y="60"/>
                  </a:lnTo>
                  <a:lnTo>
                    <a:pt x="228" y="62"/>
                  </a:lnTo>
                  <a:lnTo>
                    <a:pt x="232" y="65"/>
                  </a:lnTo>
                  <a:lnTo>
                    <a:pt x="235" y="68"/>
                  </a:lnTo>
                  <a:lnTo>
                    <a:pt x="237" y="72"/>
                  </a:lnTo>
                  <a:lnTo>
                    <a:pt x="238" y="76"/>
                  </a:lnTo>
                  <a:lnTo>
                    <a:pt x="238" y="81"/>
                  </a:lnTo>
                  <a:lnTo>
                    <a:pt x="238" y="86"/>
                  </a:lnTo>
                  <a:lnTo>
                    <a:pt x="237" y="92"/>
                  </a:lnTo>
                  <a:lnTo>
                    <a:pt x="235" y="96"/>
                  </a:lnTo>
                  <a:lnTo>
                    <a:pt x="230" y="100"/>
                  </a:lnTo>
                  <a:lnTo>
                    <a:pt x="226" y="104"/>
                  </a:lnTo>
                  <a:lnTo>
                    <a:pt x="221" y="109"/>
                  </a:lnTo>
                  <a:lnTo>
                    <a:pt x="217" y="115"/>
                  </a:lnTo>
                  <a:lnTo>
                    <a:pt x="212" y="120"/>
                  </a:lnTo>
                  <a:lnTo>
                    <a:pt x="208" y="125"/>
                  </a:lnTo>
                  <a:lnTo>
                    <a:pt x="206" y="133"/>
                  </a:lnTo>
                  <a:lnTo>
                    <a:pt x="204" y="140"/>
                  </a:lnTo>
                  <a:lnTo>
                    <a:pt x="204" y="146"/>
                  </a:lnTo>
                  <a:lnTo>
                    <a:pt x="204" y="154"/>
                  </a:lnTo>
                  <a:lnTo>
                    <a:pt x="205" y="160"/>
                  </a:lnTo>
                  <a:lnTo>
                    <a:pt x="208" y="173"/>
                  </a:lnTo>
                  <a:lnTo>
                    <a:pt x="214" y="188"/>
                  </a:lnTo>
                  <a:lnTo>
                    <a:pt x="232" y="197"/>
                  </a:lnTo>
                  <a:lnTo>
                    <a:pt x="248" y="207"/>
                  </a:lnTo>
                  <a:lnTo>
                    <a:pt x="252" y="212"/>
                  </a:lnTo>
                  <a:lnTo>
                    <a:pt x="255" y="215"/>
                  </a:lnTo>
                  <a:lnTo>
                    <a:pt x="257" y="219"/>
                  </a:lnTo>
                  <a:lnTo>
                    <a:pt x="259" y="224"/>
                  </a:lnTo>
                  <a:lnTo>
                    <a:pt x="260" y="229"/>
                  </a:lnTo>
                  <a:lnTo>
                    <a:pt x="261" y="237"/>
                  </a:lnTo>
                  <a:lnTo>
                    <a:pt x="260" y="243"/>
                  </a:lnTo>
                  <a:lnTo>
                    <a:pt x="259" y="252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90" name="Fredrikssund kant"/>
            <p:cNvSpPr>
              <a:spLocks/>
            </p:cNvSpPr>
            <p:nvPr/>
          </p:nvSpPr>
          <p:spPr bwMode="auto">
            <a:xfrm>
              <a:off x="3452813" y="4616450"/>
              <a:ext cx="161925" cy="284163"/>
            </a:xfrm>
            <a:custGeom>
              <a:avLst/>
              <a:gdLst>
                <a:gd name="T0" fmla="*/ 87 w 308"/>
                <a:gd name="T1" fmla="*/ 89 h 536"/>
                <a:gd name="T2" fmla="*/ 88 w 308"/>
                <a:gd name="T3" fmla="*/ 96 h 536"/>
                <a:gd name="T4" fmla="*/ 93 w 308"/>
                <a:gd name="T5" fmla="*/ 103 h 536"/>
                <a:gd name="T6" fmla="*/ 94 w 308"/>
                <a:gd name="T7" fmla="*/ 105 h 536"/>
                <a:gd name="T8" fmla="*/ 90 w 308"/>
                <a:gd name="T9" fmla="*/ 111 h 536"/>
                <a:gd name="T10" fmla="*/ 93 w 308"/>
                <a:gd name="T11" fmla="*/ 114 h 536"/>
                <a:gd name="T12" fmla="*/ 98 w 308"/>
                <a:gd name="T13" fmla="*/ 115 h 536"/>
                <a:gd name="T14" fmla="*/ 98 w 308"/>
                <a:gd name="T15" fmla="*/ 130 h 536"/>
                <a:gd name="T16" fmla="*/ 100 w 308"/>
                <a:gd name="T17" fmla="*/ 143 h 536"/>
                <a:gd name="T18" fmla="*/ 101 w 308"/>
                <a:gd name="T19" fmla="*/ 155 h 536"/>
                <a:gd name="T20" fmla="*/ 102 w 308"/>
                <a:gd name="T21" fmla="*/ 171 h 536"/>
                <a:gd name="T22" fmla="*/ 94 w 308"/>
                <a:gd name="T23" fmla="*/ 168 h 536"/>
                <a:gd name="T24" fmla="*/ 84 w 308"/>
                <a:gd name="T25" fmla="*/ 174 h 536"/>
                <a:gd name="T26" fmla="*/ 77 w 308"/>
                <a:gd name="T27" fmla="*/ 178 h 536"/>
                <a:gd name="T28" fmla="*/ 74 w 308"/>
                <a:gd name="T29" fmla="*/ 169 h 536"/>
                <a:gd name="T30" fmla="*/ 70 w 308"/>
                <a:gd name="T31" fmla="*/ 166 h 536"/>
                <a:gd name="T32" fmla="*/ 71 w 308"/>
                <a:gd name="T33" fmla="*/ 162 h 536"/>
                <a:gd name="T34" fmla="*/ 74 w 308"/>
                <a:gd name="T35" fmla="*/ 156 h 536"/>
                <a:gd name="T36" fmla="*/ 67 w 308"/>
                <a:gd name="T37" fmla="*/ 164 h 536"/>
                <a:gd name="T38" fmla="*/ 59 w 308"/>
                <a:gd name="T39" fmla="*/ 173 h 536"/>
                <a:gd name="T40" fmla="*/ 47 w 308"/>
                <a:gd name="T41" fmla="*/ 167 h 536"/>
                <a:gd name="T42" fmla="*/ 39 w 308"/>
                <a:gd name="T43" fmla="*/ 168 h 536"/>
                <a:gd name="T44" fmla="*/ 29 w 308"/>
                <a:gd name="T45" fmla="*/ 176 h 536"/>
                <a:gd name="T46" fmla="*/ 23 w 308"/>
                <a:gd name="T47" fmla="*/ 174 h 536"/>
                <a:gd name="T48" fmla="*/ 13 w 308"/>
                <a:gd name="T49" fmla="*/ 169 h 536"/>
                <a:gd name="T50" fmla="*/ 5 w 308"/>
                <a:gd name="T51" fmla="*/ 164 h 536"/>
                <a:gd name="T52" fmla="*/ 0 w 308"/>
                <a:gd name="T53" fmla="*/ 155 h 536"/>
                <a:gd name="T54" fmla="*/ 2 w 308"/>
                <a:gd name="T55" fmla="*/ 153 h 536"/>
                <a:gd name="T56" fmla="*/ 7 w 308"/>
                <a:gd name="T57" fmla="*/ 146 h 536"/>
                <a:gd name="T58" fmla="*/ 5 w 308"/>
                <a:gd name="T59" fmla="*/ 138 h 536"/>
                <a:gd name="T60" fmla="*/ 7 w 308"/>
                <a:gd name="T61" fmla="*/ 127 h 536"/>
                <a:gd name="T62" fmla="*/ 7 w 308"/>
                <a:gd name="T63" fmla="*/ 118 h 536"/>
                <a:gd name="T64" fmla="*/ 14 w 308"/>
                <a:gd name="T65" fmla="*/ 115 h 536"/>
                <a:gd name="T66" fmla="*/ 13 w 308"/>
                <a:gd name="T67" fmla="*/ 109 h 536"/>
                <a:gd name="T68" fmla="*/ 16 w 308"/>
                <a:gd name="T69" fmla="*/ 102 h 536"/>
                <a:gd name="T70" fmla="*/ 27 w 308"/>
                <a:gd name="T71" fmla="*/ 99 h 536"/>
                <a:gd name="T72" fmla="*/ 37 w 308"/>
                <a:gd name="T73" fmla="*/ 101 h 536"/>
                <a:gd name="T74" fmla="*/ 44 w 308"/>
                <a:gd name="T75" fmla="*/ 95 h 536"/>
                <a:gd name="T76" fmla="*/ 47 w 308"/>
                <a:gd name="T77" fmla="*/ 64 h 536"/>
                <a:gd name="T78" fmla="*/ 41 w 308"/>
                <a:gd name="T79" fmla="*/ 55 h 536"/>
                <a:gd name="T80" fmla="*/ 35 w 308"/>
                <a:gd name="T81" fmla="*/ 47 h 536"/>
                <a:gd name="T82" fmla="*/ 35 w 308"/>
                <a:gd name="T83" fmla="*/ 38 h 536"/>
                <a:gd name="T84" fmla="*/ 28 w 308"/>
                <a:gd name="T85" fmla="*/ 26 h 536"/>
                <a:gd name="T86" fmla="*/ 22 w 308"/>
                <a:gd name="T87" fmla="*/ 17 h 536"/>
                <a:gd name="T88" fmla="*/ 21 w 308"/>
                <a:gd name="T89" fmla="*/ 7 h 536"/>
                <a:gd name="T90" fmla="*/ 33 w 308"/>
                <a:gd name="T91" fmla="*/ 1 h 536"/>
                <a:gd name="T92" fmla="*/ 46 w 308"/>
                <a:gd name="T93" fmla="*/ 5 h 536"/>
                <a:gd name="T94" fmla="*/ 65 w 308"/>
                <a:gd name="T95" fmla="*/ 18 h 536"/>
                <a:gd name="T96" fmla="*/ 77 w 308"/>
                <a:gd name="T97" fmla="*/ 22 h 536"/>
                <a:gd name="T98" fmla="*/ 79 w 308"/>
                <a:gd name="T99" fmla="*/ 29 h 536"/>
                <a:gd name="T100" fmla="*/ 73 w 308"/>
                <a:gd name="T101" fmla="*/ 36 h 536"/>
                <a:gd name="T102" fmla="*/ 68 w 308"/>
                <a:gd name="T103" fmla="*/ 47 h 536"/>
                <a:gd name="T104" fmla="*/ 71 w 308"/>
                <a:gd name="T105" fmla="*/ 63 h 536"/>
                <a:gd name="T106" fmla="*/ 85 w 308"/>
                <a:gd name="T107" fmla="*/ 73 h 536"/>
                <a:gd name="T108" fmla="*/ 86 w 308"/>
                <a:gd name="T109" fmla="*/ 84 h 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0" t="0" r="r" b="b"/>
              <a:pathLst>
                <a:path w="308" h="536">
                  <a:moveTo>
                    <a:pt x="259" y="252"/>
                  </a:moveTo>
                  <a:lnTo>
                    <a:pt x="261" y="257"/>
                  </a:lnTo>
                  <a:lnTo>
                    <a:pt x="262" y="262"/>
                  </a:lnTo>
                  <a:lnTo>
                    <a:pt x="262" y="265"/>
                  </a:lnTo>
                  <a:lnTo>
                    <a:pt x="263" y="267"/>
                  </a:lnTo>
                  <a:lnTo>
                    <a:pt x="266" y="269"/>
                  </a:lnTo>
                  <a:lnTo>
                    <a:pt x="269" y="269"/>
                  </a:lnTo>
                  <a:lnTo>
                    <a:pt x="266" y="275"/>
                  </a:lnTo>
                  <a:lnTo>
                    <a:pt x="264" y="281"/>
                  </a:lnTo>
                  <a:lnTo>
                    <a:pt x="265" y="287"/>
                  </a:lnTo>
                  <a:lnTo>
                    <a:pt x="266" y="294"/>
                  </a:lnTo>
                  <a:lnTo>
                    <a:pt x="269" y="300"/>
                  </a:lnTo>
                  <a:lnTo>
                    <a:pt x="275" y="304"/>
                  </a:lnTo>
                  <a:lnTo>
                    <a:pt x="277" y="306"/>
                  </a:lnTo>
                  <a:lnTo>
                    <a:pt x="280" y="307"/>
                  </a:lnTo>
                  <a:lnTo>
                    <a:pt x="283" y="307"/>
                  </a:lnTo>
                  <a:lnTo>
                    <a:pt x="287" y="307"/>
                  </a:lnTo>
                  <a:lnTo>
                    <a:pt x="286" y="311"/>
                  </a:lnTo>
                  <a:lnTo>
                    <a:pt x="285" y="312"/>
                  </a:lnTo>
                  <a:lnTo>
                    <a:pt x="283" y="313"/>
                  </a:lnTo>
                  <a:lnTo>
                    <a:pt x="281" y="314"/>
                  </a:lnTo>
                  <a:lnTo>
                    <a:pt x="276" y="315"/>
                  </a:lnTo>
                  <a:lnTo>
                    <a:pt x="272" y="318"/>
                  </a:lnTo>
                  <a:lnTo>
                    <a:pt x="273" y="323"/>
                  </a:lnTo>
                  <a:lnTo>
                    <a:pt x="272" y="331"/>
                  </a:lnTo>
                  <a:lnTo>
                    <a:pt x="272" y="334"/>
                  </a:lnTo>
                  <a:lnTo>
                    <a:pt x="272" y="337"/>
                  </a:lnTo>
                  <a:lnTo>
                    <a:pt x="273" y="339"/>
                  </a:lnTo>
                  <a:lnTo>
                    <a:pt x="275" y="340"/>
                  </a:lnTo>
                  <a:lnTo>
                    <a:pt x="281" y="341"/>
                  </a:lnTo>
                  <a:lnTo>
                    <a:pt x="287" y="340"/>
                  </a:lnTo>
                  <a:lnTo>
                    <a:pt x="291" y="340"/>
                  </a:lnTo>
                  <a:lnTo>
                    <a:pt x="294" y="341"/>
                  </a:lnTo>
                  <a:lnTo>
                    <a:pt x="295" y="342"/>
                  </a:lnTo>
                  <a:lnTo>
                    <a:pt x="295" y="345"/>
                  </a:lnTo>
                  <a:lnTo>
                    <a:pt x="292" y="355"/>
                  </a:lnTo>
                  <a:lnTo>
                    <a:pt x="291" y="363"/>
                  </a:lnTo>
                  <a:lnTo>
                    <a:pt x="292" y="373"/>
                  </a:lnTo>
                  <a:lnTo>
                    <a:pt x="293" y="381"/>
                  </a:lnTo>
                  <a:lnTo>
                    <a:pt x="296" y="390"/>
                  </a:lnTo>
                  <a:lnTo>
                    <a:pt x="299" y="398"/>
                  </a:lnTo>
                  <a:lnTo>
                    <a:pt x="303" y="405"/>
                  </a:lnTo>
                  <a:lnTo>
                    <a:pt x="307" y="412"/>
                  </a:lnTo>
                  <a:lnTo>
                    <a:pt x="305" y="421"/>
                  </a:lnTo>
                  <a:lnTo>
                    <a:pt x="302" y="428"/>
                  </a:lnTo>
                  <a:lnTo>
                    <a:pt x="299" y="437"/>
                  </a:lnTo>
                  <a:lnTo>
                    <a:pt x="295" y="444"/>
                  </a:lnTo>
                  <a:lnTo>
                    <a:pt x="299" y="451"/>
                  </a:lnTo>
                  <a:lnTo>
                    <a:pt x="303" y="458"/>
                  </a:lnTo>
                  <a:lnTo>
                    <a:pt x="305" y="465"/>
                  </a:lnTo>
                  <a:lnTo>
                    <a:pt x="307" y="474"/>
                  </a:lnTo>
                  <a:lnTo>
                    <a:pt x="308" y="483"/>
                  </a:lnTo>
                  <a:lnTo>
                    <a:pt x="308" y="492"/>
                  </a:lnTo>
                  <a:lnTo>
                    <a:pt x="308" y="501"/>
                  </a:lnTo>
                  <a:lnTo>
                    <a:pt x="307" y="511"/>
                  </a:lnTo>
                  <a:lnTo>
                    <a:pt x="303" y="507"/>
                  </a:lnTo>
                  <a:lnTo>
                    <a:pt x="298" y="505"/>
                  </a:lnTo>
                  <a:lnTo>
                    <a:pt x="294" y="504"/>
                  </a:lnTo>
                  <a:lnTo>
                    <a:pt x="288" y="504"/>
                  </a:lnTo>
                  <a:lnTo>
                    <a:pt x="284" y="504"/>
                  </a:lnTo>
                  <a:lnTo>
                    <a:pt x="279" y="505"/>
                  </a:lnTo>
                  <a:lnTo>
                    <a:pt x="274" y="506"/>
                  </a:lnTo>
                  <a:lnTo>
                    <a:pt x="269" y="509"/>
                  </a:lnTo>
                  <a:lnTo>
                    <a:pt x="261" y="514"/>
                  </a:lnTo>
                  <a:lnTo>
                    <a:pt x="254" y="520"/>
                  </a:lnTo>
                  <a:lnTo>
                    <a:pt x="247" y="527"/>
                  </a:lnTo>
                  <a:lnTo>
                    <a:pt x="244" y="536"/>
                  </a:lnTo>
                  <a:lnTo>
                    <a:pt x="240" y="536"/>
                  </a:lnTo>
                  <a:lnTo>
                    <a:pt x="237" y="535"/>
                  </a:lnTo>
                  <a:lnTo>
                    <a:pt x="234" y="533"/>
                  </a:lnTo>
                  <a:lnTo>
                    <a:pt x="232" y="531"/>
                  </a:lnTo>
                  <a:lnTo>
                    <a:pt x="228" y="525"/>
                  </a:lnTo>
                  <a:lnTo>
                    <a:pt x="226" y="519"/>
                  </a:lnTo>
                  <a:lnTo>
                    <a:pt x="224" y="513"/>
                  </a:lnTo>
                  <a:lnTo>
                    <a:pt x="222" y="506"/>
                  </a:lnTo>
                  <a:lnTo>
                    <a:pt x="220" y="504"/>
                  </a:lnTo>
                  <a:lnTo>
                    <a:pt x="218" y="502"/>
                  </a:lnTo>
                  <a:lnTo>
                    <a:pt x="215" y="501"/>
                  </a:lnTo>
                  <a:lnTo>
                    <a:pt x="210" y="500"/>
                  </a:lnTo>
                  <a:lnTo>
                    <a:pt x="210" y="497"/>
                  </a:lnTo>
                  <a:lnTo>
                    <a:pt x="210" y="493"/>
                  </a:lnTo>
                  <a:lnTo>
                    <a:pt x="210" y="491"/>
                  </a:lnTo>
                  <a:lnTo>
                    <a:pt x="212" y="489"/>
                  </a:lnTo>
                  <a:lnTo>
                    <a:pt x="213" y="486"/>
                  </a:lnTo>
                  <a:lnTo>
                    <a:pt x="215" y="485"/>
                  </a:lnTo>
                  <a:lnTo>
                    <a:pt x="219" y="485"/>
                  </a:lnTo>
                  <a:lnTo>
                    <a:pt x="224" y="485"/>
                  </a:lnTo>
                  <a:lnTo>
                    <a:pt x="224" y="477"/>
                  </a:lnTo>
                  <a:lnTo>
                    <a:pt x="223" y="470"/>
                  </a:lnTo>
                  <a:lnTo>
                    <a:pt x="222" y="466"/>
                  </a:lnTo>
                  <a:lnTo>
                    <a:pt x="220" y="464"/>
                  </a:lnTo>
                  <a:lnTo>
                    <a:pt x="217" y="463"/>
                  </a:lnTo>
                  <a:lnTo>
                    <a:pt x="214" y="462"/>
                  </a:lnTo>
                  <a:lnTo>
                    <a:pt x="208" y="477"/>
                  </a:lnTo>
                  <a:lnTo>
                    <a:pt x="203" y="491"/>
                  </a:lnTo>
                  <a:lnTo>
                    <a:pt x="198" y="505"/>
                  </a:lnTo>
                  <a:lnTo>
                    <a:pt x="194" y="521"/>
                  </a:lnTo>
                  <a:lnTo>
                    <a:pt x="187" y="521"/>
                  </a:lnTo>
                  <a:lnTo>
                    <a:pt x="182" y="520"/>
                  </a:lnTo>
                  <a:lnTo>
                    <a:pt x="177" y="519"/>
                  </a:lnTo>
                  <a:lnTo>
                    <a:pt x="173" y="518"/>
                  </a:lnTo>
                  <a:lnTo>
                    <a:pt x="164" y="514"/>
                  </a:lnTo>
                  <a:lnTo>
                    <a:pt x="157" y="509"/>
                  </a:lnTo>
                  <a:lnTo>
                    <a:pt x="149" y="504"/>
                  </a:lnTo>
                  <a:lnTo>
                    <a:pt x="142" y="500"/>
                  </a:lnTo>
                  <a:lnTo>
                    <a:pt x="138" y="498"/>
                  </a:lnTo>
                  <a:lnTo>
                    <a:pt x="133" y="497"/>
                  </a:lnTo>
                  <a:lnTo>
                    <a:pt x="128" y="496"/>
                  </a:lnTo>
                  <a:lnTo>
                    <a:pt x="122" y="495"/>
                  </a:lnTo>
                  <a:lnTo>
                    <a:pt x="117" y="502"/>
                  </a:lnTo>
                  <a:lnTo>
                    <a:pt x="111" y="510"/>
                  </a:lnTo>
                  <a:lnTo>
                    <a:pt x="104" y="516"/>
                  </a:lnTo>
                  <a:lnTo>
                    <a:pt x="97" y="522"/>
                  </a:lnTo>
                  <a:lnTo>
                    <a:pt x="94" y="525"/>
                  </a:lnTo>
                  <a:lnTo>
                    <a:pt x="89" y="526"/>
                  </a:lnTo>
                  <a:lnTo>
                    <a:pt x="85" y="527"/>
                  </a:lnTo>
                  <a:lnTo>
                    <a:pt x="81" y="529"/>
                  </a:lnTo>
                  <a:lnTo>
                    <a:pt x="77" y="527"/>
                  </a:lnTo>
                  <a:lnTo>
                    <a:pt x="73" y="525"/>
                  </a:lnTo>
                  <a:lnTo>
                    <a:pt x="68" y="522"/>
                  </a:lnTo>
                  <a:lnTo>
                    <a:pt x="64" y="518"/>
                  </a:lnTo>
                  <a:lnTo>
                    <a:pt x="51" y="516"/>
                  </a:lnTo>
                  <a:lnTo>
                    <a:pt x="38" y="513"/>
                  </a:lnTo>
                  <a:lnTo>
                    <a:pt x="38" y="510"/>
                  </a:lnTo>
                  <a:lnTo>
                    <a:pt x="38" y="505"/>
                  </a:lnTo>
                  <a:lnTo>
                    <a:pt x="31" y="505"/>
                  </a:lnTo>
                  <a:lnTo>
                    <a:pt x="25" y="505"/>
                  </a:lnTo>
                  <a:lnTo>
                    <a:pt x="20" y="505"/>
                  </a:lnTo>
                  <a:lnTo>
                    <a:pt x="16" y="503"/>
                  </a:lnTo>
                  <a:lnTo>
                    <a:pt x="16" y="490"/>
                  </a:lnTo>
                  <a:lnTo>
                    <a:pt x="15" y="477"/>
                  </a:lnTo>
                  <a:lnTo>
                    <a:pt x="13" y="472"/>
                  </a:lnTo>
                  <a:lnTo>
                    <a:pt x="10" y="469"/>
                  </a:lnTo>
                  <a:lnTo>
                    <a:pt x="6" y="465"/>
                  </a:lnTo>
                  <a:lnTo>
                    <a:pt x="0" y="465"/>
                  </a:lnTo>
                  <a:lnTo>
                    <a:pt x="0" y="462"/>
                  </a:lnTo>
                  <a:lnTo>
                    <a:pt x="0" y="460"/>
                  </a:lnTo>
                  <a:lnTo>
                    <a:pt x="1" y="459"/>
                  </a:lnTo>
                  <a:lnTo>
                    <a:pt x="3" y="459"/>
                  </a:lnTo>
                  <a:lnTo>
                    <a:pt x="6" y="457"/>
                  </a:lnTo>
                  <a:lnTo>
                    <a:pt x="8" y="455"/>
                  </a:lnTo>
                  <a:lnTo>
                    <a:pt x="13" y="450"/>
                  </a:lnTo>
                  <a:lnTo>
                    <a:pt x="18" y="443"/>
                  </a:lnTo>
                  <a:lnTo>
                    <a:pt x="20" y="440"/>
                  </a:lnTo>
                  <a:lnTo>
                    <a:pt x="21" y="437"/>
                  </a:lnTo>
                  <a:lnTo>
                    <a:pt x="20" y="434"/>
                  </a:lnTo>
                  <a:lnTo>
                    <a:pt x="18" y="430"/>
                  </a:lnTo>
                  <a:lnTo>
                    <a:pt x="15" y="424"/>
                  </a:lnTo>
                  <a:lnTo>
                    <a:pt x="14" y="419"/>
                  </a:lnTo>
                  <a:lnTo>
                    <a:pt x="14" y="414"/>
                  </a:lnTo>
                  <a:lnTo>
                    <a:pt x="14" y="407"/>
                  </a:lnTo>
                  <a:lnTo>
                    <a:pt x="17" y="396"/>
                  </a:lnTo>
                  <a:lnTo>
                    <a:pt x="18" y="383"/>
                  </a:lnTo>
                  <a:lnTo>
                    <a:pt x="20" y="382"/>
                  </a:lnTo>
                  <a:lnTo>
                    <a:pt x="21" y="379"/>
                  </a:lnTo>
                  <a:lnTo>
                    <a:pt x="21" y="376"/>
                  </a:lnTo>
                  <a:lnTo>
                    <a:pt x="21" y="373"/>
                  </a:lnTo>
                  <a:lnTo>
                    <a:pt x="20" y="365"/>
                  </a:lnTo>
                  <a:lnTo>
                    <a:pt x="21" y="358"/>
                  </a:lnTo>
                  <a:lnTo>
                    <a:pt x="22" y="354"/>
                  </a:lnTo>
                  <a:lnTo>
                    <a:pt x="23" y="348"/>
                  </a:lnTo>
                  <a:lnTo>
                    <a:pt x="27" y="346"/>
                  </a:lnTo>
                  <a:lnTo>
                    <a:pt x="33" y="345"/>
                  </a:lnTo>
                  <a:lnTo>
                    <a:pt x="38" y="345"/>
                  </a:lnTo>
                  <a:lnTo>
                    <a:pt x="43" y="345"/>
                  </a:lnTo>
                  <a:lnTo>
                    <a:pt x="44" y="341"/>
                  </a:lnTo>
                  <a:lnTo>
                    <a:pt x="44" y="337"/>
                  </a:lnTo>
                  <a:lnTo>
                    <a:pt x="43" y="334"/>
                  </a:lnTo>
                  <a:lnTo>
                    <a:pt x="42" y="332"/>
                  </a:lnTo>
                  <a:lnTo>
                    <a:pt x="39" y="327"/>
                  </a:lnTo>
                  <a:lnTo>
                    <a:pt x="36" y="322"/>
                  </a:lnTo>
                  <a:lnTo>
                    <a:pt x="38" y="318"/>
                  </a:lnTo>
                  <a:lnTo>
                    <a:pt x="40" y="313"/>
                  </a:lnTo>
                  <a:lnTo>
                    <a:pt x="44" y="310"/>
                  </a:lnTo>
                  <a:lnTo>
                    <a:pt x="48" y="305"/>
                  </a:lnTo>
                  <a:lnTo>
                    <a:pt x="53" y="302"/>
                  </a:lnTo>
                  <a:lnTo>
                    <a:pt x="58" y="300"/>
                  </a:lnTo>
                  <a:lnTo>
                    <a:pt x="63" y="298"/>
                  </a:lnTo>
                  <a:lnTo>
                    <a:pt x="68" y="297"/>
                  </a:lnTo>
                  <a:lnTo>
                    <a:pt x="81" y="295"/>
                  </a:lnTo>
                  <a:lnTo>
                    <a:pt x="93" y="296"/>
                  </a:lnTo>
                  <a:lnTo>
                    <a:pt x="98" y="296"/>
                  </a:lnTo>
                  <a:lnTo>
                    <a:pt x="103" y="298"/>
                  </a:lnTo>
                  <a:lnTo>
                    <a:pt x="107" y="300"/>
                  </a:lnTo>
                  <a:lnTo>
                    <a:pt x="111" y="302"/>
                  </a:lnTo>
                  <a:lnTo>
                    <a:pt x="117" y="300"/>
                  </a:lnTo>
                  <a:lnTo>
                    <a:pt x="120" y="298"/>
                  </a:lnTo>
                  <a:lnTo>
                    <a:pt x="124" y="294"/>
                  </a:lnTo>
                  <a:lnTo>
                    <a:pt x="127" y="291"/>
                  </a:lnTo>
                  <a:lnTo>
                    <a:pt x="133" y="283"/>
                  </a:lnTo>
                  <a:lnTo>
                    <a:pt x="140" y="277"/>
                  </a:lnTo>
                  <a:lnTo>
                    <a:pt x="144" y="244"/>
                  </a:lnTo>
                  <a:lnTo>
                    <a:pt x="146" y="217"/>
                  </a:lnTo>
                  <a:lnTo>
                    <a:pt x="145" y="204"/>
                  </a:lnTo>
                  <a:lnTo>
                    <a:pt x="142" y="192"/>
                  </a:lnTo>
                  <a:lnTo>
                    <a:pt x="140" y="185"/>
                  </a:lnTo>
                  <a:lnTo>
                    <a:pt x="138" y="180"/>
                  </a:lnTo>
                  <a:lnTo>
                    <a:pt x="134" y="174"/>
                  </a:lnTo>
                  <a:lnTo>
                    <a:pt x="129" y="167"/>
                  </a:lnTo>
                  <a:lnTo>
                    <a:pt x="125" y="166"/>
                  </a:lnTo>
                  <a:lnTo>
                    <a:pt x="121" y="164"/>
                  </a:lnTo>
                  <a:lnTo>
                    <a:pt x="118" y="161"/>
                  </a:lnTo>
                  <a:lnTo>
                    <a:pt x="116" y="158"/>
                  </a:lnTo>
                  <a:lnTo>
                    <a:pt x="110" y="151"/>
                  </a:lnTo>
                  <a:lnTo>
                    <a:pt x="107" y="142"/>
                  </a:lnTo>
                  <a:lnTo>
                    <a:pt x="106" y="134"/>
                  </a:lnTo>
                  <a:lnTo>
                    <a:pt x="107" y="124"/>
                  </a:lnTo>
                  <a:lnTo>
                    <a:pt x="107" y="120"/>
                  </a:lnTo>
                  <a:lnTo>
                    <a:pt x="107" y="116"/>
                  </a:lnTo>
                  <a:lnTo>
                    <a:pt x="106" y="113"/>
                  </a:lnTo>
                  <a:lnTo>
                    <a:pt x="104" y="109"/>
                  </a:lnTo>
                  <a:lnTo>
                    <a:pt x="98" y="102"/>
                  </a:lnTo>
                  <a:lnTo>
                    <a:pt x="94" y="95"/>
                  </a:lnTo>
                  <a:lnTo>
                    <a:pt x="89" y="85"/>
                  </a:lnTo>
                  <a:lnTo>
                    <a:pt x="85" y="77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3" y="57"/>
                  </a:lnTo>
                  <a:lnTo>
                    <a:pt x="69" y="54"/>
                  </a:lnTo>
                  <a:lnTo>
                    <a:pt x="65" y="50"/>
                  </a:lnTo>
                  <a:lnTo>
                    <a:pt x="61" y="48"/>
                  </a:lnTo>
                  <a:lnTo>
                    <a:pt x="61" y="40"/>
                  </a:lnTo>
                  <a:lnTo>
                    <a:pt x="61" y="34"/>
                  </a:lnTo>
                  <a:lnTo>
                    <a:pt x="61" y="27"/>
                  </a:lnTo>
                  <a:lnTo>
                    <a:pt x="63" y="21"/>
                  </a:lnTo>
                  <a:lnTo>
                    <a:pt x="66" y="10"/>
                  </a:lnTo>
                  <a:lnTo>
                    <a:pt x="71" y="0"/>
                  </a:lnTo>
                  <a:lnTo>
                    <a:pt x="82" y="0"/>
                  </a:lnTo>
                  <a:lnTo>
                    <a:pt x="91" y="1"/>
                  </a:lnTo>
                  <a:lnTo>
                    <a:pt x="101" y="2"/>
                  </a:lnTo>
                  <a:lnTo>
                    <a:pt x="109" y="3"/>
                  </a:lnTo>
                  <a:lnTo>
                    <a:pt x="118" y="5"/>
                  </a:lnTo>
                  <a:lnTo>
                    <a:pt x="125" y="8"/>
                  </a:lnTo>
                  <a:lnTo>
                    <a:pt x="133" y="12"/>
                  </a:lnTo>
                  <a:lnTo>
                    <a:pt x="139" y="15"/>
                  </a:lnTo>
                  <a:lnTo>
                    <a:pt x="152" y="23"/>
                  </a:lnTo>
                  <a:lnTo>
                    <a:pt x="163" y="33"/>
                  </a:lnTo>
                  <a:lnTo>
                    <a:pt x="174" y="43"/>
                  </a:lnTo>
                  <a:lnTo>
                    <a:pt x="183" y="54"/>
                  </a:lnTo>
                  <a:lnTo>
                    <a:pt x="195" y="54"/>
                  </a:lnTo>
                  <a:lnTo>
                    <a:pt x="205" y="55"/>
                  </a:lnTo>
                  <a:lnTo>
                    <a:pt x="216" y="57"/>
                  </a:lnTo>
                  <a:lnTo>
                    <a:pt x="225" y="60"/>
                  </a:lnTo>
                  <a:lnTo>
                    <a:pt x="228" y="62"/>
                  </a:lnTo>
                  <a:lnTo>
                    <a:pt x="232" y="65"/>
                  </a:lnTo>
                  <a:lnTo>
                    <a:pt x="235" y="68"/>
                  </a:lnTo>
                  <a:lnTo>
                    <a:pt x="237" y="72"/>
                  </a:lnTo>
                  <a:lnTo>
                    <a:pt x="238" y="76"/>
                  </a:lnTo>
                  <a:lnTo>
                    <a:pt x="238" y="81"/>
                  </a:lnTo>
                  <a:lnTo>
                    <a:pt x="238" y="86"/>
                  </a:lnTo>
                  <a:lnTo>
                    <a:pt x="237" y="92"/>
                  </a:lnTo>
                  <a:lnTo>
                    <a:pt x="235" y="96"/>
                  </a:lnTo>
                  <a:lnTo>
                    <a:pt x="230" y="100"/>
                  </a:lnTo>
                  <a:lnTo>
                    <a:pt x="226" y="104"/>
                  </a:lnTo>
                  <a:lnTo>
                    <a:pt x="221" y="109"/>
                  </a:lnTo>
                  <a:lnTo>
                    <a:pt x="217" y="115"/>
                  </a:lnTo>
                  <a:lnTo>
                    <a:pt x="212" y="120"/>
                  </a:lnTo>
                  <a:lnTo>
                    <a:pt x="208" y="125"/>
                  </a:lnTo>
                  <a:lnTo>
                    <a:pt x="206" y="133"/>
                  </a:lnTo>
                  <a:lnTo>
                    <a:pt x="204" y="140"/>
                  </a:lnTo>
                  <a:lnTo>
                    <a:pt x="204" y="146"/>
                  </a:lnTo>
                  <a:lnTo>
                    <a:pt x="204" y="154"/>
                  </a:lnTo>
                  <a:lnTo>
                    <a:pt x="205" y="160"/>
                  </a:lnTo>
                  <a:lnTo>
                    <a:pt x="208" y="173"/>
                  </a:lnTo>
                  <a:lnTo>
                    <a:pt x="214" y="188"/>
                  </a:lnTo>
                  <a:lnTo>
                    <a:pt x="232" y="197"/>
                  </a:lnTo>
                  <a:lnTo>
                    <a:pt x="248" y="207"/>
                  </a:lnTo>
                  <a:lnTo>
                    <a:pt x="252" y="212"/>
                  </a:lnTo>
                  <a:lnTo>
                    <a:pt x="255" y="215"/>
                  </a:lnTo>
                  <a:lnTo>
                    <a:pt x="257" y="219"/>
                  </a:lnTo>
                  <a:lnTo>
                    <a:pt x="259" y="224"/>
                  </a:lnTo>
                  <a:lnTo>
                    <a:pt x="260" y="229"/>
                  </a:lnTo>
                  <a:lnTo>
                    <a:pt x="261" y="237"/>
                  </a:lnTo>
                  <a:lnTo>
                    <a:pt x="260" y="243"/>
                  </a:lnTo>
                  <a:lnTo>
                    <a:pt x="259" y="252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91" name="Lyngby-Taarbæk"/>
            <p:cNvSpPr>
              <a:spLocks/>
            </p:cNvSpPr>
            <p:nvPr/>
          </p:nvSpPr>
          <p:spPr bwMode="auto">
            <a:xfrm>
              <a:off x="3878263" y="4762500"/>
              <a:ext cx="136525" cy="71438"/>
            </a:xfrm>
            <a:custGeom>
              <a:avLst/>
              <a:gdLst>
                <a:gd name="T0" fmla="*/ 56 w 257"/>
                <a:gd name="T1" fmla="*/ 34 h 135"/>
                <a:gd name="T2" fmla="*/ 54 w 257"/>
                <a:gd name="T3" fmla="*/ 35 h 135"/>
                <a:gd name="T4" fmla="*/ 51 w 257"/>
                <a:gd name="T5" fmla="*/ 38 h 135"/>
                <a:gd name="T6" fmla="*/ 48 w 257"/>
                <a:gd name="T7" fmla="*/ 40 h 135"/>
                <a:gd name="T8" fmla="*/ 44 w 257"/>
                <a:gd name="T9" fmla="*/ 42 h 135"/>
                <a:gd name="T10" fmla="*/ 40 w 257"/>
                <a:gd name="T11" fmla="*/ 44 h 135"/>
                <a:gd name="T12" fmla="*/ 36 w 257"/>
                <a:gd name="T13" fmla="*/ 45 h 135"/>
                <a:gd name="T14" fmla="*/ 32 w 257"/>
                <a:gd name="T15" fmla="*/ 42 h 135"/>
                <a:gd name="T16" fmla="*/ 33 w 257"/>
                <a:gd name="T17" fmla="*/ 37 h 135"/>
                <a:gd name="T18" fmla="*/ 35 w 257"/>
                <a:gd name="T19" fmla="*/ 36 h 135"/>
                <a:gd name="T20" fmla="*/ 36 w 257"/>
                <a:gd name="T21" fmla="*/ 34 h 135"/>
                <a:gd name="T22" fmla="*/ 34 w 257"/>
                <a:gd name="T23" fmla="*/ 33 h 135"/>
                <a:gd name="T24" fmla="*/ 32 w 257"/>
                <a:gd name="T25" fmla="*/ 32 h 135"/>
                <a:gd name="T26" fmla="*/ 28 w 257"/>
                <a:gd name="T27" fmla="*/ 33 h 135"/>
                <a:gd name="T28" fmla="*/ 24 w 257"/>
                <a:gd name="T29" fmla="*/ 34 h 135"/>
                <a:gd name="T30" fmla="*/ 20 w 257"/>
                <a:gd name="T31" fmla="*/ 34 h 135"/>
                <a:gd name="T32" fmla="*/ 18 w 257"/>
                <a:gd name="T33" fmla="*/ 34 h 135"/>
                <a:gd name="T34" fmla="*/ 13 w 257"/>
                <a:gd name="T35" fmla="*/ 32 h 135"/>
                <a:gd name="T36" fmla="*/ 7 w 257"/>
                <a:gd name="T37" fmla="*/ 32 h 135"/>
                <a:gd name="T38" fmla="*/ 3 w 257"/>
                <a:gd name="T39" fmla="*/ 33 h 135"/>
                <a:gd name="T40" fmla="*/ 1 w 257"/>
                <a:gd name="T41" fmla="*/ 30 h 135"/>
                <a:gd name="T42" fmla="*/ 1 w 257"/>
                <a:gd name="T43" fmla="*/ 26 h 135"/>
                <a:gd name="T44" fmla="*/ 2 w 257"/>
                <a:gd name="T45" fmla="*/ 26 h 135"/>
                <a:gd name="T46" fmla="*/ 4 w 257"/>
                <a:gd name="T47" fmla="*/ 25 h 135"/>
                <a:gd name="T48" fmla="*/ 10 w 257"/>
                <a:gd name="T49" fmla="*/ 23 h 135"/>
                <a:gd name="T50" fmla="*/ 13 w 257"/>
                <a:gd name="T51" fmla="*/ 24 h 135"/>
                <a:gd name="T52" fmla="*/ 14 w 257"/>
                <a:gd name="T53" fmla="*/ 23 h 135"/>
                <a:gd name="T54" fmla="*/ 15 w 257"/>
                <a:gd name="T55" fmla="*/ 20 h 135"/>
                <a:gd name="T56" fmla="*/ 15 w 257"/>
                <a:gd name="T57" fmla="*/ 17 h 135"/>
                <a:gd name="T58" fmla="*/ 13 w 257"/>
                <a:gd name="T59" fmla="*/ 15 h 135"/>
                <a:gd name="T60" fmla="*/ 13 w 257"/>
                <a:gd name="T61" fmla="*/ 14 h 135"/>
                <a:gd name="T62" fmla="*/ 14 w 257"/>
                <a:gd name="T63" fmla="*/ 13 h 135"/>
                <a:gd name="T64" fmla="*/ 16 w 257"/>
                <a:gd name="T65" fmla="*/ 14 h 135"/>
                <a:gd name="T66" fmla="*/ 20 w 257"/>
                <a:gd name="T67" fmla="*/ 13 h 135"/>
                <a:gd name="T68" fmla="*/ 24 w 257"/>
                <a:gd name="T69" fmla="*/ 12 h 135"/>
                <a:gd name="T70" fmla="*/ 25 w 257"/>
                <a:gd name="T71" fmla="*/ 12 h 135"/>
                <a:gd name="T72" fmla="*/ 26 w 257"/>
                <a:gd name="T73" fmla="*/ 14 h 135"/>
                <a:gd name="T74" fmla="*/ 34 w 257"/>
                <a:gd name="T75" fmla="*/ 14 h 135"/>
                <a:gd name="T76" fmla="*/ 44 w 257"/>
                <a:gd name="T77" fmla="*/ 10 h 135"/>
                <a:gd name="T78" fmla="*/ 52 w 257"/>
                <a:gd name="T79" fmla="*/ 9 h 135"/>
                <a:gd name="T80" fmla="*/ 58 w 257"/>
                <a:gd name="T81" fmla="*/ 8 h 135"/>
                <a:gd name="T82" fmla="*/ 65 w 257"/>
                <a:gd name="T83" fmla="*/ 6 h 135"/>
                <a:gd name="T84" fmla="*/ 71 w 257"/>
                <a:gd name="T85" fmla="*/ 4 h 135"/>
                <a:gd name="T86" fmla="*/ 77 w 257"/>
                <a:gd name="T87" fmla="*/ 2 h 135"/>
                <a:gd name="T88" fmla="*/ 81 w 257"/>
                <a:gd name="T89" fmla="*/ 2 h 135"/>
                <a:gd name="T90" fmla="*/ 84 w 257"/>
                <a:gd name="T91" fmla="*/ 6 h 135"/>
                <a:gd name="T92" fmla="*/ 86 w 257"/>
                <a:gd name="T93" fmla="*/ 13 h 135"/>
                <a:gd name="T94" fmla="*/ 86 w 257"/>
                <a:gd name="T95" fmla="*/ 20 h 135"/>
                <a:gd name="T96" fmla="*/ 86 w 257"/>
                <a:gd name="T97" fmla="*/ 25 h 135"/>
                <a:gd name="T98" fmla="*/ 83 w 257"/>
                <a:gd name="T99" fmla="*/ 26 h 135"/>
                <a:gd name="T100" fmla="*/ 79 w 257"/>
                <a:gd name="T101" fmla="*/ 28 h 135"/>
                <a:gd name="T102" fmla="*/ 74 w 257"/>
                <a:gd name="T103" fmla="*/ 31 h 135"/>
                <a:gd name="T104" fmla="*/ 69 w 257"/>
                <a:gd name="T105" fmla="*/ 34 h 135"/>
                <a:gd name="T106" fmla="*/ 66 w 257"/>
                <a:gd name="T107" fmla="*/ 34 h 135"/>
                <a:gd name="T108" fmla="*/ 62 w 257"/>
                <a:gd name="T109" fmla="*/ 33 h 135"/>
                <a:gd name="T110" fmla="*/ 57 w 257"/>
                <a:gd name="T111" fmla="*/ 33 h 135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257" h="135">
                  <a:moveTo>
                    <a:pt x="171" y="99"/>
                  </a:moveTo>
                  <a:lnTo>
                    <a:pt x="167" y="101"/>
                  </a:lnTo>
                  <a:lnTo>
                    <a:pt x="164" y="102"/>
                  </a:lnTo>
                  <a:lnTo>
                    <a:pt x="160" y="104"/>
                  </a:lnTo>
                  <a:lnTo>
                    <a:pt x="157" y="107"/>
                  </a:lnTo>
                  <a:lnTo>
                    <a:pt x="153" y="114"/>
                  </a:lnTo>
                  <a:lnTo>
                    <a:pt x="150" y="121"/>
                  </a:lnTo>
                  <a:lnTo>
                    <a:pt x="143" y="121"/>
                  </a:lnTo>
                  <a:lnTo>
                    <a:pt x="136" y="123"/>
                  </a:lnTo>
                  <a:lnTo>
                    <a:pt x="130" y="125"/>
                  </a:lnTo>
                  <a:lnTo>
                    <a:pt x="126" y="128"/>
                  </a:lnTo>
                  <a:lnTo>
                    <a:pt x="120" y="131"/>
                  </a:lnTo>
                  <a:lnTo>
                    <a:pt x="114" y="134"/>
                  </a:lnTo>
                  <a:lnTo>
                    <a:pt x="108" y="135"/>
                  </a:lnTo>
                  <a:lnTo>
                    <a:pt x="99" y="135"/>
                  </a:lnTo>
                  <a:lnTo>
                    <a:pt x="96" y="125"/>
                  </a:lnTo>
                  <a:lnTo>
                    <a:pt x="94" y="115"/>
                  </a:lnTo>
                  <a:lnTo>
                    <a:pt x="98" y="111"/>
                  </a:lnTo>
                  <a:lnTo>
                    <a:pt x="103" y="108"/>
                  </a:lnTo>
                  <a:lnTo>
                    <a:pt x="105" y="107"/>
                  </a:lnTo>
                  <a:lnTo>
                    <a:pt x="106" y="105"/>
                  </a:lnTo>
                  <a:lnTo>
                    <a:pt x="107" y="102"/>
                  </a:lnTo>
                  <a:lnTo>
                    <a:pt x="107" y="99"/>
                  </a:lnTo>
                  <a:lnTo>
                    <a:pt x="103" y="98"/>
                  </a:lnTo>
                  <a:lnTo>
                    <a:pt x="99" y="97"/>
                  </a:lnTo>
                  <a:lnTo>
                    <a:pt x="95" y="97"/>
                  </a:lnTo>
                  <a:lnTo>
                    <a:pt x="92" y="97"/>
                  </a:lnTo>
                  <a:lnTo>
                    <a:pt x="85" y="98"/>
                  </a:lnTo>
                  <a:lnTo>
                    <a:pt x="78" y="101"/>
                  </a:lnTo>
                  <a:lnTo>
                    <a:pt x="72" y="102"/>
                  </a:lnTo>
                  <a:lnTo>
                    <a:pt x="65" y="103"/>
                  </a:lnTo>
                  <a:lnTo>
                    <a:pt x="61" y="103"/>
                  </a:lnTo>
                  <a:lnTo>
                    <a:pt x="58" y="103"/>
                  </a:lnTo>
                  <a:lnTo>
                    <a:pt x="55" y="101"/>
                  </a:lnTo>
                  <a:lnTo>
                    <a:pt x="51" y="99"/>
                  </a:lnTo>
                  <a:lnTo>
                    <a:pt x="39" y="97"/>
                  </a:lnTo>
                  <a:lnTo>
                    <a:pt x="27" y="97"/>
                  </a:lnTo>
                  <a:lnTo>
                    <a:pt x="21" y="97"/>
                  </a:lnTo>
                  <a:lnTo>
                    <a:pt x="15" y="98"/>
                  </a:lnTo>
                  <a:lnTo>
                    <a:pt x="10" y="100"/>
                  </a:lnTo>
                  <a:lnTo>
                    <a:pt x="6" y="102"/>
                  </a:lnTo>
                  <a:lnTo>
                    <a:pt x="3" y="90"/>
                  </a:lnTo>
                  <a:lnTo>
                    <a:pt x="0" y="79"/>
                  </a:lnTo>
                  <a:lnTo>
                    <a:pt x="3" y="79"/>
                  </a:lnTo>
                  <a:lnTo>
                    <a:pt x="4" y="78"/>
                  </a:lnTo>
                  <a:lnTo>
                    <a:pt x="5" y="78"/>
                  </a:lnTo>
                  <a:lnTo>
                    <a:pt x="6" y="76"/>
                  </a:lnTo>
                  <a:lnTo>
                    <a:pt x="12" y="74"/>
                  </a:lnTo>
                  <a:lnTo>
                    <a:pt x="20" y="71"/>
                  </a:lnTo>
                  <a:lnTo>
                    <a:pt x="29" y="70"/>
                  </a:lnTo>
                  <a:lnTo>
                    <a:pt x="38" y="71"/>
                  </a:lnTo>
                  <a:lnTo>
                    <a:pt x="39" y="71"/>
                  </a:lnTo>
                  <a:lnTo>
                    <a:pt x="40" y="71"/>
                  </a:lnTo>
                  <a:lnTo>
                    <a:pt x="43" y="68"/>
                  </a:lnTo>
                  <a:lnTo>
                    <a:pt x="44" y="65"/>
                  </a:lnTo>
                  <a:lnTo>
                    <a:pt x="44" y="61"/>
                  </a:lnTo>
                  <a:lnTo>
                    <a:pt x="44" y="56"/>
                  </a:lnTo>
                  <a:lnTo>
                    <a:pt x="44" y="51"/>
                  </a:lnTo>
                  <a:lnTo>
                    <a:pt x="43" y="47"/>
                  </a:lnTo>
                  <a:lnTo>
                    <a:pt x="40" y="44"/>
                  </a:lnTo>
                  <a:lnTo>
                    <a:pt x="38" y="43"/>
                  </a:lnTo>
                  <a:lnTo>
                    <a:pt x="39" y="42"/>
                  </a:lnTo>
                  <a:lnTo>
                    <a:pt x="40" y="41"/>
                  </a:lnTo>
                  <a:lnTo>
                    <a:pt x="43" y="40"/>
                  </a:lnTo>
                  <a:lnTo>
                    <a:pt x="45" y="40"/>
                  </a:lnTo>
                  <a:lnTo>
                    <a:pt x="49" y="41"/>
                  </a:lnTo>
                  <a:lnTo>
                    <a:pt x="53" y="41"/>
                  </a:lnTo>
                  <a:lnTo>
                    <a:pt x="60" y="39"/>
                  </a:lnTo>
                  <a:lnTo>
                    <a:pt x="68" y="36"/>
                  </a:lnTo>
                  <a:lnTo>
                    <a:pt x="71" y="35"/>
                  </a:lnTo>
                  <a:lnTo>
                    <a:pt x="73" y="35"/>
                  </a:lnTo>
                  <a:lnTo>
                    <a:pt x="76" y="35"/>
                  </a:lnTo>
                  <a:lnTo>
                    <a:pt x="79" y="36"/>
                  </a:lnTo>
                  <a:lnTo>
                    <a:pt x="79" y="41"/>
                  </a:lnTo>
                  <a:lnTo>
                    <a:pt x="82" y="46"/>
                  </a:lnTo>
                  <a:lnTo>
                    <a:pt x="102" y="41"/>
                  </a:lnTo>
                  <a:lnTo>
                    <a:pt x="122" y="35"/>
                  </a:lnTo>
                  <a:lnTo>
                    <a:pt x="132" y="31"/>
                  </a:lnTo>
                  <a:lnTo>
                    <a:pt x="143" y="29"/>
                  </a:lnTo>
                  <a:lnTo>
                    <a:pt x="154" y="28"/>
                  </a:lnTo>
                  <a:lnTo>
                    <a:pt x="166" y="28"/>
                  </a:lnTo>
                  <a:lnTo>
                    <a:pt x="174" y="23"/>
                  </a:lnTo>
                  <a:lnTo>
                    <a:pt x="184" y="19"/>
                  </a:lnTo>
                  <a:lnTo>
                    <a:pt x="193" y="17"/>
                  </a:lnTo>
                  <a:lnTo>
                    <a:pt x="203" y="14"/>
                  </a:lnTo>
                  <a:lnTo>
                    <a:pt x="211" y="11"/>
                  </a:lnTo>
                  <a:lnTo>
                    <a:pt x="220" y="8"/>
                  </a:lnTo>
                  <a:lnTo>
                    <a:pt x="229" y="5"/>
                  </a:lnTo>
                  <a:lnTo>
                    <a:pt x="236" y="0"/>
                  </a:lnTo>
                  <a:lnTo>
                    <a:pt x="243" y="5"/>
                  </a:lnTo>
                  <a:lnTo>
                    <a:pt x="248" y="11"/>
                  </a:lnTo>
                  <a:lnTo>
                    <a:pt x="251" y="19"/>
                  </a:lnTo>
                  <a:lnTo>
                    <a:pt x="254" y="28"/>
                  </a:lnTo>
                  <a:lnTo>
                    <a:pt x="256" y="38"/>
                  </a:lnTo>
                  <a:lnTo>
                    <a:pt x="257" y="47"/>
                  </a:lnTo>
                  <a:lnTo>
                    <a:pt x="257" y="59"/>
                  </a:lnTo>
                  <a:lnTo>
                    <a:pt x="256" y="71"/>
                  </a:lnTo>
                  <a:lnTo>
                    <a:pt x="256" y="75"/>
                  </a:lnTo>
                  <a:lnTo>
                    <a:pt x="256" y="79"/>
                  </a:lnTo>
                  <a:lnTo>
                    <a:pt x="249" y="79"/>
                  </a:lnTo>
                  <a:lnTo>
                    <a:pt x="242" y="81"/>
                  </a:lnTo>
                  <a:lnTo>
                    <a:pt x="236" y="83"/>
                  </a:lnTo>
                  <a:lnTo>
                    <a:pt x="230" y="86"/>
                  </a:lnTo>
                  <a:lnTo>
                    <a:pt x="220" y="94"/>
                  </a:lnTo>
                  <a:lnTo>
                    <a:pt x="209" y="99"/>
                  </a:lnTo>
                  <a:lnTo>
                    <a:pt x="205" y="101"/>
                  </a:lnTo>
                  <a:lnTo>
                    <a:pt x="202" y="101"/>
                  </a:lnTo>
                  <a:lnTo>
                    <a:pt x="198" y="101"/>
                  </a:lnTo>
                  <a:lnTo>
                    <a:pt x="194" y="100"/>
                  </a:lnTo>
                  <a:lnTo>
                    <a:pt x="185" y="98"/>
                  </a:lnTo>
                  <a:lnTo>
                    <a:pt x="173" y="97"/>
                  </a:lnTo>
                  <a:lnTo>
                    <a:pt x="171" y="99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92" name="Lyngby-Taarbæk kant"/>
            <p:cNvSpPr>
              <a:spLocks/>
            </p:cNvSpPr>
            <p:nvPr/>
          </p:nvSpPr>
          <p:spPr bwMode="auto">
            <a:xfrm>
              <a:off x="3878263" y="4762500"/>
              <a:ext cx="136525" cy="71438"/>
            </a:xfrm>
            <a:custGeom>
              <a:avLst/>
              <a:gdLst>
                <a:gd name="T0" fmla="*/ 56 w 257"/>
                <a:gd name="T1" fmla="*/ 34 h 135"/>
                <a:gd name="T2" fmla="*/ 54 w 257"/>
                <a:gd name="T3" fmla="*/ 35 h 135"/>
                <a:gd name="T4" fmla="*/ 51 w 257"/>
                <a:gd name="T5" fmla="*/ 38 h 135"/>
                <a:gd name="T6" fmla="*/ 48 w 257"/>
                <a:gd name="T7" fmla="*/ 40 h 135"/>
                <a:gd name="T8" fmla="*/ 44 w 257"/>
                <a:gd name="T9" fmla="*/ 42 h 135"/>
                <a:gd name="T10" fmla="*/ 40 w 257"/>
                <a:gd name="T11" fmla="*/ 44 h 135"/>
                <a:gd name="T12" fmla="*/ 36 w 257"/>
                <a:gd name="T13" fmla="*/ 45 h 135"/>
                <a:gd name="T14" fmla="*/ 32 w 257"/>
                <a:gd name="T15" fmla="*/ 42 h 135"/>
                <a:gd name="T16" fmla="*/ 33 w 257"/>
                <a:gd name="T17" fmla="*/ 37 h 135"/>
                <a:gd name="T18" fmla="*/ 35 w 257"/>
                <a:gd name="T19" fmla="*/ 36 h 135"/>
                <a:gd name="T20" fmla="*/ 36 w 257"/>
                <a:gd name="T21" fmla="*/ 34 h 135"/>
                <a:gd name="T22" fmla="*/ 34 w 257"/>
                <a:gd name="T23" fmla="*/ 33 h 135"/>
                <a:gd name="T24" fmla="*/ 32 w 257"/>
                <a:gd name="T25" fmla="*/ 32 h 135"/>
                <a:gd name="T26" fmla="*/ 28 w 257"/>
                <a:gd name="T27" fmla="*/ 33 h 135"/>
                <a:gd name="T28" fmla="*/ 24 w 257"/>
                <a:gd name="T29" fmla="*/ 34 h 135"/>
                <a:gd name="T30" fmla="*/ 20 w 257"/>
                <a:gd name="T31" fmla="*/ 34 h 135"/>
                <a:gd name="T32" fmla="*/ 18 w 257"/>
                <a:gd name="T33" fmla="*/ 34 h 135"/>
                <a:gd name="T34" fmla="*/ 13 w 257"/>
                <a:gd name="T35" fmla="*/ 32 h 135"/>
                <a:gd name="T36" fmla="*/ 7 w 257"/>
                <a:gd name="T37" fmla="*/ 32 h 135"/>
                <a:gd name="T38" fmla="*/ 3 w 257"/>
                <a:gd name="T39" fmla="*/ 33 h 135"/>
                <a:gd name="T40" fmla="*/ 1 w 257"/>
                <a:gd name="T41" fmla="*/ 30 h 135"/>
                <a:gd name="T42" fmla="*/ 1 w 257"/>
                <a:gd name="T43" fmla="*/ 26 h 135"/>
                <a:gd name="T44" fmla="*/ 2 w 257"/>
                <a:gd name="T45" fmla="*/ 26 h 135"/>
                <a:gd name="T46" fmla="*/ 4 w 257"/>
                <a:gd name="T47" fmla="*/ 25 h 135"/>
                <a:gd name="T48" fmla="*/ 10 w 257"/>
                <a:gd name="T49" fmla="*/ 23 h 135"/>
                <a:gd name="T50" fmla="*/ 13 w 257"/>
                <a:gd name="T51" fmla="*/ 24 h 135"/>
                <a:gd name="T52" fmla="*/ 14 w 257"/>
                <a:gd name="T53" fmla="*/ 23 h 135"/>
                <a:gd name="T54" fmla="*/ 15 w 257"/>
                <a:gd name="T55" fmla="*/ 20 h 135"/>
                <a:gd name="T56" fmla="*/ 15 w 257"/>
                <a:gd name="T57" fmla="*/ 17 h 135"/>
                <a:gd name="T58" fmla="*/ 13 w 257"/>
                <a:gd name="T59" fmla="*/ 15 h 135"/>
                <a:gd name="T60" fmla="*/ 13 w 257"/>
                <a:gd name="T61" fmla="*/ 14 h 135"/>
                <a:gd name="T62" fmla="*/ 14 w 257"/>
                <a:gd name="T63" fmla="*/ 13 h 135"/>
                <a:gd name="T64" fmla="*/ 16 w 257"/>
                <a:gd name="T65" fmla="*/ 14 h 135"/>
                <a:gd name="T66" fmla="*/ 20 w 257"/>
                <a:gd name="T67" fmla="*/ 13 h 135"/>
                <a:gd name="T68" fmla="*/ 24 w 257"/>
                <a:gd name="T69" fmla="*/ 12 h 135"/>
                <a:gd name="T70" fmla="*/ 25 w 257"/>
                <a:gd name="T71" fmla="*/ 12 h 135"/>
                <a:gd name="T72" fmla="*/ 26 w 257"/>
                <a:gd name="T73" fmla="*/ 14 h 135"/>
                <a:gd name="T74" fmla="*/ 34 w 257"/>
                <a:gd name="T75" fmla="*/ 14 h 135"/>
                <a:gd name="T76" fmla="*/ 44 w 257"/>
                <a:gd name="T77" fmla="*/ 10 h 135"/>
                <a:gd name="T78" fmla="*/ 52 w 257"/>
                <a:gd name="T79" fmla="*/ 9 h 135"/>
                <a:gd name="T80" fmla="*/ 58 w 257"/>
                <a:gd name="T81" fmla="*/ 8 h 135"/>
                <a:gd name="T82" fmla="*/ 65 w 257"/>
                <a:gd name="T83" fmla="*/ 6 h 135"/>
                <a:gd name="T84" fmla="*/ 71 w 257"/>
                <a:gd name="T85" fmla="*/ 4 h 135"/>
                <a:gd name="T86" fmla="*/ 77 w 257"/>
                <a:gd name="T87" fmla="*/ 2 h 135"/>
                <a:gd name="T88" fmla="*/ 81 w 257"/>
                <a:gd name="T89" fmla="*/ 2 h 135"/>
                <a:gd name="T90" fmla="*/ 84 w 257"/>
                <a:gd name="T91" fmla="*/ 6 h 135"/>
                <a:gd name="T92" fmla="*/ 86 w 257"/>
                <a:gd name="T93" fmla="*/ 13 h 135"/>
                <a:gd name="T94" fmla="*/ 86 w 257"/>
                <a:gd name="T95" fmla="*/ 20 h 135"/>
                <a:gd name="T96" fmla="*/ 86 w 257"/>
                <a:gd name="T97" fmla="*/ 25 h 135"/>
                <a:gd name="T98" fmla="*/ 83 w 257"/>
                <a:gd name="T99" fmla="*/ 26 h 135"/>
                <a:gd name="T100" fmla="*/ 79 w 257"/>
                <a:gd name="T101" fmla="*/ 28 h 135"/>
                <a:gd name="T102" fmla="*/ 74 w 257"/>
                <a:gd name="T103" fmla="*/ 31 h 135"/>
                <a:gd name="T104" fmla="*/ 69 w 257"/>
                <a:gd name="T105" fmla="*/ 34 h 135"/>
                <a:gd name="T106" fmla="*/ 66 w 257"/>
                <a:gd name="T107" fmla="*/ 34 h 135"/>
                <a:gd name="T108" fmla="*/ 62 w 257"/>
                <a:gd name="T109" fmla="*/ 33 h 135"/>
                <a:gd name="T110" fmla="*/ 57 w 257"/>
                <a:gd name="T111" fmla="*/ 33 h 135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257" h="135">
                  <a:moveTo>
                    <a:pt x="171" y="99"/>
                  </a:moveTo>
                  <a:lnTo>
                    <a:pt x="167" y="101"/>
                  </a:lnTo>
                  <a:lnTo>
                    <a:pt x="164" y="102"/>
                  </a:lnTo>
                  <a:lnTo>
                    <a:pt x="160" y="104"/>
                  </a:lnTo>
                  <a:lnTo>
                    <a:pt x="157" y="107"/>
                  </a:lnTo>
                  <a:lnTo>
                    <a:pt x="153" y="114"/>
                  </a:lnTo>
                  <a:lnTo>
                    <a:pt x="150" y="121"/>
                  </a:lnTo>
                  <a:lnTo>
                    <a:pt x="143" y="121"/>
                  </a:lnTo>
                  <a:lnTo>
                    <a:pt x="136" y="123"/>
                  </a:lnTo>
                  <a:lnTo>
                    <a:pt x="130" y="125"/>
                  </a:lnTo>
                  <a:lnTo>
                    <a:pt x="126" y="128"/>
                  </a:lnTo>
                  <a:lnTo>
                    <a:pt x="120" y="131"/>
                  </a:lnTo>
                  <a:lnTo>
                    <a:pt x="114" y="134"/>
                  </a:lnTo>
                  <a:lnTo>
                    <a:pt x="108" y="135"/>
                  </a:lnTo>
                  <a:lnTo>
                    <a:pt x="99" y="135"/>
                  </a:lnTo>
                  <a:lnTo>
                    <a:pt x="96" y="125"/>
                  </a:lnTo>
                  <a:lnTo>
                    <a:pt x="94" y="115"/>
                  </a:lnTo>
                  <a:lnTo>
                    <a:pt x="98" y="111"/>
                  </a:lnTo>
                  <a:lnTo>
                    <a:pt x="103" y="108"/>
                  </a:lnTo>
                  <a:lnTo>
                    <a:pt x="105" y="107"/>
                  </a:lnTo>
                  <a:lnTo>
                    <a:pt x="106" y="105"/>
                  </a:lnTo>
                  <a:lnTo>
                    <a:pt x="107" y="102"/>
                  </a:lnTo>
                  <a:lnTo>
                    <a:pt x="107" y="99"/>
                  </a:lnTo>
                  <a:lnTo>
                    <a:pt x="103" y="98"/>
                  </a:lnTo>
                  <a:lnTo>
                    <a:pt x="99" y="97"/>
                  </a:lnTo>
                  <a:lnTo>
                    <a:pt x="95" y="97"/>
                  </a:lnTo>
                  <a:lnTo>
                    <a:pt x="92" y="97"/>
                  </a:lnTo>
                  <a:lnTo>
                    <a:pt x="85" y="98"/>
                  </a:lnTo>
                  <a:lnTo>
                    <a:pt x="78" y="101"/>
                  </a:lnTo>
                  <a:lnTo>
                    <a:pt x="72" y="102"/>
                  </a:lnTo>
                  <a:lnTo>
                    <a:pt x="65" y="103"/>
                  </a:lnTo>
                  <a:lnTo>
                    <a:pt x="61" y="103"/>
                  </a:lnTo>
                  <a:lnTo>
                    <a:pt x="58" y="103"/>
                  </a:lnTo>
                  <a:lnTo>
                    <a:pt x="55" y="101"/>
                  </a:lnTo>
                  <a:lnTo>
                    <a:pt x="51" y="99"/>
                  </a:lnTo>
                  <a:lnTo>
                    <a:pt x="39" y="97"/>
                  </a:lnTo>
                  <a:lnTo>
                    <a:pt x="27" y="97"/>
                  </a:lnTo>
                  <a:lnTo>
                    <a:pt x="21" y="97"/>
                  </a:lnTo>
                  <a:lnTo>
                    <a:pt x="15" y="98"/>
                  </a:lnTo>
                  <a:lnTo>
                    <a:pt x="10" y="100"/>
                  </a:lnTo>
                  <a:lnTo>
                    <a:pt x="6" y="102"/>
                  </a:lnTo>
                  <a:lnTo>
                    <a:pt x="3" y="90"/>
                  </a:lnTo>
                  <a:lnTo>
                    <a:pt x="0" y="79"/>
                  </a:lnTo>
                  <a:lnTo>
                    <a:pt x="3" y="79"/>
                  </a:lnTo>
                  <a:lnTo>
                    <a:pt x="4" y="78"/>
                  </a:lnTo>
                  <a:lnTo>
                    <a:pt x="5" y="78"/>
                  </a:lnTo>
                  <a:lnTo>
                    <a:pt x="6" y="76"/>
                  </a:lnTo>
                  <a:lnTo>
                    <a:pt x="12" y="74"/>
                  </a:lnTo>
                  <a:lnTo>
                    <a:pt x="20" y="71"/>
                  </a:lnTo>
                  <a:lnTo>
                    <a:pt x="29" y="70"/>
                  </a:lnTo>
                  <a:lnTo>
                    <a:pt x="38" y="71"/>
                  </a:lnTo>
                  <a:lnTo>
                    <a:pt x="39" y="71"/>
                  </a:lnTo>
                  <a:lnTo>
                    <a:pt x="40" y="71"/>
                  </a:lnTo>
                  <a:lnTo>
                    <a:pt x="43" y="68"/>
                  </a:lnTo>
                  <a:lnTo>
                    <a:pt x="44" y="65"/>
                  </a:lnTo>
                  <a:lnTo>
                    <a:pt x="44" y="61"/>
                  </a:lnTo>
                  <a:lnTo>
                    <a:pt x="44" y="56"/>
                  </a:lnTo>
                  <a:lnTo>
                    <a:pt x="44" y="51"/>
                  </a:lnTo>
                  <a:lnTo>
                    <a:pt x="43" y="47"/>
                  </a:lnTo>
                  <a:lnTo>
                    <a:pt x="40" y="44"/>
                  </a:lnTo>
                  <a:lnTo>
                    <a:pt x="38" y="43"/>
                  </a:lnTo>
                  <a:lnTo>
                    <a:pt x="39" y="42"/>
                  </a:lnTo>
                  <a:lnTo>
                    <a:pt x="40" y="41"/>
                  </a:lnTo>
                  <a:lnTo>
                    <a:pt x="43" y="40"/>
                  </a:lnTo>
                  <a:lnTo>
                    <a:pt x="45" y="40"/>
                  </a:lnTo>
                  <a:lnTo>
                    <a:pt x="49" y="41"/>
                  </a:lnTo>
                  <a:lnTo>
                    <a:pt x="53" y="41"/>
                  </a:lnTo>
                  <a:lnTo>
                    <a:pt x="60" y="39"/>
                  </a:lnTo>
                  <a:lnTo>
                    <a:pt x="68" y="36"/>
                  </a:lnTo>
                  <a:lnTo>
                    <a:pt x="71" y="35"/>
                  </a:lnTo>
                  <a:lnTo>
                    <a:pt x="73" y="35"/>
                  </a:lnTo>
                  <a:lnTo>
                    <a:pt x="76" y="35"/>
                  </a:lnTo>
                  <a:lnTo>
                    <a:pt x="79" y="36"/>
                  </a:lnTo>
                  <a:lnTo>
                    <a:pt x="79" y="41"/>
                  </a:lnTo>
                  <a:lnTo>
                    <a:pt x="82" y="46"/>
                  </a:lnTo>
                  <a:lnTo>
                    <a:pt x="102" y="41"/>
                  </a:lnTo>
                  <a:lnTo>
                    <a:pt x="122" y="35"/>
                  </a:lnTo>
                  <a:lnTo>
                    <a:pt x="132" y="31"/>
                  </a:lnTo>
                  <a:lnTo>
                    <a:pt x="143" y="29"/>
                  </a:lnTo>
                  <a:lnTo>
                    <a:pt x="154" y="28"/>
                  </a:lnTo>
                  <a:lnTo>
                    <a:pt x="166" y="28"/>
                  </a:lnTo>
                  <a:lnTo>
                    <a:pt x="174" y="23"/>
                  </a:lnTo>
                  <a:lnTo>
                    <a:pt x="184" y="19"/>
                  </a:lnTo>
                  <a:lnTo>
                    <a:pt x="193" y="17"/>
                  </a:lnTo>
                  <a:lnTo>
                    <a:pt x="203" y="14"/>
                  </a:lnTo>
                  <a:lnTo>
                    <a:pt x="211" y="11"/>
                  </a:lnTo>
                  <a:lnTo>
                    <a:pt x="220" y="8"/>
                  </a:lnTo>
                  <a:lnTo>
                    <a:pt x="229" y="5"/>
                  </a:lnTo>
                  <a:lnTo>
                    <a:pt x="236" y="0"/>
                  </a:lnTo>
                  <a:lnTo>
                    <a:pt x="243" y="5"/>
                  </a:lnTo>
                  <a:lnTo>
                    <a:pt x="248" y="11"/>
                  </a:lnTo>
                  <a:lnTo>
                    <a:pt x="251" y="19"/>
                  </a:lnTo>
                  <a:lnTo>
                    <a:pt x="254" y="28"/>
                  </a:lnTo>
                  <a:lnTo>
                    <a:pt x="256" y="38"/>
                  </a:lnTo>
                  <a:lnTo>
                    <a:pt x="257" y="47"/>
                  </a:lnTo>
                  <a:lnTo>
                    <a:pt x="257" y="59"/>
                  </a:lnTo>
                  <a:lnTo>
                    <a:pt x="256" y="71"/>
                  </a:lnTo>
                  <a:lnTo>
                    <a:pt x="256" y="75"/>
                  </a:lnTo>
                  <a:lnTo>
                    <a:pt x="256" y="79"/>
                  </a:lnTo>
                  <a:lnTo>
                    <a:pt x="249" y="79"/>
                  </a:lnTo>
                  <a:lnTo>
                    <a:pt x="242" y="81"/>
                  </a:lnTo>
                  <a:lnTo>
                    <a:pt x="236" y="83"/>
                  </a:lnTo>
                  <a:lnTo>
                    <a:pt x="230" y="86"/>
                  </a:lnTo>
                  <a:lnTo>
                    <a:pt x="220" y="94"/>
                  </a:lnTo>
                  <a:lnTo>
                    <a:pt x="209" y="99"/>
                  </a:lnTo>
                  <a:lnTo>
                    <a:pt x="205" y="101"/>
                  </a:lnTo>
                  <a:lnTo>
                    <a:pt x="202" y="101"/>
                  </a:lnTo>
                  <a:lnTo>
                    <a:pt x="198" y="101"/>
                  </a:lnTo>
                  <a:lnTo>
                    <a:pt x="194" y="100"/>
                  </a:lnTo>
                  <a:lnTo>
                    <a:pt x="185" y="98"/>
                  </a:lnTo>
                  <a:lnTo>
                    <a:pt x="173" y="97"/>
                  </a:lnTo>
                  <a:lnTo>
                    <a:pt x="171" y="99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93" name="Gentofte"/>
            <p:cNvSpPr>
              <a:spLocks/>
            </p:cNvSpPr>
            <p:nvPr/>
          </p:nvSpPr>
          <p:spPr bwMode="auto">
            <a:xfrm>
              <a:off x="3943350" y="4805363"/>
              <a:ext cx="76200" cy="74613"/>
            </a:xfrm>
            <a:custGeom>
              <a:avLst/>
              <a:gdLst>
                <a:gd name="T0" fmla="*/ 20 w 143"/>
                <a:gd name="T1" fmla="*/ 6 h 140"/>
                <a:gd name="T2" fmla="*/ 24 w 143"/>
                <a:gd name="T3" fmla="*/ 8 h 140"/>
                <a:gd name="T4" fmla="*/ 28 w 143"/>
                <a:gd name="T5" fmla="*/ 7 h 140"/>
                <a:gd name="T6" fmla="*/ 31 w 143"/>
                <a:gd name="T7" fmla="*/ 6 h 140"/>
                <a:gd name="T8" fmla="*/ 35 w 143"/>
                <a:gd name="T9" fmla="*/ 4 h 140"/>
                <a:gd name="T10" fmla="*/ 38 w 143"/>
                <a:gd name="T11" fmla="*/ 2 h 140"/>
                <a:gd name="T12" fmla="*/ 43 w 143"/>
                <a:gd name="T13" fmla="*/ 0 h 140"/>
                <a:gd name="T14" fmla="*/ 46 w 143"/>
                <a:gd name="T15" fmla="*/ 1 h 140"/>
                <a:gd name="T16" fmla="*/ 45 w 143"/>
                <a:gd name="T17" fmla="*/ 4 h 140"/>
                <a:gd name="T18" fmla="*/ 46 w 143"/>
                <a:gd name="T19" fmla="*/ 5 h 140"/>
                <a:gd name="T20" fmla="*/ 47 w 143"/>
                <a:gd name="T21" fmla="*/ 7 h 140"/>
                <a:gd name="T22" fmla="*/ 48 w 143"/>
                <a:gd name="T23" fmla="*/ 12 h 140"/>
                <a:gd name="T24" fmla="*/ 47 w 143"/>
                <a:gd name="T25" fmla="*/ 19 h 140"/>
                <a:gd name="T26" fmla="*/ 43 w 143"/>
                <a:gd name="T27" fmla="*/ 29 h 140"/>
                <a:gd name="T28" fmla="*/ 41 w 143"/>
                <a:gd name="T29" fmla="*/ 35 h 140"/>
                <a:gd name="T30" fmla="*/ 41 w 143"/>
                <a:gd name="T31" fmla="*/ 40 h 140"/>
                <a:gd name="T32" fmla="*/ 41 w 143"/>
                <a:gd name="T33" fmla="*/ 42 h 140"/>
                <a:gd name="T34" fmla="*/ 41 w 143"/>
                <a:gd name="T35" fmla="*/ 44 h 140"/>
                <a:gd name="T36" fmla="*/ 40 w 143"/>
                <a:gd name="T37" fmla="*/ 45 h 140"/>
                <a:gd name="T38" fmla="*/ 39 w 143"/>
                <a:gd name="T39" fmla="*/ 42 h 140"/>
                <a:gd name="T40" fmla="*/ 35 w 143"/>
                <a:gd name="T41" fmla="*/ 40 h 140"/>
                <a:gd name="T42" fmla="*/ 30 w 143"/>
                <a:gd name="T43" fmla="*/ 43 h 140"/>
                <a:gd name="T44" fmla="*/ 24 w 143"/>
                <a:gd name="T45" fmla="*/ 46 h 140"/>
                <a:gd name="T46" fmla="*/ 16 w 143"/>
                <a:gd name="T47" fmla="*/ 45 h 140"/>
                <a:gd name="T48" fmla="*/ 12 w 143"/>
                <a:gd name="T49" fmla="*/ 43 h 140"/>
                <a:gd name="T50" fmla="*/ 10 w 143"/>
                <a:gd name="T51" fmla="*/ 39 h 140"/>
                <a:gd name="T52" fmla="*/ 9 w 143"/>
                <a:gd name="T53" fmla="*/ 34 h 140"/>
                <a:gd name="T54" fmla="*/ 6 w 143"/>
                <a:gd name="T55" fmla="*/ 30 h 140"/>
                <a:gd name="T56" fmla="*/ 1 w 143"/>
                <a:gd name="T57" fmla="*/ 28 h 140"/>
                <a:gd name="T58" fmla="*/ 1 w 143"/>
                <a:gd name="T59" fmla="*/ 26 h 140"/>
                <a:gd name="T60" fmla="*/ 0 w 143"/>
                <a:gd name="T61" fmla="*/ 21 h 140"/>
                <a:gd name="T62" fmla="*/ 4 w 143"/>
                <a:gd name="T63" fmla="*/ 16 h 140"/>
                <a:gd name="T64" fmla="*/ 11 w 143"/>
                <a:gd name="T65" fmla="*/ 12 h 140"/>
                <a:gd name="T66" fmla="*/ 15 w 143"/>
                <a:gd name="T67" fmla="*/ 8 h 140"/>
                <a:gd name="T68" fmla="*/ 17 w 143"/>
                <a:gd name="T69" fmla="*/ 5 h 140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0" t="0" r="r" b="b"/>
              <a:pathLst>
                <a:path w="143" h="140">
                  <a:moveTo>
                    <a:pt x="51" y="16"/>
                  </a:moveTo>
                  <a:lnTo>
                    <a:pt x="60" y="19"/>
                  </a:lnTo>
                  <a:lnTo>
                    <a:pt x="68" y="22"/>
                  </a:lnTo>
                  <a:lnTo>
                    <a:pt x="72" y="23"/>
                  </a:lnTo>
                  <a:lnTo>
                    <a:pt x="77" y="23"/>
                  </a:lnTo>
                  <a:lnTo>
                    <a:pt x="82" y="22"/>
                  </a:lnTo>
                  <a:lnTo>
                    <a:pt x="86" y="21"/>
                  </a:lnTo>
                  <a:lnTo>
                    <a:pt x="92" y="19"/>
                  </a:lnTo>
                  <a:lnTo>
                    <a:pt x="99" y="16"/>
                  </a:lnTo>
                  <a:lnTo>
                    <a:pt x="104" y="13"/>
                  </a:lnTo>
                  <a:lnTo>
                    <a:pt x="109" y="8"/>
                  </a:lnTo>
                  <a:lnTo>
                    <a:pt x="114" y="5"/>
                  </a:lnTo>
                  <a:lnTo>
                    <a:pt x="121" y="3"/>
                  </a:lnTo>
                  <a:lnTo>
                    <a:pt x="128" y="1"/>
                  </a:lnTo>
                  <a:lnTo>
                    <a:pt x="136" y="0"/>
                  </a:lnTo>
                  <a:lnTo>
                    <a:pt x="136" y="4"/>
                  </a:lnTo>
                  <a:lnTo>
                    <a:pt x="136" y="9"/>
                  </a:lnTo>
                  <a:lnTo>
                    <a:pt x="135" y="12"/>
                  </a:lnTo>
                  <a:lnTo>
                    <a:pt x="136" y="14"/>
                  </a:lnTo>
                  <a:lnTo>
                    <a:pt x="138" y="15"/>
                  </a:lnTo>
                  <a:lnTo>
                    <a:pt x="139" y="16"/>
                  </a:lnTo>
                  <a:lnTo>
                    <a:pt x="141" y="22"/>
                  </a:lnTo>
                  <a:lnTo>
                    <a:pt x="142" y="29"/>
                  </a:lnTo>
                  <a:lnTo>
                    <a:pt x="143" y="37"/>
                  </a:lnTo>
                  <a:lnTo>
                    <a:pt x="142" y="44"/>
                  </a:lnTo>
                  <a:lnTo>
                    <a:pt x="139" y="58"/>
                  </a:lnTo>
                  <a:lnTo>
                    <a:pt x="133" y="72"/>
                  </a:lnTo>
                  <a:lnTo>
                    <a:pt x="128" y="85"/>
                  </a:lnTo>
                  <a:lnTo>
                    <a:pt x="124" y="99"/>
                  </a:lnTo>
                  <a:lnTo>
                    <a:pt x="123" y="105"/>
                  </a:lnTo>
                  <a:lnTo>
                    <a:pt x="122" y="112"/>
                  </a:lnTo>
                  <a:lnTo>
                    <a:pt x="122" y="119"/>
                  </a:lnTo>
                  <a:lnTo>
                    <a:pt x="124" y="124"/>
                  </a:lnTo>
                  <a:lnTo>
                    <a:pt x="122" y="126"/>
                  </a:lnTo>
                  <a:lnTo>
                    <a:pt x="121" y="128"/>
                  </a:lnTo>
                  <a:lnTo>
                    <a:pt x="121" y="132"/>
                  </a:lnTo>
                  <a:lnTo>
                    <a:pt x="121" y="135"/>
                  </a:lnTo>
                  <a:lnTo>
                    <a:pt x="119" y="133"/>
                  </a:lnTo>
                  <a:lnTo>
                    <a:pt x="116" y="131"/>
                  </a:lnTo>
                  <a:lnTo>
                    <a:pt x="116" y="126"/>
                  </a:lnTo>
                  <a:lnTo>
                    <a:pt x="116" y="122"/>
                  </a:lnTo>
                  <a:lnTo>
                    <a:pt x="104" y="120"/>
                  </a:lnTo>
                  <a:lnTo>
                    <a:pt x="93" y="117"/>
                  </a:lnTo>
                  <a:lnTo>
                    <a:pt x="89" y="127"/>
                  </a:lnTo>
                  <a:lnTo>
                    <a:pt x="86" y="140"/>
                  </a:lnTo>
                  <a:lnTo>
                    <a:pt x="71" y="137"/>
                  </a:lnTo>
                  <a:lnTo>
                    <a:pt x="56" y="135"/>
                  </a:lnTo>
                  <a:lnTo>
                    <a:pt x="49" y="133"/>
                  </a:lnTo>
                  <a:lnTo>
                    <a:pt x="43" y="132"/>
                  </a:lnTo>
                  <a:lnTo>
                    <a:pt x="36" y="128"/>
                  </a:lnTo>
                  <a:lnTo>
                    <a:pt x="32" y="124"/>
                  </a:lnTo>
                  <a:lnTo>
                    <a:pt x="31" y="117"/>
                  </a:lnTo>
                  <a:lnTo>
                    <a:pt x="30" y="108"/>
                  </a:lnTo>
                  <a:lnTo>
                    <a:pt x="28" y="100"/>
                  </a:lnTo>
                  <a:lnTo>
                    <a:pt x="27" y="92"/>
                  </a:lnTo>
                  <a:lnTo>
                    <a:pt x="17" y="88"/>
                  </a:lnTo>
                  <a:lnTo>
                    <a:pt x="7" y="86"/>
                  </a:lnTo>
                  <a:lnTo>
                    <a:pt x="4" y="83"/>
                  </a:lnTo>
                  <a:lnTo>
                    <a:pt x="3" y="80"/>
                  </a:lnTo>
                  <a:lnTo>
                    <a:pt x="2" y="76"/>
                  </a:lnTo>
                  <a:lnTo>
                    <a:pt x="2" y="73"/>
                  </a:lnTo>
                  <a:lnTo>
                    <a:pt x="1" y="64"/>
                  </a:lnTo>
                  <a:lnTo>
                    <a:pt x="0" y="56"/>
                  </a:lnTo>
                  <a:lnTo>
                    <a:pt x="13" y="48"/>
                  </a:lnTo>
                  <a:lnTo>
                    <a:pt x="27" y="40"/>
                  </a:lnTo>
                  <a:lnTo>
                    <a:pt x="33" y="35"/>
                  </a:lnTo>
                  <a:lnTo>
                    <a:pt x="40" y="30"/>
                  </a:lnTo>
                  <a:lnTo>
                    <a:pt x="45" y="24"/>
                  </a:lnTo>
                  <a:lnTo>
                    <a:pt x="50" y="18"/>
                  </a:lnTo>
                  <a:lnTo>
                    <a:pt x="51" y="16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94" name="Gentofte kant"/>
            <p:cNvSpPr>
              <a:spLocks/>
            </p:cNvSpPr>
            <p:nvPr/>
          </p:nvSpPr>
          <p:spPr bwMode="auto">
            <a:xfrm>
              <a:off x="3943350" y="4805363"/>
              <a:ext cx="76200" cy="74613"/>
            </a:xfrm>
            <a:custGeom>
              <a:avLst/>
              <a:gdLst>
                <a:gd name="T0" fmla="*/ 20 w 143"/>
                <a:gd name="T1" fmla="*/ 6 h 140"/>
                <a:gd name="T2" fmla="*/ 24 w 143"/>
                <a:gd name="T3" fmla="*/ 8 h 140"/>
                <a:gd name="T4" fmla="*/ 28 w 143"/>
                <a:gd name="T5" fmla="*/ 7 h 140"/>
                <a:gd name="T6" fmla="*/ 31 w 143"/>
                <a:gd name="T7" fmla="*/ 6 h 140"/>
                <a:gd name="T8" fmla="*/ 35 w 143"/>
                <a:gd name="T9" fmla="*/ 4 h 140"/>
                <a:gd name="T10" fmla="*/ 38 w 143"/>
                <a:gd name="T11" fmla="*/ 2 h 140"/>
                <a:gd name="T12" fmla="*/ 43 w 143"/>
                <a:gd name="T13" fmla="*/ 0 h 140"/>
                <a:gd name="T14" fmla="*/ 46 w 143"/>
                <a:gd name="T15" fmla="*/ 1 h 140"/>
                <a:gd name="T16" fmla="*/ 45 w 143"/>
                <a:gd name="T17" fmla="*/ 4 h 140"/>
                <a:gd name="T18" fmla="*/ 46 w 143"/>
                <a:gd name="T19" fmla="*/ 5 h 140"/>
                <a:gd name="T20" fmla="*/ 47 w 143"/>
                <a:gd name="T21" fmla="*/ 7 h 140"/>
                <a:gd name="T22" fmla="*/ 48 w 143"/>
                <a:gd name="T23" fmla="*/ 12 h 140"/>
                <a:gd name="T24" fmla="*/ 47 w 143"/>
                <a:gd name="T25" fmla="*/ 19 h 140"/>
                <a:gd name="T26" fmla="*/ 43 w 143"/>
                <a:gd name="T27" fmla="*/ 29 h 140"/>
                <a:gd name="T28" fmla="*/ 41 w 143"/>
                <a:gd name="T29" fmla="*/ 35 h 140"/>
                <a:gd name="T30" fmla="*/ 41 w 143"/>
                <a:gd name="T31" fmla="*/ 40 h 140"/>
                <a:gd name="T32" fmla="*/ 41 w 143"/>
                <a:gd name="T33" fmla="*/ 42 h 140"/>
                <a:gd name="T34" fmla="*/ 41 w 143"/>
                <a:gd name="T35" fmla="*/ 44 h 140"/>
                <a:gd name="T36" fmla="*/ 40 w 143"/>
                <a:gd name="T37" fmla="*/ 45 h 140"/>
                <a:gd name="T38" fmla="*/ 39 w 143"/>
                <a:gd name="T39" fmla="*/ 42 h 140"/>
                <a:gd name="T40" fmla="*/ 35 w 143"/>
                <a:gd name="T41" fmla="*/ 40 h 140"/>
                <a:gd name="T42" fmla="*/ 30 w 143"/>
                <a:gd name="T43" fmla="*/ 43 h 140"/>
                <a:gd name="T44" fmla="*/ 24 w 143"/>
                <a:gd name="T45" fmla="*/ 46 h 140"/>
                <a:gd name="T46" fmla="*/ 16 w 143"/>
                <a:gd name="T47" fmla="*/ 45 h 140"/>
                <a:gd name="T48" fmla="*/ 12 w 143"/>
                <a:gd name="T49" fmla="*/ 43 h 140"/>
                <a:gd name="T50" fmla="*/ 10 w 143"/>
                <a:gd name="T51" fmla="*/ 39 h 140"/>
                <a:gd name="T52" fmla="*/ 9 w 143"/>
                <a:gd name="T53" fmla="*/ 34 h 140"/>
                <a:gd name="T54" fmla="*/ 6 w 143"/>
                <a:gd name="T55" fmla="*/ 30 h 140"/>
                <a:gd name="T56" fmla="*/ 1 w 143"/>
                <a:gd name="T57" fmla="*/ 28 h 140"/>
                <a:gd name="T58" fmla="*/ 1 w 143"/>
                <a:gd name="T59" fmla="*/ 26 h 140"/>
                <a:gd name="T60" fmla="*/ 0 w 143"/>
                <a:gd name="T61" fmla="*/ 21 h 140"/>
                <a:gd name="T62" fmla="*/ 4 w 143"/>
                <a:gd name="T63" fmla="*/ 16 h 140"/>
                <a:gd name="T64" fmla="*/ 11 w 143"/>
                <a:gd name="T65" fmla="*/ 12 h 140"/>
                <a:gd name="T66" fmla="*/ 15 w 143"/>
                <a:gd name="T67" fmla="*/ 8 h 140"/>
                <a:gd name="T68" fmla="*/ 17 w 143"/>
                <a:gd name="T69" fmla="*/ 5 h 140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0" t="0" r="r" b="b"/>
              <a:pathLst>
                <a:path w="143" h="140">
                  <a:moveTo>
                    <a:pt x="51" y="16"/>
                  </a:moveTo>
                  <a:lnTo>
                    <a:pt x="60" y="19"/>
                  </a:lnTo>
                  <a:lnTo>
                    <a:pt x="68" y="22"/>
                  </a:lnTo>
                  <a:lnTo>
                    <a:pt x="72" y="23"/>
                  </a:lnTo>
                  <a:lnTo>
                    <a:pt x="77" y="23"/>
                  </a:lnTo>
                  <a:lnTo>
                    <a:pt x="82" y="22"/>
                  </a:lnTo>
                  <a:lnTo>
                    <a:pt x="86" y="21"/>
                  </a:lnTo>
                  <a:lnTo>
                    <a:pt x="92" y="19"/>
                  </a:lnTo>
                  <a:lnTo>
                    <a:pt x="99" y="16"/>
                  </a:lnTo>
                  <a:lnTo>
                    <a:pt x="104" y="13"/>
                  </a:lnTo>
                  <a:lnTo>
                    <a:pt x="109" y="8"/>
                  </a:lnTo>
                  <a:lnTo>
                    <a:pt x="114" y="5"/>
                  </a:lnTo>
                  <a:lnTo>
                    <a:pt x="121" y="3"/>
                  </a:lnTo>
                  <a:lnTo>
                    <a:pt x="128" y="1"/>
                  </a:lnTo>
                  <a:lnTo>
                    <a:pt x="136" y="0"/>
                  </a:lnTo>
                  <a:lnTo>
                    <a:pt x="136" y="4"/>
                  </a:lnTo>
                  <a:lnTo>
                    <a:pt x="136" y="9"/>
                  </a:lnTo>
                  <a:lnTo>
                    <a:pt x="135" y="12"/>
                  </a:lnTo>
                  <a:lnTo>
                    <a:pt x="136" y="14"/>
                  </a:lnTo>
                  <a:lnTo>
                    <a:pt x="138" y="15"/>
                  </a:lnTo>
                  <a:lnTo>
                    <a:pt x="139" y="16"/>
                  </a:lnTo>
                  <a:lnTo>
                    <a:pt x="141" y="22"/>
                  </a:lnTo>
                  <a:lnTo>
                    <a:pt x="142" y="29"/>
                  </a:lnTo>
                  <a:lnTo>
                    <a:pt x="143" y="37"/>
                  </a:lnTo>
                  <a:lnTo>
                    <a:pt x="142" y="44"/>
                  </a:lnTo>
                  <a:lnTo>
                    <a:pt x="139" y="58"/>
                  </a:lnTo>
                  <a:lnTo>
                    <a:pt x="133" y="72"/>
                  </a:lnTo>
                  <a:lnTo>
                    <a:pt x="128" y="85"/>
                  </a:lnTo>
                  <a:lnTo>
                    <a:pt x="124" y="99"/>
                  </a:lnTo>
                  <a:lnTo>
                    <a:pt x="123" y="105"/>
                  </a:lnTo>
                  <a:lnTo>
                    <a:pt x="122" y="112"/>
                  </a:lnTo>
                  <a:lnTo>
                    <a:pt x="122" y="119"/>
                  </a:lnTo>
                  <a:lnTo>
                    <a:pt x="124" y="124"/>
                  </a:lnTo>
                  <a:lnTo>
                    <a:pt x="122" y="126"/>
                  </a:lnTo>
                  <a:lnTo>
                    <a:pt x="121" y="128"/>
                  </a:lnTo>
                  <a:lnTo>
                    <a:pt x="121" y="132"/>
                  </a:lnTo>
                  <a:lnTo>
                    <a:pt x="121" y="135"/>
                  </a:lnTo>
                  <a:lnTo>
                    <a:pt x="119" y="133"/>
                  </a:lnTo>
                  <a:lnTo>
                    <a:pt x="116" y="131"/>
                  </a:lnTo>
                  <a:lnTo>
                    <a:pt x="116" y="126"/>
                  </a:lnTo>
                  <a:lnTo>
                    <a:pt x="116" y="122"/>
                  </a:lnTo>
                  <a:lnTo>
                    <a:pt x="104" y="120"/>
                  </a:lnTo>
                  <a:lnTo>
                    <a:pt x="93" y="117"/>
                  </a:lnTo>
                  <a:lnTo>
                    <a:pt x="89" y="127"/>
                  </a:lnTo>
                  <a:lnTo>
                    <a:pt x="86" y="140"/>
                  </a:lnTo>
                  <a:lnTo>
                    <a:pt x="71" y="137"/>
                  </a:lnTo>
                  <a:lnTo>
                    <a:pt x="56" y="135"/>
                  </a:lnTo>
                  <a:lnTo>
                    <a:pt x="49" y="133"/>
                  </a:lnTo>
                  <a:lnTo>
                    <a:pt x="43" y="132"/>
                  </a:lnTo>
                  <a:lnTo>
                    <a:pt x="36" y="128"/>
                  </a:lnTo>
                  <a:lnTo>
                    <a:pt x="32" y="124"/>
                  </a:lnTo>
                  <a:lnTo>
                    <a:pt x="31" y="117"/>
                  </a:lnTo>
                  <a:lnTo>
                    <a:pt x="30" y="108"/>
                  </a:lnTo>
                  <a:lnTo>
                    <a:pt x="28" y="100"/>
                  </a:lnTo>
                  <a:lnTo>
                    <a:pt x="27" y="92"/>
                  </a:lnTo>
                  <a:lnTo>
                    <a:pt x="17" y="88"/>
                  </a:lnTo>
                  <a:lnTo>
                    <a:pt x="7" y="86"/>
                  </a:lnTo>
                  <a:lnTo>
                    <a:pt x="4" y="83"/>
                  </a:lnTo>
                  <a:lnTo>
                    <a:pt x="3" y="80"/>
                  </a:lnTo>
                  <a:lnTo>
                    <a:pt x="2" y="76"/>
                  </a:lnTo>
                  <a:lnTo>
                    <a:pt x="2" y="73"/>
                  </a:lnTo>
                  <a:lnTo>
                    <a:pt x="1" y="64"/>
                  </a:lnTo>
                  <a:lnTo>
                    <a:pt x="0" y="56"/>
                  </a:lnTo>
                  <a:lnTo>
                    <a:pt x="13" y="48"/>
                  </a:lnTo>
                  <a:lnTo>
                    <a:pt x="27" y="40"/>
                  </a:lnTo>
                  <a:lnTo>
                    <a:pt x="33" y="35"/>
                  </a:lnTo>
                  <a:lnTo>
                    <a:pt x="40" y="30"/>
                  </a:lnTo>
                  <a:lnTo>
                    <a:pt x="45" y="24"/>
                  </a:lnTo>
                  <a:lnTo>
                    <a:pt x="50" y="18"/>
                  </a:lnTo>
                  <a:lnTo>
                    <a:pt x="51" y="16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95" name="Gribskov"/>
            <p:cNvSpPr>
              <a:spLocks/>
            </p:cNvSpPr>
            <p:nvPr/>
          </p:nvSpPr>
          <p:spPr bwMode="auto">
            <a:xfrm>
              <a:off x="3554413" y="4343400"/>
              <a:ext cx="307975" cy="217488"/>
            </a:xfrm>
            <a:custGeom>
              <a:avLst/>
              <a:gdLst>
                <a:gd name="T0" fmla="*/ 80 w 581"/>
                <a:gd name="T1" fmla="*/ 20 h 411"/>
                <a:gd name="T2" fmla="*/ 100 w 581"/>
                <a:gd name="T3" fmla="*/ 12 h 411"/>
                <a:gd name="T4" fmla="*/ 122 w 581"/>
                <a:gd name="T5" fmla="*/ 2 h 411"/>
                <a:gd name="T6" fmla="*/ 133 w 581"/>
                <a:gd name="T7" fmla="*/ 0 h 411"/>
                <a:gd name="T8" fmla="*/ 145 w 581"/>
                <a:gd name="T9" fmla="*/ 2 h 411"/>
                <a:gd name="T10" fmla="*/ 155 w 581"/>
                <a:gd name="T11" fmla="*/ 7 h 411"/>
                <a:gd name="T12" fmla="*/ 159 w 581"/>
                <a:gd name="T13" fmla="*/ 8 h 411"/>
                <a:gd name="T14" fmla="*/ 167 w 581"/>
                <a:gd name="T15" fmla="*/ 13 h 411"/>
                <a:gd name="T16" fmla="*/ 175 w 581"/>
                <a:gd name="T17" fmla="*/ 20 h 411"/>
                <a:gd name="T18" fmla="*/ 186 w 581"/>
                <a:gd name="T19" fmla="*/ 24 h 411"/>
                <a:gd name="T20" fmla="*/ 192 w 581"/>
                <a:gd name="T21" fmla="*/ 26 h 411"/>
                <a:gd name="T22" fmla="*/ 194 w 581"/>
                <a:gd name="T23" fmla="*/ 28 h 411"/>
                <a:gd name="T24" fmla="*/ 194 w 581"/>
                <a:gd name="T25" fmla="*/ 40 h 411"/>
                <a:gd name="T26" fmla="*/ 191 w 581"/>
                <a:gd name="T27" fmla="*/ 60 h 411"/>
                <a:gd name="T28" fmla="*/ 188 w 581"/>
                <a:gd name="T29" fmla="*/ 74 h 411"/>
                <a:gd name="T30" fmla="*/ 184 w 581"/>
                <a:gd name="T31" fmla="*/ 80 h 411"/>
                <a:gd name="T32" fmla="*/ 178 w 581"/>
                <a:gd name="T33" fmla="*/ 79 h 411"/>
                <a:gd name="T34" fmla="*/ 175 w 581"/>
                <a:gd name="T35" fmla="*/ 78 h 411"/>
                <a:gd name="T36" fmla="*/ 171 w 581"/>
                <a:gd name="T37" fmla="*/ 93 h 411"/>
                <a:gd name="T38" fmla="*/ 170 w 581"/>
                <a:gd name="T39" fmla="*/ 105 h 411"/>
                <a:gd name="T40" fmla="*/ 153 w 581"/>
                <a:gd name="T41" fmla="*/ 109 h 411"/>
                <a:gd name="T42" fmla="*/ 136 w 581"/>
                <a:gd name="T43" fmla="*/ 111 h 411"/>
                <a:gd name="T44" fmla="*/ 136 w 581"/>
                <a:gd name="T45" fmla="*/ 118 h 411"/>
                <a:gd name="T46" fmla="*/ 131 w 581"/>
                <a:gd name="T47" fmla="*/ 121 h 411"/>
                <a:gd name="T48" fmla="*/ 127 w 581"/>
                <a:gd name="T49" fmla="*/ 121 h 411"/>
                <a:gd name="T50" fmla="*/ 121 w 581"/>
                <a:gd name="T51" fmla="*/ 120 h 411"/>
                <a:gd name="T52" fmla="*/ 115 w 581"/>
                <a:gd name="T53" fmla="*/ 121 h 411"/>
                <a:gd name="T54" fmla="*/ 102 w 581"/>
                <a:gd name="T55" fmla="*/ 126 h 411"/>
                <a:gd name="T56" fmla="*/ 95 w 581"/>
                <a:gd name="T57" fmla="*/ 134 h 411"/>
                <a:gd name="T58" fmla="*/ 90 w 581"/>
                <a:gd name="T59" fmla="*/ 136 h 411"/>
                <a:gd name="T60" fmla="*/ 86 w 581"/>
                <a:gd name="T61" fmla="*/ 137 h 411"/>
                <a:gd name="T62" fmla="*/ 78 w 581"/>
                <a:gd name="T63" fmla="*/ 132 h 411"/>
                <a:gd name="T64" fmla="*/ 73 w 581"/>
                <a:gd name="T65" fmla="*/ 132 h 411"/>
                <a:gd name="T66" fmla="*/ 72 w 581"/>
                <a:gd name="T67" fmla="*/ 125 h 411"/>
                <a:gd name="T68" fmla="*/ 69 w 581"/>
                <a:gd name="T69" fmla="*/ 119 h 411"/>
                <a:gd name="T70" fmla="*/ 62 w 581"/>
                <a:gd name="T71" fmla="*/ 117 h 411"/>
                <a:gd name="T72" fmla="*/ 55 w 581"/>
                <a:gd name="T73" fmla="*/ 116 h 411"/>
                <a:gd name="T74" fmla="*/ 50 w 581"/>
                <a:gd name="T75" fmla="*/ 112 h 411"/>
                <a:gd name="T76" fmla="*/ 43 w 581"/>
                <a:gd name="T77" fmla="*/ 102 h 411"/>
                <a:gd name="T78" fmla="*/ 38 w 581"/>
                <a:gd name="T79" fmla="*/ 98 h 411"/>
                <a:gd name="T80" fmla="*/ 31 w 581"/>
                <a:gd name="T81" fmla="*/ 105 h 411"/>
                <a:gd name="T82" fmla="*/ 30 w 581"/>
                <a:gd name="T83" fmla="*/ 111 h 411"/>
                <a:gd name="T84" fmla="*/ 28 w 581"/>
                <a:gd name="T85" fmla="*/ 113 h 411"/>
                <a:gd name="T86" fmla="*/ 26 w 581"/>
                <a:gd name="T87" fmla="*/ 110 h 411"/>
                <a:gd name="T88" fmla="*/ 26 w 581"/>
                <a:gd name="T89" fmla="*/ 106 h 411"/>
                <a:gd name="T90" fmla="*/ 25 w 581"/>
                <a:gd name="T91" fmla="*/ 101 h 411"/>
                <a:gd name="T92" fmla="*/ 19 w 581"/>
                <a:gd name="T93" fmla="*/ 98 h 411"/>
                <a:gd name="T94" fmla="*/ 15 w 581"/>
                <a:gd name="T95" fmla="*/ 96 h 411"/>
                <a:gd name="T96" fmla="*/ 6 w 581"/>
                <a:gd name="T97" fmla="*/ 93 h 411"/>
                <a:gd name="T98" fmla="*/ 1 w 581"/>
                <a:gd name="T99" fmla="*/ 91 h 411"/>
                <a:gd name="T100" fmla="*/ 16 w 581"/>
                <a:gd name="T101" fmla="*/ 75 h 411"/>
                <a:gd name="T102" fmla="*/ 40 w 581"/>
                <a:gd name="T103" fmla="*/ 54 h 411"/>
                <a:gd name="T104" fmla="*/ 65 w 581"/>
                <a:gd name="T105" fmla="*/ 33 h 41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581" h="411">
                  <a:moveTo>
                    <a:pt x="220" y="77"/>
                  </a:moveTo>
                  <a:lnTo>
                    <a:pt x="229" y="68"/>
                  </a:lnTo>
                  <a:lnTo>
                    <a:pt x="240" y="61"/>
                  </a:lnTo>
                  <a:lnTo>
                    <a:pt x="253" y="54"/>
                  </a:lnTo>
                  <a:lnTo>
                    <a:pt x="267" y="47"/>
                  </a:lnTo>
                  <a:lnTo>
                    <a:pt x="298" y="36"/>
                  </a:lnTo>
                  <a:lnTo>
                    <a:pt x="329" y="23"/>
                  </a:lnTo>
                  <a:lnTo>
                    <a:pt x="346" y="16"/>
                  </a:lnTo>
                  <a:lnTo>
                    <a:pt x="364" y="7"/>
                  </a:lnTo>
                  <a:lnTo>
                    <a:pt x="374" y="3"/>
                  </a:lnTo>
                  <a:lnTo>
                    <a:pt x="385" y="1"/>
                  </a:lnTo>
                  <a:lnTo>
                    <a:pt x="397" y="0"/>
                  </a:lnTo>
                  <a:lnTo>
                    <a:pt x="410" y="1"/>
                  </a:lnTo>
                  <a:lnTo>
                    <a:pt x="423" y="3"/>
                  </a:lnTo>
                  <a:lnTo>
                    <a:pt x="435" y="7"/>
                  </a:lnTo>
                  <a:lnTo>
                    <a:pt x="446" y="14"/>
                  </a:lnTo>
                  <a:lnTo>
                    <a:pt x="457" y="21"/>
                  </a:lnTo>
                  <a:lnTo>
                    <a:pt x="463" y="20"/>
                  </a:lnTo>
                  <a:lnTo>
                    <a:pt x="468" y="21"/>
                  </a:lnTo>
                  <a:lnTo>
                    <a:pt x="472" y="22"/>
                  </a:lnTo>
                  <a:lnTo>
                    <a:pt x="477" y="23"/>
                  </a:lnTo>
                  <a:lnTo>
                    <a:pt x="485" y="26"/>
                  </a:lnTo>
                  <a:lnTo>
                    <a:pt x="495" y="28"/>
                  </a:lnTo>
                  <a:lnTo>
                    <a:pt x="500" y="38"/>
                  </a:lnTo>
                  <a:lnTo>
                    <a:pt x="507" y="46"/>
                  </a:lnTo>
                  <a:lnTo>
                    <a:pt x="516" y="54"/>
                  </a:lnTo>
                  <a:lnTo>
                    <a:pt x="525" y="59"/>
                  </a:lnTo>
                  <a:lnTo>
                    <a:pt x="535" y="64"/>
                  </a:lnTo>
                  <a:lnTo>
                    <a:pt x="546" y="68"/>
                  </a:lnTo>
                  <a:lnTo>
                    <a:pt x="558" y="72"/>
                  </a:lnTo>
                  <a:lnTo>
                    <a:pt x="570" y="75"/>
                  </a:lnTo>
                  <a:lnTo>
                    <a:pt x="571" y="76"/>
                  </a:lnTo>
                  <a:lnTo>
                    <a:pt x="575" y="77"/>
                  </a:lnTo>
                  <a:lnTo>
                    <a:pt x="578" y="77"/>
                  </a:lnTo>
                  <a:lnTo>
                    <a:pt x="581" y="77"/>
                  </a:lnTo>
                  <a:lnTo>
                    <a:pt x="581" y="83"/>
                  </a:lnTo>
                  <a:lnTo>
                    <a:pt x="581" y="89"/>
                  </a:lnTo>
                  <a:lnTo>
                    <a:pt x="581" y="104"/>
                  </a:lnTo>
                  <a:lnTo>
                    <a:pt x="581" y="120"/>
                  </a:lnTo>
                  <a:lnTo>
                    <a:pt x="579" y="135"/>
                  </a:lnTo>
                  <a:lnTo>
                    <a:pt x="578" y="149"/>
                  </a:lnTo>
                  <a:lnTo>
                    <a:pt x="571" y="179"/>
                  </a:lnTo>
                  <a:lnTo>
                    <a:pt x="565" y="208"/>
                  </a:lnTo>
                  <a:lnTo>
                    <a:pt x="565" y="216"/>
                  </a:lnTo>
                  <a:lnTo>
                    <a:pt x="564" y="223"/>
                  </a:lnTo>
                  <a:lnTo>
                    <a:pt x="563" y="228"/>
                  </a:lnTo>
                  <a:lnTo>
                    <a:pt x="561" y="235"/>
                  </a:lnTo>
                  <a:lnTo>
                    <a:pt x="552" y="239"/>
                  </a:lnTo>
                  <a:lnTo>
                    <a:pt x="545" y="244"/>
                  </a:lnTo>
                  <a:lnTo>
                    <a:pt x="539" y="241"/>
                  </a:lnTo>
                  <a:lnTo>
                    <a:pt x="532" y="237"/>
                  </a:lnTo>
                  <a:lnTo>
                    <a:pt x="529" y="235"/>
                  </a:lnTo>
                  <a:lnTo>
                    <a:pt x="526" y="234"/>
                  </a:lnTo>
                  <a:lnTo>
                    <a:pt x="523" y="233"/>
                  </a:lnTo>
                  <a:lnTo>
                    <a:pt x="520" y="235"/>
                  </a:lnTo>
                  <a:lnTo>
                    <a:pt x="516" y="257"/>
                  </a:lnTo>
                  <a:lnTo>
                    <a:pt x="513" y="280"/>
                  </a:lnTo>
                  <a:lnTo>
                    <a:pt x="512" y="292"/>
                  </a:lnTo>
                  <a:lnTo>
                    <a:pt x="510" y="303"/>
                  </a:lnTo>
                  <a:lnTo>
                    <a:pt x="508" y="314"/>
                  </a:lnTo>
                  <a:lnTo>
                    <a:pt x="505" y="323"/>
                  </a:lnTo>
                  <a:lnTo>
                    <a:pt x="482" y="325"/>
                  </a:lnTo>
                  <a:lnTo>
                    <a:pt x="458" y="326"/>
                  </a:lnTo>
                  <a:lnTo>
                    <a:pt x="435" y="327"/>
                  </a:lnTo>
                  <a:lnTo>
                    <a:pt x="410" y="328"/>
                  </a:lnTo>
                  <a:lnTo>
                    <a:pt x="408" y="333"/>
                  </a:lnTo>
                  <a:lnTo>
                    <a:pt x="408" y="339"/>
                  </a:lnTo>
                  <a:lnTo>
                    <a:pt x="408" y="346"/>
                  </a:lnTo>
                  <a:lnTo>
                    <a:pt x="408" y="354"/>
                  </a:lnTo>
                  <a:lnTo>
                    <a:pt x="402" y="357"/>
                  </a:lnTo>
                  <a:lnTo>
                    <a:pt x="396" y="360"/>
                  </a:lnTo>
                  <a:lnTo>
                    <a:pt x="392" y="362"/>
                  </a:lnTo>
                  <a:lnTo>
                    <a:pt x="389" y="363"/>
                  </a:lnTo>
                  <a:lnTo>
                    <a:pt x="385" y="364"/>
                  </a:lnTo>
                  <a:lnTo>
                    <a:pt x="380" y="364"/>
                  </a:lnTo>
                  <a:lnTo>
                    <a:pt x="372" y="360"/>
                  </a:lnTo>
                  <a:lnTo>
                    <a:pt x="365" y="356"/>
                  </a:lnTo>
                  <a:lnTo>
                    <a:pt x="361" y="359"/>
                  </a:lnTo>
                  <a:lnTo>
                    <a:pt x="357" y="361"/>
                  </a:lnTo>
                  <a:lnTo>
                    <a:pt x="351" y="363"/>
                  </a:lnTo>
                  <a:lnTo>
                    <a:pt x="345" y="364"/>
                  </a:lnTo>
                  <a:lnTo>
                    <a:pt x="331" y="364"/>
                  </a:lnTo>
                  <a:lnTo>
                    <a:pt x="317" y="364"/>
                  </a:lnTo>
                  <a:lnTo>
                    <a:pt x="304" y="379"/>
                  </a:lnTo>
                  <a:lnTo>
                    <a:pt x="291" y="394"/>
                  </a:lnTo>
                  <a:lnTo>
                    <a:pt x="289" y="398"/>
                  </a:lnTo>
                  <a:lnTo>
                    <a:pt x="285" y="401"/>
                  </a:lnTo>
                  <a:lnTo>
                    <a:pt x="281" y="404"/>
                  </a:lnTo>
                  <a:lnTo>
                    <a:pt x="277" y="406"/>
                  </a:lnTo>
                  <a:lnTo>
                    <a:pt x="271" y="409"/>
                  </a:lnTo>
                  <a:lnTo>
                    <a:pt x="267" y="410"/>
                  </a:lnTo>
                  <a:lnTo>
                    <a:pt x="262" y="411"/>
                  </a:lnTo>
                  <a:lnTo>
                    <a:pt x="259" y="410"/>
                  </a:lnTo>
                  <a:lnTo>
                    <a:pt x="249" y="404"/>
                  </a:lnTo>
                  <a:lnTo>
                    <a:pt x="241" y="399"/>
                  </a:lnTo>
                  <a:lnTo>
                    <a:pt x="235" y="397"/>
                  </a:lnTo>
                  <a:lnTo>
                    <a:pt x="230" y="395"/>
                  </a:lnTo>
                  <a:lnTo>
                    <a:pt x="225" y="395"/>
                  </a:lnTo>
                  <a:lnTo>
                    <a:pt x="218" y="397"/>
                  </a:lnTo>
                  <a:lnTo>
                    <a:pt x="218" y="389"/>
                  </a:lnTo>
                  <a:lnTo>
                    <a:pt x="217" y="381"/>
                  </a:lnTo>
                  <a:lnTo>
                    <a:pt x="215" y="374"/>
                  </a:lnTo>
                  <a:lnTo>
                    <a:pt x="213" y="367"/>
                  </a:lnTo>
                  <a:lnTo>
                    <a:pt x="210" y="361"/>
                  </a:lnTo>
                  <a:lnTo>
                    <a:pt x="206" y="357"/>
                  </a:lnTo>
                  <a:lnTo>
                    <a:pt x="202" y="353"/>
                  </a:lnTo>
                  <a:lnTo>
                    <a:pt x="198" y="348"/>
                  </a:lnTo>
                  <a:lnTo>
                    <a:pt x="187" y="352"/>
                  </a:lnTo>
                  <a:lnTo>
                    <a:pt x="179" y="352"/>
                  </a:lnTo>
                  <a:lnTo>
                    <a:pt x="170" y="352"/>
                  </a:lnTo>
                  <a:lnTo>
                    <a:pt x="164" y="348"/>
                  </a:lnTo>
                  <a:lnTo>
                    <a:pt x="159" y="345"/>
                  </a:lnTo>
                  <a:lnTo>
                    <a:pt x="153" y="341"/>
                  </a:lnTo>
                  <a:lnTo>
                    <a:pt x="149" y="336"/>
                  </a:lnTo>
                  <a:lnTo>
                    <a:pt x="145" y="331"/>
                  </a:lnTo>
                  <a:lnTo>
                    <a:pt x="138" y="318"/>
                  </a:lnTo>
                  <a:lnTo>
                    <a:pt x="129" y="306"/>
                  </a:lnTo>
                  <a:lnTo>
                    <a:pt x="125" y="302"/>
                  </a:lnTo>
                  <a:lnTo>
                    <a:pt x="120" y="298"/>
                  </a:lnTo>
                  <a:lnTo>
                    <a:pt x="113" y="295"/>
                  </a:lnTo>
                  <a:lnTo>
                    <a:pt x="106" y="293"/>
                  </a:lnTo>
                  <a:lnTo>
                    <a:pt x="100" y="303"/>
                  </a:lnTo>
                  <a:lnTo>
                    <a:pt x="93" y="315"/>
                  </a:lnTo>
                  <a:lnTo>
                    <a:pt x="91" y="320"/>
                  </a:lnTo>
                  <a:lnTo>
                    <a:pt x="89" y="327"/>
                  </a:lnTo>
                  <a:lnTo>
                    <a:pt x="89" y="334"/>
                  </a:lnTo>
                  <a:lnTo>
                    <a:pt x="90" y="341"/>
                  </a:lnTo>
                  <a:lnTo>
                    <a:pt x="87" y="340"/>
                  </a:lnTo>
                  <a:lnTo>
                    <a:pt x="84" y="339"/>
                  </a:lnTo>
                  <a:lnTo>
                    <a:pt x="82" y="337"/>
                  </a:lnTo>
                  <a:lnTo>
                    <a:pt x="80" y="334"/>
                  </a:lnTo>
                  <a:lnTo>
                    <a:pt x="79" y="331"/>
                  </a:lnTo>
                  <a:lnTo>
                    <a:pt x="78" y="327"/>
                  </a:lnTo>
                  <a:lnTo>
                    <a:pt x="78" y="323"/>
                  </a:lnTo>
                  <a:lnTo>
                    <a:pt x="78" y="318"/>
                  </a:lnTo>
                  <a:lnTo>
                    <a:pt x="76" y="313"/>
                  </a:lnTo>
                  <a:lnTo>
                    <a:pt x="75" y="307"/>
                  </a:lnTo>
                  <a:lnTo>
                    <a:pt x="75" y="302"/>
                  </a:lnTo>
                  <a:lnTo>
                    <a:pt x="75" y="295"/>
                  </a:lnTo>
                  <a:lnTo>
                    <a:pt x="66" y="295"/>
                  </a:lnTo>
                  <a:lnTo>
                    <a:pt x="56" y="294"/>
                  </a:lnTo>
                  <a:lnTo>
                    <a:pt x="52" y="292"/>
                  </a:lnTo>
                  <a:lnTo>
                    <a:pt x="48" y="291"/>
                  </a:lnTo>
                  <a:lnTo>
                    <a:pt x="44" y="288"/>
                  </a:lnTo>
                  <a:lnTo>
                    <a:pt x="40" y="285"/>
                  </a:lnTo>
                  <a:lnTo>
                    <a:pt x="29" y="282"/>
                  </a:lnTo>
                  <a:lnTo>
                    <a:pt x="19" y="280"/>
                  </a:lnTo>
                  <a:lnTo>
                    <a:pt x="8" y="277"/>
                  </a:lnTo>
                  <a:lnTo>
                    <a:pt x="0" y="273"/>
                  </a:lnTo>
                  <a:lnTo>
                    <a:pt x="3" y="272"/>
                  </a:lnTo>
                  <a:lnTo>
                    <a:pt x="4" y="270"/>
                  </a:lnTo>
                  <a:lnTo>
                    <a:pt x="27" y="247"/>
                  </a:lnTo>
                  <a:lnTo>
                    <a:pt x="49" y="225"/>
                  </a:lnTo>
                  <a:lnTo>
                    <a:pt x="73" y="203"/>
                  </a:lnTo>
                  <a:lnTo>
                    <a:pt x="97" y="182"/>
                  </a:lnTo>
                  <a:lnTo>
                    <a:pt x="121" y="161"/>
                  </a:lnTo>
                  <a:lnTo>
                    <a:pt x="145" y="140"/>
                  </a:lnTo>
                  <a:lnTo>
                    <a:pt x="170" y="120"/>
                  </a:lnTo>
                  <a:lnTo>
                    <a:pt x="194" y="100"/>
                  </a:lnTo>
                  <a:lnTo>
                    <a:pt x="208" y="88"/>
                  </a:lnTo>
                  <a:lnTo>
                    <a:pt x="220" y="77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96" name="Gribskov kant"/>
            <p:cNvSpPr>
              <a:spLocks/>
            </p:cNvSpPr>
            <p:nvPr/>
          </p:nvSpPr>
          <p:spPr bwMode="auto">
            <a:xfrm>
              <a:off x="3554413" y="4343400"/>
              <a:ext cx="307975" cy="217488"/>
            </a:xfrm>
            <a:custGeom>
              <a:avLst/>
              <a:gdLst>
                <a:gd name="T0" fmla="*/ 80 w 581"/>
                <a:gd name="T1" fmla="*/ 20 h 411"/>
                <a:gd name="T2" fmla="*/ 100 w 581"/>
                <a:gd name="T3" fmla="*/ 12 h 411"/>
                <a:gd name="T4" fmla="*/ 122 w 581"/>
                <a:gd name="T5" fmla="*/ 2 h 411"/>
                <a:gd name="T6" fmla="*/ 133 w 581"/>
                <a:gd name="T7" fmla="*/ 0 h 411"/>
                <a:gd name="T8" fmla="*/ 145 w 581"/>
                <a:gd name="T9" fmla="*/ 2 h 411"/>
                <a:gd name="T10" fmla="*/ 155 w 581"/>
                <a:gd name="T11" fmla="*/ 7 h 411"/>
                <a:gd name="T12" fmla="*/ 159 w 581"/>
                <a:gd name="T13" fmla="*/ 8 h 411"/>
                <a:gd name="T14" fmla="*/ 167 w 581"/>
                <a:gd name="T15" fmla="*/ 13 h 411"/>
                <a:gd name="T16" fmla="*/ 175 w 581"/>
                <a:gd name="T17" fmla="*/ 20 h 411"/>
                <a:gd name="T18" fmla="*/ 186 w 581"/>
                <a:gd name="T19" fmla="*/ 24 h 411"/>
                <a:gd name="T20" fmla="*/ 192 w 581"/>
                <a:gd name="T21" fmla="*/ 26 h 411"/>
                <a:gd name="T22" fmla="*/ 194 w 581"/>
                <a:gd name="T23" fmla="*/ 28 h 411"/>
                <a:gd name="T24" fmla="*/ 194 w 581"/>
                <a:gd name="T25" fmla="*/ 40 h 411"/>
                <a:gd name="T26" fmla="*/ 191 w 581"/>
                <a:gd name="T27" fmla="*/ 60 h 411"/>
                <a:gd name="T28" fmla="*/ 188 w 581"/>
                <a:gd name="T29" fmla="*/ 74 h 411"/>
                <a:gd name="T30" fmla="*/ 184 w 581"/>
                <a:gd name="T31" fmla="*/ 80 h 411"/>
                <a:gd name="T32" fmla="*/ 178 w 581"/>
                <a:gd name="T33" fmla="*/ 79 h 411"/>
                <a:gd name="T34" fmla="*/ 175 w 581"/>
                <a:gd name="T35" fmla="*/ 78 h 411"/>
                <a:gd name="T36" fmla="*/ 171 w 581"/>
                <a:gd name="T37" fmla="*/ 93 h 411"/>
                <a:gd name="T38" fmla="*/ 170 w 581"/>
                <a:gd name="T39" fmla="*/ 105 h 411"/>
                <a:gd name="T40" fmla="*/ 153 w 581"/>
                <a:gd name="T41" fmla="*/ 109 h 411"/>
                <a:gd name="T42" fmla="*/ 136 w 581"/>
                <a:gd name="T43" fmla="*/ 111 h 411"/>
                <a:gd name="T44" fmla="*/ 136 w 581"/>
                <a:gd name="T45" fmla="*/ 118 h 411"/>
                <a:gd name="T46" fmla="*/ 131 w 581"/>
                <a:gd name="T47" fmla="*/ 121 h 411"/>
                <a:gd name="T48" fmla="*/ 127 w 581"/>
                <a:gd name="T49" fmla="*/ 121 h 411"/>
                <a:gd name="T50" fmla="*/ 121 w 581"/>
                <a:gd name="T51" fmla="*/ 120 h 411"/>
                <a:gd name="T52" fmla="*/ 115 w 581"/>
                <a:gd name="T53" fmla="*/ 121 h 411"/>
                <a:gd name="T54" fmla="*/ 102 w 581"/>
                <a:gd name="T55" fmla="*/ 126 h 411"/>
                <a:gd name="T56" fmla="*/ 95 w 581"/>
                <a:gd name="T57" fmla="*/ 134 h 411"/>
                <a:gd name="T58" fmla="*/ 90 w 581"/>
                <a:gd name="T59" fmla="*/ 136 h 411"/>
                <a:gd name="T60" fmla="*/ 86 w 581"/>
                <a:gd name="T61" fmla="*/ 137 h 411"/>
                <a:gd name="T62" fmla="*/ 78 w 581"/>
                <a:gd name="T63" fmla="*/ 132 h 411"/>
                <a:gd name="T64" fmla="*/ 73 w 581"/>
                <a:gd name="T65" fmla="*/ 132 h 411"/>
                <a:gd name="T66" fmla="*/ 72 w 581"/>
                <a:gd name="T67" fmla="*/ 125 h 411"/>
                <a:gd name="T68" fmla="*/ 69 w 581"/>
                <a:gd name="T69" fmla="*/ 119 h 411"/>
                <a:gd name="T70" fmla="*/ 62 w 581"/>
                <a:gd name="T71" fmla="*/ 117 h 411"/>
                <a:gd name="T72" fmla="*/ 55 w 581"/>
                <a:gd name="T73" fmla="*/ 116 h 411"/>
                <a:gd name="T74" fmla="*/ 50 w 581"/>
                <a:gd name="T75" fmla="*/ 112 h 411"/>
                <a:gd name="T76" fmla="*/ 43 w 581"/>
                <a:gd name="T77" fmla="*/ 102 h 411"/>
                <a:gd name="T78" fmla="*/ 38 w 581"/>
                <a:gd name="T79" fmla="*/ 98 h 411"/>
                <a:gd name="T80" fmla="*/ 31 w 581"/>
                <a:gd name="T81" fmla="*/ 105 h 411"/>
                <a:gd name="T82" fmla="*/ 30 w 581"/>
                <a:gd name="T83" fmla="*/ 111 h 411"/>
                <a:gd name="T84" fmla="*/ 28 w 581"/>
                <a:gd name="T85" fmla="*/ 113 h 411"/>
                <a:gd name="T86" fmla="*/ 26 w 581"/>
                <a:gd name="T87" fmla="*/ 110 h 411"/>
                <a:gd name="T88" fmla="*/ 26 w 581"/>
                <a:gd name="T89" fmla="*/ 106 h 411"/>
                <a:gd name="T90" fmla="*/ 25 w 581"/>
                <a:gd name="T91" fmla="*/ 101 h 411"/>
                <a:gd name="T92" fmla="*/ 19 w 581"/>
                <a:gd name="T93" fmla="*/ 98 h 411"/>
                <a:gd name="T94" fmla="*/ 15 w 581"/>
                <a:gd name="T95" fmla="*/ 96 h 411"/>
                <a:gd name="T96" fmla="*/ 6 w 581"/>
                <a:gd name="T97" fmla="*/ 93 h 411"/>
                <a:gd name="T98" fmla="*/ 1 w 581"/>
                <a:gd name="T99" fmla="*/ 91 h 411"/>
                <a:gd name="T100" fmla="*/ 16 w 581"/>
                <a:gd name="T101" fmla="*/ 75 h 411"/>
                <a:gd name="T102" fmla="*/ 40 w 581"/>
                <a:gd name="T103" fmla="*/ 54 h 411"/>
                <a:gd name="T104" fmla="*/ 65 w 581"/>
                <a:gd name="T105" fmla="*/ 33 h 41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581" h="411">
                  <a:moveTo>
                    <a:pt x="220" y="77"/>
                  </a:moveTo>
                  <a:lnTo>
                    <a:pt x="229" y="68"/>
                  </a:lnTo>
                  <a:lnTo>
                    <a:pt x="240" y="61"/>
                  </a:lnTo>
                  <a:lnTo>
                    <a:pt x="253" y="54"/>
                  </a:lnTo>
                  <a:lnTo>
                    <a:pt x="267" y="47"/>
                  </a:lnTo>
                  <a:lnTo>
                    <a:pt x="298" y="36"/>
                  </a:lnTo>
                  <a:lnTo>
                    <a:pt x="329" y="23"/>
                  </a:lnTo>
                  <a:lnTo>
                    <a:pt x="346" y="16"/>
                  </a:lnTo>
                  <a:lnTo>
                    <a:pt x="364" y="7"/>
                  </a:lnTo>
                  <a:lnTo>
                    <a:pt x="374" y="3"/>
                  </a:lnTo>
                  <a:lnTo>
                    <a:pt x="385" y="1"/>
                  </a:lnTo>
                  <a:lnTo>
                    <a:pt x="397" y="0"/>
                  </a:lnTo>
                  <a:lnTo>
                    <a:pt x="410" y="1"/>
                  </a:lnTo>
                  <a:lnTo>
                    <a:pt x="423" y="3"/>
                  </a:lnTo>
                  <a:lnTo>
                    <a:pt x="435" y="7"/>
                  </a:lnTo>
                  <a:lnTo>
                    <a:pt x="446" y="14"/>
                  </a:lnTo>
                  <a:lnTo>
                    <a:pt x="457" y="21"/>
                  </a:lnTo>
                  <a:lnTo>
                    <a:pt x="463" y="20"/>
                  </a:lnTo>
                  <a:lnTo>
                    <a:pt x="468" y="21"/>
                  </a:lnTo>
                  <a:lnTo>
                    <a:pt x="472" y="22"/>
                  </a:lnTo>
                  <a:lnTo>
                    <a:pt x="477" y="23"/>
                  </a:lnTo>
                  <a:lnTo>
                    <a:pt x="485" y="26"/>
                  </a:lnTo>
                  <a:lnTo>
                    <a:pt x="495" y="28"/>
                  </a:lnTo>
                  <a:lnTo>
                    <a:pt x="500" y="38"/>
                  </a:lnTo>
                  <a:lnTo>
                    <a:pt x="507" y="46"/>
                  </a:lnTo>
                  <a:lnTo>
                    <a:pt x="516" y="54"/>
                  </a:lnTo>
                  <a:lnTo>
                    <a:pt x="525" y="59"/>
                  </a:lnTo>
                  <a:lnTo>
                    <a:pt x="535" y="64"/>
                  </a:lnTo>
                  <a:lnTo>
                    <a:pt x="546" y="68"/>
                  </a:lnTo>
                  <a:lnTo>
                    <a:pt x="558" y="72"/>
                  </a:lnTo>
                  <a:lnTo>
                    <a:pt x="570" y="75"/>
                  </a:lnTo>
                  <a:lnTo>
                    <a:pt x="571" y="76"/>
                  </a:lnTo>
                  <a:lnTo>
                    <a:pt x="575" y="77"/>
                  </a:lnTo>
                  <a:lnTo>
                    <a:pt x="578" y="77"/>
                  </a:lnTo>
                  <a:lnTo>
                    <a:pt x="581" y="77"/>
                  </a:lnTo>
                  <a:lnTo>
                    <a:pt x="581" y="83"/>
                  </a:lnTo>
                  <a:lnTo>
                    <a:pt x="581" y="89"/>
                  </a:lnTo>
                  <a:lnTo>
                    <a:pt x="581" y="104"/>
                  </a:lnTo>
                  <a:lnTo>
                    <a:pt x="581" y="120"/>
                  </a:lnTo>
                  <a:lnTo>
                    <a:pt x="579" y="135"/>
                  </a:lnTo>
                  <a:lnTo>
                    <a:pt x="578" y="149"/>
                  </a:lnTo>
                  <a:lnTo>
                    <a:pt x="571" y="179"/>
                  </a:lnTo>
                  <a:lnTo>
                    <a:pt x="565" y="208"/>
                  </a:lnTo>
                  <a:lnTo>
                    <a:pt x="565" y="216"/>
                  </a:lnTo>
                  <a:lnTo>
                    <a:pt x="564" y="223"/>
                  </a:lnTo>
                  <a:lnTo>
                    <a:pt x="563" y="228"/>
                  </a:lnTo>
                  <a:lnTo>
                    <a:pt x="561" y="235"/>
                  </a:lnTo>
                  <a:lnTo>
                    <a:pt x="552" y="239"/>
                  </a:lnTo>
                  <a:lnTo>
                    <a:pt x="545" y="244"/>
                  </a:lnTo>
                  <a:lnTo>
                    <a:pt x="539" y="241"/>
                  </a:lnTo>
                  <a:lnTo>
                    <a:pt x="532" y="237"/>
                  </a:lnTo>
                  <a:lnTo>
                    <a:pt x="529" y="235"/>
                  </a:lnTo>
                  <a:lnTo>
                    <a:pt x="526" y="234"/>
                  </a:lnTo>
                  <a:lnTo>
                    <a:pt x="523" y="233"/>
                  </a:lnTo>
                  <a:lnTo>
                    <a:pt x="520" y="235"/>
                  </a:lnTo>
                  <a:lnTo>
                    <a:pt x="516" y="257"/>
                  </a:lnTo>
                  <a:lnTo>
                    <a:pt x="513" y="280"/>
                  </a:lnTo>
                  <a:lnTo>
                    <a:pt x="512" y="292"/>
                  </a:lnTo>
                  <a:lnTo>
                    <a:pt x="510" y="303"/>
                  </a:lnTo>
                  <a:lnTo>
                    <a:pt x="508" y="314"/>
                  </a:lnTo>
                  <a:lnTo>
                    <a:pt x="505" y="323"/>
                  </a:lnTo>
                  <a:lnTo>
                    <a:pt x="482" y="325"/>
                  </a:lnTo>
                  <a:lnTo>
                    <a:pt x="458" y="326"/>
                  </a:lnTo>
                  <a:lnTo>
                    <a:pt x="435" y="327"/>
                  </a:lnTo>
                  <a:lnTo>
                    <a:pt x="410" y="328"/>
                  </a:lnTo>
                  <a:lnTo>
                    <a:pt x="408" y="333"/>
                  </a:lnTo>
                  <a:lnTo>
                    <a:pt x="408" y="339"/>
                  </a:lnTo>
                  <a:lnTo>
                    <a:pt x="408" y="346"/>
                  </a:lnTo>
                  <a:lnTo>
                    <a:pt x="408" y="354"/>
                  </a:lnTo>
                  <a:lnTo>
                    <a:pt x="402" y="357"/>
                  </a:lnTo>
                  <a:lnTo>
                    <a:pt x="396" y="360"/>
                  </a:lnTo>
                  <a:lnTo>
                    <a:pt x="392" y="362"/>
                  </a:lnTo>
                  <a:lnTo>
                    <a:pt x="389" y="363"/>
                  </a:lnTo>
                  <a:lnTo>
                    <a:pt x="385" y="364"/>
                  </a:lnTo>
                  <a:lnTo>
                    <a:pt x="380" y="364"/>
                  </a:lnTo>
                  <a:lnTo>
                    <a:pt x="372" y="360"/>
                  </a:lnTo>
                  <a:lnTo>
                    <a:pt x="365" y="356"/>
                  </a:lnTo>
                  <a:lnTo>
                    <a:pt x="361" y="359"/>
                  </a:lnTo>
                  <a:lnTo>
                    <a:pt x="357" y="361"/>
                  </a:lnTo>
                  <a:lnTo>
                    <a:pt x="351" y="363"/>
                  </a:lnTo>
                  <a:lnTo>
                    <a:pt x="345" y="364"/>
                  </a:lnTo>
                  <a:lnTo>
                    <a:pt x="331" y="364"/>
                  </a:lnTo>
                  <a:lnTo>
                    <a:pt x="317" y="364"/>
                  </a:lnTo>
                  <a:lnTo>
                    <a:pt x="304" y="379"/>
                  </a:lnTo>
                  <a:lnTo>
                    <a:pt x="291" y="394"/>
                  </a:lnTo>
                  <a:lnTo>
                    <a:pt x="289" y="398"/>
                  </a:lnTo>
                  <a:lnTo>
                    <a:pt x="285" y="401"/>
                  </a:lnTo>
                  <a:lnTo>
                    <a:pt x="281" y="404"/>
                  </a:lnTo>
                  <a:lnTo>
                    <a:pt x="277" y="406"/>
                  </a:lnTo>
                  <a:lnTo>
                    <a:pt x="271" y="409"/>
                  </a:lnTo>
                  <a:lnTo>
                    <a:pt x="267" y="410"/>
                  </a:lnTo>
                  <a:lnTo>
                    <a:pt x="262" y="411"/>
                  </a:lnTo>
                  <a:lnTo>
                    <a:pt x="259" y="410"/>
                  </a:lnTo>
                  <a:lnTo>
                    <a:pt x="249" y="404"/>
                  </a:lnTo>
                  <a:lnTo>
                    <a:pt x="241" y="399"/>
                  </a:lnTo>
                  <a:lnTo>
                    <a:pt x="235" y="397"/>
                  </a:lnTo>
                  <a:lnTo>
                    <a:pt x="230" y="395"/>
                  </a:lnTo>
                  <a:lnTo>
                    <a:pt x="225" y="395"/>
                  </a:lnTo>
                  <a:lnTo>
                    <a:pt x="218" y="397"/>
                  </a:lnTo>
                  <a:lnTo>
                    <a:pt x="218" y="389"/>
                  </a:lnTo>
                  <a:lnTo>
                    <a:pt x="217" y="381"/>
                  </a:lnTo>
                  <a:lnTo>
                    <a:pt x="215" y="374"/>
                  </a:lnTo>
                  <a:lnTo>
                    <a:pt x="213" y="367"/>
                  </a:lnTo>
                  <a:lnTo>
                    <a:pt x="210" y="361"/>
                  </a:lnTo>
                  <a:lnTo>
                    <a:pt x="206" y="357"/>
                  </a:lnTo>
                  <a:lnTo>
                    <a:pt x="202" y="353"/>
                  </a:lnTo>
                  <a:lnTo>
                    <a:pt x="198" y="348"/>
                  </a:lnTo>
                  <a:lnTo>
                    <a:pt x="187" y="352"/>
                  </a:lnTo>
                  <a:lnTo>
                    <a:pt x="179" y="352"/>
                  </a:lnTo>
                  <a:lnTo>
                    <a:pt x="170" y="352"/>
                  </a:lnTo>
                  <a:lnTo>
                    <a:pt x="164" y="348"/>
                  </a:lnTo>
                  <a:lnTo>
                    <a:pt x="159" y="345"/>
                  </a:lnTo>
                  <a:lnTo>
                    <a:pt x="153" y="341"/>
                  </a:lnTo>
                  <a:lnTo>
                    <a:pt x="149" y="336"/>
                  </a:lnTo>
                  <a:lnTo>
                    <a:pt x="145" y="331"/>
                  </a:lnTo>
                  <a:lnTo>
                    <a:pt x="138" y="318"/>
                  </a:lnTo>
                  <a:lnTo>
                    <a:pt x="129" y="306"/>
                  </a:lnTo>
                  <a:lnTo>
                    <a:pt x="125" y="302"/>
                  </a:lnTo>
                  <a:lnTo>
                    <a:pt x="120" y="298"/>
                  </a:lnTo>
                  <a:lnTo>
                    <a:pt x="113" y="295"/>
                  </a:lnTo>
                  <a:lnTo>
                    <a:pt x="106" y="293"/>
                  </a:lnTo>
                  <a:lnTo>
                    <a:pt x="100" y="303"/>
                  </a:lnTo>
                  <a:lnTo>
                    <a:pt x="93" y="315"/>
                  </a:lnTo>
                  <a:lnTo>
                    <a:pt x="91" y="320"/>
                  </a:lnTo>
                  <a:lnTo>
                    <a:pt x="89" y="327"/>
                  </a:lnTo>
                  <a:lnTo>
                    <a:pt x="89" y="334"/>
                  </a:lnTo>
                  <a:lnTo>
                    <a:pt x="90" y="341"/>
                  </a:lnTo>
                  <a:lnTo>
                    <a:pt x="87" y="340"/>
                  </a:lnTo>
                  <a:lnTo>
                    <a:pt x="84" y="339"/>
                  </a:lnTo>
                  <a:lnTo>
                    <a:pt x="82" y="337"/>
                  </a:lnTo>
                  <a:lnTo>
                    <a:pt x="80" y="334"/>
                  </a:lnTo>
                  <a:lnTo>
                    <a:pt x="79" y="331"/>
                  </a:lnTo>
                  <a:lnTo>
                    <a:pt x="78" y="327"/>
                  </a:lnTo>
                  <a:lnTo>
                    <a:pt x="78" y="323"/>
                  </a:lnTo>
                  <a:lnTo>
                    <a:pt x="78" y="318"/>
                  </a:lnTo>
                  <a:lnTo>
                    <a:pt x="76" y="313"/>
                  </a:lnTo>
                  <a:lnTo>
                    <a:pt x="75" y="307"/>
                  </a:lnTo>
                  <a:lnTo>
                    <a:pt x="75" y="302"/>
                  </a:lnTo>
                  <a:lnTo>
                    <a:pt x="75" y="295"/>
                  </a:lnTo>
                  <a:lnTo>
                    <a:pt x="66" y="295"/>
                  </a:lnTo>
                  <a:lnTo>
                    <a:pt x="56" y="294"/>
                  </a:lnTo>
                  <a:lnTo>
                    <a:pt x="52" y="292"/>
                  </a:lnTo>
                  <a:lnTo>
                    <a:pt x="48" y="291"/>
                  </a:lnTo>
                  <a:lnTo>
                    <a:pt x="44" y="288"/>
                  </a:lnTo>
                  <a:lnTo>
                    <a:pt x="40" y="285"/>
                  </a:lnTo>
                  <a:lnTo>
                    <a:pt x="29" y="282"/>
                  </a:lnTo>
                  <a:lnTo>
                    <a:pt x="19" y="280"/>
                  </a:lnTo>
                  <a:lnTo>
                    <a:pt x="8" y="277"/>
                  </a:lnTo>
                  <a:lnTo>
                    <a:pt x="0" y="273"/>
                  </a:lnTo>
                  <a:lnTo>
                    <a:pt x="3" y="272"/>
                  </a:lnTo>
                  <a:lnTo>
                    <a:pt x="4" y="270"/>
                  </a:lnTo>
                  <a:lnTo>
                    <a:pt x="27" y="247"/>
                  </a:lnTo>
                  <a:lnTo>
                    <a:pt x="49" y="225"/>
                  </a:lnTo>
                  <a:lnTo>
                    <a:pt x="73" y="203"/>
                  </a:lnTo>
                  <a:lnTo>
                    <a:pt x="97" y="182"/>
                  </a:lnTo>
                  <a:lnTo>
                    <a:pt x="121" y="161"/>
                  </a:lnTo>
                  <a:lnTo>
                    <a:pt x="145" y="140"/>
                  </a:lnTo>
                  <a:lnTo>
                    <a:pt x="170" y="120"/>
                  </a:lnTo>
                  <a:lnTo>
                    <a:pt x="194" y="100"/>
                  </a:lnTo>
                  <a:lnTo>
                    <a:pt x="208" y="88"/>
                  </a:lnTo>
                  <a:lnTo>
                    <a:pt x="220" y="77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97" name="Fredensborg"/>
            <p:cNvSpPr>
              <a:spLocks/>
            </p:cNvSpPr>
            <p:nvPr/>
          </p:nvSpPr>
          <p:spPr bwMode="auto">
            <a:xfrm>
              <a:off x="3813175" y="4467225"/>
              <a:ext cx="53975" cy="92075"/>
            </a:xfrm>
            <a:custGeom>
              <a:avLst/>
              <a:gdLst>
                <a:gd name="T0" fmla="*/ 7 w 104"/>
                <a:gd name="T1" fmla="*/ 27 h 174"/>
                <a:gd name="T2" fmla="*/ 8 w 104"/>
                <a:gd name="T3" fmla="*/ 20 h 174"/>
                <a:gd name="T4" fmla="*/ 9 w 104"/>
                <a:gd name="T5" fmla="*/ 8 h 174"/>
                <a:gd name="T6" fmla="*/ 12 w 104"/>
                <a:gd name="T7" fmla="*/ 0 h 174"/>
                <a:gd name="T8" fmla="*/ 14 w 104"/>
                <a:gd name="T9" fmla="*/ 1 h 174"/>
                <a:gd name="T10" fmla="*/ 17 w 104"/>
                <a:gd name="T11" fmla="*/ 3 h 174"/>
                <a:gd name="T12" fmla="*/ 21 w 104"/>
                <a:gd name="T13" fmla="*/ 2 h 174"/>
                <a:gd name="T14" fmla="*/ 25 w 104"/>
                <a:gd name="T15" fmla="*/ 1 h 174"/>
                <a:gd name="T16" fmla="*/ 27 w 104"/>
                <a:gd name="T17" fmla="*/ 1 h 174"/>
                <a:gd name="T18" fmla="*/ 31 w 104"/>
                <a:gd name="T19" fmla="*/ 4 h 174"/>
                <a:gd name="T20" fmla="*/ 31 w 104"/>
                <a:gd name="T21" fmla="*/ 6 h 174"/>
                <a:gd name="T22" fmla="*/ 29 w 104"/>
                <a:gd name="T23" fmla="*/ 8 h 174"/>
                <a:gd name="T24" fmla="*/ 29 w 104"/>
                <a:gd name="T25" fmla="*/ 10 h 174"/>
                <a:gd name="T26" fmla="*/ 30 w 104"/>
                <a:gd name="T27" fmla="*/ 14 h 174"/>
                <a:gd name="T28" fmla="*/ 33 w 104"/>
                <a:gd name="T29" fmla="*/ 17 h 174"/>
                <a:gd name="T30" fmla="*/ 33 w 104"/>
                <a:gd name="T31" fmla="*/ 19 h 174"/>
                <a:gd name="T32" fmla="*/ 33 w 104"/>
                <a:gd name="T33" fmla="*/ 22 h 174"/>
                <a:gd name="T34" fmla="*/ 32 w 104"/>
                <a:gd name="T35" fmla="*/ 25 h 174"/>
                <a:gd name="T36" fmla="*/ 30 w 104"/>
                <a:gd name="T37" fmla="*/ 26 h 174"/>
                <a:gd name="T38" fmla="*/ 26 w 104"/>
                <a:gd name="T39" fmla="*/ 27 h 174"/>
                <a:gd name="T40" fmla="*/ 22 w 104"/>
                <a:gd name="T41" fmla="*/ 31 h 174"/>
                <a:gd name="T42" fmla="*/ 20 w 104"/>
                <a:gd name="T43" fmla="*/ 37 h 174"/>
                <a:gd name="T44" fmla="*/ 19 w 104"/>
                <a:gd name="T45" fmla="*/ 43 h 174"/>
                <a:gd name="T46" fmla="*/ 16 w 104"/>
                <a:gd name="T47" fmla="*/ 49 h 174"/>
                <a:gd name="T48" fmla="*/ 13 w 104"/>
                <a:gd name="T49" fmla="*/ 52 h 174"/>
                <a:gd name="T50" fmla="*/ 11 w 104"/>
                <a:gd name="T51" fmla="*/ 55 h 174"/>
                <a:gd name="T52" fmla="*/ 10 w 104"/>
                <a:gd name="T53" fmla="*/ 57 h 174"/>
                <a:gd name="T54" fmla="*/ 7 w 104"/>
                <a:gd name="T55" fmla="*/ 58 h 174"/>
                <a:gd name="T56" fmla="*/ 5 w 104"/>
                <a:gd name="T57" fmla="*/ 58 h 174"/>
                <a:gd name="T58" fmla="*/ 4 w 104"/>
                <a:gd name="T59" fmla="*/ 57 h 174"/>
                <a:gd name="T60" fmla="*/ 5 w 104"/>
                <a:gd name="T61" fmla="*/ 55 h 174"/>
                <a:gd name="T62" fmla="*/ 6 w 104"/>
                <a:gd name="T63" fmla="*/ 54 h 174"/>
                <a:gd name="T64" fmla="*/ 3 w 104"/>
                <a:gd name="T65" fmla="*/ 49 h 174"/>
                <a:gd name="T66" fmla="*/ 0 w 104"/>
                <a:gd name="T67" fmla="*/ 43 h 174"/>
                <a:gd name="T68" fmla="*/ 2 w 104"/>
                <a:gd name="T69" fmla="*/ 40 h 174"/>
                <a:gd name="T70" fmla="*/ 4 w 104"/>
                <a:gd name="T71" fmla="*/ 37 h 174"/>
                <a:gd name="T72" fmla="*/ 6 w 104"/>
                <a:gd name="T73" fmla="*/ 33 h 174"/>
                <a:gd name="T74" fmla="*/ 6 w 104"/>
                <a:gd name="T75" fmla="*/ 30 h 174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</a:gdLst>
              <a:ahLst/>
              <a:cxnLst>
                <a:cxn ang="T76">
                  <a:pos x="T0" y="T1"/>
                </a:cxn>
                <a:cxn ang="T77">
                  <a:pos x="T2" y="T3"/>
                </a:cxn>
                <a:cxn ang="T78">
                  <a:pos x="T4" y="T5"/>
                </a:cxn>
                <a:cxn ang="T79">
                  <a:pos x="T6" y="T7"/>
                </a:cxn>
                <a:cxn ang="T80">
                  <a:pos x="T8" y="T9"/>
                </a:cxn>
                <a:cxn ang="T81">
                  <a:pos x="T10" y="T11"/>
                </a:cxn>
                <a:cxn ang="T82">
                  <a:pos x="T12" y="T13"/>
                </a:cxn>
                <a:cxn ang="T83">
                  <a:pos x="T14" y="T15"/>
                </a:cxn>
                <a:cxn ang="T84">
                  <a:pos x="T16" y="T17"/>
                </a:cxn>
                <a:cxn ang="T85">
                  <a:pos x="T18" y="T19"/>
                </a:cxn>
                <a:cxn ang="T86">
                  <a:pos x="T20" y="T21"/>
                </a:cxn>
                <a:cxn ang="T87">
                  <a:pos x="T22" y="T23"/>
                </a:cxn>
                <a:cxn ang="T88">
                  <a:pos x="T24" y="T25"/>
                </a:cxn>
                <a:cxn ang="T89">
                  <a:pos x="T26" y="T27"/>
                </a:cxn>
                <a:cxn ang="T90">
                  <a:pos x="T28" y="T29"/>
                </a:cxn>
                <a:cxn ang="T91">
                  <a:pos x="T30" y="T31"/>
                </a:cxn>
                <a:cxn ang="T92">
                  <a:pos x="T32" y="T33"/>
                </a:cxn>
                <a:cxn ang="T93">
                  <a:pos x="T34" y="T35"/>
                </a:cxn>
                <a:cxn ang="T94">
                  <a:pos x="T36" y="T37"/>
                </a:cxn>
                <a:cxn ang="T95">
                  <a:pos x="T38" y="T39"/>
                </a:cxn>
                <a:cxn ang="T96">
                  <a:pos x="T40" y="T41"/>
                </a:cxn>
                <a:cxn ang="T97">
                  <a:pos x="T42" y="T43"/>
                </a:cxn>
                <a:cxn ang="T98">
                  <a:pos x="T44" y="T45"/>
                </a:cxn>
                <a:cxn ang="T99">
                  <a:pos x="T46" y="T47"/>
                </a:cxn>
                <a:cxn ang="T100">
                  <a:pos x="T48" y="T49"/>
                </a:cxn>
                <a:cxn ang="T101">
                  <a:pos x="T50" y="T51"/>
                </a:cxn>
                <a:cxn ang="T102">
                  <a:pos x="T52" y="T53"/>
                </a:cxn>
                <a:cxn ang="T103">
                  <a:pos x="T54" y="T55"/>
                </a:cxn>
                <a:cxn ang="T104">
                  <a:pos x="T56" y="T57"/>
                </a:cxn>
                <a:cxn ang="T105">
                  <a:pos x="T58" y="T59"/>
                </a:cxn>
                <a:cxn ang="T106">
                  <a:pos x="T60" y="T61"/>
                </a:cxn>
                <a:cxn ang="T107">
                  <a:pos x="T62" y="T63"/>
                </a:cxn>
                <a:cxn ang="T108">
                  <a:pos x="T64" y="T65"/>
                </a:cxn>
                <a:cxn ang="T109">
                  <a:pos x="T66" y="T67"/>
                </a:cxn>
                <a:cxn ang="T110">
                  <a:pos x="T68" y="T69"/>
                </a:cxn>
                <a:cxn ang="T111">
                  <a:pos x="T70" y="T71"/>
                </a:cxn>
                <a:cxn ang="T112">
                  <a:pos x="T72" y="T73"/>
                </a:cxn>
                <a:cxn ang="T113">
                  <a:pos x="T74" y="T75"/>
                </a:cxn>
              </a:cxnLst>
              <a:rect l="0" t="0" r="r" b="b"/>
              <a:pathLst>
                <a:path w="104" h="174">
                  <a:moveTo>
                    <a:pt x="18" y="90"/>
                  </a:moveTo>
                  <a:lnTo>
                    <a:pt x="21" y="81"/>
                  </a:lnTo>
                  <a:lnTo>
                    <a:pt x="23" y="70"/>
                  </a:lnTo>
                  <a:lnTo>
                    <a:pt x="25" y="59"/>
                  </a:lnTo>
                  <a:lnTo>
                    <a:pt x="26" y="47"/>
                  </a:lnTo>
                  <a:lnTo>
                    <a:pt x="29" y="24"/>
                  </a:lnTo>
                  <a:lnTo>
                    <a:pt x="33" y="2"/>
                  </a:lnTo>
                  <a:lnTo>
                    <a:pt x="36" y="0"/>
                  </a:lnTo>
                  <a:lnTo>
                    <a:pt x="39" y="1"/>
                  </a:lnTo>
                  <a:lnTo>
                    <a:pt x="42" y="2"/>
                  </a:lnTo>
                  <a:lnTo>
                    <a:pt x="45" y="4"/>
                  </a:lnTo>
                  <a:lnTo>
                    <a:pt x="52" y="8"/>
                  </a:lnTo>
                  <a:lnTo>
                    <a:pt x="58" y="11"/>
                  </a:lnTo>
                  <a:lnTo>
                    <a:pt x="65" y="6"/>
                  </a:lnTo>
                  <a:lnTo>
                    <a:pt x="74" y="2"/>
                  </a:lnTo>
                  <a:lnTo>
                    <a:pt x="76" y="2"/>
                  </a:lnTo>
                  <a:lnTo>
                    <a:pt x="78" y="2"/>
                  </a:lnTo>
                  <a:lnTo>
                    <a:pt x="84" y="3"/>
                  </a:lnTo>
                  <a:lnTo>
                    <a:pt x="90" y="7"/>
                  </a:lnTo>
                  <a:lnTo>
                    <a:pt x="94" y="11"/>
                  </a:lnTo>
                  <a:lnTo>
                    <a:pt x="96" y="17"/>
                  </a:lnTo>
                  <a:lnTo>
                    <a:pt x="94" y="19"/>
                  </a:lnTo>
                  <a:lnTo>
                    <a:pt x="92" y="21"/>
                  </a:lnTo>
                  <a:lnTo>
                    <a:pt x="90" y="23"/>
                  </a:lnTo>
                  <a:lnTo>
                    <a:pt x="89" y="26"/>
                  </a:lnTo>
                  <a:lnTo>
                    <a:pt x="89" y="31"/>
                  </a:lnTo>
                  <a:lnTo>
                    <a:pt x="91" y="37"/>
                  </a:lnTo>
                  <a:lnTo>
                    <a:pt x="93" y="42"/>
                  </a:lnTo>
                  <a:lnTo>
                    <a:pt x="97" y="47"/>
                  </a:lnTo>
                  <a:lnTo>
                    <a:pt x="100" y="51"/>
                  </a:lnTo>
                  <a:lnTo>
                    <a:pt x="104" y="54"/>
                  </a:lnTo>
                  <a:lnTo>
                    <a:pt x="102" y="58"/>
                  </a:lnTo>
                  <a:lnTo>
                    <a:pt x="101" y="61"/>
                  </a:lnTo>
                  <a:lnTo>
                    <a:pt x="101" y="65"/>
                  </a:lnTo>
                  <a:lnTo>
                    <a:pt x="101" y="70"/>
                  </a:lnTo>
                  <a:lnTo>
                    <a:pt x="99" y="74"/>
                  </a:lnTo>
                  <a:lnTo>
                    <a:pt x="99" y="80"/>
                  </a:lnTo>
                  <a:lnTo>
                    <a:pt x="93" y="78"/>
                  </a:lnTo>
                  <a:lnTo>
                    <a:pt x="87" y="74"/>
                  </a:lnTo>
                  <a:lnTo>
                    <a:pt x="79" y="80"/>
                  </a:lnTo>
                  <a:lnTo>
                    <a:pt x="73" y="86"/>
                  </a:lnTo>
                  <a:lnTo>
                    <a:pt x="68" y="93"/>
                  </a:lnTo>
                  <a:lnTo>
                    <a:pt x="64" y="101"/>
                  </a:lnTo>
                  <a:lnTo>
                    <a:pt x="61" y="110"/>
                  </a:lnTo>
                  <a:lnTo>
                    <a:pt x="59" y="120"/>
                  </a:lnTo>
                  <a:lnTo>
                    <a:pt x="57" y="130"/>
                  </a:lnTo>
                  <a:lnTo>
                    <a:pt x="56" y="141"/>
                  </a:lnTo>
                  <a:lnTo>
                    <a:pt x="49" y="147"/>
                  </a:lnTo>
                  <a:lnTo>
                    <a:pt x="42" y="153"/>
                  </a:lnTo>
                  <a:lnTo>
                    <a:pt x="39" y="157"/>
                  </a:lnTo>
                  <a:lnTo>
                    <a:pt x="37" y="160"/>
                  </a:lnTo>
                  <a:lnTo>
                    <a:pt x="35" y="164"/>
                  </a:lnTo>
                  <a:lnTo>
                    <a:pt x="33" y="169"/>
                  </a:lnTo>
                  <a:lnTo>
                    <a:pt x="30" y="171"/>
                  </a:lnTo>
                  <a:lnTo>
                    <a:pt x="25" y="173"/>
                  </a:lnTo>
                  <a:lnTo>
                    <a:pt x="21" y="174"/>
                  </a:lnTo>
                  <a:lnTo>
                    <a:pt x="15" y="174"/>
                  </a:lnTo>
                  <a:lnTo>
                    <a:pt x="14" y="174"/>
                  </a:lnTo>
                  <a:lnTo>
                    <a:pt x="13" y="174"/>
                  </a:lnTo>
                  <a:lnTo>
                    <a:pt x="12" y="170"/>
                  </a:lnTo>
                  <a:lnTo>
                    <a:pt x="13" y="168"/>
                  </a:lnTo>
                  <a:lnTo>
                    <a:pt x="14" y="166"/>
                  </a:lnTo>
                  <a:lnTo>
                    <a:pt x="15" y="165"/>
                  </a:lnTo>
                  <a:lnTo>
                    <a:pt x="18" y="162"/>
                  </a:lnTo>
                  <a:lnTo>
                    <a:pt x="20" y="159"/>
                  </a:lnTo>
                  <a:lnTo>
                    <a:pt x="10" y="147"/>
                  </a:lnTo>
                  <a:lnTo>
                    <a:pt x="0" y="136"/>
                  </a:lnTo>
                  <a:lnTo>
                    <a:pt x="1" y="129"/>
                  </a:lnTo>
                  <a:lnTo>
                    <a:pt x="3" y="124"/>
                  </a:lnTo>
                  <a:lnTo>
                    <a:pt x="5" y="119"/>
                  </a:lnTo>
                  <a:lnTo>
                    <a:pt x="9" y="114"/>
                  </a:lnTo>
                  <a:lnTo>
                    <a:pt x="12" y="110"/>
                  </a:lnTo>
                  <a:lnTo>
                    <a:pt x="15" y="105"/>
                  </a:lnTo>
                  <a:lnTo>
                    <a:pt x="17" y="100"/>
                  </a:lnTo>
                  <a:lnTo>
                    <a:pt x="18" y="92"/>
                  </a:lnTo>
                  <a:lnTo>
                    <a:pt x="18" y="91"/>
                  </a:lnTo>
                  <a:lnTo>
                    <a:pt x="18" y="90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98" name="Fredensborg kant"/>
            <p:cNvSpPr>
              <a:spLocks/>
            </p:cNvSpPr>
            <p:nvPr/>
          </p:nvSpPr>
          <p:spPr bwMode="auto">
            <a:xfrm>
              <a:off x="3813175" y="4467225"/>
              <a:ext cx="53975" cy="92075"/>
            </a:xfrm>
            <a:custGeom>
              <a:avLst/>
              <a:gdLst>
                <a:gd name="T0" fmla="*/ 7 w 104"/>
                <a:gd name="T1" fmla="*/ 27 h 174"/>
                <a:gd name="T2" fmla="*/ 8 w 104"/>
                <a:gd name="T3" fmla="*/ 20 h 174"/>
                <a:gd name="T4" fmla="*/ 9 w 104"/>
                <a:gd name="T5" fmla="*/ 8 h 174"/>
                <a:gd name="T6" fmla="*/ 12 w 104"/>
                <a:gd name="T7" fmla="*/ 0 h 174"/>
                <a:gd name="T8" fmla="*/ 14 w 104"/>
                <a:gd name="T9" fmla="*/ 1 h 174"/>
                <a:gd name="T10" fmla="*/ 17 w 104"/>
                <a:gd name="T11" fmla="*/ 3 h 174"/>
                <a:gd name="T12" fmla="*/ 21 w 104"/>
                <a:gd name="T13" fmla="*/ 2 h 174"/>
                <a:gd name="T14" fmla="*/ 25 w 104"/>
                <a:gd name="T15" fmla="*/ 1 h 174"/>
                <a:gd name="T16" fmla="*/ 27 w 104"/>
                <a:gd name="T17" fmla="*/ 1 h 174"/>
                <a:gd name="T18" fmla="*/ 31 w 104"/>
                <a:gd name="T19" fmla="*/ 4 h 174"/>
                <a:gd name="T20" fmla="*/ 31 w 104"/>
                <a:gd name="T21" fmla="*/ 6 h 174"/>
                <a:gd name="T22" fmla="*/ 29 w 104"/>
                <a:gd name="T23" fmla="*/ 8 h 174"/>
                <a:gd name="T24" fmla="*/ 29 w 104"/>
                <a:gd name="T25" fmla="*/ 10 h 174"/>
                <a:gd name="T26" fmla="*/ 30 w 104"/>
                <a:gd name="T27" fmla="*/ 14 h 174"/>
                <a:gd name="T28" fmla="*/ 33 w 104"/>
                <a:gd name="T29" fmla="*/ 17 h 174"/>
                <a:gd name="T30" fmla="*/ 33 w 104"/>
                <a:gd name="T31" fmla="*/ 19 h 174"/>
                <a:gd name="T32" fmla="*/ 33 w 104"/>
                <a:gd name="T33" fmla="*/ 22 h 174"/>
                <a:gd name="T34" fmla="*/ 32 w 104"/>
                <a:gd name="T35" fmla="*/ 25 h 174"/>
                <a:gd name="T36" fmla="*/ 30 w 104"/>
                <a:gd name="T37" fmla="*/ 26 h 174"/>
                <a:gd name="T38" fmla="*/ 26 w 104"/>
                <a:gd name="T39" fmla="*/ 27 h 174"/>
                <a:gd name="T40" fmla="*/ 22 w 104"/>
                <a:gd name="T41" fmla="*/ 31 h 174"/>
                <a:gd name="T42" fmla="*/ 20 w 104"/>
                <a:gd name="T43" fmla="*/ 37 h 174"/>
                <a:gd name="T44" fmla="*/ 19 w 104"/>
                <a:gd name="T45" fmla="*/ 43 h 174"/>
                <a:gd name="T46" fmla="*/ 16 w 104"/>
                <a:gd name="T47" fmla="*/ 49 h 174"/>
                <a:gd name="T48" fmla="*/ 13 w 104"/>
                <a:gd name="T49" fmla="*/ 52 h 174"/>
                <a:gd name="T50" fmla="*/ 11 w 104"/>
                <a:gd name="T51" fmla="*/ 55 h 174"/>
                <a:gd name="T52" fmla="*/ 10 w 104"/>
                <a:gd name="T53" fmla="*/ 57 h 174"/>
                <a:gd name="T54" fmla="*/ 7 w 104"/>
                <a:gd name="T55" fmla="*/ 58 h 174"/>
                <a:gd name="T56" fmla="*/ 5 w 104"/>
                <a:gd name="T57" fmla="*/ 58 h 174"/>
                <a:gd name="T58" fmla="*/ 4 w 104"/>
                <a:gd name="T59" fmla="*/ 57 h 174"/>
                <a:gd name="T60" fmla="*/ 5 w 104"/>
                <a:gd name="T61" fmla="*/ 55 h 174"/>
                <a:gd name="T62" fmla="*/ 6 w 104"/>
                <a:gd name="T63" fmla="*/ 54 h 174"/>
                <a:gd name="T64" fmla="*/ 3 w 104"/>
                <a:gd name="T65" fmla="*/ 49 h 174"/>
                <a:gd name="T66" fmla="*/ 0 w 104"/>
                <a:gd name="T67" fmla="*/ 43 h 174"/>
                <a:gd name="T68" fmla="*/ 2 w 104"/>
                <a:gd name="T69" fmla="*/ 40 h 174"/>
                <a:gd name="T70" fmla="*/ 4 w 104"/>
                <a:gd name="T71" fmla="*/ 37 h 174"/>
                <a:gd name="T72" fmla="*/ 6 w 104"/>
                <a:gd name="T73" fmla="*/ 33 h 174"/>
                <a:gd name="T74" fmla="*/ 6 w 104"/>
                <a:gd name="T75" fmla="*/ 30 h 174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</a:gdLst>
              <a:ahLst/>
              <a:cxnLst>
                <a:cxn ang="T76">
                  <a:pos x="T0" y="T1"/>
                </a:cxn>
                <a:cxn ang="T77">
                  <a:pos x="T2" y="T3"/>
                </a:cxn>
                <a:cxn ang="T78">
                  <a:pos x="T4" y="T5"/>
                </a:cxn>
                <a:cxn ang="T79">
                  <a:pos x="T6" y="T7"/>
                </a:cxn>
                <a:cxn ang="T80">
                  <a:pos x="T8" y="T9"/>
                </a:cxn>
                <a:cxn ang="T81">
                  <a:pos x="T10" y="T11"/>
                </a:cxn>
                <a:cxn ang="T82">
                  <a:pos x="T12" y="T13"/>
                </a:cxn>
                <a:cxn ang="T83">
                  <a:pos x="T14" y="T15"/>
                </a:cxn>
                <a:cxn ang="T84">
                  <a:pos x="T16" y="T17"/>
                </a:cxn>
                <a:cxn ang="T85">
                  <a:pos x="T18" y="T19"/>
                </a:cxn>
                <a:cxn ang="T86">
                  <a:pos x="T20" y="T21"/>
                </a:cxn>
                <a:cxn ang="T87">
                  <a:pos x="T22" y="T23"/>
                </a:cxn>
                <a:cxn ang="T88">
                  <a:pos x="T24" y="T25"/>
                </a:cxn>
                <a:cxn ang="T89">
                  <a:pos x="T26" y="T27"/>
                </a:cxn>
                <a:cxn ang="T90">
                  <a:pos x="T28" y="T29"/>
                </a:cxn>
                <a:cxn ang="T91">
                  <a:pos x="T30" y="T31"/>
                </a:cxn>
                <a:cxn ang="T92">
                  <a:pos x="T32" y="T33"/>
                </a:cxn>
                <a:cxn ang="T93">
                  <a:pos x="T34" y="T35"/>
                </a:cxn>
                <a:cxn ang="T94">
                  <a:pos x="T36" y="T37"/>
                </a:cxn>
                <a:cxn ang="T95">
                  <a:pos x="T38" y="T39"/>
                </a:cxn>
                <a:cxn ang="T96">
                  <a:pos x="T40" y="T41"/>
                </a:cxn>
                <a:cxn ang="T97">
                  <a:pos x="T42" y="T43"/>
                </a:cxn>
                <a:cxn ang="T98">
                  <a:pos x="T44" y="T45"/>
                </a:cxn>
                <a:cxn ang="T99">
                  <a:pos x="T46" y="T47"/>
                </a:cxn>
                <a:cxn ang="T100">
                  <a:pos x="T48" y="T49"/>
                </a:cxn>
                <a:cxn ang="T101">
                  <a:pos x="T50" y="T51"/>
                </a:cxn>
                <a:cxn ang="T102">
                  <a:pos x="T52" y="T53"/>
                </a:cxn>
                <a:cxn ang="T103">
                  <a:pos x="T54" y="T55"/>
                </a:cxn>
                <a:cxn ang="T104">
                  <a:pos x="T56" y="T57"/>
                </a:cxn>
                <a:cxn ang="T105">
                  <a:pos x="T58" y="T59"/>
                </a:cxn>
                <a:cxn ang="T106">
                  <a:pos x="T60" y="T61"/>
                </a:cxn>
                <a:cxn ang="T107">
                  <a:pos x="T62" y="T63"/>
                </a:cxn>
                <a:cxn ang="T108">
                  <a:pos x="T64" y="T65"/>
                </a:cxn>
                <a:cxn ang="T109">
                  <a:pos x="T66" y="T67"/>
                </a:cxn>
                <a:cxn ang="T110">
                  <a:pos x="T68" y="T69"/>
                </a:cxn>
                <a:cxn ang="T111">
                  <a:pos x="T70" y="T71"/>
                </a:cxn>
                <a:cxn ang="T112">
                  <a:pos x="T72" y="T73"/>
                </a:cxn>
                <a:cxn ang="T113">
                  <a:pos x="T74" y="T75"/>
                </a:cxn>
              </a:cxnLst>
              <a:rect l="0" t="0" r="r" b="b"/>
              <a:pathLst>
                <a:path w="104" h="174">
                  <a:moveTo>
                    <a:pt x="18" y="90"/>
                  </a:moveTo>
                  <a:lnTo>
                    <a:pt x="21" y="81"/>
                  </a:lnTo>
                  <a:lnTo>
                    <a:pt x="23" y="70"/>
                  </a:lnTo>
                  <a:lnTo>
                    <a:pt x="25" y="59"/>
                  </a:lnTo>
                  <a:lnTo>
                    <a:pt x="26" y="47"/>
                  </a:lnTo>
                  <a:lnTo>
                    <a:pt x="29" y="24"/>
                  </a:lnTo>
                  <a:lnTo>
                    <a:pt x="33" y="2"/>
                  </a:lnTo>
                  <a:lnTo>
                    <a:pt x="36" y="0"/>
                  </a:lnTo>
                  <a:lnTo>
                    <a:pt x="39" y="1"/>
                  </a:lnTo>
                  <a:lnTo>
                    <a:pt x="42" y="2"/>
                  </a:lnTo>
                  <a:lnTo>
                    <a:pt x="45" y="4"/>
                  </a:lnTo>
                  <a:lnTo>
                    <a:pt x="52" y="8"/>
                  </a:lnTo>
                  <a:lnTo>
                    <a:pt x="58" y="11"/>
                  </a:lnTo>
                  <a:lnTo>
                    <a:pt x="65" y="6"/>
                  </a:lnTo>
                  <a:lnTo>
                    <a:pt x="74" y="2"/>
                  </a:lnTo>
                  <a:lnTo>
                    <a:pt x="76" y="2"/>
                  </a:lnTo>
                  <a:lnTo>
                    <a:pt x="78" y="2"/>
                  </a:lnTo>
                  <a:lnTo>
                    <a:pt x="84" y="3"/>
                  </a:lnTo>
                  <a:lnTo>
                    <a:pt x="90" y="7"/>
                  </a:lnTo>
                  <a:lnTo>
                    <a:pt x="94" y="11"/>
                  </a:lnTo>
                  <a:lnTo>
                    <a:pt x="96" y="17"/>
                  </a:lnTo>
                  <a:lnTo>
                    <a:pt x="94" y="19"/>
                  </a:lnTo>
                  <a:lnTo>
                    <a:pt x="92" y="21"/>
                  </a:lnTo>
                  <a:lnTo>
                    <a:pt x="90" y="23"/>
                  </a:lnTo>
                  <a:lnTo>
                    <a:pt x="89" y="26"/>
                  </a:lnTo>
                  <a:lnTo>
                    <a:pt x="89" y="31"/>
                  </a:lnTo>
                  <a:lnTo>
                    <a:pt x="91" y="37"/>
                  </a:lnTo>
                  <a:lnTo>
                    <a:pt x="93" y="42"/>
                  </a:lnTo>
                  <a:lnTo>
                    <a:pt x="97" y="47"/>
                  </a:lnTo>
                  <a:lnTo>
                    <a:pt x="100" y="51"/>
                  </a:lnTo>
                  <a:lnTo>
                    <a:pt x="104" y="54"/>
                  </a:lnTo>
                  <a:lnTo>
                    <a:pt x="102" y="58"/>
                  </a:lnTo>
                  <a:lnTo>
                    <a:pt x="101" y="61"/>
                  </a:lnTo>
                  <a:lnTo>
                    <a:pt x="101" y="65"/>
                  </a:lnTo>
                  <a:lnTo>
                    <a:pt x="101" y="70"/>
                  </a:lnTo>
                  <a:lnTo>
                    <a:pt x="99" y="74"/>
                  </a:lnTo>
                  <a:lnTo>
                    <a:pt x="99" y="80"/>
                  </a:lnTo>
                  <a:lnTo>
                    <a:pt x="93" y="78"/>
                  </a:lnTo>
                  <a:lnTo>
                    <a:pt x="87" y="74"/>
                  </a:lnTo>
                  <a:lnTo>
                    <a:pt x="79" y="80"/>
                  </a:lnTo>
                  <a:lnTo>
                    <a:pt x="73" y="86"/>
                  </a:lnTo>
                  <a:lnTo>
                    <a:pt x="68" y="93"/>
                  </a:lnTo>
                  <a:lnTo>
                    <a:pt x="64" y="101"/>
                  </a:lnTo>
                  <a:lnTo>
                    <a:pt x="61" y="110"/>
                  </a:lnTo>
                  <a:lnTo>
                    <a:pt x="59" y="120"/>
                  </a:lnTo>
                  <a:lnTo>
                    <a:pt x="57" y="130"/>
                  </a:lnTo>
                  <a:lnTo>
                    <a:pt x="56" y="141"/>
                  </a:lnTo>
                  <a:lnTo>
                    <a:pt x="49" y="147"/>
                  </a:lnTo>
                  <a:lnTo>
                    <a:pt x="42" y="153"/>
                  </a:lnTo>
                  <a:lnTo>
                    <a:pt x="39" y="157"/>
                  </a:lnTo>
                  <a:lnTo>
                    <a:pt x="37" y="160"/>
                  </a:lnTo>
                  <a:lnTo>
                    <a:pt x="35" y="164"/>
                  </a:lnTo>
                  <a:lnTo>
                    <a:pt x="33" y="169"/>
                  </a:lnTo>
                  <a:lnTo>
                    <a:pt x="30" y="171"/>
                  </a:lnTo>
                  <a:lnTo>
                    <a:pt x="25" y="173"/>
                  </a:lnTo>
                  <a:lnTo>
                    <a:pt x="21" y="174"/>
                  </a:lnTo>
                  <a:lnTo>
                    <a:pt x="15" y="174"/>
                  </a:lnTo>
                  <a:lnTo>
                    <a:pt x="14" y="174"/>
                  </a:lnTo>
                  <a:lnTo>
                    <a:pt x="13" y="174"/>
                  </a:lnTo>
                  <a:lnTo>
                    <a:pt x="12" y="170"/>
                  </a:lnTo>
                  <a:lnTo>
                    <a:pt x="13" y="168"/>
                  </a:lnTo>
                  <a:lnTo>
                    <a:pt x="14" y="166"/>
                  </a:lnTo>
                  <a:lnTo>
                    <a:pt x="15" y="165"/>
                  </a:lnTo>
                  <a:lnTo>
                    <a:pt x="18" y="162"/>
                  </a:lnTo>
                  <a:lnTo>
                    <a:pt x="20" y="159"/>
                  </a:lnTo>
                  <a:lnTo>
                    <a:pt x="10" y="147"/>
                  </a:lnTo>
                  <a:lnTo>
                    <a:pt x="0" y="136"/>
                  </a:lnTo>
                  <a:lnTo>
                    <a:pt x="1" y="129"/>
                  </a:lnTo>
                  <a:lnTo>
                    <a:pt x="3" y="124"/>
                  </a:lnTo>
                  <a:lnTo>
                    <a:pt x="5" y="119"/>
                  </a:lnTo>
                  <a:lnTo>
                    <a:pt x="9" y="114"/>
                  </a:lnTo>
                  <a:lnTo>
                    <a:pt x="12" y="110"/>
                  </a:lnTo>
                  <a:lnTo>
                    <a:pt x="15" y="105"/>
                  </a:lnTo>
                  <a:lnTo>
                    <a:pt x="17" y="100"/>
                  </a:lnTo>
                  <a:lnTo>
                    <a:pt x="18" y="92"/>
                  </a:lnTo>
                  <a:lnTo>
                    <a:pt x="18" y="91"/>
                  </a:lnTo>
                  <a:lnTo>
                    <a:pt x="18" y="90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99" name="Helsingør"/>
            <p:cNvSpPr>
              <a:spLocks/>
            </p:cNvSpPr>
            <p:nvPr/>
          </p:nvSpPr>
          <p:spPr bwMode="auto">
            <a:xfrm>
              <a:off x="3854450" y="4384675"/>
              <a:ext cx="161925" cy="157163"/>
            </a:xfrm>
            <a:custGeom>
              <a:avLst/>
              <a:gdLst>
                <a:gd name="T0" fmla="*/ 58882 w 308"/>
                <a:gd name="T1" fmla="*/ 143311 h 295"/>
                <a:gd name="T2" fmla="*/ 59933 w 308"/>
                <a:gd name="T3" fmla="*/ 137984 h 295"/>
                <a:gd name="T4" fmla="*/ 59933 w 308"/>
                <a:gd name="T5" fmla="*/ 129460 h 295"/>
                <a:gd name="T6" fmla="*/ 57830 w 308"/>
                <a:gd name="T7" fmla="*/ 124132 h 295"/>
                <a:gd name="T8" fmla="*/ 50996 w 308"/>
                <a:gd name="T9" fmla="*/ 122001 h 295"/>
                <a:gd name="T10" fmla="*/ 42058 w 308"/>
                <a:gd name="T11" fmla="*/ 124132 h 295"/>
                <a:gd name="T12" fmla="*/ 34172 w 308"/>
                <a:gd name="T13" fmla="*/ 126796 h 295"/>
                <a:gd name="T14" fmla="*/ 30492 w 308"/>
                <a:gd name="T15" fmla="*/ 131058 h 295"/>
                <a:gd name="T16" fmla="*/ 27864 w 308"/>
                <a:gd name="T17" fmla="*/ 132123 h 295"/>
                <a:gd name="T18" fmla="*/ 22081 w 308"/>
                <a:gd name="T19" fmla="*/ 126796 h 295"/>
                <a:gd name="T20" fmla="*/ 16823 w 308"/>
                <a:gd name="T21" fmla="*/ 116141 h 295"/>
                <a:gd name="T22" fmla="*/ 11566 w 308"/>
                <a:gd name="T23" fmla="*/ 109215 h 295"/>
                <a:gd name="T24" fmla="*/ 7886 w 308"/>
                <a:gd name="T25" fmla="*/ 104420 h 295"/>
                <a:gd name="T26" fmla="*/ 5783 w 308"/>
                <a:gd name="T27" fmla="*/ 98560 h 295"/>
                <a:gd name="T28" fmla="*/ 6309 w 308"/>
                <a:gd name="T29" fmla="*/ 94298 h 295"/>
                <a:gd name="T30" fmla="*/ 8412 w 308"/>
                <a:gd name="T31" fmla="*/ 92167 h 295"/>
                <a:gd name="T32" fmla="*/ 8412 w 308"/>
                <a:gd name="T33" fmla="*/ 87905 h 295"/>
                <a:gd name="T34" fmla="*/ 3154 w 308"/>
                <a:gd name="T35" fmla="*/ 83643 h 295"/>
                <a:gd name="T36" fmla="*/ 1051 w 308"/>
                <a:gd name="T37" fmla="*/ 76184 h 295"/>
                <a:gd name="T38" fmla="*/ 2629 w 308"/>
                <a:gd name="T39" fmla="*/ 67127 h 295"/>
                <a:gd name="T40" fmla="*/ 2629 w 308"/>
                <a:gd name="T41" fmla="*/ 63398 h 295"/>
                <a:gd name="T42" fmla="*/ 2103 w 308"/>
                <a:gd name="T43" fmla="*/ 60734 h 295"/>
                <a:gd name="T44" fmla="*/ 4732 w 308"/>
                <a:gd name="T45" fmla="*/ 58070 h 295"/>
                <a:gd name="T46" fmla="*/ 6834 w 308"/>
                <a:gd name="T47" fmla="*/ 52210 h 295"/>
                <a:gd name="T48" fmla="*/ 7886 w 308"/>
                <a:gd name="T49" fmla="*/ 39424 h 295"/>
                <a:gd name="T50" fmla="*/ 9463 w 308"/>
                <a:gd name="T51" fmla="*/ 26105 h 295"/>
                <a:gd name="T52" fmla="*/ 10515 w 308"/>
                <a:gd name="T53" fmla="*/ 12786 h 295"/>
                <a:gd name="T54" fmla="*/ 9463 w 308"/>
                <a:gd name="T55" fmla="*/ 3197 h 295"/>
                <a:gd name="T56" fmla="*/ 9989 w 308"/>
                <a:gd name="T57" fmla="*/ 533 h 295"/>
                <a:gd name="T58" fmla="*/ 11040 w 308"/>
                <a:gd name="T59" fmla="*/ 0 h 295"/>
                <a:gd name="T60" fmla="*/ 14195 w 308"/>
                <a:gd name="T61" fmla="*/ 533 h 295"/>
                <a:gd name="T62" fmla="*/ 22081 w 308"/>
                <a:gd name="T63" fmla="*/ 2664 h 295"/>
                <a:gd name="T64" fmla="*/ 38378 w 308"/>
                <a:gd name="T65" fmla="*/ 2664 h 295"/>
                <a:gd name="T66" fmla="*/ 45213 w 308"/>
                <a:gd name="T67" fmla="*/ 1598 h 295"/>
                <a:gd name="T68" fmla="*/ 54150 w 308"/>
                <a:gd name="T69" fmla="*/ 1598 h 295"/>
                <a:gd name="T70" fmla="*/ 70974 w 308"/>
                <a:gd name="T71" fmla="*/ 2131 h 295"/>
                <a:gd name="T72" fmla="*/ 87271 w 308"/>
                <a:gd name="T73" fmla="*/ 6393 h 295"/>
                <a:gd name="T74" fmla="*/ 100940 w 308"/>
                <a:gd name="T75" fmla="*/ 12786 h 295"/>
                <a:gd name="T76" fmla="*/ 112506 w 308"/>
                <a:gd name="T77" fmla="*/ 21843 h 295"/>
                <a:gd name="T78" fmla="*/ 127753 w 308"/>
                <a:gd name="T79" fmla="*/ 36760 h 295"/>
                <a:gd name="T80" fmla="*/ 143524 w 308"/>
                <a:gd name="T81" fmla="*/ 51677 h 295"/>
                <a:gd name="T82" fmla="*/ 155091 w 308"/>
                <a:gd name="T83" fmla="*/ 60201 h 295"/>
                <a:gd name="T84" fmla="*/ 158245 w 308"/>
                <a:gd name="T85" fmla="*/ 71922 h 295"/>
                <a:gd name="T86" fmla="*/ 154565 w 308"/>
                <a:gd name="T87" fmla="*/ 84175 h 295"/>
                <a:gd name="T88" fmla="*/ 152988 w 308"/>
                <a:gd name="T89" fmla="*/ 93765 h 295"/>
                <a:gd name="T90" fmla="*/ 145627 w 308"/>
                <a:gd name="T91" fmla="*/ 104420 h 295"/>
                <a:gd name="T92" fmla="*/ 132484 w 308"/>
                <a:gd name="T93" fmla="*/ 116141 h 295"/>
                <a:gd name="T94" fmla="*/ 123547 w 308"/>
                <a:gd name="T95" fmla="*/ 125730 h 295"/>
                <a:gd name="T96" fmla="*/ 117764 w 308"/>
                <a:gd name="T97" fmla="*/ 132656 h 295"/>
                <a:gd name="T98" fmla="*/ 114084 w 308"/>
                <a:gd name="T99" fmla="*/ 141180 h 295"/>
                <a:gd name="T100" fmla="*/ 110929 w 308"/>
                <a:gd name="T101" fmla="*/ 150770 h 295"/>
                <a:gd name="T102" fmla="*/ 105672 w 308"/>
                <a:gd name="T103" fmla="*/ 155565 h 295"/>
                <a:gd name="T104" fmla="*/ 99889 w 308"/>
                <a:gd name="T105" fmla="*/ 156097 h 295"/>
                <a:gd name="T106" fmla="*/ 96209 w 308"/>
                <a:gd name="T107" fmla="*/ 154499 h 295"/>
                <a:gd name="T108" fmla="*/ 95683 w 308"/>
                <a:gd name="T109" fmla="*/ 149172 h 295"/>
                <a:gd name="T110" fmla="*/ 88848 w 308"/>
                <a:gd name="T111" fmla="*/ 148106 h 295"/>
                <a:gd name="T112" fmla="*/ 79911 w 308"/>
                <a:gd name="T113" fmla="*/ 148639 h 295"/>
                <a:gd name="T114" fmla="*/ 74654 w 308"/>
                <a:gd name="T115" fmla="*/ 147573 h 295"/>
                <a:gd name="T116" fmla="*/ 69922 w 308"/>
                <a:gd name="T117" fmla="*/ 147041 h 295"/>
                <a:gd name="T118" fmla="*/ 65191 w 308"/>
                <a:gd name="T119" fmla="*/ 148639 h 295"/>
                <a:gd name="T120" fmla="*/ 62036 w 308"/>
                <a:gd name="T121" fmla="*/ 150770 h 295"/>
                <a:gd name="T122" fmla="*/ 58882 w 308"/>
                <a:gd name="T123" fmla="*/ 149704 h 295"/>
                <a:gd name="T124" fmla="*/ 57830 w 308"/>
                <a:gd name="T125" fmla="*/ 145975 h 295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308" h="295">
                  <a:moveTo>
                    <a:pt x="110" y="274"/>
                  </a:moveTo>
                  <a:lnTo>
                    <a:pt x="112" y="269"/>
                  </a:lnTo>
                  <a:lnTo>
                    <a:pt x="113" y="264"/>
                  </a:lnTo>
                  <a:lnTo>
                    <a:pt x="114" y="259"/>
                  </a:lnTo>
                  <a:lnTo>
                    <a:pt x="114" y="254"/>
                  </a:lnTo>
                  <a:lnTo>
                    <a:pt x="114" y="243"/>
                  </a:lnTo>
                  <a:lnTo>
                    <a:pt x="113" y="237"/>
                  </a:lnTo>
                  <a:lnTo>
                    <a:pt x="110" y="233"/>
                  </a:lnTo>
                  <a:lnTo>
                    <a:pt x="107" y="228"/>
                  </a:lnTo>
                  <a:lnTo>
                    <a:pt x="97" y="229"/>
                  </a:lnTo>
                  <a:lnTo>
                    <a:pt x="89" y="231"/>
                  </a:lnTo>
                  <a:lnTo>
                    <a:pt x="80" y="233"/>
                  </a:lnTo>
                  <a:lnTo>
                    <a:pt x="72" y="234"/>
                  </a:lnTo>
                  <a:lnTo>
                    <a:pt x="65" y="238"/>
                  </a:lnTo>
                  <a:lnTo>
                    <a:pt x="61" y="244"/>
                  </a:lnTo>
                  <a:lnTo>
                    <a:pt x="58" y="246"/>
                  </a:lnTo>
                  <a:lnTo>
                    <a:pt x="56" y="248"/>
                  </a:lnTo>
                  <a:lnTo>
                    <a:pt x="53" y="248"/>
                  </a:lnTo>
                  <a:lnTo>
                    <a:pt x="49" y="246"/>
                  </a:lnTo>
                  <a:lnTo>
                    <a:pt x="42" y="238"/>
                  </a:lnTo>
                  <a:lnTo>
                    <a:pt x="37" y="228"/>
                  </a:lnTo>
                  <a:lnTo>
                    <a:pt x="32" y="218"/>
                  </a:lnTo>
                  <a:lnTo>
                    <a:pt x="26" y="208"/>
                  </a:lnTo>
                  <a:lnTo>
                    <a:pt x="22" y="205"/>
                  </a:lnTo>
                  <a:lnTo>
                    <a:pt x="19" y="201"/>
                  </a:lnTo>
                  <a:lnTo>
                    <a:pt x="15" y="196"/>
                  </a:lnTo>
                  <a:lnTo>
                    <a:pt x="13" y="191"/>
                  </a:lnTo>
                  <a:lnTo>
                    <a:pt x="11" y="185"/>
                  </a:lnTo>
                  <a:lnTo>
                    <a:pt x="11" y="180"/>
                  </a:lnTo>
                  <a:lnTo>
                    <a:pt x="12" y="177"/>
                  </a:lnTo>
                  <a:lnTo>
                    <a:pt x="14" y="175"/>
                  </a:lnTo>
                  <a:lnTo>
                    <a:pt x="16" y="173"/>
                  </a:lnTo>
                  <a:lnTo>
                    <a:pt x="18" y="171"/>
                  </a:lnTo>
                  <a:lnTo>
                    <a:pt x="16" y="165"/>
                  </a:lnTo>
                  <a:lnTo>
                    <a:pt x="12" y="161"/>
                  </a:lnTo>
                  <a:lnTo>
                    <a:pt x="6" y="157"/>
                  </a:lnTo>
                  <a:lnTo>
                    <a:pt x="0" y="156"/>
                  </a:lnTo>
                  <a:lnTo>
                    <a:pt x="2" y="143"/>
                  </a:lnTo>
                  <a:lnTo>
                    <a:pt x="3" y="129"/>
                  </a:lnTo>
                  <a:lnTo>
                    <a:pt x="5" y="126"/>
                  </a:lnTo>
                  <a:lnTo>
                    <a:pt x="5" y="123"/>
                  </a:lnTo>
                  <a:lnTo>
                    <a:pt x="5" y="119"/>
                  </a:lnTo>
                  <a:lnTo>
                    <a:pt x="4" y="116"/>
                  </a:lnTo>
                  <a:lnTo>
                    <a:pt x="4" y="114"/>
                  </a:lnTo>
                  <a:lnTo>
                    <a:pt x="5" y="110"/>
                  </a:lnTo>
                  <a:lnTo>
                    <a:pt x="9" y="109"/>
                  </a:lnTo>
                  <a:lnTo>
                    <a:pt x="13" y="109"/>
                  </a:lnTo>
                  <a:lnTo>
                    <a:pt x="13" y="98"/>
                  </a:lnTo>
                  <a:lnTo>
                    <a:pt x="13" y="85"/>
                  </a:lnTo>
                  <a:lnTo>
                    <a:pt x="15" y="74"/>
                  </a:lnTo>
                  <a:lnTo>
                    <a:pt x="17" y="61"/>
                  </a:lnTo>
                  <a:lnTo>
                    <a:pt x="18" y="49"/>
                  </a:lnTo>
                  <a:lnTo>
                    <a:pt x="19" y="37"/>
                  </a:lnTo>
                  <a:lnTo>
                    <a:pt x="20" y="24"/>
                  </a:lnTo>
                  <a:lnTo>
                    <a:pt x="18" y="10"/>
                  </a:lnTo>
                  <a:lnTo>
                    <a:pt x="18" y="6"/>
                  </a:lnTo>
                  <a:lnTo>
                    <a:pt x="18" y="3"/>
                  </a:lnTo>
                  <a:lnTo>
                    <a:pt x="19" y="1"/>
                  </a:lnTo>
                  <a:lnTo>
                    <a:pt x="19" y="0"/>
                  </a:lnTo>
                  <a:lnTo>
                    <a:pt x="21" y="0"/>
                  </a:lnTo>
                  <a:lnTo>
                    <a:pt x="23" y="0"/>
                  </a:lnTo>
                  <a:lnTo>
                    <a:pt x="27" y="1"/>
                  </a:lnTo>
                  <a:lnTo>
                    <a:pt x="31" y="3"/>
                  </a:lnTo>
                  <a:lnTo>
                    <a:pt x="42" y="5"/>
                  </a:lnTo>
                  <a:lnTo>
                    <a:pt x="58" y="6"/>
                  </a:lnTo>
                  <a:lnTo>
                    <a:pt x="73" y="5"/>
                  </a:lnTo>
                  <a:lnTo>
                    <a:pt x="84" y="3"/>
                  </a:lnTo>
                  <a:lnTo>
                    <a:pt x="86" y="3"/>
                  </a:lnTo>
                  <a:lnTo>
                    <a:pt x="90" y="3"/>
                  </a:lnTo>
                  <a:lnTo>
                    <a:pt x="103" y="3"/>
                  </a:lnTo>
                  <a:lnTo>
                    <a:pt x="117" y="3"/>
                  </a:lnTo>
                  <a:lnTo>
                    <a:pt x="135" y="4"/>
                  </a:lnTo>
                  <a:lnTo>
                    <a:pt x="152" y="7"/>
                  </a:lnTo>
                  <a:lnTo>
                    <a:pt x="166" y="12"/>
                  </a:lnTo>
                  <a:lnTo>
                    <a:pt x="179" y="18"/>
                  </a:lnTo>
                  <a:lnTo>
                    <a:pt x="192" y="24"/>
                  </a:lnTo>
                  <a:lnTo>
                    <a:pt x="203" y="33"/>
                  </a:lnTo>
                  <a:lnTo>
                    <a:pt x="214" y="41"/>
                  </a:lnTo>
                  <a:lnTo>
                    <a:pt x="224" y="50"/>
                  </a:lnTo>
                  <a:lnTo>
                    <a:pt x="243" y="69"/>
                  </a:lnTo>
                  <a:lnTo>
                    <a:pt x="262" y="88"/>
                  </a:lnTo>
                  <a:lnTo>
                    <a:pt x="273" y="97"/>
                  </a:lnTo>
                  <a:lnTo>
                    <a:pt x="283" y="105"/>
                  </a:lnTo>
                  <a:lnTo>
                    <a:pt x="295" y="113"/>
                  </a:lnTo>
                  <a:lnTo>
                    <a:pt x="308" y="120"/>
                  </a:lnTo>
                  <a:lnTo>
                    <a:pt x="301" y="135"/>
                  </a:lnTo>
                  <a:lnTo>
                    <a:pt x="296" y="149"/>
                  </a:lnTo>
                  <a:lnTo>
                    <a:pt x="294" y="158"/>
                  </a:lnTo>
                  <a:lnTo>
                    <a:pt x="292" y="166"/>
                  </a:lnTo>
                  <a:lnTo>
                    <a:pt x="291" y="176"/>
                  </a:lnTo>
                  <a:lnTo>
                    <a:pt x="290" y="185"/>
                  </a:lnTo>
                  <a:lnTo>
                    <a:pt x="277" y="196"/>
                  </a:lnTo>
                  <a:lnTo>
                    <a:pt x="263" y="206"/>
                  </a:lnTo>
                  <a:lnTo>
                    <a:pt x="252" y="218"/>
                  </a:lnTo>
                  <a:lnTo>
                    <a:pt x="240" y="229"/>
                  </a:lnTo>
                  <a:lnTo>
                    <a:pt x="235" y="236"/>
                  </a:lnTo>
                  <a:lnTo>
                    <a:pt x="230" y="243"/>
                  </a:lnTo>
                  <a:lnTo>
                    <a:pt x="224" y="249"/>
                  </a:lnTo>
                  <a:lnTo>
                    <a:pt x="220" y="257"/>
                  </a:lnTo>
                  <a:lnTo>
                    <a:pt x="217" y="265"/>
                  </a:lnTo>
                  <a:lnTo>
                    <a:pt x="214" y="274"/>
                  </a:lnTo>
                  <a:lnTo>
                    <a:pt x="211" y="283"/>
                  </a:lnTo>
                  <a:lnTo>
                    <a:pt x="209" y="293"/>
                  </a:lnTo>
                  <a:lnTo>
                    <a:pt x="201" y="292"/>
                  </a:lnTo>
                  <a:lnTo>
                    <a:pt x="195" y="292"/>
                  </a:lnTo>
                  <a:lnTo>
                    <a:pt x="190" y="293"/>
                  </a:lnTo>
                  <a:lnTo>
                    <a:pt x="183" y="295"/>
                  </a:lnTo>
                  <a:lnTo>
                    <a:pt x="183" y="290"/>
                  </a:lnTo>
                  <a:lnTo>
                    <a:pt x="183" y="284"/>
                  </a:lnTo>
                  <a:lnTo>
                    <a:pt x="182" y="280"/>
                  </a:lnTo>
                  <a:lnTo>
                    <a:pt x="181" y="277"/>
                  </a:lnTo>
                  <a:lnTo>
                    <a:pt x="169" y="278"/>
                  </a:lnTo>
                  <a:lnTo>
                    <a:pt x="157" y="279"/>
                  </a:lnTo>
                  <a:lnTo>
                    <a:pt x="152" y="279"/>
                  </a:lnTo>
                  <a:lnTo>
                    <a:pt x="146" y="279"/>
                  </a:lnTo>
                  <a:lnTo>
                    <a:pt x="142" y="277"/>
                  </a:lnTo>
                  <a:lnTo>
                    <a:pt x="138" y="275"/>
                  </a:lnTo>
                  <a:lnTo>
                    <a:pt x="133" y="276"/>
                  </a:lnTo>
                  <a:lnTo>
                    <a:pt x="129" y="277"/>
                  </a:lnTo>
                  <a:lnTo>
                    <a:pt x="124" y="279"/>
                  </a:lnTo>
                  <a:lnTo>
                    <a:pt x="121" y="281"/>
                  </a:lnTo>
                  <a:lnTo>
                    <a:pt x="118" y="283"/>
                  </a:lnTo>
                  <a:lnTo>
                    <a:pt x="115" y="283"/>
                  </a:lnTo>
                  <a:lnTo>
                    <a:pt x="112" y="281"/>
                  </a:lnTo>
                  <a:lnTo>
                    <a:pt x="110" y="277"/>
                  </a:lnTo>
                  <a:lnTo>
                    <a:pt x="110" y="274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00" name="Helsingør kant"/>
            <p:cNvSpPr>
              <a:spLocks/>
            </p:cNvSpPr>
            <p:nvPr/>
          </p:nvSpPr>
          <p:spPr bwMode="auto">
            <a:xfrm>
              <a:off x="3854450" y="4384675"/>
              <a:ext cx="161925" cy="157163"/>
            </a:xfrm>
            <a:custGeom>
              <a:avLst/>
              <a:gdLst>
                <a:gd name="T0" fmla="*/ 58882 w 308"/>
                <a:gd name="T1" fmla="*/ 143311 h 295"/>
                <a:gd name="T2" fmla="*/ 59933 w 308"/>
                <a:gd name="T3" fmla="*/ 137984 h 295"/>
                <a:gd name="T4" fmla="*/ 59933 w 308"/>
                <a:gd name="T5" fmla="*/ 129460 h 295"/>
                <a:gd name="T6" fmla="*/ 57830 w 308"/>
                <a:gd name="T7" fmla="*/ 124132 h 295"/>
                <a:gd name="T8" fmla="*/ 50996 w 308"/>
                <a:gd name="T9" fmla="*/ 122001 h 295"/>
                <a:gd name="T10" fmla="*/ 42058 w 308"/>
                <a:gd name="T11" fmla="*/ 124132 h 295"/>
                <a:gd name="T12" fmla="*/ 34172 w 308"/>
                <a:gd name="T13" fmla="*/ 126796 h 295"/>
                <a:gd name="T14" fmla="*/ 30492 w 308"/>
                <a:gd name="T15" fmla="*/ 131058 h 295"/>
                <a:gd name="T16" fmla="*/ 27864 w 308"/>
                <a:gd name="T17" fmla="*/ 132123 h 295"/>
                <a:gd name="T18" fmla="*/ 22081 w 308"/>
                <a:gd name="T19" fmla="*/ 126796 h 295"/>
                <a:gd name="T20" fmla="*/ 16823 w 308"/>
                <a:gd name="T21" fmla="*/ 116141 h 295"/>
                <a:gd name="T22" fmla="*/ 11566 w 308"/>
                <a:gd name="T23" fmla="*/ 109215 h 295"/>
                <a:gd name="T24" fmla="*/ 7886 w 308"/>
                <a:gd name="T25" fmla="*/ 104420 h 295"/>
                <a:gd name="T26" fmla="*/ 5783 w 308"/>
                <a:gd name="T27" fmla="*/ 98560 h 295"/>
                <a:gd name="T28" fmla="*/ 6309 w 308"/>
                <a:gd name="T29" fmla="*/ 94298 h 295"/>
                <a:gd name="T30" fmla="*/ 8412 w 308"/>
                <a:gd name="T31" fmla="*/ 92167 h 295"/>
                <a:gd name="T32" fmla="*/ 8412 w 308"/>
                <a:gd name="T33" fmla="*/ 87905 h 295"/>
                <a:gd name="T34" fmla="*/ 3154 w 308"/>
                <a:gd name="T35" fmla="*/ 83643 h 295"/>
                <a:gd name="T36" fmla="*/ 1051 w 308"/>
                <a:gd name="T37" fmla="*/ 76184 h 295"/>
                <a:gd name="T38" fmla="*/ 2629 w 308"/>
                <a:gd name="T39" fmla="*/ 67127 h 295"/>
                <a:gd name="T40" fmla="*/ 2629 w 308"/>
                <a:gd name="T41" fmla="*/ 63398 h 295"/>
                <a:gd name="T42" fmla="*/ 2103 w 308"/>
                <a:gd name="T43" fmla="*/ 60734 h 295"/>
                <a:gd name="T44" fmla="*/ 4732 w 308"/>
                <a:gd name="T45" fmla="*/ 58070 h 295"/>
                <a:gd name="T46" fmla="*/ 6834 w 308"/>
                <a:gd name="T47" fmla="*/ 52210 h 295"/>
                <a:gd name="T48" fmla="*/ 7886 w 308"/>
                <a:gd name="T49" fmla="*/ 39424 h 295"/>
                <a:gd name="T50" fmla="*/ 9463 w 308"/>
                <a:gd name="T51" fmla="*/ 26105 h 295"/>
                <a:gd name="T52" fmla="*/ 10515 w 308"/>
                <a:gd name="T53" fmla="*/ 12786 h 295"/>
                <a:gd name="T54" fmla="*/ 9463 w 308"/>
                <a:gd name="T55" fmla="*/ 3197 h 295"/>
                <a:gd name="T56" fmla="*/ 9989 w 308"/>
                <a:gd name="T57" fmla="*/ 533 h 295"/>
                <a:gd name="T58" fmla="*/ 11040 w 308"/>
                <a:gd name="T59" fmla="*/ 0 h 295"/>
                <a:gd name="T60" fmla="*/ 14195 w 308"/>
                <a:gd name="T61" fmla="*/ 533 h 295"/>
                <a:gd name="T62" fmla="*/ 22081 w 308"/>
                <a:gd name="T63" fmla="*/ 2664 h 295"/>
                <a:gd name="T64" fmla="*/ 38378 w 308"/>
                <a:gd name="T65" fmla="*/ 2664 h 295"/>
                <a:gd name="T66" fmla="*/ 45213 w 308"/>
                <a:gd name="T67" fmla="*/ 1598 h 295"/>
                <a:gd name="T68" fmla="*/ 54150 w 308"/>
                <a:gd name="T69" fmla="*/ 1598 h 295"/>
                <a:gd name="T70" fmla="*/ 70974 w 308"/>
                <a:gd name="T71" fmla="*/ 2131 h 295"/>
                <a:gd name="T72" fmla="*/ 87271 w 308"/>
                <a:gd name="T73" fmla="*/ 6393 h 295"/>
                <a:gd name="T74" fmla="*/ 100940 w 308"/>
                <a:gd name="T75" fmla="*/ 12786 h 295"/>
                <a:gd name="T76" fmla="*/ 112506 w 308"/>
                <a:gd name="T77" fmla="*/ 21843 h 295"/>
                <a:gd name="T78" fmla="*/ 127753 w 308"/>
                <a:gd name="T79" fmla="*/ 36760 h 295"/>
                <a:gd name="T80" fmla="*/ 143524 w 308"/>
                <a:gd name="T81" fmla="*/ 51677 h 295"/>
                <a:gd name="T82" fmla="*/ 155091 w 308"/>
                <a:gd name="T83" fmla="*/ 60201 h 295"/>
                <a:gd name="T84" fmla="*/ 158245 w 308"/>
                <a:gd name="T85" fmla="*/ 71922 h 295"/>
                <a:gd name="T86" fmla="*/ 154565 w 308"/>
                <a:gd name="T87" fmla="*/ 84175 h 295"/>
                <a:gd name="T88" fmla="*/ 152988 w 308"/>
                <a:gd name="T89" fmla="*/ 93765 h 295"/>
                <a:gd name="T90" fmla="*/ 145627 w 308"/>
                <a:gd name="T91" fmla="*/ 104420 h 295"/>
                <a:gd name="T92" fmla="*/ 132484 w 308"/>
                <a:gd name="T93" fmla="*/ 116141 h 295"/>
                <a:gd name="T94" fmla="*/ 123547 w 308"/>
                <a:gd name="T95" fmla="*/ 125730 h 295"/>
                <a:gd name="T96" fmla="*/ 117764 w 308"/>
                <a:gd name="T97" fmla="*/ 132656 h 295"/>
                <a:gd name="T98" fmla="*/ 114084 w 308"/>
                <a:gd name="T99" fmla="*/ 141180 h 295"/>
                <a:gd name="T100" fmla="*/ 110929 w 308"/>
                <a:gd name="T101" fmla="*/ 150770 h 295"/>
                <a:gd name="T102" fmla="*/ 105672 w 308"/>
                <a:gd name="T103" fmla="*/ 155565 h 295"/>
                <a:gd name="T104" fmla="*/ 99889 w 308"/>
                <a:gd name="T105" fmla="*/ 156097 h 295"/>
                <a:gd name="T106" fmla="*/ 96209 w 308"/>
                <a:gd name="T107" fmla="*/ 154499 h 295"/>
                <a:gd name="T108" fmla="*/ 95683 w 308"/>
                <a:gd name="T109" fmla="*/ 149172 h 295"/>
                <a:gd name="T110" fmla="*/ 88848 w 308"/>
                <a:gd name="T111" fmla="*/ 148106 h 295"/>
                <a:gd name="T112" fmla="*/ 79911 w 308"/>
                <a:gd name="T113" fmla="*/ 148639 h 295"/>
                <a:gd name="T114" fmla="*/ 74654 w 308"/>
                <a:gd name="T115" fmla="*/ 147573 h 295"/>
                <a:gd name="T116" fmla="*/ 69922 w 308"/>
                <a:gd name="T117" fmla="*/ 147041 h 295"/>
                <a:gd name="T118" fmla="*/ 65191 w 308"/>
                <a:gd name="T119" fmla="*/ 148639 h 295"/>
                <a:gd name="T120" fmla="*/ 62036 w 308"/>
                <a:gd name="T121" fmla="*/ 150770 h 295"/>
                <a:gd name="T122" fmla="*/ 58882 w 308"/>
                <a:gd name="T123" fmla="*/ 149704 h 295"/>
                <a:gd name="T124" fmla="*/ 57830 w 308"/>
                <a:gd name="T125" fmla="*/ 145975 h 295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308" h="295">
                  <a:moveTo>
                    <a:pt x="110" y="274"/>
                  </a:moveTo>
                  <a:lnTo>
                    <a:pt x="112" y="269"/>
                  </a:lnTo>
                  <a:lnTo>
                    <a:pt x="113" y="264"/>
                  </a:lnTo>
                  <a:lnTo>
                    <a:pt x="114" y="259"/>
                  </a:lnTo>
                  <a:lnTo>
                    <a:pt x="114" y="254"/>
                  </a:lnTo>
                  <a:lnTo>
                    <a:pt x="114" y="243"/>
                  </a:lnTo>
                  <a:lnTo>
                    <a:pt x="113" y="237"/>
                  </a:lnTo>
                  <a:lnTo>
                    <a:pt x="110" y="233"/>
                  </a:lnTo>
                  <a:lnTo>
                    <a:pt x="107" y="228"/>
                  </a:lnTo>
                  <a:lnTo>
                    <a:pt x="97" y="229"/>
                  </a:lnTo>
                  <a:lnTo>
                    <a:pt x="89" y="231"/>
                  </a:lnTo>
                  <a:lnTo>
                    <a:pt x="80" y="233"/>
                  </a:lnTo>
                  <a:lnTo>
                    <a:pt x="72" y="234"/>
                  </a:lnTo>
                  <a:lnTo>
                    <a:pt x="65" y="238"/>
                  </a:lnTo>
                  <a:lnTo>
                    <a:pt x="61" y="244"/>
                  </a:lnTo>
                  <a:lnTo>
                    <a:pt x="58" y="246"/>
                  </a:lnTo>
                  <a:lnTo>
                    <a:pt x="56" y="248"/>
                  </a:lnTo>
                  <a:lnTo>
                    <a:pt x="53" y="248"/>
                  </a:lnTo>
                  <a:lnTo>
                    <a:pt x="49" y="246"/>
                  </a:lnTo>
                  <a:lnTo>
                    <a:pt x="42" y="238"/>
                  </a:lnTo>
                  <a:lnTo>
                    <a:pt x="37" y="228"/>
                  </a:lnTo>
                  <a:lnTo>
                    <a:pt x="32" y="218"/>
                  </a:lnTo>
                  <a:lnTo>
                    <a:pt x="26" y="208"/>
                  </a:lnTo>
                  <a:lnTo>
                    <a:pt x="22" y="205"/>
                  </a:lnTo>
                  <a:lnTo>
                    <a:pt x="19" y="201"/>
                  </a:lnTo>
                  <a:lnTo>
                    <a:pt x="15" y="196"/>
                  </a:lnTo>
                  <a:lnTo>
                    <a:pt x="13" y="191"/>
                  </a:lnTo>
                  <a:lnTo>
                    <a:pt x="11" y="185"/>
                  </a:lnTo>
                  <a:lnTo>
                    <a:pt x="11" y="180"/>
                  </a:lnTo>
                  <a:lnTo>
                    <a:pt x="12" y="177"/>
                  </a:lnTo>
                  <a:lnTo>
                    <a:pt x="14" y="175"/>
                  </a:lnTo>
                  <a:lnTo>
                    <a:pt x="16" y="173"/>
                  </a:lnTo>
                  <a:lnTo>
                    <a:pt x="18" y="171"/>
                  </a:lnTo>
                  <a:lnTo>
                    <a:pt x="16" y="165"/>
                  </a:lnTo>
                  <a:lnTo>
                    <a:pt x="12" y="161"/>
                  </a:lnTo>
                  <a:lnTo>
                    <a:pt x="6" y="157"/>
                  </a:lnTo>
                  <a:lnTo>
                    <a:pt x="0" y="156"/>
                  </a:lnTo>
                  <a:lnTo>
                    <a:pt x="2" y="143"/>
                  </a:lnTo>
                  <a:lnTo>
                    <a:pt x="3" y="129"/>
                  </a:lnTo>
                  <a:lnTo>
                    <a:pt x="5" y="126"/>
                  </a:lnTo>
                  <a:lnTo>
                    <a:pt x="5" y="123"/>
                  </a:lnTo>
                  <a:lnTo>
                    <a:pt x="5" y="119"/>
                  </a:lnTo>
                  <a:lnTo>
                    <a:pt x="4" y="116"/>
                  </a:lnTo>
                  <a:lnTo>
                    <a:pt x="4" y="114"/>
                  </a:lnTo>
                  <a:lnTo>
                    <a:pt x="5" y="110"/>
                  </a:lnTo>
                  <a:lnTo>
                    <a:pt x="9" y="109"/>
                  </a:lnTo>
                  <a:lnTo>
                    <a:pt x="13" y="109"/>
                  </a:lnTo>
                  <a:lnTo>
                    <a:pt x="13" y="98"/>
                  </a:lnTo>
                  <a:lnTo>
                    <a:pt x="13" y="85"/>
                  </a:lnTo>
                  <a:lnTo>
                    <a:pt x="15" y="74"/>
                  </a:lnTo>
                  <a:lnTo>
                    <a:pt x="17" y="61"/>
                  </a:lnTo>
                  <a:lnTo>
                    <a:pt x="18" y="49"/>
                  </a:lnTo>
                  <a:lnTo>
                    <a:pt x="19" y="37"/>
                  </a:lnTo>
                  <a:lnTo>
                    <a:pt x="20" y="24"/>
                  </a:lnTo>
                  <a:lnTo>
                    <a:pt x="18" y="10"/>
                  </a:lnTo>
                  <a:lnTo>
                    <a:pt x="18" y="6"/>
                  </a:lnTo>
                  <a:lnTo>
                    <a:pt x="18" y="3"/>
                  </a:lnTo>
                  <a:lnTo>
                    <a:pt x="19" y="1"/>
                  </a:lnTo>
                  <a:lnTo>
                    <a:pt x="19" y="0"/>
                  </a:lnTo>
                  <a:lnTo>
                    <a:pt x="21" y="0"/>
                  </a:lnTo>
                  <a:lnTo>
                    <a:pt x="23" y="0"/>
                  </a:lnTo>
                  <a:lnTo>
                    <a:pt x="27" y="1"/>
                  </a:lnTo>
                  <a:lnTo>
                    <a:pt x="31" y="3"/>
                  </a:lnTo>
                  <a:lnTo>
                    <a:pt x="42" y="5"/>
                  </a:lnTo>
                  <a:lnTo>
                    <a:pt x="58" y="6"/>
                  </a:lnTo>
                  <a:lnTo>
                    <a:pt x="73" y="5"/>
                  </a:lnTo>
                  <a:lnTo>
                    <a:pt x="84" y="3"/>
                  </a:lnTo>
                  <a:lnTo>
                    <a:pt x="86" y="3"/>
                  </a:lnTo>
                  <a:lnTo>
                    <a:pt x="90" y="3"/>
                  </a:lnTo>
                  <a:lnTo>
                    <a:pt x="103" y="3"/>
                  </a:lnTo>
                  <a:lnTo>
                    <a:pt x="117" y="3"/>
                  </a:lnTo>
                  <a:lnTo>
                    <a:pt x="135" y="4"/>
                  </a:lnTo>
                  <a:lnTo>
                    <a:pt x="152" y="7"/>
                  </a:lnTo>
                  <a:lnTo>
                    <a:pt x="166" y="12"/>
                  </a:lnTo>
                  <a:lnTo>
                    <a:pt x="179" y="18"/>
                  </a:lnTo>
                  <a:lnTo>
                    <a:pt x="192" y="24"/>
                  </a:lnTo>
                  <a:lnTo>
                    <a:pt x="203" y="33"/>
                  </a:lnTo>
                  <a:lnTo>
                    <a:pt x="214" y="41"/>
                  </a:lnTo>
                  <a:lnTo>
                    <a:pt x="224" y="50"/>
                  </a:lnTo>
                  <a:lnTo>
                    <a:pt x="243" y="69"/>
                  </a:lnTo>
                  <a:lnTo>
                    <a:pt x="262" y="88"/>
                  </a:lnTo>
                  <a:lnTo>
                    <a:pt x="273" y="97"/>
                  </a:lnTo>
                  <a:lnTo>
                    <a:pt x="283" y="105"/>
                  </a:lnTo>
                  <a:lnTo>
                    <a:pt x="295" y="113"/>
                  </a:lnTo>
                  <a:lnTo>
                    <a:pt x="308" y="120"/>
                  </a:lnTo>
                  <a:lnTo>
                    <a:pt x="301" y="135"/>
                  </a:lnTo>
                  <a:lnTo>
                    <a:pt x="296" y="149"/>
                  </a:lnTo>
                  <a:lnTo>
                    <a:pt x="294" y="158"/>
                  </a:lnTo>
                  <a:lnTo>
                    <a:pt x="292" y="166"/>
                  </a:lnTo>
                  <a:lnTo>
                    <a:pt x="291" y="176"/>
                  </a:lnTo>
                  <a:lnTo>
                    <a:pt x="290" y="185"/>
                  </a:lnTo>
                  <a:lnTo>
                    <a:pt x="277" y="196"/>
                  </a:lnTo>
                  <a:lnTo>
                    <a:pt x="263" y="206"/>
                  </a:lnTo>
                  <a:lnTo>
                    <a:pt x="252" y="218"/>
                  </a:lnTo>
                  <a:lnTo>
                    <a:pt x="240" y="229"/>
                  </a:lnTo>
                  <a:lnTo>
                    <a:pt x="235" y="236"/>
                  </a:lnTo>
                  <a:lnTo>
                    <a:pt x="230" y="243"/>
                  </a:lnTo>
                  <a:lnTo>
                    <a:pt x="224" y="249"/>
                  </a:lnTo>
                  <a:lnTo>
                    <a:pt x="220" y="257"/>
                  </a:lnTo>
                  <a:lnTo>
                    <a:pt x="217" y="265"/>
                  </a:lnTo>
                  <a:lnTo>
                    <a:pt x="214" y="274"/>
                  </a:lnTo>
                  <a:lnTo>
                    <a:pt x="211" y="283"/>
                  </a:lnTo>
                  <a:lnTo>
                    <a:pt x="209" y="293"/>
                  </a:lnTo>
                  <a:lnTo>
                    <a:pt x="201" y="292"/>
                  </a:lnTo>
                  <a:lnTo>
                    <a:pt x="195" y="292"/>
                  </a:lnTo>
                  <a:lnTo>
                    <a:pt x="190" y="293"/>
                  </a:lnTo>
                  <a:lnTo>
                    <a:pt x="183" y="295"/>
                  </a:lnTo>
                  <a:lnTo>
                    <a:pt x="183" y="290"/>
                  </a:lnTo>
                  <a:lnTo>
                    <a:pt x="183" y="284"/>
                  </a:lnTo>
                  <a:lnTo>
                    <a:pt x="182" y="280"/>
                  </a:lnTo>
                  <a:lnTo>
                    <a:pt x="181" y="277"/>
                  </a:lnTo>
                  <a:lnTo>
                    <a:pt x="169" y="278"/>
                  </a:lnTo>
                  <a:lnTo>
                    <a:pt x="157" y="279"/>
                  </a:lnTo>
                  <a:lnTo>
                    <a:pt x="152" y="279"/>
                  </a:lnTo>
                  <a:lnTo>
                    <a:pt x="146" y="279"/>
                  </a:lnTo>
                  <a:lnTo>
                    <a:pt x="142" y="277"/>
                  </a:lnTo>
                  <a:lnTo>
                    <a:pt x="138" y="275"/>
                  </a:lnTo>
                  <a:lnTo>
                    <a:pt x="133" y="276"/>
                  </a:lnTo>
                  <a:lnTo>
                    <a:pt x="129" y="277"/>
                  </a:lnTo>
                  <a:lnTo>
                    <a:pt x="124" y="279"/>
                  </a:lnTo>
                  <a:lnTo>
                    <a:pt x="121" y="281"/>
                  </a:lnTo>
                  <a:lnTo>
                    <a:pt x="118" y="283"/>
                  </a:lnTo>
                  <a:lnTo>
                    <a:pt x="115" y="283"/>
                  </a:lnTo>
                  <a:lnTo>
                    <a:pt x="112" y="281"/>
                  </a:lnTo>
                  <a:lnTo>
                    <a:pt x="110" y="277"/>
                  </a:lnTo>
                  <a:lnTo>
                    <a:pt x="110" y="274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01" name="Fredensborg"/>
            <p:cNvSpPr>
              <a:spLocks/>
            </p:cNvSpPr>
            <p:nvPr/>
          </p:nvSpPr>
          <p:spPr bwMode="auto">
            <a:xfrm>
              <a:off x="3824288" y="4498975"/>
              <a:ext cx="138112" cy="169863"/>
            </a:xfrm>
            <a:custGeom>
              <a:avLst/>
              <a:gdLst>
                <a:gd name="T0" fmla="*/ 87506 w 262"/>
                <a:gd name="T1" fmla="*/ 22295 h 320"/>
                <a:gd name="T2" fmla="*/ 87506 w 262"/>
                <a:gd name="T3" fmla="*/ 11678 h 320"/>
                <a:gd name="T4" fmla="*/ 84343 w 262"/>
                <a:gd name="T5" fmla="*/ 8493 h 320"/>
                <a:gd name="T6" fmla="*/ 71692 w 262"/>
                <a:gd name="T7" fmla="*/ 10616 h 320"/>
                <a:gd name="T8" fmla="*/ 62730 w 262"/>
                <a:gd name="T9" fmla="*/ 15925 h 320"/>
                <a:gd name="T10" fmla="*/ 54296 w 262"/>
                <a:gd name="T11" fmla="*/ 17517 h 320"/>
                <a:gd name="T12" fmla="*/ 50079 w 262"/>
                <a:gd name="T13" fmla="*/ 12209 h 320"/>
                <a:gd name="T14" fmla="*/ 42699 w 262"/>
                <a:gd name="T15" fmla="*/ 1592 h 320"/>
                <a:gd name="T16" fmla="*/ 41644 w 262"/>
                <a:gd name="T17" fmla="*/ 4247 h 320"/>
                <a:gd name="T18" fmla="*/ 37427 w 262"/>
                <a:gd name="T19" fmla="*/ 8493 h 320"/>
                <a:gd name="T20" fmla="*/ 26884 w 262"/>
                <a:gd name="T21" fmla="*/ 12740 h 320"/>
                <a:gd name="T22" fmla="*/ 20559 w 262"/>
                <a:gd name="T23" fmla="*/ 25479 h 320"/>
                <a:gd name="T24" fmla="*/ 17923 w 262"/>
                <a:gd name="T25" fmla="*/ 41935 h 320"/>
                <a:gd name="T26" fmla="*/ 8961 w 262"/>
                <a:gd name="T27" fmla="*/ 50428 h 320"/>
                <a:gd name="T28" fmla="*/ 5799 w 262"/>
                <a:gd name="T29" fmla="*/ 56798 h 320"/>
                <a:gd name="T30" fmla="*/ 4217 w 262"/>
                <a:gd name="T31" fmla="*/ 63168 h 320"/>
                <a:gd name="T32" fmla="*/ 6326 w 262"/>
                <a:gd name="T33" fmla="*/ 75908 h 320"/>
                <a:gd name="T34" fmla="*/ 5799 w 262"/>
                <a:gd name="T35" fmla="*/ 88116 h 320"/>
                <a:gd name="T36" fmla="*/ 0 w 262"/>
                <a:gd name="T37" fmla="*/ 93425 h 320"/>
                <a:gd name="T38" fmla="*/ 13706 w 262"/>
                <a:gd name="T39" fmla="*/ 105634 h 320"/>
                <a:gd name="T40" fmla="*/ 15814 w 262"/>
                <a:gd name="T41" fmla="*/ 113596 h 320"/>
                <a:gd name="T42" fmla="*/ 19504 w 262"/>
                <a:gd name="T43" fmla="*/ 123681 h 320"/>
                <a:gd name="T44" fmla="*/ 29520 w 262"/>
                <a:gd name="T45" fmla="*/ 131113 h 320"/>
                <a:gd name="T46" fmla="*/ 27939 w 262"/>
                <a:gd name="T47" fmla="*/ 145445 h 320"/>
                <a:gd name="T48" fmla="*/ 26884 w 262"/>
                <a:gd name="T49" fmla="*/ 153938 h 320"/>
                <a:gd name="T50" fmla="*/ 31102 w 262"/>
                <a:gd name="T51" fmla="*/ 161370 h 320"/>
                <a:gd name="T52" fmla="*/ 41644 w 262"/>
                <a:gd name="T53" fmla="*/ 169863 h 320"/>
                <a:gd name="T54" fmla="*/ 42699 w 262"/>
                <a:gd name="T55" fmla="*/ 165086 h 320"/>
                <a:gd name="T56" fmla="*/ 49024 w 262"/>
                <a:gd name="T57" fmla="*/ 162431 h 320"/>
                <a:gd name="T58" fmla="*/ 63257 w 262"/>
                <a:gd name="T59" fmla="*/ 161901 h 320"/>
                <a:gd name="T60" fmla="*/ 71165 w 262"/>
                <a:gd name="T61" fmla="*/ 156592 h 320"/>
                <a:gd name="T62" fmla="*/ 81180 w 262"/>
                <a:gd name="T63" fmla="*/ 155531 h 320"/>
                <a:gd name="T64" fmla="*/ 94359 w 262"/>
                <a:gd name="T65" fmla="*/ 149161 h 320"/>
                <a:gd name="T66" fmla="*/ 102266 w 262"/>
                <a:gd name="T67" fmla="*/ 145976 h 320"/>
                <a:gd name="T68" fmla="*/ 112809 w 262"/>
                <a:gd name="T69" fmla="*/ 142791 h 320"/>
                <a:gd name="T70" fmla="*/ 123352 w 262"/>
                <a:gd name="T71" fmla="*/ 136421 h 320"/>
                <a:gd name="T72" fmla="*/ 124406 w 262"/>
                <a:gd name="T73" fmla="*/ 122620 h 320"/>
                <a:gd name="T74" fmla="*/ 121243 w 262"/>
                <a:gd name="T75" fmla="*/ 116250 h 320"/>
                <a:gd name="T76" fmla="*/ 124406 w 262"/>
                <a:gd name="T77" fmla="*/ 107757 h 320"/>
                <a:gd name="T78" fmla="*/ 127569 w 262"/>
                <a:gd name="T79" fmla="*/ 98202 h 320"/>
                <a:gd name="T80" fmla="*/ 125988 w 262"/>
                <a:gd name="T81" fmla="*/ 87586 h 320"/>
                <a:gd name="T82" fmla="*/ 136003 w 262"/>
                <a:gd name="T83" fmla="*/ 56267 h 320"/>
                <a:gd name="T84" fmla="*/ 136003 w 262"/>
                <a:gd name="T85" fmla="*/ 41935 h 320"/>
                <a:gd name="T86" fmla="*/ 127569 w 262"/>
                <a:gd name="T87" fmla="*/ 43527 h 320"/>
                <a:gd name="T88" fmla="*/ 124933 w 262"/>
                <a:gd name="T89" fmla="*/ 38219 h 320"/>
                <a:gd name="T90" fmla="*/ 118608 w 262"/>
                <a:gd name="T91" fmla="*/ 34503 h 320"/>
                <a:gd name="T92" fmla="*/ 103848 w 262"/>
                <a:gd name="T93" fmla="*/ 33973 h 320"/>
                <a:gd name="T94" fmla="*/ 93832 w 262"/>
                <a:gd name="T95" fmla="*/ 35565 h 320"/>
                <a:gd name="T96" fmla="*/ 89088 w 262"/>
                <a:gd name="T97" fmla="*/ 39281 h 320"/>
                <a:gd name="T98" fmla="*/ 85925 w 262"/>
                <a:gd name="T99" fmla="*/ 32380 h 320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</a:gdLst>
              <a:ahLst/>
              <a:cxnLst>
                <a:cxn ang="T100">
                  <a:pos x="T0" y="T1"/>
                </a:cxn>
                <a:cxn ang="T101">
                  <a:pos x="T2" y="T3"/>
                </a:cxn>
                <a:cxn ang="T102">
                  <a:pos x="T4" y="T5"/>
                </a:cxn>
                <a:cxn ang="T103">
                  <a:pos x="T6" y="T7"/>
                </a:cxn>
                <a:cxn ang="T104">
                  <a:pos x="T8" y="T9"/>
                </a:cxn>
                <a:cxn ang="T105">
                  <a:pos x="T10" y="T11"/>
                </a:cxn>
                <a:cxn ang="T106">
                  <a:pos x="T12" y="T13"/>
                </a:cxn>
                <a:cxn ang="T107">
                  <a:pos x="T14" y="T15"/>
                </a:cxn>
                <a:cxn ang="T108">
                  <a:pos x="T16" y="T17"/>
                </a:cxn>
                <a:cxn ang="T109">
                  <a:pos x="T18" y="T19"/>
                </a:cxn>
                <a:cxn ang="T110">
                  <a:pos x="T20" y="T21"/>
                </a:cxn>
                <a:cxn ang="T111">
                  <a:pos x="T22" y="T23"/>
                </a:cxn>
                <a:cxn ang="T112">
                  <a:pos x="T24" y="T25"/>
                </a:cxn>
                <a:cxn ang="T113">
                  <a:pos x="T26" y="T27"/>
                </a:cxn>
                <a:cxn ang="T114">
                  <a:pos x="T28" y="T29"/>
                </a:cxn>
                <a:cxn ang="T115">
                  <a:pos x="T30" y="T31"/>
                </a:cxn>
                <a:cxn ang="T116">
                  <a:pos x="T32" y="T33"/>
                </a:cxn>
                <a:cxn ang="T117">
                  <a:pos x="T34" y="T35"/>
                </a:cxn>
                <a:cxn ang="T118">
                  <a:pos x="T36" y="T37"/>
                </a:cxn>
                <a:cxn ang="T119">
                  <a:pos x="T38" y="T39"/>
                </a:cxn>
                <a:cxn ang="T120">
                  <a:pos x="T40" y="T41"/>
                </a:cxn>
                <a:cxn ang="T121">
                  <a:pos x="T42" y="T43"/>
                </a:cxn>
                <a:cxn ang="T122">
                  <a:pos x="T44" y="T45"/>
                </a:cxn>
                <a:cxn ang="T123">
                  <a:pos x="T46" y="T47"/>
                </a:cxn>
                <a:cxn ang="T124">
                  <a:pos x="T48" y="T49"/>
                </a:cxn>
                <a:cxn ang="T125">
                  <a:pos x="T50" y="T51"/>
                </a:cxn>
                <a:cxn ang="T126">
                  <a:pos x="T52" y="T53"/>
                </a:cxn>
                <a:cxn ang="T127">
                  <a:pos x="T54" y="T55"/>
                </a:cxn>
                <a:cxn ang="T128">
                  <a:pos x="T56" y="T57"/>
                </a:cxn>
                <a:cxn ang="T129">
                  <a:pos x="T58" y="T59"/>
                </a:cxn>
                <a:cxn ang="T130">
                  <a:pos x="T60" y="T61"/>
                </a:cxn>
                <a:cxn ang="T131">
                  <a:pos x="T62" y="T63"/>
                </a:cxn>
                <a:cxn ang="T132">
                  <a:pos x="T64" y="T65"/>
                </a:cxn>
                <a:cxn ang="T133">
                  <a:pos x="T66" y="T67"/>
                </a:cxn>
                <a:cxn ang="T134">
                  <a:pos x="T68" y="T69"/>
                </a:cxn>
                <a:cxn ang="T135">
                  <a:pos x="T70" y="T71"/>
                </a:cxn>
                <a:cxn ang="T136">
                  <a:pos x="T72" y="T73"/>
                </a:cxn>
                <a:cxn ang="T137">
                  <a:pos x="T74" y="T75"/>
                </a:cxn>
                <a:cxn ang="T138">
                  <a:pos x="T76" y="T77"/>
                </a:cxn>
                <a:cxn ang="T139">
                  <a:pos x="T78" y="T79"/>
                </a:cxn>
                <a:cxn ang="T140">
                  <a:pos x="T80" y="T81"/>
                </a:cxn>
                <a:cxn ang="T141">
                  <a:pos x="T82" y="T83"/>
                </a:cxn>
                <a:cxn ang="T142">
                  <a:pos x="T84" y="T85"/>
                </a:cxn>
                <a:cxn ang="T143">
                  <a:pos x="T86" y="T87"/>
                </a:cxn>
                <a:cxn ang="T144">
                  <a:pos x="T88" y="T89"/>
                </a:cxn>
                <a:cxn ang="T145">
                  <a:pos x="T90" y="T91"/>
                </a:cxn>
                <a:cxn ang="T146">
                  <a:pos x="T92" y="T93"/>
                </a:cxn>
                <a:cxn ang="T147">
                  <a:pos x="T94" y="T95"/>
                </a:cxn>
                <a:cxn ang="T148">
                  <a:pos x="T96" y="T97"/>
                </a:cxn>
                <a:cxn ang="T149">
                  <a:pos x="T98" y="T99"/>
                </a:cxn>
              </a:cxnLst>
              <a:rect l="0" t="0" r="r" b="b"/>
              <a:pathLst>
                <a:path w="262" h="320">
                  <a:moveTo>
                    <a:pt x="163" y="61"/>
                  </a:moveTo>
                  <a:lnTo>
                    <a:pt x="165" y="51"/>
                  </a:lnTo>
                  <a:lnTo>
                    <a:pt x="166" y="42"/>
                  </a:lnTo>
                  <a:lnTo>
                    <a:pt x="167" y="32"/>
                  </a:lnTo>
                  <a:lnTo>
                    <a:pt x="169" y="23"/>
                  </a:lnTo>
                  <a:lnTo>
                    <a:pt x="166" y="22"/>
                  </a:lnTo>
                  <a:lnTo>
                    <a:pt x="163" y="20"/>
                  </a:lnTo>
                  <a:lnTo>
                    <a:pt x="161" y="18"/>
                  </a:lnTo>
                  <a:lnTo>
                    <a:pt x="160" y="16"/>
                  </a:lnTo>
                  <a:lnTo>
                    <a:pt x="152" y="17"/>
                  </a:lnTo>
                  <a:lnTo>
                    <a:pt x="145" y="18"/>
                  </a:lnTo>
                  <a:lnTo>
                    <a:pt x="136" y="20"/>
                  </a:lnTo>
                  <a:lnTo>
                    <a:pt x="128" y="21"/>
                  </a:lnTo>
                  <a:lnTo>
                    <a:pt x="123" y="26"/>
                  </a:lnTo>
                  <a:lnTo>
                    <a:pt x="119" y="30"/>
                  </a:lnTo>
                  <a:lnTo>
                    <a:pt x="114" y="33"/>
                  </a:lnTo>
                  <a:lnTo>
                    <a:pt x="108" y="36"/>
                  </a:lnTo>
                  <a:lnTo>
                    <a:pt x="103" y="33"/>
                  </a:lnTo>
                  <a:lnTo>
                    <a:pt x="100" y="30"/>
                  </a:lnTo>
                  <a:lnTo>
                    <a:pt x="97" y="27"/>
                  </a:lnTo>
                  <a:lnTo>
                    <a:pt x="95" y="23"/>
                  </a:lnTo>
                  <a:lnTo>
                    <a:pt x="89" y="11"/>
                  </a:lnTo>
                  <a:lnTo>
                    <a:pt x="82" y="0"/>
                  </a:lnTo>
                  <a:lnTo>
                    <a:pt x="81" y="3"/>
                  </a:lnTo>
                  <a:lnTo>
                    <a:pt x="81" y="5"/>
                  </a:lnTo>
                  <a:lnTo>
                    <a:pt x="81" y="7"/>
                  </a:lnTo>
                  <a:lnTo>
                    <a:pt x="79" y="8"/>
                  </a:lnTo>
                  <a:lnTo>
                    <a:pt x="77" y="12"/>
                  </a:lnTo>
                  <a:lnTo>
                    <a:pt x="77" y="18"/>
                  </a:lnTo>
                  <a:lnTo>
                    <a:pt x="71" y="16"/>
                  </a:lnTo>
                  <a:lnTo>
                    <a:pt x="65" y="12"/>
                  </a:lnTo>
                  <a:lnTo>
                    <a:pt x="57" y="18"/>
                  </a:lnTo>
                  <a:lnTo>
                    <a:pt x="51" y="24"/>
                  </a:lnTo>
                  <a:lnTo>
                    <a:pt x="46" y="31"/>
                  </a:lnTo>
                  <a:lnTo>
                    <a:pt x="42" y="39"/>
                  </a:lnTo>
                  <a:lnTo>
                    <a:pt x="39" y="48"/>
                  </a:lnTo>
                  <a:lnTo>
                    <a:pt x="37" y="58"/>
                  </a:lnTo>
                  <a:lnTo>
                    <a:pt x="35" y="68"/>
                  </a:lnTo>
                  <a:lnTo>
                    <a:pt x="34" y="79"/>
                  </a:lnTo>
                  <a:lnTo>
                    <a:pt x="27" y="85"/>
                  </a:lnTo>
                  <a:lnTo>
                    <a:pt x="20" y="91"/>
                  </a:lnTo>
                  <a:lnTo>
                    <a:pt x="17" y="95"/>
                  </a:lnTo>
                  <a:lnTo>
                    <a:pt x="15" y="98"/>
                  </a:lnTo>
                  <a:lnTo>
                    <a:pt x="13" y="102"/>
                  </a:lnTo>
                  <a:lnTo>
                    <a:pt x="11" y="107"/>
                  </a:lnTo>
                  <a:lnTo>
                    <a:pt x="9" y="110"/>
                  </a:lnTo>
                  <a:lnTo>
                    <a:pt x="8" y="115"/>
                  </a:lnTo>
                  <a:lnTo>
                    <a:pt x="8" y="119"/>
                  </a:lnTo>
                  <a:lnTo>
                    <a:pt x="8" y="123"/>
                  </a:lnTo>
                  <a:lnTo>
                    <a:pt x="10" y="132"/>
                  </a:lnTo>
                  <a:lnTo>
                    <a:pt x="12" y="143"/>
                  </a:lnTo>
                  <a:lnTo>
                    <a:pt x="13" y="152"/>
                  </a:lnTo>
                  <a:lnTo>
                    <a:pt x="12" y="162"/>
                  </a:lnTo>
                  <a:lnTo>
                    <a:pt x="11" y="166"/>
                  </a:lnTo>
                  <a:lnTo>
                    <a:pt x="9" y="169"/>
                  </a:lnTo>
                  <a:lnTo>
                    <a:pt x="6" y="172"/>
                  </a:lnTo>
                  <a:lnTo>
                    <a:pt x="0" y="176"/>
                  </a:lnTo>
                  <a:lnTo>
                    <a:pt x="11" y="184"/>
                  </a:lnTo>
                  <a:lnTo>
                    <a:pt x="21" y="194"/>
                  </a:lnTo>
                  <a:lnTo>
                    <a:pt x="26" y="199"/>
                  </a:lnTo>
                  <a:lnTo>
                    <a:pt x="28" y="205"/>
                  </a:lnTo>
                  <a:lnTo>
                    <a:pt x="29" y="209"/>
                  </a:lnTo>
                  <a:lnTo>
                    <a:pt x="30" y="214"/>
                  </a:lnTo>
                  <a:lnTo>
                    <a:pt x="29" y="218"/>
                  </a:lnTo>
                  <a:lnTo>
                    <a:pt x="29" y="224"/>
                  </a:lnTo>
                  <a:lnTo>
                    <a:pt x="37" y="233"/>
                  </a:lnTo>
                  <a:lnTo>
                    <a:pt x="48" y="239"/>
                  </a:lnTo>
                  <a:lnTo>
                    <a:pt x="52" y="243"/>
                  </a:lnTo>
                  <a:lnTo>
                    <a:pt x="56" y="247"/>
                  </a:lnTo>
                  <a:lnTo>
                    <a:pt x="59" y="253"/>
                  </a:lnTo>
                  <a:lnTo>
                    <a:pt x="61" y="259"/>
                  </a:lnTo>
                  <a:lnTo>
                    <a:pt x="53" y="274"/>
                  </a:lnTo>
                  <a:lnTo>
                    <a:pt x="43" y="287"/>
                  </a:lnTo>
                  <a:lnTo>
                    <a:pt x="48" y="288"/>
                  </a:lnTo>
                  <a:lnTo>
                    <a:pt x="51" y="290"/>
                  </a:lnTo>
                  <a:lnTo>
                    <a:pt x="53" y="294"/>
                  </a:lnTo>
                  <a:lnTo>
                    <a:pt x="55" y="297"/>
                  </a:lnTo>
                  <a:lnTo>
                    <a:pt x="59" y="304"/>
                  </a:lnTo>
                  <a:lnTo>
                    <a:pt x="65" y="310"/>
                  </a:lnTo>
                  <a:lnTo>
                    <a:pt x="71" y="316"/>
                  </a:lnTo>
                  <a:lnTo>
                    <a:pt x="79" y="320"/>
                  </a:lnTo>
                  <a:lnTo>
                    <a:pt x="79" y="317"/>
                  </a:lnTo>
                  <a:lnTo>
                    <a:pt x="80" y="314"/>
                  </a:lnTo>
                  <a:lnTo>
                    <a:pt x="81" y="311"/>
                  </a:lnTo>
                  <a:lnTo>
                    <a:pt x="83" y="309"/>
                  </a:lnTo>
                  <a:lnTo>
                    <a:pt x="88" y="306"/>
                  </a:lnTo>
                  <a:lnTo>
                    <a:pt x="93" y="306"/>
                  </a:lnTo>
                  <a:lnTo>
                    <a:pt x="106" y="307"/>
                  </a:lnTo>
                  <a:lnTo>
                    <a:pt x="117" y="310"/>
                  </a:lnTo>
                  <a:lnTo>
                    <a:pt x="120" y="305"/>
                  </a:lnTo>
                  <a:lnTo>
                    <a:pt x="125" y="301"/>
                  </a:lnTo>
                  <a:lnTo>
                    <a:pt x="130" y="297"/>
                  </a:lnTo>
                  <a:lnTo>
                    <a:pt x="135" y="295"/>
                  </a:lnTo>
                  <a:lnTo>
                    <a:pt x="141" y="294"/>
                  </a:lnTo>
                  <a:lnTo>
                    <a:pt x="148" y="293"/>
                  </a:lnTo>
                  <a:lnTo>
                    <a:pt x="154" y="293"/>
                  </a:lnTo>
                  <a:lnTo>
                    <a:pt x="160" y="293"/>
                  </a:lnTo>
                  <a:lnTo>
                    <a:pt x="171" y="287"/>
                  </a:lnTo>
                  <a:lnTo>
                    <a:pt x="179" y="281"/>
                  </a:lnTo>
                  <a:lnTo>
                    <a:pt x="184" y="279"/>
                  </a:lnTo>
                  <a:lnTo>
                    <a:pt x="189" y="277"/>
                  </a:lnTo>
                  <a:lnTo>
                    <a:pt x="194" y="275"/>
                  </a:lnTo>
                  <a:lnTo>
                    <a:pt x="201" y="275"/>
                  </a:lnTo>
                  <a:lnTo>
                    <a:pt x="208" y="273"/>
                  </a:lnTo>
                  <a:lnTo>
                    <a:pt x="214" y="269"/>
                  </a:lnTo>
                  <a:lnTo>
                    <a:pt x="219" y="267"/>
                  </a:lnTo>
                  <a:lnTo>
                    <a:pt x="225" y="263"/>
                  </a:lnTo>
                  <a:lnTo>
                    <a:pt x="234" y="257"/>
                  </a:lnTo>
                  <a:lnTo>
                    <a:pt x="245" y="249"/>
                  </a:lnTo>
                  <a:lnTo>
                    <a:pt x="240" y="240"/>
                  </a:lnTo>
                  <a:lnTo>
                    <a:pt x="236" y="231"/>
                  </a:lnTo>
                  <a:lnTo>
                    <a:pt x="234" y="228"/>
                  </a:lnTo>
                  <a:lnTo>
                    <a:pt x="232" y="224"/>
                  </a:lnTo>
                  <a:lnTo>
                    <a:pt x="230" y="219"/>
                  </a:lnTo>
                  <a:lnTo>
                    <a:pt x="229" y="214"/>
                  </a:lnTo>
                  <a:lnTo>
                    <a:pt x="233" y="209"/>
                  </a:lnTo>
                  <a:lnTo>
                    <a:pt x="236" y="203"/>
                  </a:lnTo>
                  <a:lnTo>
                    <a:pt x="239" y="198"/>
                  </a:lnTo>
                  <a:lnTo>
                    <a:pt x="241" y="191"/>
                  </a:lnTo>
                  <a:lnTo>
                    <a:pt x="242" y="185"/>
                  </a:lnTo>
                  <a:lnTo>
                    <a:pt x="244" y="178"/>
                  </a:lnTo>
                  <a:lnTo>
                    <a:pt x="242" y="171"/>
                  </a:lnTo>
                  <a:lnTo>
                    <a:pt x="239" y="165"/>
                  </a:lnTo>
                  <a:lnTo>
                    <a:pt x="248" y="147"/>
                  </a:lnTo>
                  <a:lnTo>
                    <a:pt x="254" y="127"/>
                  </a:lnTo>
                  <a:lnTo>
                    <a:pt x="258" y="106"/>
                  </a:lnTo>
                  <a:lnTo>
                    <a:pt x="262" y="84"/>
                  </a:lnTo>
                  <a:lnTo>
                    <a:pt x="260" y="81"/>
                  </a:lnTo>
                  <a:lnTo>
                    <a:pt x="258" y="79"/>
                  </a:lnTo>
                  <a:lnTo>
                    <a:pt x="254" y="79"/>
                  </a:lnTo>
                  <a:lnTo>
                    <a:pt x="251" y="79"/>
                  </a:lnTo>
                  <a:lnTo>
                    <a:pt x="242" y="82"/>
                  </a:lnTo>
                  <a:lnTo>
                    <a:pt x="237" y="84"/>
                  </a:lnTo>
                  <a:lnTo>
                    <a:pt x="237" y="79"/>
                  </a:lnTo>
                  <a:lnTo>
                    <a:pt x="237" y="72"/>
                  </a:lnTo>
                  <a:lnTo>
                    <a:pt x="236" y="67"/>
                  </a:lnTo>
                  <a:lnTo>
                    <a:pt x="234" y="64"/>
                  </a:lnTo>
                  <a:lnTo>
                    <a:pt x="225" y="65"/>
                  </a:lnTo>
                  <a:lnTo>
                    <a:pt x="214" y="65"/>
                  </a:lnTo>
                  <a:lnTo>
                    <a:pt x="206" y="65"/>
                  </a:lnTo>
                  <a:lnTo>
                    <a:pt x="197" y="64"/>
                  </a:lnTo>
                  <a:lnTo>
                    <a:pt x="189" y="64"/>
                  </a:lnTo>
                  <a:lnTo>
                    <a:pt x="181" y="65"/>
                  </a:lnTo>
                  <a:lnTo>
                    <a:pt x="178" y="67"/>
                  </a:lnTo>
                  <a:lnTo>
                    <a:pt x="175" y="68"/>
                  </a:lnTo>
                  <a:lnTo>
                    <a:pt x="172" y="70"/>
                  </a:lnTo>
                  <a:lnTo>
                    <a:pt x="169" y="74"/>
                  </a:lnTo>
                  <a:lnTo>
                    <a:pt x="167" y="68"/>
                  </a:lnTo>
                  <a:lnTo>
                    <a:pt x="166" y="62"/>
                  </a:lnTo>
                  <a:lnTo>
                    <a:pt x="163" y="61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02" name="Fredensborg kant"/>
            <p:cNvSpPr>
              <a:spLocks/>
            </p:cNvSpPr>
            <p:nvPr/>
          </p:nvSpPr>
          <p:spPr bwMode="auto">
            <a:xfrm>
              <a:off x="3824288" y="4498975"/>
              <a:ext cx="138112" cy="169863"/>
            </a:xfrm>
            <a:custGeom>
              <a:avLst/>
              <a:gdLst>
                <a:gd name="T0" fmla="*/ 87506 w 262"/>
                <a:gd name="T1" fmla="*/ 22295 h 320"/>
                <a:gd name="T2" fmla="*/ 87506 w 262"/>
                <a:gd name="T3" fmla="*/ 11678 h 320"/>
                <a:gd name="T4" fmla="*/ 84343 w 262"/>
                <a:gd name="T5" fmla="*/ 8493 h 320"/>
                <a:gd name="T6" fmla="*/ 71692 w 262"/>
                <a:gd name="T7" fmla="*/ 10616 h 320"/>
                <a:gd name="T8" fmla="*/ 62730 w 262"/>
                <a:gd name="T9" fmla="*/ 15925 h 320"/>
                <a:gd name="T10" fmla="*/ 54296 w 262"/>
                <a:gd name="T11" fmla="*/ 17517 h 320"/>
                <a:gd name="T12" fmla="*/ 50079 w 262"/>
                <a:gd name="T13" fmla="*/ 12209 h 320"/>
                <a:gd name="T14" fmla="*/ 42699 w 262"/>
                <a:gd name="T15" fmla="*/ 1592 h 320"/>
                <a:gd name="T16" fmla="*/ 41644 w 262"/>
                <a:gd name="T17" fmla="*/ 4247 h 320"/>
                <a:gd name="T18" fmla="*/ 37427 w 262"/>
                <a:gd name="T19" fmla="*/ 8493 h 320"/>
                <a:gd name="T20" fmla="*/ 26884 w 262"/>
                <a:gd name="T21" fmla="*/ 12740 h 320"/>
                <a:gd name="T22" fmla="*/ 20559 w 262"/>
                <a:gd name="T23" fmla="*/ 25479 h 320"/>
                <a:gd name="T24" fmla="*/ 17923 w 262"/>
                <a:gd name="T25" fmla="*/ 41935 h 320"/>
                <a:gd name="T26" fmla="*/ 8961 w 262"/>
                <a:gd name="T27" fmla="*/ 50428 h 320"/>
                <a:gd name="T28" fmla="*/ 5799 w 262"/>
                <a:gd name="T29" fmla="*/ 56798 h 320"/>
                <a:gd name="T30" fmla="*/ 4217 w 262"/>
                <a:gd name="T31" fmla="*/ 63168 h 320"/>
                <a:gd name="T32" fmla="*/ 6326 w 262"/>
                <a:gd name="T33" fmla="*/ 75908 h 320"/>
                <a:gd name="T34" fmla="*/ 5799 w 262"/>
                <a:gd name="T35" fmla="*/ 88116 h 320"/>
                <a:gd name="T36" fmla="*/ 0 w 262"/>
                <a:gd name="T37" fmla="*/ 93425 h 320"/>
                <a:gd name="T38" fmla="*/ 13706 w 262"/>
                <a:gd name="T39" fmla="*/ 105634 h 320"/>
                <a:gd name="T40" fmla="*/ 15814 w 262"/>
                <a:gd name="T41" fmla="*/ 113596 h 320"/>
                <a:gd name="T42" fmla="*/ 19504 w 262"/>
                <a:gd name="T43" fmla="*/ 123681 h 320"/>
                <a:gd name="T44" fmla="*/ 29520 w 262"/>
                <a:gd name="T45" fmla="*/ 131113 h 320"/>
                <a:gd name="T46" fmla="*/ 27939 w 262"/>
                <a:gd name="T47" fmla="*/ 145445 h 320"/>
                <a:gd name="T48" fmla="*/ 26884 w 262"/>
                <a:gd name="T49" fmla="*/ 153938 h 320"/>
                <a:gd name="T50" fmla="*/ 31102 w 262"/>
                <a:gd name="T51" fmla="*/ 161370 h 320"/>
                <a:gd name="T52" fmla="*/ 41644 w 262"/>
                <a:gd name="T53" fmla="*/ 169863 h 320"/>
                <a:gd name="T54" fmla="*/ 42699 w 262"/>
                <a:gd name="T55" fmla="*/ 165086 h 320"/>
                <a:gd name="T56" fmla="*/ 49024 w 262"/>
                <a:gd name="T57" fmla="*/ 162431 h 320"/>
                <a:gd name="T58" fmla="*/ 63257 w 262"/>
                <a:gd name="T59" fmla="*/ 161901 h 320"/>
                <a:gd name="T60" fmla="*/ 71165 w 262"/>
                <a:gd name="T61" fmla="*/ 156592 h 320"/>
                <a:gd name="T62" fmla="*/ 81180 w 262"/>
                <a:gd name="T63" fmla="*/ 155531 h 320"/>
                <a:gd name="T64" fmla="*/ 94359 w 262"/>
                <a:gd name="T65" fmla="*/ 149161 h 320"/>
                <a:gd name="T66" fmla="*/ 102266 w 262"/>
                <a:gd name="T67" fmla="*/ 145976 h 320"/>
                <a:gd name="T68" fmla="*/ 112809 w 262"/>
                <a:gd name="T69" fmla="*/ 142791 h 320"/>
                <a:gd name="T70" fmla="*/ 123352 w 262"/>
                <a:gd name="T71" fmla="*/ 136421 h 320"/>
                <a:gd name="T72" fmla="*/ 124406 w 262"/>
                <a:gd name="T73" fmla="*/ 122620 h 320"/>
                <a:gd name="T74" fmla="*/ 121243 w 262"/>
                <a:gd name="T75" fmla="*/ 116250 h 320"/>
                <a:gd name="T76" fmla="*/ 124406 w 262"/>
                <a:gd name="T77" fmla="*/ 107757 h 320"/>
                <a:gd name="T78" fmla="*/ 127569 w 262"/>
                <a:gd name="T79" fmla="*/ 98202 h 320"/>
                <a:gd name="T80" fmla="*/ 125988 w 262"/>
                <a:gd name="T81" fmla="*/ 87586 h 320"/>
                <a:gd name="T82" fmla="*/ 136003 w 262"/>
                <a:gd name="T83" fmla="*/ 56267 h 320"/>
                <a:gd name="T84" fmla="*/ 136003 w 262"/>
                <a:gd name="T85" fmla="*/ 41935 h 320"/>
                <a:gd name="T86" fmla="*/ 127569 w 262"/>
                <a:gd name="T87" fmla="*/ 43527 h 320"/>
                <a:gd name="T88" fmla="*/ 124933 w 262"/>
                <a:gd name="T89" fmla="*/ 38219 h 320"/>
                <a:gd name="T90" fmla="*/ 118608 w 262"/>
                <a:gd name="T91" fmla="*/ 34503 h 320"/>
                <a:gd name="T92" fmla="*/ 103848 w 262"/>
                <a:gd name="T93" fmla="*/ 33973 h 320"/>
                <a:gd name="T94" fmla="*/ 93832 w 262"/>
                <a:gd name="T95" fmla="*/ 35565 h 320"/>
                <a:gd name="T96" fmla="*/ 89088 w 262"/>
                <a:gd name="T97" fmla="*/ 39281 h 320"/>
                <a:gd name="T98" fmla="*/ 85925 w 262"/>
                <a:gd name="T99" fmla="*/ 32380 h 320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</a:gdLst>
              <a:ahLst/>
              <a:cxnLst>
                <a:cxn ang="T100">
                  <a:pos x="T0" y="T1"/>
                </a:cxn>
                <a:cxn ang="T101">
                  <a:pos x="T2" y="T3"/>
                </a:cxn>
                <a:cxn ang="T102">
                  <a:pos x="T4" y="T5"/>
                </a:cxn>
                <a:cxn ang="T103">
                  <a:pos x="T6" y="T7"/>
                </a:cxn>
                <a:cxn ang="T104">
                  <a:pos x="T8" y="T9"/>
                </a:cxn>
                <a:cxn ang="T105">
                  <a:pos x="T10" y="T11"/>
                </a:cxn>
                <a:cxn ang="T106">
                  <a:pos x="T12" y="T13"/>
                </a:cxn>
                <a:cxn ang="T107">
                  <a:pos x="T14" y="T15"/>
                </a:cxn>
                <a:cxn ang="T108">
                  <a:pos x="T16" y="T17"/>
                </a:cxn>
                <a:cxn ang="T109">
                  <a:pos x="T18" y="T19"/>
                </a:cxn>
                <a:cxn ang="T110">
                  <a:pos x="T20" y="T21"/>
                </a:cxn>
                <a:cxn ang="T111">
                  <a:pos x="T22" y="T23"/>
                </a:cxn>
                <a:cxn ang="T112">
                  <a:pos x="T24" y="T25"/>
                </a:cxn>
                <a:cxn ang="T113">
                  <a:pos x="T26" y="T27"/>
                </a:cxn>
                <a:cxn ang="T114">
                  <a:pos x="T28" y="T29"/>
                </a:cxn>
                <a:cxn ang="T115">
                  <a:pos x="T30" y="T31"/>
                </a:cxn>
                <a:cxn ang="T116">
                  <a:pos x="T32" y="T33"/>
                </a:cxn>
                <a:cxn ang="T117">
                  <a:pos x="T34" y="T35"/>
                </a:cxn>
                <a:cxn ang="T118">
                  <a:pos x="T36" y="T37"/>
                </a:cxn>
                <a:cxn ang="T119">
                  <a:pos x="T38" y="T39"/>
                </a:cxn>
                <a:cxn ang="T120">
                  <a:pos x="T40" y="T41"/>
                </a:cxn>
                <a:cxn ang="T121">
                  <a:pos x="T42" y="T43"/>
                </a:cxn>
                <a:cxn ang="T122">
                  <a:pos x="T44" y="T45"/>
                </a:cxn>
                <a:cxn ang="T123">
                  <a:pos x="T46" y="T47"/>
                </a:cxn>
                <a:cxn ang="T124">
                  <a:pos x="T48" y="T49"/>
                </a:cxn>
                <a:cxn ang="T125">
                  <a:pos x="T50" y="T51"/>
                </a:cxn>
                <a:cxn ang="T126">
                  <a:pos x="T52" y="T53"/>
                </a:cxn>
                <a:cxn ang="T127">
                  <a:pos x="T54" y="T55"/>
                </a:cxn>
                <a:cxn ang="T128">
                  <a:pos x="T56" y="T57"/>
                </a:cxn>
                <a:cxn ang="T129">
                  <a:pos x="T58" y="T59"/>
                </a:cxn>
                <a:cxn ang="T130">
                  <a:pos x="T60" y="T61"/>
                </a:cxn>
                <a:cxn ang="T131">
                  <a:pos x="T62" y="T63"/>
                </a:cxn>
                <a:cxn ang="T132">
                  <a:pos x="T64" y="T65"/>
                </a:cxn>
                <a:cxn ang="T133">
                  <a:pos x="T66" y="T67"/>
                </a:cxn>
                <a:cxn ang="T134">
                  <a:pos x="T68" y="T69"/>
                </a:cxn>
                <a:cxn ang="T135">
                  <a:pos x="T70" y="T71"/>
                </a:cxn>
                <a:cxn ang="T136">
                  <a:pos x="T72" y="T73"/>
                </a:cxn>
                <a:cxn ang="T137">
                  <a:pos x="T74" y="T75"/>
                </a:cxn>
                <a:cxn ang="T138">
                  <a:pos x="T76" y="T77"/>
                </a:cxn>
                <a:cxn ang="T139">
                  <a:pos x="T78" y="T79"/>
                </a:cxn>
                <a:cxn ang="T140">
                  <a:pos x="T80" y="T81"/>
                </a:cxn>
                <a:cxn ang="T141">
                  <a:pos x="T82" y="T83"/>
                </a:cxn>
                <a:cxn ang="T142">
                  <a:pos x="T84" y="T85"/>
                </a:cxn>
                <a:cxn ang="T143">
                  <a:pos x="T86" y="T87"/>
                </a:cxn>
                <a:cxn ang="T144">
                  <a:pos x="T88" y="T89"/>
                </a:cxn>
                <a:cxn ang="T145">
                  <a:pos x="T90" y="T91"/>
                </a:cxn>
                <a:cxn ang="T146">
                  <a:pos x="T92" y="T93"/>
                </a:cxn>
                <a:cxn ang="T147">
                  <a:pos x="T94" y="T95"/>
                </a:cxn>
                <a:cxn ang="T148">
                  <a:pos x="T96" y="T97"/>
                </a:cxn>
                <a:cxn ang="T149">
                  <a:pos x="T98" y="T99"/>
                </a:cxn>
              </a:cxnLst>
              <a:rect l="0" t="0" r="r" b="b"/>
              <a:pathLst>
                <a:path w="262" h="320">
                  <a:moveTo>
                    <a:pt x="163" y="61"/>
                  </a:moveTo>
                  <a:lnTo>
                    <a:pt x="165" y="51"/>
                  </a:lnTo>
                  <a:lnTo>
                    <a:pt x="166" y="42"/>
                  </a:lnTo>
                  <a:lnTo>
                    <a:pt x="167" y="32"/>
                  </a:lnTo>
                  <a:lnTo>
                    <a:pt x="169" y="23"/>
                  </a:lnTo>
                  <a:lnTo>
                    <a:pt x="166" y="22"/>
                  </a:lnTo>
                  <a:lnTo>
                    <a:pt x="163" y="20"/>
                  </a:lnTo>
                  <a:lnTo>
                    <a:pt x="161" y="18"/>
                  </a:lnTo>
                  <a:lnTo>
                    <a:pt x="160" y="16"/>
                  </a:lnTo>
                  <a:lnTo>
                    <a:pt x="152" y="17"/>
                  </a:lnTo>
                  <a:lnTo>
                    <a:pt x="145" y="18"/>
                  </a:lnTo>
                  <a:lnTo>
                    <a:pt x="136" y="20"/>
                  </a:lnTo>
                  <a:lnTo>
                    <a:pt x="128" y="21"/>
                  </a:lnTo>
                  <a:lnTo>
                    <a:pt x="123" y="26"/>
                  </a:lnTo>
                  <a:lnTo>
                    <a:pt x="119" y="30"/>
                  </a:lnTo>
                  <a:lnTo>
                    <a:pt x="114" y="33"/>
                  </a:lnTo>
                  <a:lnTo>
                    <a:pt x="108" y="36"/>
                  </a:lnTo>
                  <a:lnTo>
                    <a:pt x="103" y="33"/>
                  </a:lnTo>
                  <a:lnTo>
                    <a:pt x="100" y="30"/>
                  </a:lnTo>
                  <a:lnTo>
                    <a:pt x="97" y="27"/>
                  </a:lnTo>
                  <a:lnTo>
                    <a:pt x="95" y="23"/>
                  </a:lnTo>
                  <a:lnTo>
                    <a:pt x="89" y="11"/>
                  </a:lnTo>
                  <a:lnTo>
                    <a:pt x="82" y="0"/>
                  </a:lnTo>
                  <a:lnTo>
                    <a:pt x="81" y="3"/>
                  </a:lnTo>
                  <a:lnTo>
                    <a:pt x="81" y="5"/>
                  </a:lnTo>
                  <a:lnTo>
                    <a:pt x="81" y="7"/>
                  </a:lnTo>
                  <a:lnTo>
                    <a:pt x="79" y="8"/>
                  </a:lnTo>
                  <a:lnTo>
                    <a:pt x="77" y="12"/>
                  </a:lnTo>
                  <a:lnTo>
                    <a:pt x="77" y="18"/>
                  </a:lnTo>
                  <a:lnTo>
                    <a:pt x="71" y="16"/>
                  </a:lnTo>
                  <a:lnTo>
                    <a:pt x="65" y="12"/>
                  </a:lnTo>
                  <a:lnTo>
                    <a:pt x="57" y="18"/>
                  </a:lnTo>
                  <a:lnTo>
                    <a:pt x="51" y="24"/>
                  </a:lnTo>
                  <a:lnTo>
                    <a:pt x="46" y="31"/>
                  </a:lnTo>
                  <a:lnTo>
                    <a:pt x="42" y="39"/>
                  </a:lnTo>
                  <a:lnTo>
                    <a:pt x="39" y="48"/>
                  </a:lnTo>
                  <a:lnTo>
                    <a:pt x="37" y="58"/>
                  </a:lnTo>
                  <a:lnTo>
                    <a:pt x="35" y="68"/>
                  </a:lnTo>
                  <a:lnTo>
                    <a:pt x="34" y="79"/>
                  </a:lnTo>
                  <a:lnTo>
                    <a:pt x="27" y="85"/>
                  </a:lnTo>
                  <a:lnTo>
                    <a:pt x="20" y="91"/>
                  </a:lnTo>
                  <a:lnTo>
                    <a:pt x="17" y="95"/>
                  </a:lnTo>
                  <a:lnTo>
                    <a:pt x="15" y="98"/>
                  </a:lnTo>
                  <a:lnTo>
                    <a:pt x="13" y="102"/>
                  </a:lnTo>
                  <a:lnTo>
                    <a:pt x="11" y="107"/>
                  </a:lnTo>
                  <a:lnTo>
                    <a:pt x="9" y="110"/>
                  </a:lnTo>
                  <a:lnTo>
                    <a:pt x="8" y="115"/>
                  </a:lnTo>
                  <a:lnTo>
                    <a:pt x="8" y="119"/>
                  </a:lnTo>
                  <a:lnTo>
                    <a:pt x="8" y="123"/>
                  </a:lnTo>
                  <a:lnTo>
                    <a:pt x="10" y="132"/>
                  </a:lnTo>
                  <a:lnTo>
                    <a:pt x="12" y="143"/>
                  </a:lnTo>
                  <a:lnTo>
                    <a:pt x="13" y="152"/>
                  </a:lnTo>
                  <a:lnTo>
                    <a:pt x="12" y="162"/>
                  </a:lnTo>
                  <a:lnTo>
                    <a:pt x="11" y="166"/>
                  </a:lnTo>
                  <a:lnTo>
                    <a:pt x="9" y="169"/>
                  </a:lnTo>
                  <a:lnTo>
                    <a:pt x="6" y="172"/>
                  </a:lnTo>
                  <a:lnTo>
                    <a:pt x="0" y="176"/>
                  </a:lnTo>
                  <a:lnTo>
                    <a:pt x="11" y="184"/>
                  </a:lnTo>
                  <a:lnTo>
                    <a:pt x="21" y="194"/>
                  </a:lnTo>
                  <a:lnTo>
                    <a:pt x="26" y="199"/>
                  </a:lnTo>
                  <a:lnTo>
                    <a:pt x="28" y="205"/>
                  </a:lnTo>
                  <a:lnTo>
                    <a:pt x="29" y="209"/>
                  </a:lnTo>
                  <a:lnTo>
                    <a:pt x="30" y="214"/>
                  </a:lnTo>
                  <a:lnTo>
                    <a:pt x="29" y="218"/>
                  </a:lnTo>
                  <a:lnTo>
                    <a:pt x="29" y="224"/>
                  </a:lnTo>
                  <a:lnTo>
                    <a:pt x="37" y="233"/>
                  </a:lnTo>
                  <a:lnTo>
                    <a:pt x="48" y="239"/>
                  </a:lnTo>
                  <a:lnTo>
                    <a:pt x="52" y="243"/>
                  </a:lnTo>
                  <a:lnTo>
                    <a:pt x="56" y="247"/>
                  </a:lnTo>
                  <a:lnTo>
                    <a:pt x="59" y="253"/>
                  </a:lnTo>
                  <a:lnTo>
                    <a:pt x="61" y="259"/>
                  </a:lnTo>
                  <a:lnTo>
                    <a:pt x="53" y="274"/>
                  </a:lnTo>
                  <a:lnTo>
                    <a:pt x="43" y="287"/>
                  </a:lnTo>
                  <a:lnTo>
                    <a:pt x="48" y="288"/>
                  </a:lnTo>
                  <a:lnTo>
                    <a:pt x="51" y="290"/>
                  </a:lnTo>
                  <a:lnTo>
                    <a:pt x="53" y="294"/>
                  </a:lnTo>
                  <a:lnTo>
                    <a:pt x="55" y="297"/>
                  </a:lnTo>
                  <a:lnTo>
                    <a:pt x="59" y="304"/>
                  </a:lnTo>
                  <a:lnTo>
                    <a:pt x="65" y="310"/>
                  </a:lnTo>
                  <a:lnTo>
                    <a:pt x="71" y="316"/>
                  </a:lnTo>
                  <a:lnTo>
                    <a:pt x="79" y="320"/>
                  </a:lnTo>
                  <a:lnTo>
                    <a:pt x="79" y="317"/>
                  </a:lnTo>
                  <a:lnTo>
                    <a:pt x="80" y="314"/>
                  </a:lnTo>
                  <a:lnTo>
                    <a:pt x="81" y="311"/>
                  </a:lnTo>
                  <a:lnTo>
                    <a:pt x="83" y="309"/>
                  </a:lnTo>
                  <a:lnTo>
                    <a:pt x="88" y="306"/>
                  </a:lnTo>
                  <a:lnTo>
                    <a:pt x="93" y="306"/>
                  </a:lnTo>
                  <a:lnTo>
                    <a:pt x="106" y="307"/>
                  </a:lnTo>
                  <a:lnTo>
                    <a:pt x="117" y="310"/>
                  </a:lnTo>
                  <a:lnTo>
                    <a:pt x="120" y="305"/>
                  </a:lnTo>
                  <a:lnTo>
                    <a:pt x="125" y="301"/>
                  </a:lnTo>
                  <a:lnTo>
                    <a:pt x="130" y="297"/>
                  </a:lnTo>
                  <a:lnTo>
                    <a:pt x="135" y="295"/>
                  </a:lnTo>
                  <a:lnTo>
                    <a:pt x="141" y="294"/>
                  </a:lnTo>
                  <a:lnTo>
                    <a:pt x="148" y="293"/>
                  </a:lnTo>
                  <a:lnTo>
                    <a:pt x="154" y="293"/>
                  </a:lnTo>
                  <a:lnTo>
                    <a:pt x="160" y="293"/>
                  </a:lnTo>
                  <a:lnTo>
                    <a:pt x="171" y="287"/>
                  </a:lnTo>
                  <a:lnTo>
                    <a:pt x="179" y="281"/>
                  </a:lnTo>
                  <a:lnTo>
                    <a:pt x="184" y="279"/>
                  </a:lnTo>
                  <a:lnTo>
                    <a:pt x="189" y="277"/>
                  </a:lnTo>
                  <a:lnTo>
                    <a:pt x="194" y="275"/>
                  </a:lnTo>
                  <a:lnTo>
                    <a:pt x="201" y="275"/>
                  </a:lnTo>
                  <a:lnTo>
                    <a:pt x="208" y="273"/>
                  </a:lnTo>
                  <a:lnTo>
                    <a:pt x="214" y="269"/>
                  </a:lnTo>
                  <a:lnTo>
                    <a:pt x="219" y="267"/>
                  </a:lnTo>
                  <a:lnTo>
                    <a:pt x="225" y="263"/>
                  </a:lnTo>
                  <a:lnTo>
                    <a:pt x="234" y="257"/>
                  </a:lnTo>
                  <a:lnTo>
                    <a:pt x="245" y="249"/>
                  </a:lnTo>
                  <a:lnTo>
                    <a:pt x="240" y="240"/>
                  </a:lnTo>
                  <a:lnTo>
                    <a:pt x="236" y="231"/>
                  </a:lnTo>
                  <a:lnTo>
                    <a:pt x="234" y="228"/>
                  </a:lnTo>
                  <a:lnTo>
                    <a:pt x="232" y="224"/>
                  </a:lnTo>
                  <a:lnTo>
                    <a:pt x="230" y="219"/>
                  </a:lnTo>
                  <a:lnTo>
                    <a:pt x="229" y="214"/>
                  </a:lnTo>
                  <a:lnTo>
                    <a:pt x="233" y="209"/>
                  </a:lnTo>
                  <a:lnTo>
                    <a:pt x="236" y="203"/>
                  </a:lnTo>
                  <a:lnTo>
                    <a:pt x="239" y="198"/>
                  </a:lnTo>
                  <a:lnTo>
                    <a:pt x="241" y="191"/>
                  </a:lnTo>
                  <a:lnTo>
                    <a:pt x="242" y="185"/>
                  </a:lnTo>
                  <a:lnTo>
                    <a:pt x="244" y="178"/>
                  </a:lnTo>
                  <a:lnTo>
                    <a:pt x="242" y="171"/>
                  </a:lnTo>
                  <a:lnTo>
                    <a:pt x="239" y="165"/>
                  </a:lnTo>
                  <a:lnTo>
                    <a:pt x="248" y="147"/>
                  </a:lnTo>
                  <a:lnTo>
                    <a:pt x="254" y="127"/>
                  </a:lnTo>
                  <a:lnTo>
                    <a:pt x="258" y="106"/>
                  </a:lnTo>
                  <a:lnTo>
                    <a:pt x="262" y="84"/>
                  </a:lnTo>
                  <a:lnTo>
                    <a:pt x="260" y="81"/>
                  </a:lnTo>
                  <a:lnTo>
                    <a:pt x="258" y="79"/>
                  </a:lnTo>
                  <a:lnTo>
                    <a:pt x="254" y="79"/>
                  </a:lnTo>
                  <a:lnTo>
                    <a:pt x="251" y="79"/>
                  </a:lnTo>
                  <a:lnTo>
                    <a:pt x="242" y="82"/>
                  </a:lnTo>
                  <a:lnTo>
                    <a:pt x="237" y="84"/>
                  </a:lnTo>
                  <a:lnTo>
                    <a:pt x="237" y="79"/>
                  </a:lnTo>
                  <a:lnTo>
                    <a:pt x="237" y="72"/>
                  </a:lnTo>
                  <a:lnTo>
                    <a:pt x="236" y="67"/>
                  </a:lnTo>
                  <a:lnTo>
                    <a:pt x="234" y="64"/>
                  </a:lnTo>
                  <a:lnTo>
                    <a:pt x="225" y="65"/>
                  </a:lnTo>
                  <a:lnTo>
                    <a:pt x="214" y="65"/>
                  </a:lnTo>
                  <a:lnTo>
                    <a:pt x="206" y="65"/>
                  </a:lnTo>
                  <a:lnTo>
                    <a:pt x="197" y="64"/>
                  </a:lnTo>
                  <a:lnTo>
                    <a:pt x="189" y="64"/>
                  </a:lnTo>
                  <a:lnTo>
                    <a:pt x="181" y="65"/>
                  </a:lnTo>
                  <a:lnTo>
                    <a:pt x="178" y="67"/>
                  </a:lnTo>
                  <a:lnTo>
                    <a:pt x="175" y="68"/>
                  </a:lnTo>
                  <a:lnTo>
                    <a:pt x="172" y="70"/>
                  </a:lnTo>
                  <a:lnTo>
                    <a:pt x="169" y="74"/>
                  </a:lnTo>
                  <a:lnTo>
                    <a:pt x="167" y="68"/>
                  </a:lnTo>
                  <a:lnTo>
                    <a:pt x="166" y="62"/>
                  </a:lnTo>
                  <a:lnTo>
                    <a:pt x="163" y="61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03" name="Halsnæs"/>
            <p:cNvSpPr>
              <a:spLocks/>
            </p:cNvSpPr>
            <p:nvPr/>
          </p:nvSpPr>
          <p:spPr bwMode="auto">
            <a:xfrm>
              <a:off x="3435350" y="4491038"/>
              <a:ext cx="214313" cy="198437"/>
            </a:xfrm>
            <a:custGeom>
              <a:avLst/>
              <a:gdLst>
                <a:gd name="T0" fmla="*/ 133879 w 405"/>
                <a:gd name="T1" fmla="*/ 4233 h 375"/>
                <a:gd name="T2" fmla="*/ 144992 w 405"/>
                <a:gd name="T3" fmla="*/ 8996 h 375"/>
                <a:gd name="T4" fmla="*/ 154517 w 405"/>
                <a:gd name="T5" fmla="*/ 10583 h 375"/>
                <a:gd name="T6" fmla="*/ 157163 w 405"/>
                <a:gd name="T7" fmla="*/ 18521 h 375"/>
                <a:gd name="T8" fmla="*/ 158750 w 405"/>
                <a:gd name="T9" fmla="*/ 25929 h 375"/>
                <a:gd name="T10" fmla="*/ 164571 w 405"/>
                <a:gd name="T11" fmla="*/ 34396 h 375"/>
                <a:gd name="T12" fmla="*/ 156634 w 405"/>
                <a:gd name="T13" fmla="*/ 40746 h 375"/>
                <a:gd name="T14" fmla="*/ 145521 w 405"/>
                <a:gd name="T15" fmla="*/ 56092 h 375"/>
                <a:gd name="T16" fmla="*/ 146580 w 405"/>
                <a:gd name="T17" fmla="*/ 70908 h 375"/>
                <a:gd name="T18" fmla="*/ 155046 w 405"/>
                <a:gd name="T19" fmla="*/ 74083 h 375"/>
                <a:gd name="T20" fmla="*/ 165630 w 405"/>
                <a:gd name="T21" fmla="*/ 70908 h 375"/>
                <a:gd name="T22" fmla="*/ 168805 w 405"/>
                <a:gd name="T23" fmla="*/ 63500 h 375"/>
                <a:gd name="T24" fmla="*/ 172509 w 405"/>
                <a:gd name="T25" fmla="*/ 52387 h 375"/>
                <a:gd name="T26" fmla="*/ 187855 w 405"/>
                <a:gd name="T27" fmla="*/ 50800 h 375"/>
                <a:gd name="T28" fmla="*/ 192617 w 405"/>
                <a:gd name="T29" fmla="*/ 56621 h 375"/>
                <a:gd name="T30" fmla="*/ 189971 w 405"/>
                <a:gd name="T31" fmla="*/ 64029 h 375"/>
                <a:gd name="T32" fmla="*/ 179388 w 405"/>
                <a:gd name="T33" fmla="*/ 76729 h 375"/>
                <a:gd name="T34" fmla="*/ 165100 w 405"/>
                <a:gd name="T35" fmla="*/ 97366 h 375"/>
                <a:gd name="T36" fmla="*/ 166159 w 405"/>
                <a:gd name="T37" fmla="*/ 109008 h 375"/>
                <a:gd name="T38" fmla="*/ 176213 w 405"/>
                <a:gd name="T39" fmla="*/ 116416 h 375"/>
                <a:gd name="T40" fmla="*/ 184150 w 405"/>
                <a:gd name="T41" fmla="*/ 120650 h 375"/>
                <a:gd name="T42" fmla="*/ 183621 w 405"/>
                <a:gd name="T43" fmla="*/ 124883 h 375"/>
                <a:gd name="T44" fmla="*/ 186796 w 405"/>
                <a:gd name="T45" fmla="*/ 132820 h 375"/>
                <a:gd name="T46" fmla="*/ 196321 w 405"/>
                <a:gd name="T47" fmla="*/ 140758 h 375"/>
                <a:gd name="T48" fmla="*/ 206905 w 405"/>
                <a:gd name="T49" fmla="*/ 148166 h 375"/>
                <a:gd name="T50" fmla="*/ 213784 w 405"/>
                <a:gd name="T51" fmla="*/ 156633 h 375"/>
                <a:gd name="T52" fmla="*/ 208492 w 405"/>
                <a:gd name="T53" fmla="*/ 162454 h 375"/>
                <a:gd name="T54" fmla="*/ 201084 w 405"/>
                <a:gd name="T55" fmla="*/ 167216 h 375"/>
                <a:gd name="T56" fmla="*/ 188384 w 405"/>
                <a:gd name="T57" fmla="*/ 177800 h 375"/>
                <a:gd name="T58" fmla="*/ 178330 w 405"/>
                <a:gd name="T59" fmla="*/ 191029 h 375"/>
                <a:gd name="T60" fmla="*/ 175684 w 405"/>
                <a:gd name="T61" fmla="*/ 198437 h 375"/>
                <a:gd name="T62" fmla="*/ 162455 w 405"/>
                <a:gd name="T63" fmla="*/ 181504 h 375"/>
                <a:gd name="T64" fmla="*/ 155575 w 405"/>
                <a:gd name="T65" fmla="*/ 151341 h 375"/>
                <a:gd name="T66" fmla="*/ 146580 w 405"/>
                <a:gd name="T67" fmla="*/ 125941 h 375"/>
                <a:gd name="T68" fmla="*/ 135996 w 405"/>
                <a:gd name="T69" fmla="*/ 106362 h 375"/>
                <a:gd name="T70" fmla="*/ 133350 w 405"/>
                <a:gd name="T71" fmla="*/ 93662 h 375"/>
                <a:gd name="T72" fmla="*/ 125413 w 405"/>
                <a:gd name="T73" fmla="*/ 88900 h 375"/>
                <a:gd name="T74" fmla="*/ 115888 w 405"/>
                <a:gd name="T75" fmla="*/ 82550 h 375"/>
                <a:gd name="T76" fmla="*/ 91017 w 405"/>
                <a:gd name="T77" fmla="*/ 88900 h 375"/>
                <a:gd name="T78" fmla="*/ 80963 w 405"/>
                <a:gd name="T79" fmla="*/ 97366 h 375"/>
                <a:gd name="T80" fmla="*/ 69850 w 405"/>
                <a:gd name="T81" fmla="*/ 108479 h 375"/>
                <a:gd name="T82" fmla="*/ 46038 w 405"/>
                <a:gd name="T83" fmla="*/ 117475 h 375"/>
                <a:gd name="T84" fmla="*/ 30163 w 405"/>
                <a:gd name="T85" fmla="*/ 117475 h 375"/>
                <a:gd name="T86" fmla="*/ 23813 w 405"/>
                <a:gd name="T87" fmla="*/ 117475 h 375"/>
                <a:gd name="T88" fmla="*/ 17463 w 405"/>
                <a:gd name="T89" fmla="*/ 119591 h 375"/>
                <a:gd name="T90" fmla="*/ 7938 w 405"/>
                <a:gd name="T91" fmla="*/ 106891 h 375"/>
                <a:gd name="T92" fmla="*/ 3704 w 405"/>
                <a:gd name="T93" fmla="*/ 91016 h 375"/>
                <a:gd name="T94" fmla="*/ 5821 w 405"/>
                <a:gd name="T95" fmla="*/ 82021 h 375"/>
                <a:gd name="T96" fmla="*/ 9525 w 405"/>
                <a:gd name="T97" fmla="*/ 73025 h 375"/>
                <a:gd name="T98" fmla="*/ 24871 w 405"/>
                <a:gd name="T99" fmla="*/ 65087 h 375"/>
                <a:gd name="T100" fmla="*/ 49742 w 405"/>
                <a:gd name="T101" fmla="*/ 47096 h 375"/>
                <a:gd name="T102" fmla="*/ 88900 w 405"/>
                <a:gd name="T103" fmla="*/ 15346 h 375"/>
                <a:gd name="T104" fmla="*/ 112184 w 405"/>
                <a:gd name="T105" fmla="*/ 3175 h 375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405" h="375">
                  <a:moveTo>
                    <a:pt x="219" y="0"/>
                  </a:moveTo>
                  <a:lnTo>
                    <a:pt x="231" y="1"/>
                  </a:lnTo>
                  <a:lnTo>
                    <a:pt x="241" y="4"/>
                  </a:lnTo>
                  <a:lnTo>
                    <a:pt x="253" y="8"/>
                  </a:lnTo>
                  <a:lnTo>
                    <a:pt x="265" y="9"/>
                  </a:lnTo>
                  <a:lnTo>
                    <a:pt x="268" y="13"/>
                  </a:lnTo>
                  <a:lnTo>
                    <a:pt x="271" y="15"/>
                  </a:lnTo>
                  <a:lnTo>
                    <a:pt x="274" y="17"/>
                  </a:lnTo>
                  <a:lnTo>
                    <a:pt x="277" y="18"/>
                  </a:lnTo>
                  <a:lnTo>
                    <a:pt x="281" y="19"/>
                  </a:lnTo>
                  <a:lnTo>
                    <a:pt x="287" y="20"/>
                  </a:lnTo>
                  <a:lnTo>
                    <a:pt x="292" y="20"/>
                  </a:lnTo>
                  <a:lnTo>
                    <a:pt x="298" y="20"/>
                  </a:lnTo>
                  <a:lnTo>
                    <a:pt x="298" y="25"/>
                  </a:lnTo>
                  <a:lnTo>
                    <a:pt x="297" y="32"/>
                  </a:lnTo>
                  <a:lnTo>
                    <a:pt x="297" y="35"/>
                  </a:lnTo>
                  <a:lnTo>
                    <a:pt x="297" y="37"/>
                  </a:lnTo>
                  <a:lnTo>
                    <a:pt x="298" y="39"/>
                  </a:lnTo>
                  <a:lnTo>
                    <a:pt x="300" y="40"/>
                  </a:lnTo>
                  <a:lnTo>
                    <a:pt x="300" y="49"/>
                  </a:lnTo>
                  <a:lnTo>
                    <a:pt x="300" y="58"/>
                  </a:lnTo>
                  <a:lnTo>
                    <a:pt x="305" y="61"/>
                  </a:lnTo>
                  <a:lnTo>
                    <a:pt x="309" y="64"/>
                  </a:lnTo>
                  <a:lnTo>
                    <a:pt x="311" y="65"/>
                  </a:lnTo>
                  <a:lnTo>
                    <a:pt x="312" y="66"/>
                  </a:lnTo>
                  <a:lnTo>
                    <a:pt x="312" y="68"/>
                  </a:lnTo>
                  <a:lnTo>
                    <a:pt x="311" y="70"/>
                  </a:lnTo>
                  <a:lnTo>
                    <a:pt x="296" y="77"/>
                  </a:lnTo>
                  <a:lnTo>
                    <a:pt x="283" y="83"/>
                  </a:lnTo>
                  <a:lnTo>
                    <a:pt x="279" y="91"/>
                  </a:lnTo>
                  <a:lnTo>
                    <a:pt x="277" y="99"/>
                  </a:lnTo>
                  <a:lnTo>
                    <a:pt x="275" y="106"/>
                  </a:lnTo>
                  <a:lnTo>
                    <a:pt x="274" y="115"/>
                  </a:lnTo>
                  <a:lnTo>
                    <a:pt x="274" y="122"/>
                  </a:lnTo>
                  <a:lnTo>
                    <a:pt x="275" y="129"/>
                  </a:lnTo>
                  <a:lnTo>
                    <a:pt x="277" y="134"/>
                  </a:lnTo>
                  <a:lnTo>
                    <a:pt x="279" y="136"/>
                  </a:lnTo>
                  <a:lnTo>
                    <a:pt x="281" y="139"/>
                  </a:lnTo>
                  <a:lnTo>
                    <a:pt x="285" y="142"/>
                  </a:lnTo>
                  <a:lnTo>
                    <a:pt x="293" y="140"/>
                  </a:lnTo>
                  <a:lnTo>
                    <a:pt x="303" y="139"/>
                  </a:lnTo>
                  <a:lnTo>
                    <a:pt x="307" y="138"/>
                  </a:lnTo>
                  <a:lnTo>
                    <a:pt x="310" y="136"/>
                  </a:lnTo>
                  <a:lnTo>
                    <a:pt x="313" y="134"/>
                  </a:lnTo>
                  <a:lnTo>
                    <a:pt x="316" y="131"/>
                  </a:lnTo>
                  <a:lnTo>
                    <a:pt x="318" y="126"/>
                  </a:lnTo>
                  <a:lnTo>
                    <a:pt x="319" y="123"/>
                  </a:lnTo>
                  <a:lnTo>
                    <a:pt x="319" y="120"/>
                  </a:lnTo>
                  <a:lnTo>
                    <a:pt x="318" y="116"/>
                  </a:lnTo>
                  <a:lnTo>
                    <a:pt x="318" y="109"/>
                  </a:lnTo>
                  <a:lnTo>
                    <a:pt x="318" y="103"/>
                  </a:lnTo>
                  <a:lnTo>
                    <a:pt x="326" y="99"/>
                  </a:lnTo>
                  <a:lnTo>
                    <a:pt x="334" y="96"/>
                  </a:lnTo>
                  <a:lnTo>
                    <a:pt x="342" y="95"/>
                  </a:lnTo>
                  <a:lnTo>
                    <a:pt x="349" y="95"/>
                  </a:lnTo>
                  <a:lnTo>
                    <a:pt x="355" y="96"/>
                  </a:lnTo>
                  <a:lnTo>
                    <a:pt x="359" y="99"/>
                  </a:lnTo>
                  <a:lnTo>
                    <a:pt x="362" y="101"/>
                  </a:lnTo>
                  <a:lnTo>
                    <a:pt x="363" y="104"/>
                  </a:lnTo>
                  <a:lnTo>
                    <a:pt x="364" y="107"/>
                  </a:lnTo>
                  <a:lnTo>
                    <a:pt x="364" y="112"/>
                  </a:lnTo>
                  <a:lnTo>
                    <a:pt x="364" y="115"/>
                  </a:lnTo>
                  <a:lnTo>
                    <a:pt x="362" y="118"/>
                  </a:lnTo>
                  <a:lnTo>
                    <a:pt x="359" y="121"/>
                  </a:lnTo>
                  <a:lnTo>
                    <a:pt x="356" y="123"/>
                  </a:lnTo>
                  <a:lnTo>
                    <a:pt x="349" y="128"/>
                  </a:lnTo>
                  <a:lnTo>
                    <a:pt x="344" y="134"/>
                  </a:lnTo>
                  <a:lnTo>
                    <a:pt x="339" y="145"/>
                  </a:lnTo>
                  <a:lnTo>
                    <a:pt x="333" y="157"/>
                  </a:lnTo>
                  <a:lnTo>
                    <a:pt x="325" y="167"/>
                  </a:lnTo>
                  <a:lnTo>
                    <a:pt x="316" y="179"/>
                  </a:lnTo>
                  <a:lnTo>
                    <a:pt x="312" y="184"/>
                  </a:lnTo>
                  <a:lnTo>
                    <a:pt x="310" y="191"/>
                  </a:lnTo>
                  <a:lnTo>
                    <a:pt x="308" y="198"/>
                  </a:lnTo>
                  <a:lnTo>
                    <a:pt x="308" y="205"/>
                  </a:lnTo>
                  <a:lnTo>
                    <a:pt x="314" y="206"/>
                  </a:lnTo>
                  <a:lnTo>
                    <a:pt x="318" y="207"/>
                  </a:lnTo>
                  <a:lnTo>
                    <a:pt x="323" y="211"/>
                  </a:lnTo>
                  <a:lnTo>
                    <a:pt x="327" y="213"/>
                  </a:lnTo>
                  <a:lnTo>
                    <a:pt x="333" y="220"/>
                  </a:lnTo>
                  <a:lnTo>
                    <a:pt x="342" y="225"/>
                  </a:lnTo>
                  <a:lnTo>
                    <a:pt x="343" y="227"/>
                  </a:lnTo>
                  <a:lnTo>
                    <a:pt x="345" y="228"/>
                  </a:lnTo>
                  <a:lnTo>
                    <a:pt x="348" y="228"/>
                  </a:lnTo>
                  <a:lnTo>
                    <a:pt x="351" y="228"/>
                  </a:lnTo>
                  <a:lnTo>
                    <a:pt x="349" y="231"/>
                  </a:lnTo>
                  <a:lnTo>
                    <a:pt x="348" y="233"/>
                  </a:lnTo>
                  <a:lnTo>
                    <a:pt x="347" y="236"/>
                  </a:lnTo>
                  <a:lnTo>
                    <a:pt x="346" y="238"/>
                  </a:lnTo>
                  <a:lnTo>
                    <a:pt x="347" y="242"/>
                  </a:lnTo>
                  <a:lnTo>
                    <a:pt x="350" y="246"/>
                  </a:lnTo>
                  <a:lnTo>
                    <a:pt x="353" y="251"/>
                  </a:lnTo>
                  <a:lnTo>
                    <a:pt x="356" y="256"/>
                  </a:lnTo>
                  <a:lnTo>
                    <a:pt x="358" y="260"/>
                  </a:lnTo>
                  <a:lnTo>
                    <a:pt x="358" y="266"/>
                  </a:lnTo>
                  <a:lnTo>
                    <a:pt x="371" y="266"/>
                  </a:lnTo>
                  <a:lnTo>
                    <a:pt x="385" y="266"/>
                  </a:lnTo>
                  <a:lnTo>
                    <a:pt x="386" y="272"/>
                  </a:lnTo>
                  <a:lnTo>
                    <a:pt x="388" y="276"/>
                  </a:lnTo>
                  <a:lnTo>
                    <a:pt x="391" y="280"/>
                  </a:lnTo>
                  <a:lnTo>
                    <a:pt x="395" y="283"/>
                  </a:lnTo>
                  <a:lnTo>
                    <a:pt x="398" y="287"/>
                  </a:lnTo>
                  <a:lnTo>
                    <a:pt x="402" y="291"/>
                  </a:lnTo>
                  <a:lnTo>
                    <a:pt x="404" y="296"/>
                  </a:lnTo>
                  <a:lnTo>
                    <a:pt x="405" y="301"/>
                  </a:lnTo>
                  <a:lnTo>
                    <a:pt x="402" y="304"/>
                  </a:lnTo>
                  <a:lnTo>
                    <a:pt x="398" y="306"/>
                  </a:lnTo>
                  <a:lnTo>
                    <a:pt x="394" y="307"/>
                  </a:lnTo>
                  <a:lnTo>
                    <a:pt x="391" y="310"/>
                  </a:lnTo>
                  <a:lnTo>
                    <a:pt x="387" y="311"/>
                  </a:lnTo>
                  <a:lnTo>
                    <a:pt x="384" y="313"/>
                  </a:lnTo>
                  <a:lnTo>
                    <a:pt x="380" y="316"/>
                  </a:lnTo>
                  <a:lnTo>
                    <a:pt x="379" y="319"/>
                  </a:lnTo>
                  <a:lnTo>
                    <a:pt x="371" y="324"/>
                  </a:lnTo>
                  <a:lnTo>
                    <a:pt x="364" y="330"/>
                  </a:lnTo>
                  <a:lnTo>
                    <a:pt x="356" y="336"/>
                  </a:lnTo>
                  <a:lnTo>
                    <a:pt x="349" y="342"/>
                  </a:lnTo>
                  <a:lnTo>
                    <a:pt x="344" y="350"/>
                  </a:lnTo>
                  <a:lnTo>
                    <a:pt x="339" y="357"/>
                  </a:lnTo>
                  <a:lnTo>
                    <a:pt x="337" y="361"/>
                  </a:lnTo>
                  <a:lnTo>
                    <a:pt x="336" y="366"/>
                  </a:lnTo>
                  <a:lnTo>
                    <a:pt x="336" y="371"/>
                  </a:lnTo>
                  <a:lnTo>
                    <a:pt x="336" y="375"/>
                  </a:lnTo>
                  <a:lnTo>
                    <a:pt x="332" y="375"/>
                  </a:lnTo>
                  <a:lnTo>
                    <a:pt x="328" y="373"/>
                  </a:lnTo>
                  <a:lnTo>
                    <a:pt x="320" y="364"/>
                  </a:lnTo>
                  <a:lnTo>
                    <a:pt x="313" y="354"/>
                  </a:lnTo>
                  <a:lnTo>
                    <a:pt x="307" y="343"/>
                  </a:lnTo>
                  <a:lnTo>
                    <a:pt x="301" y="331"/>
                  </a:lnTo>
                  <a:lnTo>
                    <a:pt x="298" y="318"/>
                  </a:lnTo>
                  <a:lnTo>
                    <a:pt x="295" y="303"/>
                  </a:lnTo>
                  <a:lnTo>
                    <a:pt x="294" y="286"/>
                  </a:lnTo>
                  <a:lnTo>
                    <a:pt x="295" y="268"/>
                  </a:lnTo>
                  <a:lnTo>
                    <a:pt x="290" y="258"/>
                  </a:lnTo>
                  <a:lnTo>
                    <a:pt x="284" y="247"/>
                  </a:lnTo>
                  <a:lnTo>
                    <a:pt x="277" y="238"/>
                  </a:lnTo>
                  <a:lnTo>
                    <a:pt x="271" y="228"/>
                  </a:lnTo>
                  <a:lnTo>
                    <a:pt x="265" y="219"/>
                  </a:lnTo>
                  <a:lnTo>
                    <a:pt x="259" y="207"/>
                  </a:lnTo>
                  <a:lnTo>
                    <a:pt x="257" y="201"/>
                  </a:lnTo>
                  <a:lnTo>
                    <a:pt x="256" y="195"/>
                  </a:lnTo>
                  <a:lnTo>
                    <a:pt x="255" y="187"/>
                  </a:lnTo>
                  <a:lnTo>
                    <a:pt x="255" y="180"/>
                  </a:lnTo>
                  <a:lnTo>
                    <a:pt x="252" y="177"/>
                  </a:lnTo>
                  <a:lnTo>
                    <a:pt x="249" y="174"/>
                  </a:lnTo>
                  <a:lnTo>
                    <a:pt x="245" y="173"/>
                  </a:lnTo>
                  <a:lnTo>
                    <a:pt x="241" y="171"/>
                  </a:lnTo>
                  <a:lnTo>
                    <a:pt x="237" y="168"/>
                  </a:lnTo>
                  <a:lnTo>
                    <a:pt x="235" y="165"/>
                  </a:lnTo>
                  <a:lnTo>
                    <a:pt x="234" y="161"/>
                  </a:lnTo>
                  <a:lnTo>
                    <a:pt x="234" y="155"/>
                  </a:lnTo>
                  <a:lnTo>
                    <a:pt x="219" y="156"/>
                  </a:lnTo>
                  <a:lnTo>
                    <a:pt x="205" y="158"/>
                  </a:lnTo>
                  <a:lnTo>
                    <a:pt x="191" y="161"/>
                  </a:lnTo>
                  <a:lnTo>
                    <a:pt x="178" y="166"/>
                  </a:lnTo>
                  <a:lnTo>
                    <a:pt x="172" y="168"/>
                  </a:lnTo>
                  <a:lnTo>
                    <a:pt x="167" y="172"/>
                  </a:lnTo>
                  <a:lnTo>
                    <a:pt x="161" y="176"/>
                  </a:lnTo>
                  <a:lnTo>
                    <a:pt x="157" y="180"/>
                  </a:lnTo>
                  <a:lnTo>
                    <a:pt x="153" y="184"/>
                  </a:lnTo>
                  <a:lnTo>
                    <a:pt x="149" y="191"/>
                  </a:lnTo>
                  <a:lnTo>
                    <a:pt x="146" y="196"/>
                  </a:lnTo>
                  <a:lnTo>
                    <a:pt x="142" y="202"/>
                  </a:lnTo>
                  <a:lnTo>
                    <a:pt x="132" y="205"/>
                  </a:lnTo>
                  <a:lnTo>
                    <a:pt x="120" y="209"/>
                  </a:lnTo>
                  <a:lnTo>
                    <a:pt x="109" y="214"/>
                  </a:lnTo>
                  <a:lnTo>
                    <a:pt x="98" y="218"/>
                  </a:lnTo>
                  <a:lnTo>
                    <a:pt x="87" y="222"/>
                  </a:lnTo>
                  <a:lnTo>
                    <a:pt x="75" y="224"/>
                  </a:lnTo>
                  <a:lnTo>
                    <a:pt x="70" y="224"/>
                  </a:lnTo>
                  <a:lnTo>
                    <a:pt x="64" y="224"/>
                  </a:lnTo>
                  <a:lnTo>
                    <a:pt x="57" y="222"/>
                  </a:lnTo>
                  <a:lnTo>
                    <a:pt x="52" y="220"/>
                  </a:lnTo>
                  <a:lnTo>
                    <a:pt x="49" y="220"/>
                  </a:lnTo>
                  <a:lnTo>
                    <a:pt x="47" y="221"/>
                  </a:lnTo>
                  <a:lnTo>
                    <a:pt x="45" y="222"/>
                  </a:lnTo>
                  <a:lnTo>
                    <a:pt x="44" y="223"/>
                  </a:lnTo>
                  <a:lnTo>
                    <a:pt x="41" y="227"/>
                  </a:lnTo>
                  <a:lnTo>
                    <a:pt x="39" y="231"/>
                  </a:lnTo>
                  <a:lnTo>
                    <a:pt x="33" y="226"/>
                  </a:lnTo>
                  <a:lnTo>
                    <a:pt x="28" y="221"/>
                  </a:lnTo>
                  <a:lnTo>
                    <a:pt x="22" y="216"/>
                  </a:lnTo>
                  <a:lnTo>
                    <a:pt x="18" y="208"/>
                  </a:lnTo>
                  <a:lnTo>
                    <a:pt x="15" y="202"/>
                  </a:lnTo>
                  <a:lnTo>
                    <a:pt x="13" y="194"/>
                  </a:lnTo>
                  <a:lnTo>
                    <a:pt x="11" y="185"/>
                  </a:lnTo>
                  <a:lnTo>
                    <a:pt x="11" y="175"/>
                  </a:lnTo>
                  <a:lnTo>
                    <a:pt x="7" y="172"/>
                  </a:lnTo>
                  <a:lnTo>
                    <a:pt x="0" y="169"/>
                  </a:lnTo>
                  <a:lnTo>
                    <a:pt x="5" y="163"/>
                  </a:lnTo>
                  <a:lnTo>
                    <a:pt x="9" y="158"/>
                  </a:lnTo>
                  <a:lnTo>
                    <a:pt x="11" y="155"/>
                  </a:lnTo>
                  <a:lnTo>
                    <a:pt x="13" y="151"/>
                  </a:lnTo>
                  <a:lnTo>
                    <a:pt x="13" y="146"/>
                  </a:lnTo>
                  <a:lnTo>
                    <a:pt x="13" y="142"/>
                  </a:lnTo>
                  <a:lnTo>
                    <a:pt x="18" y="138"/>
                  </a:lnTo>
                  <a:lnTo>
                    <a:pt x="22" y="134"/>
                  </a:lnTo>
                  <a:lnTo>
                    <a:pt x="28" y="132"/>
                  </a:lnTo>
                  <a:lnTo>
                    <a:pt x="34" y="128"/>
                  </a:lnTo>
                  <a:lnTo>
                    <a:pt x="47" y="123"/>
                  </a:lnTo>
                  <a:lnTo>
                    <a:pt x="59" y="116"/>
                  </a:lnTo>
                  <a:lnTo>
                    <a:pt x="71" y="108"/>
                  </a:lnTo>
                  <a:lnTo>
                    <a:pt x="84" y="99"/>
                  </a:lnTo>
                  <a:lnTo>
                    <a:pt x="94" y="89"/>
                  </a:lnTo>
                  <a:lnTo>
                    <a:pt x="106" y="79"/>
                  </a:lnTo>
                  <a:lnTo>
                    <a:pt x="128" y="59"/>
                  </a:lnTo>
                  <a:lnTo>
                    <a:pt x="151" y="40"/>
                  </a:lnTo>
                  <a:lnTo>
                    <a:pt x="168" y="29"/>
                  </a:lnTo>
                  <a:lnTo>
                    <a:pt x="186" y="22"/>
                  </a:lnTo>
                  <a:lnTo>
                    <a:pt x="195" y="17"/>
                  </a:lnTo>
                  <a:lnTo>
                    <a:pt x="204" y="13"/>
                  </a:lnTo>
                  <a:lnTo>
                    <a:pt x="212" y="6"/>
                  </a:lnTo>
                  <a:lnTo>
                    <a:pt x="219" y="0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04" name="Halsnæs kant"/>
            <p:cNvSpPr>
              <a:spLocks/>
            </p:cNvSpPr>
            <p:nvPr/>
          </p:nvSpPr>
          <p:spPr bwMode="auto">
            <a:xfrm>
              <a:off x="3435350" y="4491038"/>
              <a:ext cx="214313" cy="198437"/>
            </a:xfrm>
            <a:custGeom>
              <a:avLst/>
              <a:gdLst>
                <a:gd name="T0" fmla="*/ 133879 w 405"/>
                <a:gd name="T1" fmla="*/ 4233 h 375"/>
                <a:gd name="T2" fmla="*/ 144992 w 405"/>
                <a:gd name="T3" fmla="*/ 8996 h 375"/>
                <a:gd name="T4" fmla="*/ 154517 w 405"/>
                <a:gd name="T5" fmla="*/ 10583 h 375"/>
                <a:gd name="T6" fmla="*/ 157163 w 405"/>
                <a:gd name="T7" fmla="*/ 18521 h 375"/>
                <a:gd name="T8" fmla="*/ 158750 w 405"/>
                <a:gd name="T9" fmla="*/ 25929 h 375"/>
                <a:gd name="T10" fmla="*/ 164571 w 405"/>
                <a:gd name="T11" fmla="*/ 34396 h 375"/>
                <a:gd name="T12" fmla="*/ 156634 w 405"/>
                <a:gd name="T13" fmla="*/ 40746 h 375"/>
                <a:gd name="T14" fmla="*/ 145521 w 405"/>
                <a:gd name="T15" fmla="*/ 56092 h 375"/>
                <a:gd name="T16" fmla="*/ 146580 w 405"/>
                <a:gd name="T17" fmla="*/ 70908 h 375"/>
                <a:gd name="T18" fmla="*/ 155046 w 405"/>
                <a:gd name="T19" fmla="*/ 74083 h 375"/>
                <a:gd name="T20" fmla="*/ 165630 w 405"/>
                <a:gd name="T21" fmla="*/ 70908 h 375"/>
                <a:gd name="T22" fmla="*/ 168805 w 405"/>
                <a:gd name="T23" fmla="*/ 63500 h 375"/>
                <a:gd name="T24" fmla="*/ 172509 w 405"/>
                <a:gd name="T25" fmla="*/ 52387 h 375"/>
                <a:gd name="T26" fmla="*/ 187855 w 405"/>
                <a:gd name="T27" fmla="*/ 50800 h 375"/>
                <a:gd name="T28" fmla="*/ 192617 w 405"/>
                <a:gd name="T29" fmla="*/ 56621 h 375"/>
                <a:gd name="T30" fmla="*/ 189971 w 405"/>
                <a:gd name="T31" fmla="*/ 64029 h 375"/>
                <a:gd name="T32" fmla="*/ 179388 w 405"/>
                <a:gd name="T33" fmla="*/ 76729 h 375"/>
                <a:gd name="T34" fmla="*/ 165100 w 405"/>
                <a:gd name="T35" fmla="*/ 97366 h 375"/>
                <a:gd name="T36" fmla="*/ 166159 w 405"/>
                <a:gd name="T37" fmla="*/ 109008 h 375"/>
                <a:gd name="T38" fmla="*/ 176213 w 405"/>
                <a:gd name="T39" fmla="*/ 116416 h 375"/>
                <a:gd name="T40" fmla="*/ 184150 w 405"/>
                <a:gd name="T41" fmla="*/ 120650 h 375"/>
                <a:gd name="T42" fmla="*/ 183621 w 405"/>
                <a:gd name="T43" fmla="*/ 124883 h 375"/>
                <a:gd name="T44" fmla="*/ 186796 w 405"/>
                <a:gd name="T45" fmla="*/ 132820 h 375"/>
                <a:gd name="T46" fmla="*/ 196321 w 405"/>
                <a:gd name="T47" fmla="*/ 140758 h 375"/>
                <a:gd name="T48" fmla="*/ 206905 w 405"/>
                <a:gd name="T49" fmla="*/ 148166 h 375"/>
                <a:gd name="T50" fmla="*/ 213784 w 405"/>
                <a:gd name="T51" fmla="*/ 156633 h 375"/>
                <a:gd name="T52" fmla="*/ 208492 w 405"/>
                <a:gd name="T53" fmla="*/ 162454 h 375"/>
                <a:gd name="T54" fmla="*/ 201084 w 405"/>
                <a:gd name="T55" fmla="*/ 167216 h 375"/>
                <a:gd name="T56" fmla="*/ 188384 w 405"/>
                <a:gd name="T57" fmla="*/ 177800 h 375"/>
                <a:gd name="T58" fmla="*/ 178330 w 405"/>
                <a:gd name="T59" fmla="*/ 191029 h 375"/>
                <a:gd name="T60" fmla="*/ 175684 w 405"/>
                <a:gd name="T61" fmla="*/ 198437 h 375"/>
                <a:gd name="T62" fmla="*/ 162455 w 405"/>
                <a:gd name="T63" fmla="*/ 181504 h 375"/>
                <a:gd name="T64" fmla="*/ 155575 w 405"/>
                <a:gd name="T65" fmla="*/ 151341 h 375"/>
                <a:gd name="T66" fmla="*/ 146580 w 405"/>
                <a:gd name="T67" fmla="*/ 125941 h 375"/>
                <a:gd name="T68" fmla="*/ 135996 w 405"/>
                <a:gd name="T69" fmla="*/ 106362 h 375"/>
                <a:gd name="T70" fmla="*/ 133350 w 405"/>
                <a:gd name="T71" fmla="*/ 93662 h 375"/>
                <a:gd name="T72" fmla="*/ 125413 w 405"/>
                <a:gd name="T73" fmla="*/ 88900 h 375"/>
                <a:gd name="T74" fmla="*/ 115888 w 405"/>
                <a:gd name="T75" fmla="*/ 82550 h 375"/>
                <a:gd name="T76" fmla="*/ 91017 w 405"/>
                <a:gd name="T77" fmla="*/ 88900 h 375"/>
                <a:gd name="T78" fmla="*/ 80963 w 405"/>
                <a:gd name="T79" fmla="*/ 97366 h 375"/>
                <a:gd name="T80" fmla="*/ 69850 w 405"/>
                <a:gd name="T81" fmla="*/ 108479 h 375"/>
                <a:gd name="T82" fmla="*/ 46038 w 405"/>
                <a:gd name="T83" fmla="*/ 117475 h 375"/>
                <a:gd name="T84" fmla="*/ 30163 w 405"/>
                <a:gd name="T85" fmla="*/ 117475 h 375"/>
                <a:gd name="T86" fmla="*/ 23813 w 405"/>
                <a:gd name="T87" fmla="*/ 117475 h 375"/>
                <a:gd name="T88" fmla="*/ 17463 w 405"/>
                <a:gd name="T89" fmla="*/ 119591 h 375"/>
                <a:gd name="T90" fmla="*/ 7938 w 405"/>
                <a:gd name="T91" fmla="*/ 106891 h 375"/>
                <a:gd name="T92" fmla="*/ 3704 w 405"/>
                <a:gd name="T93" fmla="*/ 91016 h 375"/>
                <a:gd name="T94" fmla="*/ 5821 w 405"/>
                <a:gd name="T95" fmla="*/ 82021 h 375"/>
                <a:gd name="T96" fmla="*/ 9525 w 405"/>
                <a:gd name="T97" fmla="*/ 73025 h 375"/>
                <a:gd name="T98" fmla="*/ 24871 w 405"/>
                <a:gd name="T99" fmla="*/ 65087 h 375"/>
                <a:gd name="T100" fmla="*/ 49742 w 405"/>
                <a:gd name="T101" fmla="*/ 47096 h 375"/>
                <a:gd name="T102" fmla="*/ 88900 w 405"/>
                <a:gd name="T103" fmla="*/ 15346 h 375"/>
                <a:gd name="T104" fmla="*/ 112184 w 405"/>
                <a:gd name="T105" fmla="*/ 3175 h 375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405" h="375">
                  <a:moveTo>
                    <a:pt x="219" y="0"/>
                  </a:moveTo>
                  <a:lnTo>
                    <a:pt x="231" y="1"/>
                  </a:lnTo>
                  <a:lnTo>
                    <a:pt x="241" y="4"/>
                  </a:lnTo>
                  <a:lnTo>
                    <a:pt x="253" y="8"/>
                  </a:lnTo>
                  <a:lnTo>
                    <a:pt x="265" y="9"/>
                  </a:lnTo>
                  <a:lnTo>
                    <a:pt x="268" y="13"/>
                  </a:lnTo>
                  <a:lnTo>
                    <a:pt x="271" y="15"/>
                  </a:lnTo>
                  <a:lnTo>
                    <a:pt x="274" y="17"/>
                  </a:lnTo>
                  <a:lnTo>
                    <a:pt x="277" y="18"/>
                  </a:lnTo>
                  <a:lnTo>
                    <a:pt x="281" y="19"/>
                  </a:lnTo>
                  <a:lnTo>
                    <a:pt x="287" y="20"/>
                  </a:lnTo>
                  <a:lnTo>
                    <a:pt x="292" y="20"/>
                  </a:lnTo>
                  <a:lnTo>
                    <a:pt x="298" y="20"/>
                  </a:lnTo>
                  <a:lnTo>
                    <a:pt x="298" y="25"/>
                  </a:lnTo>
                  <a:lnTo>
                    <a:pt x="297" y="32"/>
                  </a:lnTo>
                  <a:lnTo>
                    <a:pt x="297" y="35"/>
                  </a:lnTo>
                  <a:lnTo>
                    <a:pt x="297" y="37"/>
                  </a:lnTo>
                  <a:lnTo>
                    <a:pt x="298" y="39"/>
                  </a:lnTo>
                  <a:lnTo>
                    <a:pt x="300" y="40"/>
                  </a:lnTo>
                  <a:lnTo>
                    <a:pt x="300" y="49"/>
                  </a:lnTo>
                  <a:lnTo>
                    <a:pt x="300" y="58"/>
                  </a:lnTo>
                  <a:lnTo>
                    <a:pt x="305" y="61"/>
                  </a:lnTo>
                  <a:lnTo>
                    <a:pt x="309" y="64"/>
                  </a:lnTo>
                  <a:lnTo>
                    <a:pt x="311" y="65"/>
                  </a:lnTo>
                  <a:lnTo>
                    <a:pt x="312" y="66"/>
                  </a:lnTo>
                  <a:lnTo>
                    <a:pt x="312" y="68"/>
                  </a:lnTo>
                  <a:lnTo>
                    <a:pt x="311" y="70"/>
                  </a:lnTo>
                  <a:lnTo>
                    <a:pt x="296" y="77"/>
                  </a:lnTo>
                  <a:lnTo>
                    <a:pt x="283" y="83"/>
                  </a:lnTo>
                  <a:lnTo>
                    <a:pt x="279" y="91"/>
                  </a:lnTo>
                  <a:lnTo>
                    <a:pt x="277" y="99"/>
                  </a:lnTo>
                  <a:lnTo>
                    <a:pt x="275" y="106"/>
                  </a:lnTo>
                  <a:lnTo>
                    <a:pt x="274" y="115"/>
                  </a:lnTo>
                  <a:lnTo>
                    <a:pt x="274" y="122"/>
                  </a:lnTo>
                  <a:lnTo>
                    <a:pt x="275" y="129"/>
                  </a:lnTo>
                  <a:lnTo>
                    <a:pt x="277" y="134"/>
                  </a:lnTo>
                  <a:lnTo>
                    <a:pt x="279" y="136"/>
                  </a:lnTo>
                  <a:lnTo>
                    <a:pt x="281" y="139"/>
                  </a:lnTo>
                  <a:lnTo>
                    <a:pt x="285" y="142"/>
                  </a:lnTo>
                  <a:lnTo>
                    <a:pt x="293" y="140"/>
                  </a:lnTo>
                  <a:lnTo>
                    <a:pt x="303" y="139"/>
                  </a:lnTo>
                  <a:lnTo>
                    <a:pt x="307" y="138"/>
                  </a:lnTo>
                  <a:lnTo>
                    <a:pt x="310" y="136"/>
                  </a:lnTo>
                  <a:lnTo>
                    <a:pt x="313" y="134"/>
                  </a:lnTo>
                  <a:lnTo>
                    <a:pt x="316" y="131"/>
                  </a:lnTo>
                  <a:lnTo>
                    <a:pt x="318" y="126"/>
                  </a:lnTo>
                  <a:lnTo>
                    <a:pt x="319" y="123"/>
                  </a:lnTo>
                  <a:lnTo>
                    <a:pt x="319" y="120"/>
                  </a:lnTo>
                  <a:lnTo>
                    <a:pt x="318" y="116"/>
                  </a:lnTo>
                  <a:lnTo>
                    <a:pt x="318" y="109"/>
                  </a:lnTo>
                  <a:lnTo>
                    <a:pt x="318" y="103"/>
                  </a:lnTo>
                  <a:lnTo>
                    <a:pt x="326" y="99"/>
                  </a:lnTo>
                  <a:lnTo>
                    <a:pt x="334" y="96"/>
                  </a:lnTo>
                  <a:lnTo>
                    <a:pt x="342" y="95"/>
                  </a:lnTo>
                  <a:lnTo>
                    <a:pt x="349" y="95"/>
                  </a:lnTo>
                  <a:lnTo>
                    <a:pt x="355" y="96"/>
                  </a:lnTo>
                  <a:lnTo>
                    <a:pt x="359" y="99"/>
                  </a:lnTo>
                  <a:lnTo>
                    <a:pt x="362" y="101"/>
                  </a:lnTo>
                  <a:lnTo>
                    <a:pt x="363" y="104"/>
                  </a:lnTo>
                  <a:lnTo>
                    <a:pt x="364" y="107"/>
                  </a:lnTo>
                  <a:lnTo>
                    <a:pt x="364" y="112"/>
                  </a:lnTo>
                  <a:lnTo>
                    <a:pt x="364" y="115"/>
                  </a:lnTo>
                  <a:lnTo>
                    <a:pt x="362" y="118"/>
                  </a:lnTo>
                  <a:lnTo>
                    <a:pt x="359" y="121"/>
                  </a:lnTo>
                  <a:lnTo>
                    <a:pt x="356" y="123"/>
                  </a:lnTo>
                  <a:lnTo>
                    <a:pt x="349" y="128"/>
                  </a:lnTo>
                  <a:lnTo>
                    <a:pt x="344" y="134"/>
                  </a:lnTo>
                  <a:lnTo>
                    <a:pt x="339" y="145"/>
                  </a:lnTo>
                  <a:lnTo>
                    <a:pt x="333" y="157"/>
                  </a:lnTo>
                  <a:lnTo>
                    <a:pt x="325" y="167"/>
                  </a:lnTo>
                  <a:lnTo>
                    <a:pt x="316" y="179"/>
                  </a:lnTo>
                  <a:lnTo>
                    <a:pt x="312" y="184"/>
                  </a:lnTo>
                  <a:lnTo>
                    <a:pt x="310" y="191"/>
                  </a:lnTo>
                  <a:lnTo>
                    <a:pt x="308" y="198"/>
                  </a:lnTo>
                  <a:lnTo>
                    <a:pt x="308" y="205"/>
                  </a:lnTo>
                  <a:lnTo>
                    <a:pt x="314" y="206"/>
                  </a:lnTo>
                  <a:lnTo>
                    <a:pt x="318" y="207"/>
                  </a:lnTo>
                  <a:lnTo>
                    <a:pt x="323" y="211"/>
                  </a:lnTo>
                  <a:lnTo>
                    <a:pt x="327" y="213"/>
                  </a:lnTo>
                  <a:lnTo>
                    <a:pt x="333" y="220"/>
                  </a:lnTo>
                  <a:lnTo>
                    <a:pt x="342" y="225"/>
                  </a:lnTo>
                  <a:lnTo>
                    <a:pt x="343" y="227"/>
                  </a:lnTo>
                  <a:lnTo>
                    <a:pt x="345" y="228"/>
                  </a:lnTo>
                  <a:lnTo>
                    <a:pt x="348" y="228"/>
                  </a:lnTo>
                  <a:lnTo>
                    <a:pt x="351" y="228"/>
                  </a:lnTo>
                  <a:lnTo>
                    <a:pt x="349" y="231"/>
                  </a:lnTo>
                  <a:lnTo>
                    <a:pt x="348" y="233"/>
                  </a:lnTo>
                  <a:lnTo>
                    <a:pt x="347" y="236"/>
                  </a:lnTo>
                  <a:lnTo>
                    <a:pt x="346" y="238"/>
                  </a:lnTo>
                  <a:lnTo>
                    <a:pt x="347" y="242"/>
                  </a:lnTo>
                  <a:lnTo>
                    <a:pt x="350" y="246"/>
                  </a:lnTo>
                  <a:lnTo>
                    <a:pt x="353" y="251"/>
                  </a:lnTo>
                  <a:lnTo>
                    <a:pt x="356" y="256"/>
                  </a:lnTo>
                  <a:lnTo>
                    <a:pt x="358" y="260"/>
                  </a:lnTo>
                  <a:lnTo>
                    <a:pt x="358" y="266"/>
                  </a:lnTo>
                  <a:lnTo>
                    <a:pt x="371" y="266"/>
                  </a:lnTo>
                  <a:lnTo>
                    <a:pt x="385" y="266"/>
                  </a:lnTo>
                  <a:lnTo>
                    <a:pt x="386" y="272"/>
                  </a:lnTo>
                  <a:lnTo>
                    <a:pt x="388" y="276"/>
                  </a:lnTo>
                  <a:lnTo>
                    <a:pt x="391" y="280"/>
                  </a:lnTo>
                  <a:lnTo>
                    <a:pt x="395" y="283"/>
                  </a:lnTo>
                  <a:lnTo>
                    <a:pt x="398" y="287"/>
                  </a:lnTo>
                  <a:lnTo>
                    <a:pt x="402" y="291"/>
                  </a:lnTo>
                  <a:lnTo>
                    <a:pt x="404" y="296"/>
                  </a:lnTo>
                  <a:lnTo>
                    <a:pt x="405" y="301"/>
                  </a:lnTo>
                  <a:lnTo>
                    <a:pt x="402" y="304"/>
                  </a:lnTo>
                  <a:lnTo>
                    <a:pt x="398" y="306"/>
                  </a:lnTo>
                  <a:lnTo>
                    <a:pt x="394" y="307"/>
                  </a:lnTo>
                  <a:lnTo>
                    <a:pt x="391" y="310"/>
                  </a:lnTo>
                  <a:lnTo>
                    <a:pt x="387" y="311"/>
                  </a:lnTo>
                  <a:lnTo>
                    <a:pt x="384" y="313"/>
                  </a:lnTo>
                  <a:lnTo>
                    <a:pt x="380" y="316"/>
                  </a:lnTo>
                  <a:lnTo>
                    <a:pt x="379" y="319"/>
                  </a:lnTo>
                  <a:lnTo>
                    <a:pt x="371" y="324"/>
                  </a:lnTo>
                  <a:lnTo>
                    <a:pt x="364" y="330"/>
                  </a:lnTo>
                  <a:lnTo>
                    <a:pt x="356" y="336"/>
                  </a:lnTo>
                  <a:lnTo>
                    <a:pt x="349" y="342"/>
                  </a:lnTo>
                  <a:lnTo>
                    <a:pt x="344" y="350"/>
                  </a:lnTo>
                  <a:lnTo>
                    <a:pt x="339" y="357"/>
                  </a:lnTo>
                  <a:lnTo>
                    <a:pt x="337" y="361"/>
                  </a:lnTo>
                  <a:lnTo>
                    <a:pt x="336" y="366"/>
                  </a:lnTo>
                  <a:lnTo>
                    <a:pt x="336" y="371"/>
                  </a:lnTo>
                  <a:lnTo>
                    <a:pt x="336" y="375"/>
                  </a:lnTo>
                  <a:lnTo>
                    <a:pt x="332" y="375"/>
                  </a:lnTo>
                  <a:lnTo>
                    <a:pt x="328" y="373"/>
                  </a:lnTo>
                  <a:lnTo>
                    <a:pt x="320" y="364"/>
                  </a:lnTo>
                  <a:lnTo>
                    <a:pt x="313" y="354"/>
                  </a:lnTo>
                  <a:lnTo>
                    <a:pt x="307" y="343"/>
                  </a:lnTo>
                  <a:lnTo>
                    <a:pt x="301" y="331"/>
                  </a:lnTo>
                  <a:lnTo>
                    <a:pt x="298" y="318"/>
                  </a:lnTo>
                  <a:lnTo>
                    <a:pt x="295" y="303"/>
                  </a:lnTo>
                  <a:lnTo>
                    <a:pt x="294" y="286"/>
                  </a:lnTo>
                  <a:lnTo>
                    <a:pt x="295" y="268"/>
                  </a:lnTo>
                  <a:lnTo>
                    <a:pt x="290" y="258"/>
                  </a:lnTo>
                  <a:lnTo>
                    <a:pt x="284" y="247"/>
                  </a:lnTo>
                  <a:lnTo>
                    <a:pt x="277" y="238"/>
                  </a:lnTo>
                  <a:lnTo>
                    <a:pt x="271" y="228"/>
                  </a:lnTo>
                  <a:lnTo>
                    <a:pt x="265" y="219"/>
                  </a:lnTo>
                  <a:lnTo>
                    <a:pt x="259" y="207"/>
                  </a:lnTo>
                  <a:lnTo>
                    <a:pt x="257" y="201"/>
                  </a:lnTo>
                  <a:lnTo>
                    <a:pt x="256" y="195"/>
                  </a:lnTo>
                  <a:lnTo>
                    <a:pt x="255" y="187"/>
                  </a:lnTo>
                  <a:lnTo>
                    <a:pt x="255" y="180"/>
                  </a:lnTo>
                  <a:lnTo>
                    <a:pt x="252" y="177"/>
                  </a:lnTo>
                  <a:lnTo>
                    <a:pt x="249" y="174"/>
                  </a:lnTo>
                  <a:lnTo>
                    <a:pt x="245" y="173"/>
                  </a:lnTo>
                  <a:lnTo>
                    <a:pt x="241" y="171"/>
                  </a:lnTo>
                  <a:lnTo>
                    <a:pt x="237" y="168"/>
                  </a:lnTo>
                  <a:lnTo>
                    <a:pt x="235" y="165"/>
                  </a:lnTo>
                  <a:lnTo>
                    <a:pt x="234" y="161"/>
                  </a:lnTo>
                  <a:lnTo>
                    <a:pt x="234" y="155"/>
                  </a:lnTo>
                  <a:lnTo>
                    <a:pt x="219" y="156"/>
                  </a:lnTo>
                  <a:lnTo>
                    <a:pt x="205" y="158"/>
                  </a:lnTo>
                  <a:lnTo>
                    <a:pt x="191" y="161"/>
                  </a:lnTo>
                  <a:lnTo>
                    <a:pt x="178" y="166"/>
                  </a:lnTo>
                  <a:lnTo>
                    <a:pt x="172" y="168"/>
                  </a:lnTo>
                  <a:lnTo>
                    <a:pt x="167" y="172"/>
                  </a:lnTo>
                  <a:lnTo>
                    <a:pt x="161" y="176"/>
                  </a:lnTo>
                  <a:lnTo>
                    <a:pt x="157" y="180"/>
                  </a:lnTo>
                  <a:lnTo>
                    <a:pt x="153" y="184"/>
                  </a:lnTo>
                  <a:lnTo>
                    <a:pt x="149" y="191"/>
                  </a:lnTo>
                  <a:lnTo>
                    <a:pt x="146" y="196"/>
                  </a:lnTo>
                  <a:lnTo>
                    <a:pt x="142" y="202"/>
                  </a:lnTo>
                  <a:lnTo>
                    <a:pt x="132" y="205"/>
                  </a:lnTo>
                  <a:lnTo>
                    <a:pt x="120" y="209"/>
                  </a:lnTo>
                  <a:lnTo>
                    <a:pt x="109" y="214"/>
                  </a:lnTo>
                  <a:lnTo>
                    <a:pt x="98" y="218"/>
                  </a:lnTo>
                  <a:lnTo>
                    <a:pt x="87" y="222"/>
                  </a:lnTo>
                  <a:lnTo>
                    <a:pt x="75" y="224"/>
                  </a:lnTo>
                  <a:lnTo>
                    <a:pt x="70" y="224"/>
                  </a:lnTo>
                  <a:lnTo>
                    <a:pt x="64" y="224"/>
                  </a:lnTo>
                  <a:lnTo>
                    <a:pt x="57" y="222"/>
                  </a:lnTo>
                  <a:lnTo>
                    <a:pt x="52" y="220"/>
                  </a:lnTo>
                  <a:lnTo>
                    <a:pt x="49" y="220"/>
                  </a:lnTo>
                  <a:lnTo>
                    <a:pt x="47" y="221"/>
                  </a:lnTo>
                  <a:lnTo>
                    <a:pt x="45" y="222"/>
                  </a:lnTo>
                  <a:lnTo>
                    <a:pt x="44" y="223"/>
                  </a:lnTo>
                  <a:lnTo>
                    <a:pt x="41" y="227"/>
                  </a:lnTo>
                  <a:lnTo>
                    <a:pt x="39" y="231"/>
                  </a:lnTo>
                  <a:lnTo>
                    <a:pt x="33" y="226"/>
                  </a:lnTo>
                  <a:lnTo>
                    <a:pt x="28" y="221"/>
                  </a:lnTo>
                  <a:lnTo>
                    <a:pt x="22" y="216"/>
                  </a:lnTo>
                  <a:lnTo>
                    <a:pt x="18" y="208"/>
                  </a:lnTo>
                  <a:lnTo>
                    <a:pt x="15" y="202"/>
                  </a:lnTo>
                  <a:lnTo>
                    <a:pt x="13" y="194"/>
                  </a:lnTo>
                  <a:lnTo>
                    <a:pt x="11" y="185"/>
                  </a:lnTo>
                  <a:lnTo>
                    <a:pt x="11" y="175"/>
                  </a:lnTo>
                  <a:lnTo>
                    <a:pt x="7" y="172"/>
                  </a:lnTo>
                  <a:lnTo>
                    <a:pt x="0" y="169"/>
                  </a:lnTo>
                  <a:lnTo>
                    <a:pt x="5" y="163"/>
                  </a:lnTo>
                  <a:lnTo>
                    <a:pt x="9" y="158"/>
                  </a:lnTo>
                  <a:lnTo>
                    <a:pt x="11" y="155"/>
                  </a:lnTo>
                  <a:lnTo>
                    <a:pt x="13" y="151"/>
                  </a:lnTo>
                  <a:lnTo>
                    <a:pt x="13" y="146"/>
                  </a:lnTo>
                  <a:lnTo>
                    <a:pt x="13" y="142"/>
                  </a:lnTo>
                  <a:lnTo>
                    <a:pt x="18" y="138"/>
                  </a:lnTo>
                  <a:lnTo>
                    <a:pt x="22" y="134"/>
                  </a:lnTo>
                  <a:lnTo>
                    <a:pt x="28" y="132"/>
                  </a:lnTo>
                  <a:lnTo>
                    <a:pt x="34" y="128"/>
                  </a:lnTo>
                  <a:lnTo>
                    <a:pt x="47" y="123"/>
                  </a:lnTo>
                  <a:lnTo>
                    <a:pt x="59" y="116"/>
                  </a:lnTo>
                  <a:lnTo>
                    <a:pt x="71" y="108"/>
                  </a:lnTo>
                  <a:lnTo>
                    <a:pt x="84" y="99"/>
                  </a:lnTo>
                  <a:lnTo>
                    <a:pt x="94" y="89"/>
                  </a:lnTo>
                  <a:lnTo>
                    <a:pt x="106" y="79"/>
                  </a:lnTo>
                  <a:lnTo>
                    <a:pt x="128" y="59"/>
                  </a:lnTo>
                  <a:lnTo>
                    <a:pt x="151" y="40"/>
                  </a:lnTo>
                  <a:lnTo>
                    <a:pt x="168" y="29"/>
                  </a:lnTo>
                  <a:lnTo>
                    <a:pt x="186" y="22"/>
                  </a:lnTo>
                  <a:lnTo>
                    <a:pt x="195" y="17"/>
                  </a:lnTo>
                  <a:lnTo>
                    <a:pt x="204" y="13"/>
                  </a:lnTo>
                  <a:lnTo>
                    <a:pt x="212" y="6"/>
                  </a:lnTo>
                  <a:lnTo>
                    <a:pt x="219" y="0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05" name="Allerød"/>
            <p:cNvSpPr>
              <a:spLocks/>
            </p:cNvSpPr>
            <p:nvPr/>
          </p:nvSpPr>
          <p:spPr bwMode="auto">
            <a:xfrm>
              <a:off x="3722688" y="4654550"/>
              <a:ext cx="160337" cy="114300"/>
            </a:xfrm>
            <a:custGeom>
              <a:avLst/>
              <a:gdLst>
                <a:gd name="T0" fmla="*/ 159275 w 302"/>
                <a:gd name="T1" fmla="*/ 41999 h 215"/>
                <a:gd name="T2" fmla="*/ 159275 w 302"/>
                <a:gd name="T3" fmla="*/ 46783 h 215"/>
                <a:gd name="T4" fmla="*/ 156090 w 302"/>
                <a:gd name="T5" fmla="*/ 54226 h 215"/>
                <a:gd name="T6" fmla="*/ 149188 w 302"/>
                <a:gd name="T7" fmla="*/ 62200 h 215"/>
                <a:gd name="T8" fmla="*/ 146002 w 302"/>
                <a:gd name="T9" fmla="*/ 69112 h 215"/>
                <a:gd name="T10" fmla="*/ 138569 w 302"/>
                <a:gd name="T11" fmla="*/ 70707 h 215"/>
                <a:gd name="T12" fmla="*/ 130075 w 302"/>
                <a:gd name="T13" fmla="*/ 66985 h 215"/>
                <a:gd name="T14" fmla="*/ 126358 w 302"/>
                <a:gd name="T15" fmla="*/ 64859 h 215"/>
                <a:gd name="T16" fmla="*/ 119987 w 302"/>
                <a:gd name="T17" fmla="*/ 64327 h 215"/>
                <a:gd name="T18" fmla="*/ 114678 w 302"/>
                <a:gd name="T19" fmla="*/ 64859 h 215"/>
                <a:gd name="T20" fmla="*/ 112554 w 302"/>
                <a:gd name="T21" fmla="*/ 69643 h 215"/>
                <a:gd name="T22" fmla="*/ 111493 w 302"/>
                <a:gd name="T23" fmla="*/ 76554 h 215"/>
                <a:gd name="T24" fmla="*/ 108838 w 302"/>
                <a:gd name="T25" fmla="*/ 81339 h 215"/>
                <a:gd name="T26" fmla="*/ 105122 w 302"/>
                <a:gd name="T27" fmla="*/ 86124 h 215"/>
                <a:gd name="T28" fmla="*/ 93441 w 302"/>
                <a:gd name="T29" fmla="*/ 95161 h 215"/>
                <a:gd name="T30" fmla="*/ 85478 w 302"/>
                <a:gd name="T31" fmla="*/ 108452 h 215"/>
                <a:gd name="T32" fmla="*/ 80699 w 302"/>
                <a:gd name="T33" fmla="*/ 111642 h 215"/>
                <a:gd name="T34" fmla="*/ 67957 w 302"/>
                <a:gd name="T35" fmla="*/ 109515 h 215"/>
                <a:gd name="T36" fmla="*/ 46721 w 302"/>
                <a:gd name="T37" fmla="*/ 109515 h 215"/>
                <a:gd name="T38" fmla="*/ 27608 w 302"/>
                <a:gd name="T39" fmla="*/ 109515 h 215"/>
                <a:gd name="T40" fmla="*/ 22299 w 302"/>
                <a:gd name="T41" fmla="*/ 108984 h 215"/>
                <a:gd name="T42" fmla="*/ 18582 w 302"/>
                <a:gd name="T43" fmla="*/ 106857 h 215"/>
                <a:gd name="T44" fmla="*/ 13804 w 302"/>
                <a:gd name="T45" fmla="*/ 102604 h 215"/>
                <a:gd name="T46" fmla="*/ 4247 w 302"/>
                <a:gd name="T47" fmla="*/ 99946 h 215"/>
                <a:gd name="T48" fmla="*/ 3186 w 302"/>
                <a:gd name="T49" fmla="*/ 93035 h 215"/>
                <a:gd name="T50" fmla="*/ 12211 w 302"/>
                <a:gd name="T51" fmla="*/ 81871 h 215"/>
                <a:gd name="T52" fmla="*/ 16989 w 302"/>
                <a:gd name="T53" fmla="*/ 72833 h 215"/>
                <a:gd name="T54" fmla="*/ 18051 w 302"/>
                <a:gd name="T55" fmla="*/ 69112 h 215"/>
                <a:gd name="T56" fmla="*/ 22299 w 302"/>
                <a:gd name="T57" fmla="*/ 65922 h 215"/>
                <a:gd name="T58" fmla="*/ 33448 w 302"/>
                <a:gd name="T59" fmla="*/ 63795 h 215"/>
                <a:gd name="T60" fmla="*/ 43004 w 302"/>
                <a:gd name="T61" fmla="*/ 59011 h 215"/>
                <a:gd name="T62" fmla="*/ 49375 w 302"/>
                <a:gd name="T63" fmla="*/ 51036 h 215"/>
                <a:gd name="T64" fmla="*/ 52561 w 302"/>
                <a:gd name="T65" fmla="*/ 45188 h 215"/>
                <a:gd name="T66" fmla="*/ 52561 w 302"/>
                <a:gd name="T67" fmla="*/ 38277 h 215"/>
                <a:gd name="T68" fmla="*/ 49906 w 302"/>
                <a:gd name="T69" fmla="*/ 28708 h 215"/>
                <a:gd name="T70" fmla="*/ 50437 w 302"/>
                <a:gd name="T71" fmla="*/ 21265 h 215"/>
                <a:gd name="T72" fmla="*/ 56808 w 302"/>
                <a:gd name="T73" fmla="*/ 21797 h 215"/>
                <a:gd name="T74" fmla="*/ 66365 w 302"/>
                <a:gd name="T75" fmla="*/ 24455 h 215"/>
                <a:gd name="T76" fmla="*/ 71674 w 302"/>
                <a:gd name="T77" fmla="*/ 28176 h 215"/>
                <a:gd name="T78" fmla="*/ 74328 w 302"/>
                <a:gd name="T79" fmla="*/ 29771 h 215"/>
                <a:gd name="T80" fmla="*/ 76452 w 302"/>
                <a:gd name="T81" fmla="*/ 29771 h 215"/>
                <a:gd name="T82" fmla="*/ 78045 w 302"/>
                <a:gd name="T83" fmla="*/ 26050 h 215"/>
                <a:gd name="T84" fmla="*/ 76452 w 302"/>
                <a:gd name="T85" fmla="*/ 20202 h 215"/>
                <a:gd name="T86" fmla="*/ 73797 w 302"/>
                <a:gd name="T87" fmla="*/ 17544 h 215"/>
                <a:gd name="T88" fmla="*/ 72205 w 302"/>
                <a:gd name="T89" fmla="*/ 14886 h 215"/>
                <a:gd name="T90" fmla="*/ 80169 w 302"/>
                <a:gd name="T91" fmla="*/ 12227 h 215"/>
                <a:gd name="T92" fmla="*/ 95565 w 302"/>
                <a:gd name="T93" fmla="*/ 8506 h 215"/>
                <a:gd name="T94" fmla="*/ 115740 w 302"/>
                <a:gd name="T95" fmla="*/ 2658 h 215"/>
                <a:gd name="T96" fmla="*/ 129013 w 302"/>
                <a:gd name="T97" fmla="*/ 1595 h 215"/>
                <a:gd name="T98" fmla="*/ 129544 w 302"/>
                <a:gd name="T99" fmla="*/ 4785 h 215"/>
                <a:gd name="T100" fmla="*/ 130606 w 302"/>
                <a:gd name="T101" fmla="*/ 5848 h 215"/>
                <a:gd name="T102" fmla="*/ 134322 w 302"/>
                <a:gd name="T103" fmla="*/ 9569 h 215"/>
                <a:gd name="T104" fmla="*/ 141224 w 302"/>
                <a:gd name="T105" fmla="*/ 15949 h 215"/>
                <a:gd name="T106" fmla="*/ 144409 w 302"/>
                <a:gd name="T107" fmla="*/ 23392 h 215"/>
                <a:gd name="T108" fmla="*/ 145471 w 302"/>
                <a:gd name="T109" fmla="*/ 29771 h 215"/>
                <a:gd name="T110" fmla="*/ 152373 w 302"/>
                <a:gd name="T111" fmla="*/ 35619 h 215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302" h="215">
                  <a:moveTo>
                    <a:pt x="300" y="73"/>
                  </a:moveTo>
                  <a:lnTo>
                    <a:pt x="300" y="79"/>
                  </a:lnTo>
                  <a:lnTo>
                    <a:pt x="300" y="83"/>
                  </a:lnTo>
                  <a:lnTo>
                    <a:pt x="300" y="88"/>
                  </a:lnTo>
                  <a:lnTo>
                    <a:pt x="302" y="91"/>
                  </a:lnTo>
                  <a:lnTo>
                    <a:pt x="294" y="102"/>
                  </a:lnTo>
                  <a:lnTo>
                    <a:pt x="285" y="112"/>
                  </a:lnTo>
                  <a:lnTo>
                    <a:pt x="281" y="117"/>
                  </a:lnTo>
                  <a:lnTo>
                    <a:pt x="278" y="124"/>
                  </a:lnTo>
                  <a:lnTo>
                    <a:pt x="275" y="130"/>
                  </a:lnTo>
                  <a:lnTo>
                    <a:pt x="274" y="139"/>
                  </a:lnTo>
                  <a:lnTo>
                    <a:pt x="261" y="133"/>
                  </a:lnTo>
                  <a:lnTo>
                    <a:pt x="246" y="129"/>
                  </a:lnTo>
                  <a:lnTo>
                    <a:pt x="245" y="126"/>
                  </a:lnTo>
                  <a:lnTo>
                    <a:pt x="242" y="123"/>
                  </a:lnTo>
                  <a:lnTo>
                    <a:pt x="238" y="122"/>
                  </a:lnTo>
                  <a:lnTo>
                    <a:pt x="232" y="121"/>
                  </a:lnTo>
                  <a:lnTo>
                    <a:pt x="226" y="121"/>
                  </a:lnTo>
                  <a:lnTo>
                    <a:pt x="221" y="121"/>
                  </a:lnTo>
                  <a:lnTo>
                    <a:pt x="216" y="122"/>
                  </a:lnTo>
                  <a:lnTo>
                    <a:pt x="213" y="124"/>
                  </a:lnTo>
                  <a:lnTo>
                    <a:pt x="212" y="131"/>
                  </a:lnTo>
                  <a:lnTo>
                    <a:pt x="211" y="137"/>
                  </a:lnTo>
                  <a:lnTo>
                    <a:pt x="210" y="144"/>
                  </a:lnTo>
                  <a:lnTo>
                    <a:pt x="207" y="149"/>
                  </a:lnTo>
                  <a:lnTo>
                    <a:pt x="205" y="153"/>
                  </a:lnTo>
                  <a:lnTo>
                    <a:pt x="202" y="157"/>
                  </a:lnTo>
                  <a:lnTo>
                    <a:pt x="198" y="162"/>
                  </a:lnTo>
                  <a:lnTo>
                    <a:pt x="193" y="165"/>
                  </a:lnTo>
                  <a:lnTo>
                    <a:pt x="176" y="179"/>
                  </a:lnTo>
                  <a:lnTo>
                    <a:pt x="160" y="192"/>
                  </a:lnTo>
                  <a:lnTo>
                    <a:pt x="161" y="204"/>
                  </a:lnTo>
                  <a:lnTo>
                    <a:pt x="162" y="215"/>
                  </a:lnTo>
                  <a:lnTo>
                    <a:pt x="152" y="210"/>
                  </a:lnTo>
                  <a:lnTo>
                    <a:pt x="141" y="208"/>
                  </a:lnTo>
                  <a:lnTo>
                    <a:pt x="128" y="206"/>
                  </a:lnTo>
                  <a:lnTo>
                    <a:pt x="115" y="206"/>
                  </a:lnTo>
                  <a:lnTo>
                    <a:pt x="88" y="206"/>
                  </a:lnTo>
                  <a:lnTo>
                    <a:pt x="61" y="208"/>
                  </a:lnTo>
                  <a:lnTo>
                    <a:pt x="52" y="206"/>
                  </a:lnTo>
                  <a:lnTo>
                    <a:pt x="45" y="205"/>
                  </a:lnTo>
                  <a:lnTo>
                    <a:pt x="42" y="205"/>
                  </a:lnTo>
                  <a:lnTo>
                    <a:pt x="39" y="203"/>
                  </a:lnTo>
                  <a:lnTo>
                    <a:pt x="35" y="201"/>
                  </a:lnTo>
                  <a:lnTo>
                    <a:pt x="32" y="197"/>
                  </a:lnTo>
                  <a:lnTo>
                    <a:pt x="26" y="193"/>
                  </a:lnTo>
                  <a:lnTo>
                    <a:pt x="17" y="190"/>
                  </a:lnTo>
                  <a:lnTo>
                    <a:pt x="8" y="188"/>
                  </a:lnTo>
                  <a:lnTo>
                    <a:pt x="0" y="185"/>
                  </a:lnTo>
                  <a:lnTo>
                    <a:pt x="6" y="175"/>
                  </a:lnTo>
                  <a:lnTo>
                    <a:pt x="12" y="167"/>
                  </a:lnTo>
                  <a:lnTo>
                    <a:pt x="23" y="154"/>
                  </a:lnTo>
                  <a:lnTo>
                    <a:pt x="32" y="142"/>
                  </a:lnTo>
                  <a:lnTo>
                    <a:pt x="32" y="137"/>
                  </a:lnTo>
                  <a:lnTo>
                    <a:pt x="33" y="133"/>
                  </a:lnTo>
                  <a:lnTo>
                    <a:pt x="34" y="130"/>
                  </a:lnTo>
                  <a:lnTo>
                    <a:pt x="36" y="128"/>
                  </a:lnTo>
                  <a:lnTo>
                    <a:pt x="42" y="124"/>
                  </a:lnTo>
                  <a:lnTo>
                    <a:pt x="48" y="122"/>
                  </a:lnTo>
                  <a:lnTo>
                    <a:pt x="63" y="120"/>
                  </a:lnTo>
                  <a:lnTo>
                    <a:pt x="75" y="116"/>
                  </a:lnTo>
                  <a:lnTo>
                    <a:pt x="81" y="111"/>
                  </a:lnTo>
                  <a:lnTo>
                    <a:pt x="87" y="104"/>
                  </a:lnTo>
                  <a:lnTo>
                    <a:pt x="93" y="96"/>
                  </a:lnTo>
                  <a:lnTo>
                    <a:pt x="96" y="91"/>
                  </a:lnTo>
                  <a:lnTo>
                    <a:pt x="99" y="85"/>
                  </a:lnTo>
                  <a:lnTo>
                    <a:pt x="99" y="79"/>
                  </a:lnTo>
                  <a:lnTo>
                    <a:pt x="99" y="72"/>
                  </a:lnTo>
                  <a:lnTo>
                    <a:pt x="98" y="66"/>
                  </a:lnTo>
                  <a:lnTo>
                    <a:pt x="94" y="54"/>
                  </a:lnTo>
                  <a:lnTo>
                    <a:pt x="91" y="43"/>
                  </a:lnTo>
                  <a:lnTo>
                    <a:pt x="95" y="40"/>
                  </a:lnTo>
                  <a:lnTo>
                    <a:pt x="99" y="37"/>
                  </a:lnTo>
                  <a:lnTo>
                    <a:pt x="107" y="41"/>
                  </a:lnTo>
                  <a:lnTo>
                    <a:pt x="116" y="43"/>
                  </a:lnTo>
                  <a:lnTo>
                    <a:pt x="125" y="46"/>
                  </a:lnTo>
                  <a:lnTo>
                    <a:pt x="131" y="50"/>
                  </a:lnTo>
                  <a:lnTo>
                    <a:pt x="135" y="53"/>
                  </a:lnTo>
                  <a:lnTo>
                    <a:pt x="139" y="55"/>
                  </a:lnTo>
                  <a:lnTo>
                    <a:pt x="140" y="56"/>
                  </a:lnTo>
                  <a:lnTo>
                    <a:pt x="142" y="56"/>
                  </a:lnTo>
                  <a:lnTo>
                    <a:pt x="144" y="56"/>
                  </a:lnTo>
                  <a:lnTo>
                    <a:pt x="147" y="55"/>
                  </a:lnTo>
                  <a:lnTo>
                    <a:pt x="147" y="49"/>
                  </a:lnTo>
                  <a:lnTo>
                    <a:pt x="147" y="43"/>
                  </a:lnTo>
                  <a:lnTo>
                    <a:pt x="144" y="38"/>
                  </a:lnTo>
                  <a:lnTo>
                    <a:pt x="141" y="35"/>
                  </a:lnTo>
                  <a:lnTo>
                    <a:pt x="139" y="33"/>
                  </a:lnTo>
                  <a:lnTo>
                    <a:pt x="138" y="31"/>
                  </a:lnTo>
                  <a:lnTo>
                    <a:pt x="136" y="28"/>
                  </a:lnTo>
                  <a:lnTo>
                    <a:pt x="136" y="25"/>
                  </a:lnTo>
                  <a:lnTo>
                    <a:pt x="151" y="23"/>
                  </a:lnTo>
                  <a:lnTo>
                    <a:pt x="166" y="20"/>
                  </a:lnTo>
                  <a:lnTo>
                    <a:pt x="180" y="16"/>
                  </a:lnTo>
                  <a:lnTo>
                    <a:pt x="192" y="13"/>
                  </a:lnTo>
                  <a:lnTo>
                    <a:pt x="218" y="5"/>
                  </a:lnTo>
                  <a:lnTo>
                    <a:pt x="241" y="0"/>
                  </a:lnTo>
                  <a:lnTo>
                    <a:pt x="243" y="3"/>
                  </a:lnTo>
                  <a:lnTo>
                    <a:pt x="244" y="7"/>
                  </a:lnTo>
                  <a:lnTo>
                    <a:pt x="244" y="9"/>
                  </a:lnTo>
                  <a:lnTo>
                    <a:pt x="245" y="10"/>
                  </a:lnTo>
                  <a:lnTo>
                    <a:pt x="246" y="11"/>
                  </a:lnTo>
                  <a:lnTo>
                    <a:pt x="248" y="12"/>
                  </a:lnTo>
                  <a:lnTo>
                    <a:pt x="253" y="18"/>
                  </a:lnTo>
                  <a:lnTo>
                    <a:pt x="260" y="25"/>
                  </a:lnTo>
                  <a:lnTo>
                    <a:pt x="266" y="30"/>
                  </a:lnTo>
                  <a:lnTo>
                    <a:pt x="274" y="34"/>
                  </a:lnTo>
                  <a:lnTo>
                    <a:pt x="272" y="44"/>
                  </a:lnTo>
                  <a:lnTo>
                    <a:pt x="272" y="50"/>
                  </a:lnTo>
                  <a:lnTo>
                    <a:pt x="274" y="56"/>
                  </a:lnTo>
                  <a:lnTo>
                    <a:pt x="278" y="61"/>
                  </a:lnTo>
                  <a:lnTo>
                    <a:pt x="287" y="67"/>
                  </a:lnTo>
                  <a:lnTo>
                    <a:pt x="300" y="73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06" name="Allerød kant"/>
            <p:cNvSpPr>
              <a:spLocks/>
            </p:cNvSpPr>
            <p:nvPr/>
          </p:nvSpPr>
          <p:spPr bwMode="auto">
            <a:xfrm>
              <a:off x="3722688" y="4654550"/>
              <a:ext cx="160337" cy="114300"/>
            </a:xfrm>
            <a:custGeom>
              <a:avLst/>
              <a:gdLst>
                <a:gd name="T0" fmla="*/ 159275 w 302"/>
                <a:gd name="T1" fmla="*/ 41999 h 215"/>
                <a:gd name="T2" fmla="*/ 159275 w 302"/>
                <a:gd name="T3" fmla="*/ 46783 h 215"/>
                <a:gd name="T4" fmla="*/ 156090 w 302"/>
                <a:gd name="T5" fmla="*/ 54226 h 215"/>
                <a:gd name="T6" fmla="*/ 149188 w 302"/>
                <a:gd name="T7" fmla="*/ 62200 h 215"/>
                <a:gd name="T8" fmla="*/ 146002 w 302"/>
                <a:gd name="T9" fmla="*/ 69112 h 215"/>
                <a:gd name="T10" fmla="*/ 138569 w 302"/>
                <a:gd name="T11" fmla="*/ 70707 h 215"/>
                <a:gd name="T12" fmla="*/ 130075 w 302"/>
                <a:gd name="T13" fmla="*/ 66985 h 215"/>
                <a:gd name="T14" fmla="*/ 126358 w 302"/>
                <a:gd name="T15" fmla="*/ 64859 h 215"/>
                <a:gd name="T16" fmla="*/ 119987 w 302"/>
                <a:gd name="T17" fmla="*/ 64327 h 215"/>
                <a:gd name="T18" fmla="*/ 114678 w 302"/>
                <a:gd name="T19" fmla="*/ 64859 h 215"/>
                <a:gd name="T20" fmla="*/ 112554 w 302"/>
                <a:gd name="T21" fmla="*/ 69643 h 215"/>
                <a:gd name="T22" fmla="*/ 111493 w 302"/>
                <a:gd name="T23" fmla="*/ 76554 h 215"/>
                <a:gd name="T24" fmla="*/ 108838 w 302"/>
                <a:gd name="T25" fmla="*/ 81339 h 215"/>
                <a:gd name="T26" fmla="*/ 105122 w 302"/>
                <a:gd name="T27" fmla="*/ 86124 h 215"/>
                <a:gd name="T28" fmla="*/ 93441 w 302"/>
                <a:gd name="T29" fmla="*/ 95161 h 215"/>
                <a:gd name="T30" fmla="*/ 85478 w 302"/>
                <a:gd name="T31" fmla="*/ 108452 h 215"/>
                <a:gd name="T32" fmla="*/ 80699 w 302"/>
                <a:gd name="T33" fmla="*/ 111642 h 215"/>
                <a:gd name="T34" fmla="*/ 67957 w 302"/>
                <a:gd name="T35" fmla="*/ 109515 h 215"/>
                <a:gd name="T36" fmla="*/ 46721 w 302"/>
                <a:gd name="T37" fmla="*/ 109515 h 215"/>
                <a:gd name="T38" fmla="*/ 27608 w 302"/>
                <a:gd name="T39" fmla="*/ 109515 h 215"/>
                <a:gd name="T40" fmla="*/ 22299 w 302"/>
                <a:gd name="T41" fmla="*/ 108984 h 215"/>
                <a:gd name="T42" fmla="*/ 18582 w 302"/>
                <a:gd name="T43" fmla="*/ 106857 h 215"/>
                <a:gd name="T44" fmla="*/ 13804 w 302"/>
                <a:gd name="T45" fmla="*/ 102604 h 215"/>
                <a:gd name="T46" fmla="*/ 4247 w 302"/>
                <a:gd name="T47" fmla="*/ 99946 h 215"/>
                <a:gd name="T48" fmla="*/ 3186 w 302"/>
                <a:gd name="T49" fmla="*/ 93035 h 215"/>
                <a:gd name="T50" fmla="*/ 12211 w 302"/>
                <a:gd name="T51" fmla="*/ 81871 h 215"/>
                <a:gd name="T52" fmla="*/ 16989 w 302"/>
                <a:gd name="T53" fmla="*/ 72833 h 215"/>
                <a:gd name="T54" fmla="*/ 18051 w 302"/>
                <a:gd name="T55" fmla="*/ 69112 h 215"/>
                <a:gd name="T56" fmla="*/ 22299 w 302"/>
                <a:gd name="T57" fmla="*/ 65922 h 215"/>
                <a:gd name="T58" fmla="*/ 33448 w 302"/>
                <a:gd name="T59" fmla="*/ 63795 h 215"/>
                <a:gd name="T60" fmla="*/ 43004 w 302"/>
                <a:gd name="T61" fmla="*/ 59011 h 215"/>
                <a:gd name="T62" fmla="*/ 49375 w 302"/>
                <a:gd name="T63" fmla="*/ 51036 h 215"/>
                <a:gd name="T64" fmla="*/ 52561 w 302"/>
                <a:gd name="T65" fmla="*/ 45188 h 215"/>
                <a:gd name="T66" fmla="*/ 52561 w 302"/>
                <a:gd name="T67" fmla="*/ 38277 h 215"/>
                <a:gd name="T68" fmla="*/ 49906 w 302"/>
                <a:gd name="T69" fmla="*/ 28708 h 215"/>
                <a:gd name="T70" fmla="*/ 50437 w 302"/>
                <a:gd name="T71" fmla="*/ 21265 h 215"/>
                <a:gd name="T72" fmla="*/ 56808 w 302"/>
                <a:gd name="T73" fmla="*/ 21797 h 215"/>
                <a:gd name="T74" fmla="*/ 66365 w 302"/>
                <a:gd name="T75" fmla="*/ 24455 h 215"/>
                <a:gd name="T76" fmla="*/ 71674 w 302"/>
                <a:gd name="T77" fmla="*/ 28176 h 215"/>
                <a:gd name="T78" fmla="*/ 74328 w 302"/>
                <a:gd name="T79" fmla="*/ 29771 h 215"/>
                <a:gd name="T80" fmla="*/ 76452 w 302"/>
                <a:gd name="T81" fmla="*/ 29771 h 215"/>
                <a:gd name="T82" fmla="*/ 78045 w 302"/>
                <a:gd name="T83" fmla="*/ 26050 h 215"/>
                <a:gd name="T84" fmla="*/ 76452 w 302"/>
                <a:gd name="T85" fmla="*/ 20202 h 215"/>
                <a:gd name="T86" fmla="*/ 73797 w 302"/>
                <a:gd name="T87" fmla="*/ 17544 h 215"/>
                <a:gd name="T88" fmla="*/ 72205 w 302"/>
                <a:gd name="T89" fmla="*/ 14886 h 215"/>
                <a:gd name="T90" fmla="*/ 80169 w 302"/>
                <a:gd name="T91" fmla="*/ 12227 h 215"/>
                <a:gd name="T92" fmla="*/ 95565 w 302"/>
                <a:gd name="T93" fmla="*/ 8506 h 215"/>
                <a:gd name="T94" fmla="*/ 115740 w 302"/>
                <a:gd name="T95" fmla="*/ 2658 h 215"/>
                <a:gd name="T96" fmla="*/ 129013 w 302"/>
                <a:gd name="T97" fmla="*/ 1595 h 215"/>
                <a:gd name="T98" fmla="*/ 129544 w 302"/>
                <a:gd name="T99" fmla="*/ 4785 h 215"/>
                <a:gd name="T100" fmla="*/ 130606 w 302"/>
                <a:gd name="T101" fmla="*/ 5848 h 215"/>
                <a:gd name="T102" fmla="*/ 134322 w 302"/>
                <a:gd name="T103" fmla="*/ 9569 h 215"/>
                <a:gd name="T104" fmla="*/ 141224 w 302"/>
                <a:gd name="T105" fmla="*/ 15949 h 215"/>
                <a:gd name="T106" fmla="*/ 144409 w 302"/>
                <a:gd name="T107" fmla="*/ 23392 h 215"/>
                <a:gd name="T108" fmla="*/ 145471 w 302"/>
                <a:gd name="T109" fmla="*/ 29771 h 215"/>
                <a:gd name="T110" fmla="*/ 152373 w 302"/>
                <a:gd name="T111" fmla="*/ 35619 h 215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302" h="215">
                  <a:moveTo>
                    <a:pt x="300" y="73"/>
                  </a:moveTo>
                  <a:lnTo>
                    <a:pt x="300" y="79"/>
                  </a:lnTo>
                  <a:lnTo>
                    <a:pt x="300" y="83"/>
                  </a:lnTo>
                  <a:lnTo>
                    <a:pt x="300" y="88"/>
                  </a:lnTo>
                  <a:lnTo>
                    <a:pt x="302" y="91"/>
                  </a:lnTo>
                  <a:lnTo>
                    <a:pt x="294" y="102"/>
                  </a:lnTo>
                  <a:lnTo>
                    <a:pt x="285" y="112"/>
                  </a:lnTo>
                  <a:lnTo>
                    <a:pt x="281" y="117"/>
                  </a:lnTo>
                  <a:lnTo>
                    <a:pt x="278" y="124"/>
                  </a:lnTo>
                  <a:lnTo>
                    <a:pt x="275" y="130"/>
                  </a:lnTo>
                  <a:lnTo>
                    <a:pt x="274" y="139"/>
                  </a:lnTo>
                  <a:lnTo>
                    <a:pt x="261" y="133"/>
                  </a:lnTo>
                  <a:lnTo>
                    <a:pt x="246" y="129"/>
                  </a:lnTo>
                  <a:lnTo>
                    <a:pt x="245" y="126"/>
                  </a:lnTo>
                  <a:lnTo>
                    <a:pt x="242" y="123"/>
                  </a:lnTo>
                  <a:lnTo>
                    <a:pt x="238" y="122"/>
                  </a:lnTo>
                  <a:lnTo>
                    <a:pt x="232" y="121"/>
                  </a:lnTo>
                  <a:lnTo>
                    <a:pt x="226" y="121"/>
                  </a:lnTo>
                  <a:lnTo>
                    <a:pt x="221" y="121"/>
                  </a:lnTo>
                  <a:lnTo>
                    <a:pt x="216" y="122"/>
                  </a:lnTo>
                  <a:lnTo>
                    <a:pt x="213" y="124"/>
                  </a:lnTo>
                  <a:lnTo>
                    <a:pt x="212" y="131"/>
                  </a:lnTo>
                  <a:lnTo>
                    <a:pt x="211" y="137"/>
                  </a:lnTo>
                  <a:lnTo>
                    <a:pt x="210" y="144"/>
                  </a:lnTo>
                  <a:lnTo>
                    <a:pt x="207" y="149"/>
                  </a:lnTo>
                  <a:lnTo>
                    <a:pt x="205" y="153"/>
                  </a:lnTo>
                  <a:lnTo>
                    <a:pt x="202" y="157"/>
                  </a:lnTo>
                  <a:lnTo>
                    <a:pt x="198" y="162"/>
                  </a:lnTo>
                  <a:lnTo>
                    <a:pt x="193" y="165"/>
                  </a:lnTo>
                  <a:lnTo>
                    <a:pt x="176" y="179"/>
                  </a:lnTo>
                  <a:lnTo>
                    <a:pt x="160" y="192"/>
                  </a:lnTo>
                  <a:lnTo>
                    <a:pt x="161" y="204"/>
                  </a:lnTo>
                  <a:lnTo>
                    <a:pt x="162" y="215"/>
                  </a:lnTo>
                  <a:lnTo>
                    <a:pt x="152" y="210"/>
                  </a:lnTo>
                  <a:lnTo>
                    <a:pt x="141" y="208"/>
                  </a:lnTo>
                  <a:lnTo>
                    <a:pt x="128" y="206"/>
                  </a:lnTo>
                  <a:lnTo>
                    <a:pt x="115" y="206"/>
                  </a:lnTo>
                  <a:lnTo>
                    <a:pt x="88" y="206"/>
                  </a:lnTo>
                  <a:lnTo>
                    <a:pt x="61" y="208"/>
                  </a:lnTo>
                  <a:lnTo>
                    <a:pt x="52" y="206"/>
                  </a:lnTo>
                  <a:lnTo>
                    <a:pt x="45" y="205"/>
                  </a:lnTo>
                  <a:lnTo>
                    <a:pt x="42" y="205"/>
                  </a:lnTo>
                  <a:lnTo>
                    <a:pt x="39" y="203"/>
                  </a:lnTo>
                  <a:lnTo>
                    <a:pt x="35" y="201"/>
                  </a:lnTo>
                  <a:lnTo>
                    <a:pt x="32" y="197"/>
                  </a:lnTo>
                  <a:lnTo>
                    <a:pt x="26" y="193"/>
                  </a:lnTo>
                  <a:lnTo>
                    <a:pt x="17" y="190"/>
                  </a:lnTo>
                  <a:lnTo>
                    <a:pt x="8" y="188"/>
                  </a:lnTo>
                  <a:lnTo>
                    <a:pt x="0" y="185"/>
                  </a:lnTo>
                  <a:lnTo>
                    <a:pt x="6" y="175"/>
                  </a:lnTo>
                  <a:lnTo>
                    <a:pt x="12" y="167"/>
                  </a:lnTo>
                  <a:lnTo>
                    <a:pt x="23" y="154"/>
                  </a:lnTo>
                  <a:lnTo>
                    <a:pt x="32" y="142"/>
                  </a:lnTo>
                  <a:lnTo>
                    <a:pt x="32" y="137"/>
                  </a:lnTo>
                  <a:lnTo>
                    <a:pt x="33" y="133"/>
                  </a:lnTo>
                  <a:lnTo>
                    <a:pt x="34" y="130"/>
                  </a:lnTo>
                  <a:lnTo>
                    <a:pt x="36" y="128"/>
                  </a:lnTo>
                  <a:lnTo>
                    <a:pt x="42" y="124"/>
                  </a:lnTo>
                  <a:lnTo>
                    <a:pt x="48" y="122"/>
                  </a:lnTo>
                  <a:lnTo>
                    <a:pt x="63" y="120"/>
                  </a:lnTo>
                  <a:lnTo>
                    <a:pt x="75" y="116"/>
                  </a:lnTo>
                  <a:lnTo>
                    <a:pt x="81" y="111"/>
                  </a:lnTo>
                  <a:lnTo>
                    <a:pt x="87" y="104"/>
                  </a:lnTo>
                  <a:lnTo>
                    <a:pt x="93" y="96"/>
                  </a:lnTo>
                  <a:lnTo>
                    <a:pt x="96" y="91"/>
                  </a:lnTo>
                  <a:lnTo>
                    <a:pt x="99" y="85"/>
                  </a:lnTo>
                  <a:lnTo>
                    <a:pt x="99" y="79"/>
                  </a:lnTo>
                  <a:lnTo>
                    <a:pt x="99" y="72"/>
                  </a:lnTo>
                  <a:lnTo>
                    <a:pt x="98" y="66"/>
                  </a:lnTo>
                  <a:lnTo>
                    <a:pt x="94" y="54"/>
                  </a:lnTo>
                  <a:lnTo>
                    <a:pt x="91" y="43"/>
                  </a:lnTo>
                  <a:lnTo>
                    <a:pt x="95" y="40"/>
                  </a:lnTo>
                  <a:lnTo>
                    <a:pt x="99" y="37"/>
                  </a:lnTo>
                  <a:lnTo>
                    <a:pt x="107" y="41"/>
                  </a:lnTo>
                  <a:lnTo>
                    <a:pt x="116" y="43"/>
                  </a:lnTo>
                  <a:lnTo>
                    <a:pt x="125" y="46"/>
                  </a:lnTo>
                  <a:lnTo>
                    <a:pt x="131" y="50"/>
                  </a:lnTo>
                  <a:lnTo>
                    <a:pt x="135" y="53"/>
                  </a:lnTo>
                  <a:lnTo>
                    <a:pt x="139" y="55"/>
                  </a:lnTo>
                  <a:lnTo>
                    <a:pt x="140" y="56"/>
                  </a:lnTo>
                  <a:lnTo>
                    <a:pt x="142" y="56"/>
                  </a:lnTo>
                  <a:lnTo>
                    <a:pt x="144" y="56"/>
                  </a:lnTo>
                  <a:lnTo>
                    <a:pt x="147" y="55"/>
                  </a:lnTo>
                  <a:lnTo>
                    <a:pt x="147" y="49"/>
                  </a:lnTo>
                  <a:lnTo>
                    <a:pt x="147" y="43"/>
                  </a:lnTo>
                  <a:lnTo>
                    <a:pt x="144" y="38"/>
                  </a:lnTo>
                  <a:lnTo>
                    <a:pt x="141" y="35"/>
                  </a:lnTo>
                  <a:lnTo>
                    <a:pt x="139" y="33"/>
                  </a:lnTo>
                  <a:lnTo>
                    <a:pt x="138" y="31"/>
                  </a:lnTo>
                  <a:lnTo>
                    <a:pt x="136" y="28"/>
                  </a:lnTo>
                  <a:lnTo>
                    <a:pt x="136" y="25"/>
                  </a:lnTo>
                  <a:lnTo>
                    <a:pt x="151" y="23"/>
                  </a:lnTo>
                  <a:lnTo>
                    <a:pt x="166" y="20"/>
                  </a:lnTo>
                  <a:lnTo>
                    <a:pt x="180" y="16"/>
                  </a:lnTo>
                  <a:lnTo>
                    <a:pt x="192" y="13"/>
                  </a:lnTo>
                  <a:lnTo>
                    <a:pt x="218" y="5"/>
                  </a:lnTo>
                  <a:lnTo>
                    <a:pt x="241" y="0"/>
                  </a:lnTo>
                  <a:lnTo>
                    <a:pt x="243" y="3"/>
                  </a:lnTo>
                  <a:lnTo>
                    <a:pt x="244" y="7"/>
                  </a:lnTo>
                  <a:lnTo>
                    <a:pt x="244" y="9"/>
                  </a:lnTo>
                  <a:lnTo>
                    <a:pt x="245" y="10"/>
                  </a:lnTo>
                  <a:lnTo>
                    <a:pt x="246" y="11"/>
                  </a:lnTo>
                  <a:lnTo>
                    <a:pt x="248" y="12"/>
                  </a:lnTo>
                  <a:lnTo>
                    <a:pt x="253" y="18"/>
                  </a:lnTo>
                  <a:lnTo>
                    <a:pt x="260" y="25"/>
                  </a:lnTo>
                  <a:lnTo>
                    <a:pt x="266" y="30"/>
                  </a:lnTo>
                  <a:lnTo>
                    <a:pt x="274" y="34"/>
                  </a:lnTo>
                  <a:lnTo>
                    <a:pt x="272" y="44"/>
                  </a:lnTo>
                  <a:lnTo>
                    <a:pt x="272" y="50"/>
                  </a:lnTo>
                  <a:lnTo>
                    <a:pt x="274" y="56"/>
                  </a:lnTo>
                  <a:lnTo>
                    <a:pt x="278" y="61"/>
                  </a:lnTo>
                  <a:lnTo>
                    <a:pt x="287" y="67"/>
                  </a:lnTo>
                  <a:lnTo>
                    <a:pt x="300" y="73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07" name="Furesø"/>
            <p:cNvSpPr>
              <a:spLocks/>
            </p:cNvSpPr>
            <p:nvPr/>
          </p:nvSpPr>
          <p:spPr bwMode="auto">
            <a:xfrm>
              <a:off x="3794125" y="4721225"/>
              <a:ext cx="100013" cy="127000"/>
            </a:xfrm>
            <a:custGeom>
              <a:avLst/>
              <a:gdLst>
                <a:gd name="T0" fmla="*/ 87446 w 191"/>
                <a:gd name="T1" fmla="*/ 40746 h 240"/>
                <a:gd name="T2" fmla="*/ 80115 w 191"/>
                <a:gd name="T3" fmla="*/ 44979 h 240"/>
                <a:gd name="T4" fmla="*/ 67548 w 191"/>
                <a:gd name="T5" fmla="*/ 49742 h 240"/>
                <a:gd name="T6" fmla="*/ 60217 w 191"/>
                <a:gd name="T7" fmla="*/ 56621 h 240"/>
                <a:gd name="T8" fmla="*/ 65977 w 191"/>
                <a:gd name="T9" fmla="*/ 64029 h 240"/>
                <a:gd name="T10" fmla="*/ 72261 w 191"/>
                <a:gd name="T11" fmla="*/ 70379 h 240"/>
                <a:gd name="T12" fmla="*/ 78021 w 191"/>
                <a:gd name="T13" fmla="*/ 77258 h 240"/>
                <a:gd name="T14" fmla="*/ 81686 w 191"/>
                <a:gd name="T15" fmla="*/ 84667 h 240"/>
                <a:gd name="T16" fmla="*/ 83781 w 191"/>
                <a:gd name="T17" fmla="*/ 92075 h 240"/>
                <a:gd name="T18" fmla="*/ 92159 w 191"/>
                <a:gd name="T19" fmla="*/ 95779 h 240"/>
                <a:gd name="T20" fmla="*/ 97395 w 191"/>
                <a:gd name="T21" fmla="*/ 96308 h 240"/>
                <a:gd name="T22" fmla="*/ 90588 w 191"/>
                <a:gd name="T23" fmla="*/ 98954 h 240"/>
                <a:gd name="T24" fmla="*/ 85875 w 191"/>
                <a:gd name="T25" fmla="*/ 104246 h 240"/>
                <a:gd name="T26" fmla="*/ 85351 w 191"/>
                <a:gd name="T27" fmla="*/ 115358 h 240"/>
                <a:gd name="T28" fmla="*/ 85351 w 191"/>
                <a:gd name="T29" fmla="*/ 124354 h 240"/>
                <a:gd name="T30" fmla="*/ 78544 w 191"/>
                <a:gd name="T31" fmla="*/ 123825 h 240"/>
                <a:gd name="T32" fmla="*/ 71213 w 191"/>
                <a:gd name="T33" fmla="*/ 119063 h 240"/>
                <a:gd name="T34" fmla="*/ 65454 w 191"/>
                <a:gd name="T35" fmla="*/ 117475 h 240"/>
                <a:gd name="T36" fmla="*/ 59170 w 191"/>
                <a:gd name="T37" fmla="*/ 118004 h 240"/>
                <a:gd name="T38" fmla="*/ 56028 w 191"/>
                <a:gd name="T39" fmla="*/ 121179 h 240"/>
                <a:gd name="T40" fmla="*/ 52363 w 191"/>
                <a:gd name="T41" fmla="*/ 124883 h 240"/>
                <a:gd name="T42" fmla="*/ 47650 w 191"/>
                <a:gd name="T43" fmla="*/ 127000 h 240"/>
                <a:gd name="T44" fmla="*/ 38748 w 191"/>
                <a:gd name="T45" fmla="*/ 124354 h 240"/>
                <a:gd name="T46" fmla="*/ 27752 w 191"/>
                <a:gd name="T47" fmla="*/ 121708 h 240"/>
                <a:gd name="T48" fmla="*/ 17280 w 191"/>
                <a:gd name="T49" fmla="*/ 120121 h 240"/>
                <a:gd name="T50" fmla="*/ 6284 w 191"/>
                <a:gd name="T51" fmla="*/ 118004 h 240"/>
                <a:gd name="T52" fmla="*/ 524 w 191"/>
                <a:gd name="T53" fmla="*/ 112713 h 240"/>
                <a:gd name="T54" fmla="*/ 0 w 191"/>
                <a:gd name="T55" fmla="*/ 106892 h 240"/>
                <a:gd name="T56" fmla="*/ 524 w 191"/>
                <a:gd name="T57" fmla="*/ 103188 h 240"/>
                <a:gd name="T58" fmla="*/ 3142 w 191"/>
                <a:gd name="T59" fmla="*/ 99483 h 240"/>
                <a:gd name="T60" fmla="*/ 6807 w 191"/>
                <a:gd name="T61" fmla="*/ 96308 h 240"/>
                <a:gd name="T62" fmla="*/ 13091 w 191"/>
                <a:gd name="T63" fmla="*/ 91546 h 240"/>
                <a:gd name="T64" fmla="*/ 10473 w 191"/>
                <a:gd name="T65" fmla="*/ 83079 h 240"/>
                <a:gd name="T66" fmla="*/ 14138 w 191"/>
                <a:gd name="T67" fmla="*/ 74613 h 240"/>
                <a:gd name="T68" fmla="*/ 24611 w 191"/>
                <a:gd name="T69" fmla="*/ 68792 h 240"/>
                <a:gd name="T70" fmla="*/ 28276 w 191"/>
                <a:gd name="T71" fmla="*/ 65088 h 240"/>
                <a:gd name="T72" fmla="*/ 29847 w 191"/>
                <a:gd name="T73" fmla="*/ 61383 h 240"/>
                <a:gd name="T74" fmla="*/ 25134 w 191"/>
                <a:gd name="T75" fmla="*/ 53975 h 240"/>
                <a:gd name="T76" fmla="*/ 16756 w 191"/>
                <a:gd name="T77" fmla="*/ 46567 h 240"/>
                <a:gd name="T78" fmla="*/ 14662 w 191"/>
                <a:gd name="T79" fmla="*/ 42333 h 240"/>
                <a:gd name="T80" fmla="*/ 14662 w 191"/>
                <a:gd name="T81" fmla="*/ 38629 h 240"/>
                <a:gd name="T82" fmla="*/ 15709 w 191"/>
                <a:gd name="T83" fmla="*/ 34396 h 240"/>
                <a:gd name="T84" fmla="*/ 18851 w 191"/>
                <a:gd name="T85" fmla="*/ 30692 h 240"/>
                <a:gd name="T86" fmla="*/ 26181 w 191"/>
                <a:gd name="T87" fmla="*/ 25400 h 240"/>
                <a:gd name="T88" fmla="*/ 35083 w 191"/>
                <a:gd name="T89" fmla="*/ 20108 h 240"/>
                <a:gd name="T90" fmla="*/ 39272 w 191"/>
                <a:gd name="T91" fmla="*/ 15346 h 240"/>
                <a:gd name="T92" fmla="*/ 42414 w 191"/>
                <a:gd name="T93" fmla="*/ 10054 h 240"/>
                <a:gd name="T94" fmla="*/ 42938 w 191"/>
                <a:gd name="T95" fmla="*/ 3704 h 240"/>
                <a:gd name="T96" fmla="*/ 47650 w 191"/>
                <a:gd name="T97" fmla="*/ 0 h 240"/>
                <a:gd name="T98" fmla="*/ 54457 w 191"/>
                <a:gd name="T99" fmla="*/ 529 h 240"/>
                <a:gd name="T100" fmla="*/ 57599 w 191"/>
                <a:gd name="T101" fmla="*/ 1588 h 240"/>
                <a:gd name="T102" fmla="*/ 61788 w 191"/>
                <a:gd name="T103" fmla="*/ 4233 h 240"/>
                <a:gd name="T104" fmla="*/ 69119 w 191"/>
                <a:gd name="T105" fmla="*/ 7408 h 240"/>
                <a:gd name="T106" fmla="*/ 70690 w 191"/>
                <a:gd name="T107" fmla="*/ 11642 h 240"/>
                <a:gd name="T108" fmla="*/ 71213 w 191"/>
                <a:gd name="T109" fmla="*/ 15875 h 240"/>
                <a:gd name="T110" fmla="*/ 73308 w 191"/>
                <a:gd name="T111" fmla="*/ 19579 h 240"/>
                <a:gd name="T112" fmla="*/ 76973 w 191"/>
                <a:gd name="T113" fmla="*/ 22225 h 240"/>
                <a:gd name="T114" fmla="*/ 86399 w 191"/>
                <a:gd name="T115" fmla="*/ 32279 h 24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191" h="240">
                  <a:moveTo>
                    <a:pt x="173" y="71"/>
                  </a:moveTo>
                  <a:lnTo>
                    <a:pt x="167" y="77"/>
                  </a:lnTo>
                  <a:lnTo>
                    <a:pt x="160" y="81"/>
                  </a:lnTo>
                  <a:lnTo>
                    <a:pt x="153" y="85"/>
                  </a:lnTo>
                  <a:lnTo>
                    <a:pt x="145" y="88"/>
                  </a:lnTo>
                  <a:lnTo>
                    <a:pt x="129" y="94"/>
                  </a:lnTo>
                  <a:lnTo>
                    <a:pt x="112" y="99"/>
                  </a:lnTo>
                  <a:lnTo>
                    <a:pt x="115" y="107"/>
                  </a:lnTo>
                  <a:lnTo>
                    <a:pt x="120" y="115"/>
                  </a:lnTo>
                  <a:lnTo>
                    <a:pt x="126" y="121"/>
                  </a:lnTo>
                  <a:lnTo>
                    <a:pt x="132" y="127"/>
                  </a:lnTo>
                  <a:lnTo>
                    <a:pt x="138" y="133"/>
                  </a:lnTo>
                  <a:lnTo>
                    <a:pt x="145" y="139"/>
                  </a:lnTo>
                  <a:lnTo>
                    <a:pt x="149" y="146"/>
                  </a:lnTo>
                  <a:lnTo>
                    <a:pt x="153" y="155"/>
                  </a:lnTo>
                  <a:lnTo>
                    <a:pt x="156" y="160"/>
                  </a:lnTo>
                  <a:lnTo>
                    <a:pt x="159" y="166"/>
                  </a:lnTo>
                  <a:lnTo>
                    <a:pt x="160" y="174"/>
                  </a:lnTo>
                  <a:lnTo>
                    <a:pt x="160" y="183"/>
                  </a:lnTo>
                  <a:lnTo>
                    <a:pt x="176" y="181"/>
                  </a:lnTo>
                  <a:lnTo>
                    <a:pt x="191" y="178"/>
                  </a:lnTo>
                  <a:lnTo>
                    <a:pt x="186" y="182"/>
                  </a:lnTo>
                  <a:lnTo>
                    <a:pt x="180" y="185"/>
                  </a:lnTo>
                  <a:lnTo>
                    <a:pt x="173" y="187"/>
                  </a:lnTo>
                  <a:lnTo>
                    <a:pt x="166" y="188"/>
                  </a:lnTo>
                  <a:lnTo>
                    <a:pt x="164" y="197"/>
                  </a:lnTo>
                  <a:lnTo>
                    <a:pt x="163" y="207"/>
                  </a:lnTo>
                  <a:lnTo>
                    <a:pt x="163" y="218"/>
                  </a:lnTo>
                  <a:lnTo>
                    <a:pt x="163" y="228"/>
                  </a:lnTo>
                  <a:lnTo>
                    <a:pt x="163" y="235"/>
                  </a:lnTo>
                  <a:lnTo>
                    <a:pt x="160" y="239"/>
                  </a:lnTo>
                  <a:lnTo>
                    <a:pt x="150" y="234"/>
                  </a:lnTo>
                  <a:lnTo>
                    <a:pt x="140" y="228"/>
                  </a:lnTo>
                  <a:lnTo>
                    <a:pt x="136" y="225"/>
                  </a:lnTo>
                  <a:lnTo>
                    <a:pt x="130" y="223"/>
                  </a:lnTo>
                  <a:lnTo>
                    <a:pt x="125" y="222"/>
                  </a:lnTo>
                  <a:lnTo>
                    <a:pt x="117" y="221"/>
                  </a:lnTo>
                  <a:lnTo>
                    <a:pt x="113" y="223"/>
                  </a:lnTo>
                  <a:lnTo>
                    <a:pt x="110" y="226"/>
                  </a:lnTo>
                  <a:lnTo>
                    <a:pt x="107" y="229"/>
                  </a:lnTo>
                  <a:lnTo>
                    <a:pt x="104" y="233"/>
                  </a:lnTo>
                  <a:lnTo>
                    <a:pt x="100" y="236"/>
                  </a:lnTo>
                  <a:lnTo>
                    <a:pt x="96" y="238"/>
                  </a:lnTo>
                  <a:lnTo>
                    <a:pt x="91" y="240"/>
                  </a:lnTo>
                  <a:lnTo>
                    <a:pt x="84" y="239"/>
                  </a:lnTo>
                  <a:lnTo>
                    <a:pt x="74" y="235"/>
                  </a:lnTo>
                  <a:lnTo>
                    <a:pt x="64" y="232"/>
                  </a:lnTo>
                  <a:lnTo>
                    <a:pt x="53" y="230"/>
                  </a:lnTo>
                  <a:lnTo>
                    <a:pt x="44" y="228"/>
                  </a:lnTo>
                  <a:lnTo>
                    <a:pt x="33" y="227"/>
                  </a:lnTo>
                  <a:lnTo>
                    <a:pt x="22" y="225"/>
                  </a:lnTo>
                  <a:lnTo>
                    <a:pt x="12" y="223"/>
                  </a:lnTo>
                  <a:lnTo>
                    <a:pt x="2" y="219"/>
                  </a:lnTo>
                  <a:lnTo>
                    <a:pt x="1" y="213"/>
                  </a:lnTo>
                  <a:lnTo>
                    <a:pt x="0" y="207"/>
                  </a:lnTo>
                  <a:lnTo>
                    <a:pt x="0" y="202"/>
                  </a:lnTo>
                  <a:lnTo>
                    <a:pt x="0" y="198"/>
                  </a:lnTo>
                  <a:lnTo>
                    <a:pt x="1" y="195"/>
                  </a:lnTo>
                  <a:lnTo>
                    <a:pt x="4" y="192"/>
                  </a:lnTo>
                  <a:lnTo>
                    <a:pt x="6" y="188"/>
                  </a:lnTo>
                  <a:lnTo>
                    <a:pt x="8" y="186"/>
                  </a:lnTo>
                  <a:lnTo>
                    <a:pt x="13" y="182"/>
                  </a:lnTo>
                  <a:lnTo>
                    <a:pt x="19" y="178"/>
                  </a:lnTo>
                  <a:lnTo>
                    <a:pt x="25" y="173"/>
                  </a:lnTo>
                  <a:lnTo>
                    <a:pt x="28" y="165"/>
                  </a:lnTo>
                  <a:lnTo>
                    <a:pt x="20" y="157"/>
                  </a:lnTo>
                  <a:lnTo>
                    <a:pt x="13" y="147"/>
                  </a:lnTo>
                  <a:lnTo>
                    <a:pt x="27" y="141"/>
                  </a:lnTo>
                  <a:lnTo>
                    <a:pt x="41" y="135"/>
                  </a:lnTo>
                  <a:lnTo>
                    <a:pt x="47" y="130"/>
                  </a:lnTo>
                  <a:lnTo>
                    <a:pt x="52" y="126"/>
                  </a:lnTo>
                  <a:lnTo>
                    <a:pt x="54" y="123"/>
                  </a:lnTo>
                  <a:lnTo>
                    <a:pt x="56" y="120"/>
                  </a:lnTo>
                  <a:lnTo>
                    <a:pt x="57" y="116"/>
                  </a:lnTo>
                  <a:lnTo>
                    <a:pt x="58" y="112"/>
                  </a:lnTo>
                  <a:lnTo>
                    <a:pt x="48" y="102"/>
                  </a:lnTo>
                  <a:lnTo>
                    <a:pt x="37" y="93"/>
                  </a:lnTo>
                  <a:lnTo>
                    <a:pt x="32" y="88"/>
                  </a:lnTo>
                  <a:lnTo>
                    <a:pt x="29" y="83"/>
                  </a:lnTo>
                  <a:lnTo>
                    <a:pt x="28" y="80"/>
                  </a:lnTo>
                  <a:lnTo>
                    <a:pt x="28" y="77"/>
                  </a:lnTo>
                  <a:lnTo>
                    <a:pt x="28" y="73"/>
                  </a:lnTo>
                  <a:lnTo>
                    <a:pt x="28" y="68"/>
                  </a:lnTo>
                  <a:lnTo>
                    <a:pt x="30" y="65"/>
                  </a:lnTo>
                  <a:lnTo>
                    <a:pt x="32" y="61"/>
                  </a:lnTo>
                  <a:lnTo>
                    <a:pt x="36" y="58"/>
                  </a:lnTo>
                  <a:lnTo>
                    <a:pt x="40" y="55"/>
                  </a:lnTo>
                  <a:lnTo>
                    <a:pt x="50" y="48"/>
                  </a:lnTo>
                  <a:lnTo>
                    <a:pt x="61" y="41"/>
                  </a:lnTo>
                  <a:lnTo>
                    <a:pt x="67" y="38"/>
                  </a:lnTo>
                  <a:lnTo>
                    <a:pt x="71" y="34"/>
                  </a:lnTo>
                  <a:lnTo>
                    <a:pt x="75" y="29"/>
                  </a:lnTo>
                  <a:lnTo>
                    <a:pt x="79" y="24"/>
                  </a:lnTo>
                  <a:lnTo>
                    <a:pt x="81" y="19"/>
                  </a:lnTo>
                  <a:lnTo>
                    <a:pt x="82" y="14"/>
                  </a:lnTo>
                  <a:lnTo>
                    <a:pt x="82" y="7"/>
                  </a:lnTo>
                  <a:lnTo>
                    <a:pt x="81" y="0"/>
                  </a:lnTo>
                  <a:lnTo>
                    <a:pt x="91" y="0"/>
                  </a:lnTo>
                  <a:lnTo>
                    <a:pt x="99" y="0"/>
                  </a:lnTo>
                  <a:lnTo>
                    <a:pt x="104" y="1"/>
                  </a:lnTo>
                  <a:lnTo>
                    <a:pt x="107" y="2"/>
                  </a:lnTo>
                  <a:lnTo>
                    <a:pt x="110" y="3"/>
                  </a:lnTo>
                  <a:lnTo>
                    <a:pt x="112" y="5"/>
                  </a:lnTo>
                  <a:lnTo>
                    <a:pt x="118" y="8"/>
                  </a:lnTo>
                  <a:lnTo>
                    <a:pt x="126" y="10"/>
                  </a:lnTo>
                  <a:lnTo>
                    <a:pt x="132" y="14"/>
                  </a:lnTo>
                  <a:lnTo>
                    <a:pt x="137" y="18"/>
                  </a:lnTo>
                  <a:lnTo>
                    <a:pt x="135" y="22"/>
                  </a:lnTo>
                  <a:lnTo>
                    <a:pt x="135" y="26"/>
                  </a:lnTo>
                  <a:lnTo>
                    <a:pt x="136" y="30"/>
                  </a:lnTo>
                  <a:lnTo>
                    <a:pt x="137" y="34"/>
                  </a:lnTo>
                  <a:lnTo>
                    <a:pt x="140" y="37"/>
                  </a:lnTo>
                  <a:lnTo>
                    <a:pt x="144" y="40"/>
                  </a:lnTo>
                  <a:lnTo>
                    <a:pt x="147" y="42"/>
                  </a:lnTo>
                  <a:lnTo>
                    <a:pt x="150" y="43"/>
                  </a:lnTo>
                  <a:lnTo>
                    <a:pt x="165" y="61"/>
                  </a:lnTo>
                  <a:lnTo>
                    <a:pt x="173" y="71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08" name="Furesø kant"/>
            <p:cNvSpPr>
              <a:spLocks/>
            </p:cNvSpPr>
            <p:nvPr/>
          </p:nvSpPr>
          <p:spPr bwMode="auto">
            <a:xfrm>
              <a:off x="3794125" y="4721225"/>
              <a:ext cx="100013" cy="127000"/>
            </a:xfrm>
            <a:custGeom>
              <a:avLst/>
              <a:gdLst>
                <a:gd name="T0" fmla="*/ 87446 w 191"/>
                <a:gd name="T1" fmla="*/ 40746 h 240"/>
                <a:gd name="T2" fmla="*/ 80115 w 191"/>
                <a:gd name="T3" fmla="*/ 44979 h 240"/>
                <a:gd name="T4" fmla="*/ 67548 w 191"/>
                <a:gd name="T5" fmla="*/ 49742 h 240"/>
                <a:gd name="T6" fmla="*/ 60217 w 191"/>
                <a:gd name="T7" fmla="*/ 56621 h 240"/>
                <a:gd name="T8" fmla="*/ 65977 w 191"/>
                <a:gd name="T9" fmla="*/ 64029 h 240"/>
                <a:gd name="T10" fmla="*/ 72261 w 191"/>
                <a:gd name="T11" fmla="*/ 70379 h 240"/>
                <a:gd name="T12" fmla="*/ 78021 w 191"/>
                <a:gd name="T13" fmla="*/ 77258 h 240"/>
                <a:gd name="T14" fmla="*/ 81686 w 191"/>
                <a:gd name="T15" fmla="*/ 84667 h 240"/>
                <a:gd name="T16" fmla="*/ 83781 w 191"/>
                <a:gd name="T17" fmla="*/ 92075 h 240"/>
                <a:gd name="T18" fmla="*/ 92159 w 191"/>
                <a:gd name="T19" fmla="*/ 95779 h 240"/>
                <a:gd name="T20" fmla="*/ 97395 w 191"/>
                <a:gd name="T21" fmla="*/ 96308 h 240"/>
                <a:gd name="T22" fmla="*/ 90588 w 191"/>
                <a:gd name="T23" fmla="*/ 98954 h 240"/>
                <a:gd name="T24" fmla="*/ 85875 w 191"/>
                <a:gd name="T25" fmla="*/ 104246 h 240"/>
                <a:gd name="T26" fmla="*/ 85351 w 191"/>
                <a:gd name="T27" fmla="*/ 115358 h 240"/>
                <a:gd name="T28" fmla="*/ 85351 w 191"/>
                <a:gd name="T29" fmla="*/ 124354 h 240"/>
                <a:gd name="T30" fmla="*/ 78544 w 191"/>
                <a:gd name="T31" fmla="*/ 123825 h 240"/>
                <a:gd name="T32" fmla="*/ 71213 w 191"/>
                <a:gd name="T33" fmla="*/ 119063 h 240"/>
                <a:gd name="T34" fmla="*/ 65454 w 191"/>
                <a:gd name="T35" fmla="*/ 117475 h 240"/>
                <a:gd name="T36" fmla="*/ 59170 w 191"/>
                <a:gd name="T37" fmla="*/ 118004 h 240"/>
                <a:gd name="T38" fmla="*/ 56028 w 191"/>
                <a:gd name="T39" fmla="*/ 121179 h 240"/>
                <a:gd name="T40" fmla="*/ 52363 w 191"/>
                <a:gd name="T41" fmla="*/ 124883 h 240"/>
                <a:gd name="T42" fmla="*/ 47650 w 191"/>
                <a:gd name="T43" fmla="*/ 127000 h 240"/>
                <a:gd name="T44" fmla="*/ 38748 w 191"/>
                <a:gd name="T45" fmla="*/ 124354 h 240"/>
                <a:gd name="T46" fmla="*/ 27752 w 191"/>
                <a:gd name="T47" fmla="*/ 121708 h 240"/>
                <a:gd name="T48" fmla="*/ 17280 w 191"/>
                <a:gd name="T49" fmla="*/ 120121 h 240"/>
                <a:gd name="T50" fmla="*/ 6284 w 191"/>
                <a:gd name="T51" fmla="*/ 118004 h 240"/>
                <a:gd name="T52" fmla="*/ 524 w 191"/>
                <a:gd name="T53" fmla="*/ 112713 h 240"/>
                <a:gd name="T54" fmla="*/ 0 w 191"/>
                <a:gd name="T55" fmla="*/ 106892 h 240"/>
                <a:gd name="T56" fmla="*/ 524 w 191"/>
                <a:gd name="T57" fmla="*/ 103188 h 240"/>
                <a:gd name="T58" fmla="*/ 3142 w 191"/>
                <a:gd name="T59" fmla="*/ 99483 h 240"/>
                <a:gd name="T60" fmla="*/ 6807 w 191"/>
                <a:gd name="T61" fmla="*/ 96308 h 240"/>
                <a:gd name="T62" fmla="*/ 13091 w 191"/>
                <a:gd name="T63" fmla="*/ 91546 h 240"/>
                <a:gd name="T64" fmla="*/ 10473 w 191"/>
                <a:gd name="T65" fmla="*/ 83079 h 240"/>
                <a:gd name="T66" fmla="*/ 14138 w 191"/>
                <a:gd name="T67" fmla="*/ 74613 h 240"/>
                <a:gd name="T68" fmla="*/ 24611 w 191"/>
                <a:gd name="T69" fmla="*/ 68792 h 240"/>
                <a:gd name="T70" fmla="*/ 28276 w 191"/>
                <a:gd name="T71" fmla="*/ 65088 h 240"/>
                <a:gd name="T72" fmla="*/ 29847 w 191"/>
                <a:gd name="T73" fmla="*/ 61383 h 240"/>
                <a:gd name="T74" fmla="*/ 25134 w 191"/>
                <a:gd name="T75" fmla="*/ 53975 h 240"/>
                <a:gd name="T76" fmla="*/ 16756 w 191"/>
                <a:gd name="T77" fmla="*/ 46567 h 240"/>
                <a:gd name="T78" fmla="*/ 14662 w 191"/>
                <a:gd name="T79" fmla="*/ 42333 h 240"/>
                <a:gd name="T80" fmla="*/ 14662 w 191"/>
                <a:gd name="T81" fmla="*/ 38629 h 240"/>
                <a:gd name="T82" fmla="*/ 15709 w 191"/>
                <a:gd name="T83" fmla="*/ 34396 h 240"/>
                <a:gd name="T84" fmla="*/ 18851 w 191"/>
                <a:gd name="T85" fmla="*/ 30692 h 240"/>
                <a:gd name="T86" fmla="*/ 26181 w 191"/>
                <a:gd name="T87" fmla="*/ 25400 h 240"/>
                <a:gd name="T88" fmla="*/ 35083 w 191"/>
                <a:gd name="T89" fmla="*/ 20108 h 240"/>
                <a:gd name="T90" fmla="*/ 39272 w 191"/>
                <a:gd name="T91" fmla="*/ 15346 h 240"/>
                <a:gd name="T92" fmla="*/ 42414 w 191"/>
                <a:gd name="T93" fmla="*/ 10054 h 240"/>
                <a:gd name="T94" fmla="*/ 42938 w 191"/>
                <a:gd name="T95" fmla="*/ 3704 h 240"/>
                <a:gd name="T96" fmla="*/ 47650 w 191"/>
                <a:gd name="T97" fmla="*/ 0 h 240"/>
                <a:gd name="T98" fmla="*/ 54457 w 191"/>
                <a:gd name="T99" fmla="*/ 529 h 240"/>
                <a:gd name="T100" fmla="*/ 57599 w 191"/>
                <a:gd name="T101" fmla="*/ 1588 h 240"/>
                <a:gd name="T102" fmla="*/ 61788 w 191"/>
                <a:gd name="T103" fmla="*/ 4233 h 240"/>
                <a:gd name="T104" fmla="*/ 69119 w 191"/>
                <a:gd name="T105" fmla="*/ 7408 h 240"/>
                <a:gd name="T106" fmla="*/ 70690 w 191"/>
                <a:gd name="T107" fmla="*/ 11642 h 240"/>
                <a:gd name="T108" fmla="*/ 71213 w 191"/>
                <a:gd name="T109" fmla="*/ 15875 h 240"/>
                <a:gd name="T110" fmla="*/ 73308 w 191"/>
                <a:gd name="T111" fmla="*/ 19579 h 240"/>
                <a:gd name="T112" fmla="*/ 76973 w 191"/>
                <a:gd name="T113" fmla="*/ 22225 h 240"/>
                <a:gd name="T114" fmla="*/ 86399 w 191"/>
                <a:gd name="T115" fmla="*/ 32279 h 24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191" h="240">
                  <a:moveTo>
                    <a:pt x="173" y="71"/>
                  </a:moveTo>
                  <a:lnTo>
                    <a:pt x="167" y="77"/>
                  </a:lnTo>
                  <a:lnTo>
                    <a:pt x="160" y="81"/>
                  </a:lnTo>
                  <a:lnTo>
                    <a:pt x="153" y="85"/>
                  </a:lnTo>
                  <a:lnTo>
                    <a:pt x="145" y="88"/>
                  </a:lnTo>
                  <a:lnTo>
                    <a:pt x="129" y="94"/>
                  </a:lnTo>
                  <a:lnTo>
                    <a:pt x="112" y="99"/>
                  </a:lnTo>
                  <a:lnTo>
                    <a:pt x="115" y="107"/>
                  </a:lnTo>
                  <a:lnTo>
                    <a:pt x="120" y="115"/>
                  </a:lnTo>
                  <a:lnTo>
                    <a:pt x="126" y="121"/>
                  </a:lnTo>
                  <a:lnTo>
                    <a:pt x="132" y="127"/>
                  </a:lnTo>
                  <a:lnTo>
                    <a:pt x="138" y="133"/>
                  </a:lnTo>
                  <a:lnTo>
                    <a:pt x="145" y="139"/>
                  </a:lnTo>
                  <a:lnTo>
                    <a:pt x="149" y="146"/>
                  </a:lnTo>
                  <a:lnTo>
                    <a:pt x="153" y="155"/>
                  </a:lnTo>
                  <a:lnTo>
                    <a:pt x="156" y="160"/>
                  </a:lnTo>
                  <a:lnTo>
                    <a:pt x="159" y="166"/>
                  </a:lnTo>
                  <a:lnTo>
                    <a:pt x="160" y="174"/>
                  </a:lnTo>
                  <a:lnTo>
                    <a:pt x="160" y="183"/>
                  </a:lnTo>
                  <a:lnTo>
                    <a:pt x="176" y="181"/>
                  </a:lnTo>
                  <a:lnTo>
                    <a:pt x="191" y="178"/>
                  </a:lnTo>
                  <a:lnTo>
                    <a:pt x="186" y="182"/>
                  </a:lnTo>
                  <a:lnTo>
                    <a:pt x="180" y="185"/>
                  </a:lnTo>
                  <a:lnTo>
                    <a:pt x="173" y="187"/>
                  </a:lnTo>
                  <a:lnTo>
                    <a:pt x="166" y="188"/>
                  </a:lnTo>
                  <a:lnTo>
                    <a:pt x="164" y="197"/>
                  </a:lnTo>
                  <a:lnTo>
                    <a:pt x="163" y="207"/>
                  </a:lnTo>
                  <a:lnTo>
                    <a:pt x="163" y="218"/>
                  </a:lnTo>
                  <a:lnTo>
                    <a:pt x="163" y="228"/>
                  </a:lnTo>
                  <a:lnTo>
                    <a:pt x="163" y="235"/>
                  </a:lnTo>
                  <a:lnTo>
                    <a:pt x="160" y="239"/>
                  </a:lnTo>
                  <a:lnTo>
                    <a:pt x="150" y="234"/>
                  </a:lnTo>
                  <a:lnTo>
                    <a:pt x="140" y="228"/>
                  </a:lnTo>
                  <a:lnTo>
                    <a:pt x="136" y="225"/>
                  </a:lnTo>
                  <a:lnTo>
                    <a:pt x="130" y="223"/>
                  </a:lnTo>
                  <a:lnTo>
                    <a:pt x="125" y="222"/>
                  </a:lnTo>
                  <a:lnTo>
                    <a:pt x="117" y="221"/>
                  </a:lnTo>
                  <a:lnTo>
                    <a:pt x="113" y="223"/>
                  </a:lnTo>
                  <a:lnTo>
                    <a:pt x="110" y="226"/>
                  </a:lnTo>
                  <a:lnTo>
                    <a:pt x="107" y="229"/>
                  </a:lnTo>
                  <a:lnTo>
                    <a:pt x="104" y="233"/>
                  </a:lnTo>
                  <a:lnTo>
                    <a:pt x="100" y="236"/>
                  </a:lnTo>
                  <a:lnTo>
                    <a:pt x="96" y="238"/>
                  </a:lnTo>
                  <a:lnTo>
                    <a:pt x="91" y="240"/>
                  </a:lnTo>
                  <a:lnTo>
                    <a:pt x="84" y="239"/>
                  </a:lnTo>
                  <a:lnTo>
                    <a:pt x="74" y="235"/>
                  </a:lnTo>
                  <a:lnTo>
                    <a:pt x="64" y="232"/>
                  </a:lnTo>
                  <a:lnTo>
                    <a:pt x="53" y="230"/>
                  </a:lnTo>
                  <a:lnTo>
                    <a:pt x="44" y="228"/>
                  </a:lnTo>
                  <a:lnTo>
                    <a:pt x="33" y="227"/>
                  </a:lnTo>
                  <a:lnTo>
                    <a:pt x="22" y="225"/>
                  </a:lnTo>
                  <a:lnTo>
                    <a:pt x="12" y="223"/>
                  </a:lnTo>
                  <a:lnTo>
                    <a:pt x="2" y="219"/>
                  </a:lnTo>
                  <a:lnTo>
                    <a:pt x="1" y="213"/>
                  </a:lnTo>
                  <a:lnTo>
                    <a:pt x="0" y="207"/>
                  </a:lnTo>
                  <a:lnTo>
                    <a:pt x="0" y="202"/>
                  </a:lnTo>
                  <a:lnTo>
                    <a:pt x="0" y="198"/>
                  </a:lnTo>
                  <a:lnTo>
                    <a:pt x="1" y="195"/>
                  </a:lnTo>
                  <a:lnTo>
                    <a:pt x="4" y="192"/>
                  </a:lnTo>
                  <a:lnTo>
                    <a:pt x="6" y="188"/>
                  </a:lnTo>
                  <a:lnTo>
                    <a:pt x="8" y="186"/>
                  </a:lnTo>
                  <a:lnTo>
                    <a:pt x="13" y="182"/>
                  </a:lnTo>
                  <a:lnTo>
                    <a:pt x="19" y="178"/>
                  </a:lnTo>
                  <a:lnTo>
                    <a:pt x="25" y="173"/>
                  </a:lnTo>
                  <a:lnTo>
                    <a:pt x="28" y="165"/>
                  </a:lnTo>
                  <a:lnTo>
                    <a:pt x="20" y="157"/>
                  </a:lnTo>
                  <a:lnTo>
                    <a:pt x="13" y="147"/>
                  </a:lnTo>
                  <a:lnTo>
                    <a:pt x="27" y="141"/>
                  </a:lnTo>
                  <a:lnTo>
                    <a:pt x="41" y="135"/>
                  </a:lnTo>
                  <a:lnTo>
                    <a:pt x="47" y="130"/>
                  </a:lnTo>
                  <a:lnTo>
                    <a:pt x="52" y="126"/>
                  </a:lnTo>
                  <a:lnTo>
                    <a:pt x="54" y="123"/>
                  </a:lnTo>
                  <a:lnTo>
                    <a:pt x="56" y="120"/>
                  </a:lnTo>
                  <a:lnTo>
                    <a:pt x="57" y="116"/>
                  </a:lnTo>
                  <a:lnTo>
                    <a:pt x="58" y="112"/>
                  </a:lnTo>
                  <a:lnTo>
                    <a:pt x="48" y="102"/>
                  </a:lnTo>
                  <a:lnTo>
                    <a:pt x="37" y="93"/>
                  </a:lnTo>
                  <a:lnTo>
                    <a:pt x="32" y="88"/>
                  </a:lnTo>
                  <a:lnTo>
                    <a:pt x="29" y="83"/>
                  </a:lnTo>
                  <a:lnTo>
                    <a:pt x="28" y="80"/>
                  </a:lnTo>
                  <a:lnTo>
                    <a:pt x="28" y="77"/>
                  </a:lnTo>
                  <a:lnTo>
                    <a:pt x="28" y="73"/>
                  </a:lnTo>
                  <a:lnTo>
                    <a:pt x="28" y="68"/>
                  </a:lnTo>
                  <a:lnTo>
                    <a:pt x="30" y="65"/>
                  </a:lnTo>
                  <a:lnTo>
                    <a:pt x="32" y="61"/>
                  </a:lnTo>
                  <a:lnTo>
                    <a:pt x="36" y="58"/>
                  </a:lnTo>
                  <a:lnTo>
                    <a:pt x="40" y="55"/>
                  </a:lnTo>
                  <a:lnTo>
                    <a:pt x="50" y="48"/>
                  </a:lnTo>
                  <a:lnTo>
                    <a:pt x="61" y="41"/>
                  </a:lnTo>
                  <a:lnTo>
                    <a:pt x="67" y="38"/>
                  </a:lnTo>
                  <a:lnTo>
                    <a:pt x="71" y="34"/>
                  </a:lnTo>
                  <a:lnTo>
                    <a:pt x="75" y="29"/>
                  </a:lnTo>
                  <a:lnTo>
                    <a:pt x="79" y="24"/>
                  </a:lnTo>
                  <a:lnTo>
                    <a:pt x="81" y="19"/>
                  </a:lnTo>
                  <a:lnTo>
                    <a:pt x="82" y="14"/>
                  </a:lnTo>
                  <a:lnTo>
                    <a:pt x="82" y="7"/>
                  </a:lnTo>
                  <a:lnTo>
                    <a:pt x="81" y="0"/>
                  </a:lnTo>
                  <a:lnTo>
                    <a:pt x="91" y="0"/>
                  </a:lnTo>
                  <a:lnTo>
                    <a:pt x="99" y="0"/>
                  </a:lnTo>
                  <a:lnTo>
                    <a:pt x="104" y="1"/>
                  </a:lnTo>
                  <a:lnTo>
                    <a:pt x="107" y="2"/>
                  </a:lnTo>
                  <a:lnTo>
                    <a:pt x="110" y="3"/>
                  </a:lnTo>
                  <a:lnTo>
                    <a:pt x="112" y="5"/>
                  </a:lnTo>
                  <a:lnTo>
                    <a:pt x="118" y="8"/>
                  </a:lnTo>
                  <a:lnTo>
                    <a:pt x="126" y="10"/>
                  </a:lnTo>
                  <a:lnTo>
                    <a:pt x="132" y="14"/>
                  </a:lnTo>
                  <a:lnTo>
                    <a:pt x="137" y="18"/>
                  </a:lnTo>
                  <a:lnTo>
                    <a:pt x="135" y="22"/>
                  </a:lnTo>
                  <a:lnTo>
                    <a:pt x="135" y="26"/>
                  </a:lnTo>
                  <a:lnTo>
                    <a:pt x="136" y="30"/>
                  </a:lnTo>
                  <a:lnTo>
                    <a:pt x="137" y="34"/>
                  </a:lnTo>
                  <a:lnTo>
                    <a:pt x="140" y="37"/>
                  </a:lnTo>
                  <a:lnTo>
                    <a:pt x="144" y="40"/>
                  </a:lnTo>
                  <a:lnTo>
                    <a:pt x="147" y="42"/>
                  </a:lnTo>
                  <a:lnTo>
                    <a:pt x="150" y="43"/>
                  </a:lnTo>
                  <a:lnTo>
                    <a:pt x="165" y="61"/>
                  </a:lnTo>
                  <a:lnTo>
                    <a:pt x="173" y="71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09" name="Gladsaxe"/>
            <p:cNvSpPr>
              <a:spLocks/>
            </p:cNvSpPr>
            <p:nvPr/>
          </p:nvSpPr>
          <p:spPr bwMode="auto">
            <a:xfrm>
              <a:off x="3881438" y="4816475"/>
              <a:ext cx="77787" cy="76200"/>
            </a:xfrm>
            <a:custGeom>
              <a:avLst/>
              <a:gdLst>
                <a:gd name="T0" fmla="*/ 17870 w 148"/>
                <a:gd name="T1" fmla="*/ 28184 h 146"/>
                <a:gd name="T2" fmla="*/ 15242 w 148"/>
                <a:gd name="T3" fmla="*/ 26618 h 146"/>
                <a:gd name="T4" fmla="*/ 13665 w 148"/>
                <a:gd name="T5" fmla="*/ 28705 h 146"/>
                <a:gd name="T6" fmla="*/ 11037 w 148"/>
                <a:gd name="T7" fmla="*/ 29749 h 146"/>
                <a:gd name="T8" fmla="*/ 5256 w 148"/>
                <a:gd name="T9" fmla="*/ 30271 h 146"/>
                <a:gd name="T10" fmla="*/ 1051 w 148"/>
                <a:gd name="T11" fmla="*/ 29227 h 146"/>
                <a:gd name="T12" fmla="*/ 1051 w 148"/>
                <a:gd name="T13" fmla="*/ 26096 h 146"/>
                <a:gd name="T14" fmla="*/ 0 w 148"/>
                <a:gd name="T15" fmla="*/ 20877 h 146"/>
                <a:gd name="T16" fmla="*/ 0 w 148"/>
                <a:gd name="T17" fmla="*/ 10438 h 146"/>
                <a:gd name="T18" fmla="*/ 4730 w 148"/>
                <a:gd name="T19" fmla="*/ 5741 h 146"/>
                <a:gd name="T20" fmla="*/ 10512 w 148"/>
                <a:gd name="T21" fmla="*/ 3653 h 146"/>
                <a:gd name="T22" fmla="*/ 14716 w 148"/>
                <a:gd name="T23" fmla="*/ 1044 h 146"/>
                <a:gd name="T24" fmla="*/ 20498 w 148"/>
                <a:gd name="T25" fmla="*/ 0 h 146"/>
                <a:gd name="T26" fmla="*/ 25228 w 148"/>
                <a:gd name="T27" fmla="*/ 2088 h 146"/>
                <a:gd name="T28" fmla="*/ 28907 w 148"/>
                <a:gd name="T29" fmla="*/ 3132 h 146"/>
                <a:gd name="T30" fmla="*/ 34163 w 148"/>
                <a:gd name="T31" fmla="*/ 3132 h 146"/>
                <a:gd name="T32" fmla="*/ 40996 w 148"/>
                <a:gd name="T33" fmla="*/ 1566 h 146"/>
                <a:gd name="T34" fmla="*/ 47303 w 148"/>
                <a:gd name="T35" fmla="*/ 522 h 146"/>
                <a:gd name="T36" fmla="*/ 48880 w 148"/>
                <a:gd name="T37" fmla="*/ 2088 h 146"/>
                <a:gd name="T38" fmla="*/ 46252 w 148"/>
                <a:gd name="T39" fmla="*/ 7307 h 146"/>
                <a:gd name="T40" fmla="*/ 44675 w 148"/>
                <a:gd name="T41" fmla="*/ 13048 h 146"/>
                <a:gd name="T42" fmla="*/ 45726 w 148"/>
                <a:gd name="T43" fmla="*/ 17223 h 146"/>
                <a:gd name="T44" fmla="*/ 47828 w 148"/>
                <a:gd name="T45" fmla="*/ 18789 h 146"/>
                <a:gd name="T46" fmla="*/ 53084 w 148"/>
                <a:gd name="T47" fmla="*/ 19833 h 146"/>
                <a:gd name="T48" fmla="*/ 58340 w 148"/>
                <a:gd name="T49" fmla="*/ 19833 h 146"/>
                <a:gd name="T50" fmla="*/ 60443 w 148"/>
                <a:gd name="T51" fmla="*/ 20877 h 146"/>
                <a:gd name="T52" fmla="*/ 59917 w 148"/>
                <a:gd name="T53" fmla="*/ 25574 h 146"/>
                <a:gd name="T54" fmla="*/ 61494 w 148"/>
                <a:gd name="T55" fmla="*/ 31837 h 146"/>
                <a:gd name="T56" fmla="*/ 65698 w 148"/>
                <a:gd name="T57" fmla="*/ 36534 h 146"/>
                <a:gd name="T58" fmla="*/ 69903 w 148"/>
                <a:gd name="T59" fmla="*/ 38622 h 146"/>
                <a:gd name="T60" fmla="*/ 75159 w 148"/>
                <a:gd name="T61" fmla="*/ 41753 h 146"/>
                <a:gd name="T62" fmla="*/ 76210 w 148"/>
                <a:gd name="T63" fmla="*/ 51148 h 146"/>
                <a:gd name="T64" fmla="*/ 77787 w 148"/>
                <a:gd name="T65" fmla="*/ 56367 h 146"/>
                <a:gd name="T66" fmla="*/ 77787 w 148"/>
                <a:gd name="T67" fmla="*/ 59499 h 146"/>
                <a:gd name="T68" fmla="*/ 75685 w 148"/>
                <a:gd name="T69" fmla="*/ 62630 h 146"/>
                <a:gd name="T70" fmla="*/ 73582 w 148"/>
                <a:gd name="T71" fmla="*/ 66805 h 146"/>
                <a:gd name="T72" fmla="*/ 70429 w 148"/>
                <a:gd name="T73" fmla="*/ 68893 h 146"/>
                <a:gd name="T74" fmla="*/ 66224 w 148"/>
                <a:gd name="T75" fmla="*/ 67849 h 146"/>
                <a:gd name="T76" fmla="*/ 59391 w 148"/>
                <a:gd name="T77" fmla="*/ 65762 h 146"/>
                <a:gd name="T78" fmla="*/ 54136 w 148"/>
                <a:gd name="T79" fmla="*/ 64196 h 146"/>
                <a:gd name="T80" fmla="*/ 46252 w 148"/>
                <a:gd name="T81" fmla="*/ 69415 h 146"/>
                <a:gd name="T82" fmla="*/ 37317 w 148"/>
                <a:gd name="T83" fmla="*/ 75156 h 146"/>
                <a:gd name="T84" fmla="*/ 31535 w 148"/>
                <a:gd name="T85" fmla="*/ 67327 h 146"/>
                <a:gd name="T86" fmla="*/ 25228 w 148"/>
                <a:gd name="T87" fmla="*/ 49060 h 146"/>
                <a:gd name="T88" fmla="*/ 22600 w 148"/>
                <a:gd name="T89" fmla="*/ 38622 h 146"/>
                <a:gd name="T90" fmla="*/ 23126 w 148"/>
                <a:gd name="T91" fmla="*/ 36012 h 146"/>
                <a:gd name="T92" fmla="*/ 22075 w 148"/>
                <a:gd name="T93" fmla="*/ 33403 h 146"/>
                <a:gd name="T94" fmla="*/ 20498 w 148"/>
                <a:gd name="T95" fmla="*/ 31837 h 146"/>
                <a:gd name="T96" fmla="*/ 18396 w 148"/>
                <a:gd name="T97" fmla="*/ 30271 h 14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148" h="146">
                  <a:moveTo>
                    <a:pt x="35" y="55"/>
                  </a:moveTo>
                  <a:lnTo>
                    <a:pt x="34" y="54"/>
                  </a:lnTo>
                  <a:lnTo>
                    <a:pt x="31" y="53"/>
                  </a:lnTo>
                  <a:lnTo>
                    <a:pt x="29" y="51"/>
                  </a:lnTo>
                  <a:lnTo>
                    <a:pt x="28" y="53"/>
                  </a:lnTo>
                  <a:lnTo>
                    <a:pt x="26" y="55"/>
                  </a:lnTo>
                  <a:lnTo>
                    <a:pt x="24" y="56"/>
                  </a:lnTo>
                  <a:lnTo>
                    <a:pt x="21" y="57"/>
                  </a:lnTo>
                  <a:lnTo>
                    <a:pt x="18" y="58"/>
                  </a:lnTo>
                  <a:lnTo>
                    <a:pt x="10" y="58"/>
                  </a:lnTo>
                  <a:lnTo>
                    <a:pt x="2" y="58"/>
                  </a:lnTo>
                  <a:lnTo>
                    <a:pt x="2" y="56"/>
                  </a:lnTo>
                  <a:lnTo>
                    <a:pt x="2" y="53"/>
                  </a:lnTo>
                  <a:lnTo>
                    <a:pt x="2" y="50"/>
                  </a:lnTo>
                  <a:lnTo>
                    <a:pt x="0" y="50"/>
                  </a:lnTo>
                  <a:lnTo>
                    <a:pt x="0" y="40"/>
                  </a:lnTo>
                  <a:lnTo>
                    <a:pt x="0" y="29"/>
                  </a:lnTo>
                  <a:lnTo>
                    <a:pt x="0" y="20"/>
                  </a:lnTo>
                  <a:lnTo>
                    <a:pt x="2" y="11"/>
                  </a:lnTo>
                  <a:lnTo>
                    <a:pt x="9" y="11"/>
                  </a:lnTo>
                  <a:lnTo>
                    <a:pt x="15" y="9"/>
                  </a:lnTo>
                  <a:lnTo>
                    <a:pt x="20" y="7"/>
                  </a:lnTo>
                  <a:lnTo>
                    <a:pt x="24" y="4"/>
                  </a:lnTo>
                  <a:lnTo>
                    <a:pt x="28" y="2"/>
                  </a:lnTo>
                  <a:lnTo>
                    <a:pt x="32" y="1"/>
                  </a:lnTo>
                  <a:lnTo>
                    <a:pt x="39" y="0"/>
                  </a:lnTo>
                  <a:lnTo>
                    <a:pt x="45" y="2"/>
                  </a:lnTo>
                  <a:lnTo>
                    <a:pt x="48" y="4"/>
                  </a:lnTo>
                  <a:lnTo>
                    <a:pt x="51" y="5"/>
                  </a:lnTo>
                  <a:lnTo>
                    <a:pt x="55" y="6"/>
                  </a:lnTo>
                  <a:lnTo>
                    <a:pt x="59" y="7"/>
                  </a:lnTo>
                  <a:lnTo>
                    <a:pt x="65" y="6"/>
                  </a:lnTo>
                  <a:lnTo>
                    <a:pt x="71" y="5"/>
                  </a:lnTo>
                  <a:lnTo>
                    <a:pt x="78" y="3"/>
                  </a:lnTo>
                  <a:lnTo>
                    <a:pt x="84" y="1"/>
                  </a:lnTo>
                  <a:lnTo>
                    <a:pt x="90" y="1"/>
                  </a:lnTo>
                  <a:lnTo>
                    <a:pt x="97" y="2"/>
                  </a:lnTo>
                  <a:lnTo>
                    <a:pt x="93" y="4"/>
                  </a:lnTo>
                  <a:lnTo>
                    <a:pt x="90" y="8"/>
                  </a:lnTo>
                  <a:lnTo>
                    <a:pt x="88" y="14"/>
                  </a:lnTo>
                  <a:lnTo>
                    <a:pt x="86" y="20"/>
                  </a:lnTo>
                  <a:lnTo>
                    <a:pt x="85" y="25"/>
                  </a:lnTo>
                  <a:lnTo>
                    <a:pt x="86" y="30"/>
                  </a:lnTo>
                  <a:lnTo>
                    <a:pt x="87" y="33"/>
                  </a:lnTo>
                  <a:lnTo>
                    <a:pt x="89" y="35"/>
                  </a:lnTo>
                  <a:lnTo>
                    <a:pt x="91" y="36"/>
                  </a:lnTo>
                  <a:lnTo>
                    <a:pt x="93" y="38"/>
                  </a:lnTo>
                  <a:lnTo>
                    <a:pt x="101" y="38"/>
                  </a:lnTo>
                  <a:lnTo>
                    <a:pt x="108" y="37"/>
                  </a:lnTo>
                  <a:lnTo>
                    <a:pt x="111" y="38"/>
                  </a:lnTo>
                  <a:lnTo>
                    <a:pt x="113" y="38"/>
                  </a:lnTo>
                  <a:lnTo>
                    <a:pt x="115" y="40"/>
                  </a:lnTo>
                  <a:lnTo>
                    <a:pt x="117" y="42"/>
                  </a:lnTo>
                  <a:lnTo>
                    <a:pt x="114" y="49"/>
                  </a:lnTo>
                  <a:lnTo>
                    <a:pt x="111" y="55"/>
                  </a:lnTo>
                  <a:lnTo>
                    <a:pt x="117" y="61"/>
                  </a:lnTo>
                  <a:lnTo>
                    <a:pt x="122" y="68"/>
                  </a:lnTo>
                  <a:lnTo>
                    <a:pt x="125" y="70"/>
                  </a:lnTo>
                  <a:lnTo>
                    <a:pt x="128" y="73"/>
                  </a:lnTo>
                  <a:lnTo>
                    <a:pt x="133" y="74"/>
                  </a:lnTo>
                  <a:lnTo>
                    <a:pt x="140" y="73"/>
                  </a:lnTo>
                  <a:lnTo>
                    <a:pt x="143" y="80"/>
                  </a:lnTo>
                  <a:lnTo>
                    <a:pt x="144" y="88"/>
                  </a:lnTo>
                  <a:lnTo>
                    <a:pt x="145" y="98"/>
                  </a:lnTo>
                  <a:lnTo>
                    <a:pt x="147" y="106"/>
                  </a:lnTo>
                  <a:lnTo>
                    <a:pt x="148" y="108"/>
                  </a:lnTo>
                  <a:lnTo>
                    <a:pt x="148" y="112"/>
                  </a:lnTo>
                  <a:lnTo>
                    <a:pt x="148" y="114"/>
                  </a:lnTo>
                  <a:lnTo>
                    <a:pt x="147" y="116"/>
                  </a:lnTo>
                  <a:lnTo>
                    <a:pt x="144" y="120"/>
                  </a:lnTo>
                  <a:lnTo>
                    <a:pt x="142" y="126"/>
                  </a:lnTo>
                  <a:lnTo>
                    <a:pt x="140" y="128"/>
                  </a:lnTo>
                  <a:lnTo>
                    <a:pt x="137" y="130"/>
                  </a:lnTo>
                  <a:lnTo>
                    <a:pt x="134" y="132"/>
                  </a:lnTo>
                  <a:lnTo>
                    <a:pt x="131" y="132"/>
                  </a:lnTo>
                  <a:lnTo>
                    <a:pt x="126" y="130"/>
                  </a:lnTo>
                  <a:lnTo>
                    <a:pt x="120" y="128"/>
                  </a:lnTo>
                  <a:lnTo>
                    <a:pt x="113" y="126"/>
                  </a:lnTo>
                  <a:lnTo>
                    <a:pt x="108" y="124"/>
                  </a:lnTo>
                  <a:lnTo>
                    <a:pt x="103" y="123"/>
                  </a:lnTo>
                  <a:lnTo>
                    <a:pt x="99" y="124"/>
                  </a:lnTo>
                  <a:lnTo>
                    <a:pt x="88" y="133"/>
                  </a:lnTo>
                  <a:lnTo>
                    <a:pt x="75" y="141"/>
                  </a:lnTo>
                  <a:lnTo>
                    <a:pt x="71" y="144"/>
                  </a:lnTo>
                  <a:lnTo>
                    <a:pt x="66" y="146"/>
                  </a:lnTo>
                  <a:lnTo>
                    <a:pt x="60" y="129"/>
                  </a:lnTo>
                  <a:lnTo>
                    <a:pt x="53" y="112"/>
                  </a:lnTo>
                  <a:lnTo>
                    <a:pt x="48" y="94"/>
                  </a:lnTo>
                  <a:lnTo>
                    <a:pt x="43" y="76"/>
                  </a:lnTo>
                  <a:lnTo>
                    <a:pt x="43" y="74"/>
                  </a:lnTo>
                  <a:lnTo>
                    <a:pt x="43" y="73"/>
                  </a:lnTo>
                  <a:lnTo>
                    <a:pt x="44" y="69"/>
                  </a:lnTo>
                  <a:lnTo>
                    <a:pt x="43" y="66"/>
                  </a:lnTo>
                  <a:lnTo>
                    <a:pt x="42" y="64"/>
                  </a:lnTo>
                  <a:lnTo>
                    <a:pt x="41" y="62"/>
                  </a:lnTo>
                  <a:lnTo>
                    <a:pt x="39" y="61"/>
                  </a:lnTo>
                  <a:lnTo>
                    <a:pt x="38" y="60"/>
                  </a:lnTo>
                  <a:lnTo>
                    <a:pt x="35" y="58"/>
                  </a:lnTo>
                  <a:lnTo>
                    <a:pt x="35" y="55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10" name="Gladsaxe kant"/>
            <p:cNvSpPr>
              <a:spLocks/>
            </p:cNvSpPr>
            <p:nvPr/>
          </p:nvSpPr>
          <p:spPr bwMode="auto">
            <a:xfrm>
              <a:off x="3881438" y="4816475"/>
              <a:ext cx="77787" cy="76200"/>
            </a:xfrm>
            <a:custGeom>
              <a:avLst/>
              <a:gdLst>
                <a:gd name="T0" fmla="*/ 17870 w 148"/>
                <a:gd name="T1" fmla="*/ 28184 h 146"/>
                <a:gd name="T2" fmla="*/ 15242 w 148"/>
                <a:gd name="T3" fmla="*/ 26618 h 146"/>
                <a:gd name="T4" fmla="*/ 13665 w 148"/>
                <a:gd name="T5" fmla="*/ 28705 h 146"/>
                <a:gd name="T6" fmla="*/ 11037 w 148"/>
                <a:gd name="T7" fmla="*/ 29749 h 146"/>
                <a:gd name="T8" fmla="*/ 5256 w 148"/>
                <a:gd name="T9" fmla="*/ 30271 h 146"/>
                <a:gd name="T10" fmla="*/ 1051 w 148"/>
                <a:gd name="T11" fmla="*/ 29227 h 146"/>
                <a:gd name="T12" fmla="*/ 1051 w 148"/>
                <a:gd name="T13" fmla="*/ 26096 h 146"/>
                <a:gd name="T14" fmla="*/ 0 w 148"/>
                <a:gd name="T15" fmla="*/ 20877 h 146"/>
                <a:gd name="T16" fmla="*/ 0 w 148"/>
                <a:gd name="T17" fmla="*/ 10438 h 146"/>
                <a:gd name="T18" fmla="*/ 4730 w 148"/>
                <a:gd name="T19" fmla="*/ 5741 h 146"/>
                <a:gd name="T20" fmla="*/ 10512 w 148"/>
                <a:gd name="T21" fmla="*/ 3653 h 146"/>
                <a:gd name="T22" fmla="*/ 14716 w 148"/>
                <a:gd name="T23" fmla="*/ 1044 h 146"/>
                <a:gd name="T24" fmla="*/ 20498 w 148"/>
                <a:gd name="T25" fmla="*/ 0 h 146"/>
                <a:gd name="T26" fmla="*/ 25228 w 148"/>
                <a:gd name="T27" fmla="*/ 2088 h 146"/>
                <a:gd name="T28" fmla="*/ 28907 w 148"/>
                <a:gd name="T29" fmla="*/ 3132 h 146"/>
                <a:gd name="T30" fmla="*/ 34163 w 148"/>
                <a:gd name="T31" fmla="*/ 3132 h 146"/>
                <a:gd name="T32" fmla="*/ 40996 w 148"/>
                <a:gd name="T33" fmla="*/ 1566 h 146"/>
                <a:gd name="T34" fmla="*/ 47303 w 148"/>
                <a:gd name="T35" fmla="*/ 522 h 146"/>
                <a:gd name="T36" fmla="*/ 48880 w 148"/>
                <a:gd name="T37" fmla="*/ 2088 h 146"/>
                <a:gd name="T38" fmla="*/ 46252 w 148"/>
                <a:gd name="T39" fmla="*/ 7307 h 146"/>
                <a:gd name="T40" fmla="*/ 44675 w 148"/>
                <a:gd name="T41" fmla="*/ 13048 h 146"/>
                <a:gd name="T42" fmla="*/ 45726 w 148"/>
                <a:gd name="T43" fmla="*/ 17223 h 146"/>
                <a:gd name="T44" fmla="*/ 47828 w 148"/>
                <a:gd name="T45" fmla="*/ 18789 h 146"/>
                <a:gd name="T46" fmla="*/ 53084 w 148"/>
                <a:gd name="T47" fmla="*/ 19833 h 146"/>
                <a:gd name="T48" fmla="*/ 58340 w 148"/>
                <a:gd name="T49" fmla="*/ 19833 h 146"/>
                <a:gd name="T50" fmla="*/ 60443 w 148"/>
                <a:gd name="T51" fmla="*/ 20877 h 146"/>
                <a:gd name="T52" fmla="*/ 59917 w 148"/>
                <a:gd name="T53" fmla="*/ 25574 h 146"/>
                <a:gd name="T54" fmla="*/ 61494 w 148"/>
                <a:gd name="T55" fmla="*/ 31837 h 146"/>
                <a:gd name="T56" fmla="*/ 65698 w 148"/>
                <a:gd name="T57" fmla="*/ 36534 h 146"/>
                <a:gd name="T58" fmla="*/ 69903 w 148"/>
                <a:gd name="T59" fmla="*/ 38622 h 146"/>
                <a:gd name="T60" fmla="*/ 75159 w 148"/>
                <a:gd name="T61" fmla="*/ 41753 h 146"/>
                <a:gd name="T62" fmla="*/ 76210 w 148"/>
                <a:gd name="T63" fmla="*/ 51148 h 146"/>
                <a:gd name="T64" fmla="*/ 77787 w 148"/>
                <a:gd name="T65" fmla="*/ 56367 h 146"/>
                <a:gd name="T66" fmla="*/ 77787 w 148"/>
                <a:gd name="T67" fmla="*/ 59499 h 146"/>
                <a:gd name="T68" fmla="*/ 75685 w 148"/>
                <a:gd name="T69" fmla="*/ 62630 h 146"/>
                <a:gd name="T70" fmla="*/ 73582 w 148"/>
                <a:gd name="T71" fmla="*/ 66805 h 146"/>
                <a:gd name="T72" fmla="*/ 70429 w 148"/>
                <a:gd name="T73" fmla="*/ 68893 h 146"/>
                <a:gd name="T74" fmla="*/ 66224 w 148"/>
                <a:gd name="T75" fmla="*/ 67849 h 146"/>
                <a:gd name="T76" fmla="*/ 59391 w 148"/>
                <a:gd name="T77" fmla="*/ 65762 h 146"/>
                <a:gd name="T78" fmla="*/ 54136 w 148"/>
                <a:gd name="T79" fmla="*/ 64196 h 146"/>
                <a:gd name="T80" fmla="*/ 46252 w 148"/>
                <a:gd name="T81" fmla="*/ 69415 h 146"/>
                <a:gd name="T82" fmla="*/ 37317 w 148"/>
                <a:gd name="T83" fmla="*/ 75156 h 146"/>
                <a:gd name="T84" fmla="*/ 31535 w 148"/>
                <a:gd name="T85" fmla="*/ 67327 h 146"/>
                <a:gd name="T86" fmla="*/ 25228 w 148"/>
                <a:gd name="T87" fmla="*/ 49060 h 146"/>
                <a:gd name="T88" fmla="*/ 22600 w 148"/>
                <a:gd name="T89" fmla="*/ 38622 h 146"/>
                <a:gd name="T90" fmla="*/ 23126 w 148"/>
                <a:gd name="T91" fmla="*/ 36012 h 146"/>
                <a:gd name="T92" fmla="*/ 22075 w 148"/>
                <a:gd name="T93" fmla="*/ 33403 h 146"/>
                <a:gd name="T94" fmla="*/ 20498 w 148"/>
                <a:gd name="T95" fmla="*/ 31837 h 146"/>
                <a:gd name="T96" fmla="*/ 18396 w 148"/>
                <a:gd name="T97" fmla="*/ 30271 h 14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148" h="146">
                  <a:moveTo>
                    <a:pt x="35" y="55"/>
                  </a:moveTo>
                  <a:lnTo>
                    <a:pt x="34" y="54"/>
                  </a:lnTo>
                  <a:lnTo>
                    <a:pt x="31" y="53"/>
                  </a:lnTo>
                  <a:lnTo>
                    <a:pt x="29" y="51"/>
                  </a:lnTo>
                  <a:lnTo>
                    <a:pt x="28" y="53"/>
                  </a:lnTo>
                  <a:lnTo>
                    <a:pt x="26" y="55"/>
                  </a:lnTo>
                  <a:lnTo>
                    <a:pt x="24" y="56"/>
                  </a:lnTo>
                  <a:lnTo>
                    <a:pt x="21" y="57"/>
                  </a:lnTo>
                  <a:lnTo>
                    <a:pt x="18" y="58"/>
                  </a:lnTo>
                  <a:lnTo>
                    <a:pt x="10" y="58"/>
                  </a:lnTo>
                  <a:lnTo>
                    <a:pt x="2" y="58"/>
                  </a:lnTo>
                  <a:lnTo>
                    <a:pt x="2" y="56"/>
                  </a:lnTo>
                  <a:lnTo>
                    <a:pt x="2" y="53"/>
                  </a:lnTo>
                  <a:lnTo>
                    <a:pt x="2" y="50"/>
                  </a:lnTo>
                  <a:lnTo>
                    <a:pt x="0" y="50"/>
                  </a:lnTo>
                  <a:lnTo>
                    <a:pt x="0" y="40"/>
                  </a:lnTo>
                  <a:lnTo>
                    <a:pt x="0" y="29"/>
                  </a:lnTo>
                  <a:lnTo>
                    <a:pt x="0" y="20"/>
                  </a:lnTo>
                  <a:lnTo>
                    <a:pt x="2" y="11"/>
                  </a:lnTo>
                  <a:lnTo>
                    <a:pt x="9" y="11"/>
                  </a:lnTo>
                  <a:lnTo>
                    <a:pt x="15" y="9"/>
                  </a:lnTo>
                  <a:lnTo>
                    <a:pt x="20" y="7"/>
                  </a:lnTo>
                  <a:lnTo>
                    <a:pt x="24" y="4"/>
                  </a:lnTo>
                  <a:lnTo>
                    <a:pt x="28" y="2"/>
                  </a:lnTo>
                  <a:lnTo>
                    <a:pt x="32" y="1"/>
                  </a:lnTo>
                  <a:lnTo>
                    <a:pt x="39" y="0"/>
                  </a:lnTo>
                  <a:lnTo>
                    <a:pt x="45" y="2"/>
                  </a:lnTo>
                  <a:lnTo>
                    <a:pt x="48" y="4"/>
                  </a:lnTo>
                  <a:lnTo>
                    <a:pt x="51" y="5"/>
                  </a:lnTo>
                  <a:lnTo>
                    <a:pt x="55" y="6"/>
                  </a:lnTo>
                  <a:lnTo>
                    <a:pt x="59" y="7"/>
                  </a:lnTo>
                  <a:lnTo>
                    <a:pt x="65" y="6"/>
                  </a:lnTo>
                  <a:lnTo>
                    <a:pt x="71" y="5"/>
                  </a:lnTo>
                  <a:lnTo>
                    <a:pt x="78" y="3"/>
                  </a:lnTo>
                  <a:lnTo>
                    <a:pt x="84" y="1"/>
                  </a:lnTo>
                  <a:lnTo>
                    <a:pt x="90" y="1"/>
                  </a:lnTo>
                  <a:lnTo>
                    <a:pt x="97" y="2"/>
                  </a:lnTo>
                  <a:lnTo>
                    <a:pt x="93" y="4"/>
                  </a:lnTo>
                  <a:lnTo>
                    <a:pt x="90" y="8"/>
                  </a:lnTo>
                  <a:lnTo>
                    <a:pt x="88" y="14"/>
                  </a:lnTo>
                  <a:lnTo>
                    <a:pt x="86" y="20"/>
                  </a:lnTo>
                  <a:lnTo>
                    <a:pt x="85" y="25"/>
                  </a:lnTo>
                  <a:lnTo>
                    <a:pt x="86" y="30"/>
                  </a:lnTo>
                  <a:lnTo>
                    <a:pt x="87" y="33"/>
                  </a:lnTo>
                  <a:lnTo>
                    <a:pt x="89" y="35"/>
                  </a:lnTo>
                  <a:lnTo>
                    <a:pt x="91" y="36"/>
                  </a:lnTo>
                  <a:lnTo>
                    <a:pt x="93" y="38"/>
                  </a:lnTo>
                  <a:lnTo>
                    <a:pt x="101" y="38"/>
                  </a:lnTo>
                  <a:lnTo>
                    <a:pt x="108" y="37"/>
                  </a:lnTo>
                  <a:lnTo>
                    <a:pt x="111" y="38"/>
                  </a:lnTo>
                  <a:lnTo>
                    <a:pt x="113" y="38"/>
                  </a:lnTo>
                  <a:lnTo>
                    <a:pt x="115" y="40"/>
                  </a:lnTo>
                  <a:lnTo>
                    <a:pt x="117" y="42"/>
                  </a:lnTo>
                  <a:lnTo>
                    <a:pt x="114" y="49"/>
                  </a:lnTo>
                  <a:lnTo>
                    <a:pt x="111" y="55"/>
                  </a:lnTo>
                  <a:lnTo>
                    <a:pt x="117" y="61"/>
                  </a:lnTo>
                  <a:lnTo>
                    <a:pt x="122" y="68"/>
                  </a:lnTo>
                  <a:lnTo>
                    <a:pt x="125" y="70"/>
                  </a:lnTo>
                  <a:lnTo>
                    <a:pt x="128" y="73"/>
                  </a:lnTo>
                  <a:lnTo>
                    <a:pt x="133" y="74"/>
                  </a:lnTo>
                  <a:lnTo>
                    <a:pt x="140" y="73"/>
                  </a:lnTo>
                  <a:lnTo>
                    <a:pt x="143" y="80"/>
                  </a:lnTo>
                  <a:lnTo>
                    <a:pt x="144" y="88"/>
                  </a:lnTo>
                  <a:lnTo>
                    <a:pt x="145" y="98"/>
                  </a:lnTo>
                  <a:lnTo>
                    <a:pt x="147" y="106"/>
                  </a:lnTo>
                  <a:lnTo>
                    <a:pt x="148" y="108"/>
                  </a:lnTo>
                  <a:lnTo>
                    <a:pt x="148" y="112"/>
                  </a:lnTo>
                  <a:lnTo>
                    <a:pt x="148" y="114"/>
                  </a:lnTo>
                  <a:lnTo>
                    <a:pt x="147" y="116"/>
                  </a:lnTo>
                  <a:lnTo>
                    <a:pt x="144" y="120"/>
                  </a:lnTo>
                  <a:lnTo>
                    <a:pt x="142" y="126"/>
                  </a:lnTo>
                  <a:lnTo>
                    <a:pt x="140" y="128"/>
                  </a:lnTo>
                  <a:lnTo>
                    <a:pt x="137" y="130"/>
                  </a:lnTo>
                  <a:lnTo>
                    <a:pt x="134" y="132"/>
                  </a:lnTo>
                  <a:lnTo>
                    <a:pt x="131" y="132"/>
                  </a:lnTo>
                  <a:lnTo>
                    <a:pt x="126" y="130"/>
                  </a:lnTo>
                  <a:lnTo>
                    <a:pt x="120" y="128"/>
                  </a:lnTo>
                  <a:lnTo>
                    <a:pt x="113" y="126"/>
                  </a:lnTo>
                  <a:lnTo>
                    <a:pt x="108" y="124"/>
                  </a:lnTo>
                  <a:lnTo>
                    <a:pt x="103" y="123"/>
                  </a:lnTo>
                  <a:lnTo>
                    <a:pt x="99" y="124"/>
                  </a:lnTo>
                  <a:lnTo>
                    <a:pt x="88" y="133"/>
                  </a:lnTo>
                  <a:lnTo>
                    <a:pt x="75" y="141"/>
                  </a:lnTo>
                  <a:lnTo>
                    <a:pt x="71" y="144"/>
                  </a:lnTo>
                  <a:lnTo>
                    <a:pt x="66" y="146"/>
                  </a:lnTo>
                  <a:lnTo>
                    <a:pt x="60" y="129"/>
                  </a:lnTo>
                  <a:lnTo>
                    <a:pt x="53" y="112"/>
                  </a:lnTo>
                  <a:lnTo>
                    <a:pt x="48" y="94"/>
                  </a:lnTo>
                  <a:lnTo>
                    <a:pt x="43" y="76"/>
                  </a:lnTo>
                  <a:lnTo>
                    <a:pt x="43" y="74"/>
                  </a:lnTo>
                  <a:lnTo>
                    <a:pt x="43" y="73"/>
                  </a:lnTo>
                  <a:lnTo>
                    <a:pt x="44" y="69"/>
                  </a:lnTo>
                  <a:lnTo>
                    <a:pt x="43" y="66"/>
                  </a:lnTo>
                  <a:lnTo>
                    <a:pt x="42" y="64"/>
                  </a:lnTo>
                  <a:lnTo>
                    <a:pt x="41" y="62"/>
                  </a:lnTo>
                  <a:lnTo>
                    <a:pt x="39" y="61"/>
                  </a:lnTo>
                  <a:lnTo>
                    <a:pt x="38" y="60"/>
                  </a:lnTo>
                  <a:lnTo>
                    <a:pt x="35" y="58"/>
                  </a:lnTo>
                  <a:lnTo>
                    <a:pt x="35" y="55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11" name="Ballerup"/>
            <p:cNvSpPr>
              <a:spLocks/>
            </p:cNvSpPr>
            <p:nvPr/>
          </p:nvSpPr>
          <p:spPr bwMode="auto">
            <a:xfrm>
              <a:off x="3771900" y="4840288"/>
              <a:ext cx="119063" cy="66675"/>
            </a:xfrm>
            <a:custGeom>
              <a:avLst/>
              <a:gdLst>
                <a:gd name="T0" fmla="*/ 69321 w 225"/>
                <a:gd name="T1" fmla="*/ 8925 h 127"/>
                <a:gd name="T2" fmla="*/ 74613 w 225"/>
                <a:gd name="T3" fmla="*/ 7875 h 127"/>
                <a:gd name="T4" fmla="*/ 80434 w 225"/>
                <a:gd name="T5" fmla="*/ 3150 h 127"/>
                <a:gd name="T6" fmla="*/ 84667 w 225"/>
                <a:gd name="T7" fmla="*/ 525 h 127"/>
                <a:gd name="T8" fmla="*/ 88371 w 225"/>
                <a:gd name="T9" fmla="*/ 1050 h 127"/>
                <a:gd name="T10" fmla="*/ 90488 w 225"/>
                <a:gd name="T11" fmla="*/ 5775 h 127"/>
                <a:gd name="T12" fmla="*/ 94192 w 225"/>
                <a:gd name="T13" fmla="*/ 15750 h 127"/>
                <a:gd name="T14" fmla="*/ 100013 w 225"/>
                <a:gd name="T15" fmla="*/ 27300 h 127"/>
                <a:gd name="T16" fmla="*/ 104246 w 225"/>
                <a:gd name="T17" fmla="*/ 36225 h 127"/>
                <a:gd name="T18" fmla="*/ 106892 w 225"/>
                <a:gd name="T19" fmla="*/ 42525 h 127"/>
                <a:gd name="T20" fmla="*/ 114300 w 225"/>
                <a:gd name="T21" fmla="*/ 49350 h 127"/>
                <a:gd name="T22" fmla="*/ 119063 w 225"/>
                <a:gd name="T23" fmla="*/ 57750 h 127"/>
                <a:gd name="T24" fmla="*/ 116417 w 225"/>
                <a:gd name="T25" fmla="*/ 60900 h 127"/>
                <a:gd name="T26" fmla="*/ 110067 w 225"/>
                <a:gd name="T27" fmla="*/ 61425 h 127"/>
                <a:gd name="T28" fmla="*/ 104775 w 225"/>
                <a:gd name="T29" fmla="*/ 63000 h 127"/>
                <a:gd name="T30" fmla="*/ 95250 w 225"/>
                <a:gd name="T31" fmla="*/ 65625 h 127"/>
                <a:gd name="T32" fmla="*/ 84138 w 225"/>
                <a:gd name="T33" fmla="*/ 63525 h 127"/>
                <a:gd name="T34" fmla="*/ 80963 w 225"/>
                <a:gd name="T35" fmla="*/ 61425 h 127"/>
                <a:gd name="T36" fmla="*/ 77788 w 225"/>
                <a:gd name="T37" fmla="*/ 60900 h 127"/>
                <a:gd name="T38" fmla="*/ 74084 w 225"/>
                <a:gd name="T39" fmla="*/ 60375 h 127"/>
                <a:gd name="T40" fmla="*/ 71438 w 225"/>
                <a:gd name="T41" fmla="*/ 59850 h 127"/>
                <a:gd name="T42" fmla="*/ 68792 w 225"/>
                <a:gd name="T43" fmla="*/ 60900 h 127"/>
                <a:gd name="T44" fmla="*/ 65088 w 225"/>
                <a:gd name="T45" fmla="*/ 64050 h 127"/>
                <a:gd name="T46" fmla="*/ 60854 w 225"/>
                <a:gd name="T47" fmla="*/ 66675 h 127"/>
                <a:gd name="T48" fmla="*/ 54504 w 225"/>
                <a:gd name="T49" fmla="*/ 64575 h 127"/>
                <a:gd name="T50" fmla="*/ 48154 w 225"/>
                <a:gd name="T51" fmla="*/ 59850 h 127"/>
                <a:gd name="T52" fmla="*/ 42863 w 225"/>
                <a:gd name="T53" fmla="*/ 53025 h 127"/>
                <a:gd name="T54" fmla="*/ 41804 w 225"/>
                <a:gd name="T55" fmla="*/ 46725 h 127"/>
                <a:gd name="T56" fmla="*/ 42334 w 225"/>
                <a:gd name="T57" fmla="*/ 41475 h 127"/>
                <a:gd name="T58" fmla="*/ 47096 w 225"/>
                <a:gd name="T59" fmla="*/ 37800 h 127"/>
                <a:gd name="T60" fmla="*/ 50271 w 225"/>
                <a:gd name="T61" fmla="*/ 32025 h 127"/>
                <a:gd name="T62" fmla="*/ 48684 w 225"/>
                <a:gd name="T63" fmla="*/ 27300 h 127"/>
                <a:gd name="T64" fmla="*/ 43921 w 225"/>
                <a:gd name="T65" fmla="*/ 25200 h 127"/>
                <a:gd name="T66" fmla="*/ 38629 w 225"/>
                <a:gd name="T67" fmla="*/ 25725 h 127"/>
                <a:gd name="T68" fmla="*/ 36513 w 225"/>
                <a:gd name="T69" fmla="*/ 23100 h 127"/>
                <a:gd name="T70" fmla="*/ 34396 w 225"/>
                <a:gd name="T71" fmla="*/ 18375 h 127"/>
                <a:gd name="T72" fmla="*/ 30163 w 225"/>
                <a:gd name="T73" fmla="*/ 15750 h 127"/>
                <a:gd name="T74" fmla="*/ 25400 w 225"/>
                <a:gd name="T75" fmla="*/ 14700 h 127"/>
                <a:gd name="T76" fmla="*/ 16404 w 225"/>
                <a:gd name="T77" fmla="*/ 15225 h 127"/>
                <a:gd name="T78" fmla="*/ 4763 w 225"/>
                <a:gd name="T79" fmla="*/ 18375 h 127"/>
                <a:gd name="T80" fmla="*/ 0 w 225"/>
                <a:gd name="T81" fmla="*/ 17325 h 127"/>
                <a:gd name="T82" fmla="*/ 2646 w 225"/>
                <a:gd name="T83" fmla="*/ 8925 h 127"/>
                <a:gd name="T84" fmla="*/ 7408 w 225"/>
                <a:gd name="T85" fmla="*/ 5250 h 127"/>
                <a:gd name="T86" fmla="*/ 13758 w 225"/>
                <a:gd name="T87" fmla="*/ 7350 h 127"/>
                <a:gd name="T88" fmla="*/ 17992 w 225"/>
                <a:gd name="T89" fmla="*/ 7350 h 127"/>
                <a:gd name="T90" fmla="*/ 20108 w 225"/>
                <a:gd name="T91" fmla="*/ 4725 h 127"/>
                <a:gd name="T92" fmla="*/ 25929 w 225"/>
                <a:gd name="T93" fmla="*/ 2100 h 127"/>
                <a:gd name="T94" fmla="*/ 34925 w 225"/>
                <a:gd name="T95" fmla="*/ 1575 h 127"/>
                <a:gd name="T96" fmla="*/ 53446 w 225"/>
                <a:gd name="T97" fmla="*/ 6300 h 127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225" h="127">
                  <a:moveTo>
                    <a:pt x="125" y="17"/>
                  </a:moveTo>
                  <a:lnTo>
                    <a:pt x="131" y="17"/>
                  </a:lnTo>
                  <a:lnTo>
                    <a:pt x="137" y="16"/>
                  </a:lnTo>
                  <a:lnTo>
                    <a:pt x="141" y="15"/>
                  </a:lnTo>
                  <a:lnTo>
                    <a:pt x="146" y="12"/>
                  </a:lnTo>
                  <a:lnTo>
                    <a:pt x="152" y="6"/>
                  </a:lnTo>
                  <a:lnTo>
                    <a:pt x="158" y="0"/>
                  </a:lnTo>
                  <a:lnTo>
                    <a:pt x="160" y="1"/>
                  </a:lnTo>
                  <a:lnTo>
                    <a:pt x="164" y="2"/>
                  </a:lnTo>
                  <a:lnTo>
                    <a:pt x="167" y="2"/>
                  </a:lnTo>
                  <a:lnTo>
                    <a:pt x="171" y="2"/>
                  </a:lnTo>
                  <a:lnTo>
                    <a:pt x="171" y="11"/>
                  </a:lnTo>
                  <a:lnTo>
                    <a:pt x="173" y="17"/>
                  </a:lnTo>
                  <a:lnTo>
                    <a:pt x="178" y="30"/>
                  </a:lnTo>
                  <a:lnTo>
                    <a:pt x="184" y="43"/>
                  </a:lnTo>
                  <a:lnTo>
                    <a:pt x="189" y="52"/>
                  </a:lnTo>
                  <a:lnTo>
                    <a:pt x="196" y="60"/>
                  </a:lnTo>
                  <a:lnTo>
                    <a:pt x="197" y="69"/>
                  </a:lnTo>
                  <a:lnTo>
                    <a:pt x="199" y="75"/>
                  </a:lnTo>
                  <a:lnTo>
                    <a:pt x="202" y="81"/>
                  </a:lnTo>
                  <a:lnTo>
                    <a:pt x="207" y="85"/>
                  </a:lnTo>
                  <a:lnTo>
                    <a:pt x="216" y="94"/>
                  </a:lnTo>
                  <a:lnTo>
                    <a:pt x="225" y="103"/>
                  </a:lnTo>
                  <a:lnTo>
                    <a:pt x="225" y="110"/>
                  </a:lnTo>
                  <a:lnTo>
                    <a:pt x="225" y="116"/>
                  </a:lnTo>
                  <a:lnTo>
                    <a:pt x="220" y="116"/>
                  </a:lnTo>
                  <a:lnTo>
                    <a:pt x="216" y="116"/>
                  </a:lnTo>
                  <a:lnTo>
                    <a:pt x="208" y="117"/>
                  </a:lnTo>
                  <a:lnTo>
                    <a:pt x="202" y="118"/>
                  </a:lnTo>
                  <a:lnTo>
                    <a:pt x="198" y="120"/>
                  </a:lnTo>
                  <a:lnTo>
                    <a:pt x="194" y="124"/>
                  </a:lnTo>
                  <a:lnTo>
                    <a:pt x="180" y="125"/>
                  </a:lnTo>
                  <a:lnTo>
                    <a:pt x="164" y="124"/>
                  </a:lnTo>
                  <a:lnTo>
                    <a:pt x="159" y="121"/>
                  </a:lnTo>
                  <a:lnTo>
                    <a:pt x="155" y="118"/>
                  </a:lnTo>
                  <a:lnTo>
                    <a:pt x="153" y="117"/>
                  </a:lnTo>
                  <a:lnTo>
                    <a:pt x="150" y="117"/>
                  </a:lnTo>
                  <a:lnTo>
                    <a:pt x="147" y="116"/>
                  </a:lnTo>
                  <a:lnTo>
                    <a:pt x="142" y="116"/>
                  </a:lnTo>
                  <a:lnTo>
                    <a:pt x="140" y="115"/>
                  </a:lnTo>
                  <a:lnTo>
                    <a:pt x="137" y="114"/>
                  </a:lnTo>
                  <a:lnTo>
                    <a:pt x="135" y="114"/>
                  </a:lnTo>
                  <a:lnTo>
                    <a:pt x="134" y="114"/>
                  </a:lnTo>
                  <a:lnTo>
                    <a:pt x="130" y="116"/>
                  </a:lnTo>
                  <a:lnTo>
                    <a:pt x="127" y="119"/>
                  </a:lnTo>
                  <a:lnTo>
                    <a:pt x="123" y="122"/>
                  </a:lnTo>
                  <a:lnTo>
                    <a:pt x="120" y="125"/>
                  </a:lnTo>
                  <a:lnTo>
                    <a:pt x="115" y="127"/>
                  </a:lnTo>
                  <a:lnTo>
                    <a:pt x="110" y="127"/>
                  </a:lnTo>
                  <a:lnTo>
                    <a:pt x="103" y="123"/>
                  </a:lnTo>
                  <a:lnTo>
                    <a:pt x="96" y="118"/>
                  </a:lnTo>
                  <a:lnTo>
                    <a:pt x="91" y="114"/>
                  </a:lnTo>
                  <a:lnTo>
                    <a:pt x="86" y="108"/>
                  </a:lnTo>
                  <a:lnTo>
                    <a:pt x="81" y="101"/>
                  </a:lnTo>
                  <a:lnTo>
                    <a:pt x="79" y="93"/>
                  </a:lnTo>
                  <a:lnTo>
                    <a:pt x="79" y="89"/>
                  </a:lnTo>
                  <a:lnTo>
                    <a:pt x="79" y="83"/>
                  </a:lnTo>
                  <a:lnTo>
                    <a:pt x="80" y="79"/>
                  </a:lnTo>
                  <a:lnTo>
                    <a:pt x="81" y="73"/>
                  </a:lnTo>
                  <a:lnTo>
                    <a:pt x="89" y="72"/>
                  </a:lnTo>
                  <a:lnTo>
                    <a:pt x="95" y="69"/>
                  </a:lnTo>
                  <a:lnTo>
                    <a:pt x="95" y="61"/>
                  </a:lnTo>
                  <a:lnTo>
                    <a:pt x="94" y="56"/>
                  </a:lnTo>
                  <a:lnTo>
                    <a:pt x="92" y="52"/>
                  </a:lnTo>
                  <a:lnTo>
                    <a:pt x="90" y="48"/>
                  </a:lnTo>
                  <a:lnTo>
                    <a:pt x="83" y="48"/>
                  </a:lnTo>
                  <a:lnTo>
                    <a:pt x="78" y="48"/>
                  </a:lnTo>
                  <a:lnTo>
                    <a:pt x="73" y="49"/>
                  </a:lnTo>
                  <a:lnTo>
                    <a:pt x="69" y="51"/>
                  </a:lnTo>
                  <a:lnTo>
                    <a:pt x="69" y="44"/>
                  </a:lnTo>
                  <a:lnTo>
                    <a:pt x="67" y="39"/>
                  </a:lnTo>
                  <a:lnTo>
                    <a:pt x="65" y="35"/>
                  </a:lnTo>
                  <a:lnTo>
                    <a:pt x="61" y="32"/>
                  </a:lnTo>
                  <a:lnTo>
                    <a:pt x="57" y="30"/>
                  </a:lnTo>
                  <a:lnTo>
                    <a:pt x="53" y="29"/>
                  </a:lnTo>
                  <a:lnTo>
                    <a:pt x="48" y="28"/>
                  </a:lnTo>
                  <a:lnTo>
                    <a:pt x="42" y="28"/>
                  </a:lnTo>
                  <a:lnTo>
                    <a:pt x="31" y="29"/>
                  </a:lnTo>
                  <a:lnTo>
                    <a:pt x="19" y="32"/>
                  </a:lnTo>
                  <a:lnTo>
                    <a:pt x="9" y="35"/>
                  </a:lnTo>
                  <a:lnTo>
                    <a:pt x="0" y="38"/>
                  </a:lnTo>
                  <a:lnTo>
                    <a:pt x="0" y="33"/>
                  </a:lnTo>
                  <a:lnTo>
                    <a:pt x="0" y="28"/>
                  </a:lnTo>
                  <a:lnTo>
                    <a:pt x="5" y="17"/>
                  </a:lnTo>
                  <a:lnTo>
                    <a:pt x="9" y="8"/>
                  </a:lnTo>
                  <a:lnTo>
                    <a:pt x="14" y="10"/>
                  </a:lnTo>
                  <a:lnTo>
                    <a:pt x="19" y="12"/>
                  </a:lnTo>
                  <a:lnTo>
                    <a:pt x="26" y="14"/>
                  </a:lnTo>
                  <a:lnTo>
                    <a:pt x="34" y="15"/>
                  </a:lnTo>
                  <a:lnTo>
                    <a:pt x="34" y="14"/>
                  </a:lnTo>
                  <a:lnTo>
                    <a:pt x="34" y="13"/>
                  </a:lnTo>
                  <a:lnTo>
                    <a:pt x="38" y="9"/>
                  </a:lnTo>
                  <a:lnTo>
                    <a:pt x="43" y="6"/>
                  </a:lnTo>
                  <a:lnTo>
                    <a:pt x="49" y="4"/>
                  </a:lnTo>
                  <a:lnTo>
                    <a:pt x="54" y="4"/>
                  </a:lnTo>
                  <a:lnTo>
                    <a:pt x="66" y="3"/>
                  </a:lnTo>
                  <a:lnTo>
                    <a:pt x="77" y="5"/>
                  </a:lnTo>
                  <a:lnTo>
                    <a:pt x="101" y="12"/>
                  </a:lnTo>
                  <a:lnTo>
                    <a:pt x="125" y="17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12" name="Ballerup kant"/>
            <p:cNvSpPr>
              <a:spLocks/>
            </p:cNvSpPr>
            <p:nvPr/>
          </p:nvSpPr>
          <p:spPr bwMode="auto">
            <a:xfrm>
              <a:off x="3771900" y="4840288"/>
              <a:ext cx="119063" cy="66675"/>
            </a:xfrm>
            <a:custGeom>
              <a:avLst/>
              <a:gdLst>
                <a:gd name="T0" fmla="*/ 69321 w 225"/>
                <a:gd name="T1" fmla="*/ 8925 h 127"/>
                <a:gd name="T2" fmla="*/ 74613 w 225"/>
                <a:gd name="T3" fmla="*/ 7875 h 127"/>
                <a:gd name="T4" fmla="*/ 80434 w 225"/>
                <a:gd name="T5" fmla="*/ 3150 h 127"/>
                <a:gd name="T6" fmla="*/ 84667 w 225"/>
                <a:gd name="T7" fmla="*/ 525 h 127"/>
                <a:gd name="T8" fmla="*/ 88371 w 225"/>
                <a:gd name="T9" fmla="*/ 1050 h 127"/>
                <a:gd name="T10" fmla="*/ 90488 w 225"/>
                <a:gd name="T11" fmla="*/ 5775 h 127"/>
                <a:gd name="T12" fmla="*/ 94192 w 225"/>
                <a:gd name="T13" fmla="*/ 15750 h 127"/>
                <a:gd name="T14" fmla="*/ 100013 w 225"/>
                <a:gd name="T15" fmla="*/ 27300 h 127"/>
                <a:gd name="T16" fmla="*/ 104246 w 225"/>
                <a:gd name="T17" fmla="*/ 36225 h 127"/>
                <a:gd name="T18" fmla="*/ 106892 w 225"/>
                <a:gd name="T19" fmla="*/ 42525 h 127"/>
                <a:gd name="T20" fmla="*/ 114300 w 225"/>
                <a:gd name="T21" fmla="*/ 49350 h 127"/>
                <a:gd name="T22" fmla="*/ 119063 w 225"/>
                <a:gd name="T23" fmla="*/ 57750 h 127"/>
                <a:gd name="T24" fmla="*/ 116417 w 225"/>
                <a:gd name="T25" fmla="*/ 60900 h 127"/>
                <a:gd name="T26" fmla="*/ 110067 w 225"/>
                <a:gd name="T27" fmla="*/ 61425 h 127"/>
                <a:gd name="T28" fmla="*/ 104775 w 225"/>
                <a:gd name="T29" fmla="*/ 63000 h 127"/>
                <a:gd name="T30" fmla="*/ 95250 w 225"/>
                <a:gd name="T31" fmla="*/ 65625 h 127"/>
                <a:gd name="T32" fmla="*/ 84138 w 225"/>
                <a:gd name="T33" fmla="*/ 63525 h 127"/>
                <a:gd name="T34" fmla="*/ 80963 w 225"/>
                <a:gd name="T35" fmla="*/ 61425 h 127"/>
                <a:gd name="T36" fmla="*/ 77788 w 225"/>
                <a:gd name="T37" fmla="*/ 60900 h 127"/>
                <a:gd name="T38" fmla="*/ 74084 w 225"/>
                <a:gd name="T39" fmla="*/ 60375 h 127"/>
                <a:gd name="T40" fmla="*/ 71438 w 225"/>
                <a:gd name="T41" fmla="*/ 59850 h 127"/>
                <a:gd name="T42" fmla="*/ 68792 w 225"/>
                <a:gd name="T43" fmla="*/ 60900 h 127"/>
                <a:gd name="T44" fmla="*/ 65088 w 225"/>
                <a:gd name="T45" fmla="*/ 64050 h 127"/>
                <a:gd name="T46" fmla="*/ 60854 w 225"/>
                <a:gd name="T47" fmla="*/ 66675 h 127"/>
                <a:gd name="T48" fmla="*/ 54504 w 225"/>
                <a:gd name="T49" fmla="*/ 64575 h 127"/>
                <a:gd name="T50" fmla="*/ 48154 w 225"/>
                <a:gd name="T51" fmla="*/ 59850 h 127"/>
                <a:gd name="T52" fmla="*/ 42863 w 225"/>
                <a:gd name="T53" fmla="*/ 53025 h 127"/>
                <a:gd name="T54" fmla="*/ 41804 w 225"/>
                <a:gd name="T55" fmla="*/ 46725 h 127"/>
                <a:gd name="T56" fmla="*/ 42334 w 225"/>
                <a:gd name="T57" fmla="*/ 41475 h 127"/>
                <a:gd name="T58" fmla="*/ 47096 w 225"/>
                <a:gd name="T59" fmla="*/ 37800 h 127"/>
                <a:gd name="T60" fmla="*/ 50271 w 225"/>
                <a:gd name="T61" fmla="*/ 32025 h 127"/>
                <a:gd name="T62" fmla="*/ 48684 w 225"/>
                <a:gd name="T63" fmla="*/ 27300 h 127"/>
                <a:gd name="T64" fmla="*/ 43921 w 225"/>
                <a:gd name="T65" fmla="*/ 25200 h 127"/>
                <a:gd name="T66" fmla="*/ 38629 w 225"/>
                <a:gd name="T67" fmla="*/ 25725 h 127"/>
                <a:gd name="T68" fmla="*/ 36513 w 225"/>
                <a:gd name="T69" fmla="*/ 23100 h 127"/>
                <a:gd name="T70" fmla="*/ 34396 w 225"/>
                <a:gd name="T71" fmla="*/ 18375 h 127"/>
                <a:gd name="T72" fmla="*/ 30163 w 225"/>
                <a:gd name="T73" fmla="*/ 15750 h 127"/>
                <a:gd name="T74" fmla="*/ 25400 w 225"/>
                <a:gd name="T75" fmla="*/ 14700 h 127"/>
                <a:gd name="T76" fmla="*/ 16404 w 225"/>
                <a:gd name="T77" fmla="*/ 15225 h 127"/>
                <a:gd name="T78" fmla="*/ 4763 w 225"/>
                <a:gd name="T79" fmla="*/ 18375 h 127"/>
                <a:gd name="T80" fmla="*/ 0 w 225"/>
                <a:gd name="T81" fmla="*/ 17325 h 127"/>
                <a:gd name="T82" fmla="*/ 2646 w 225"/>
                <a:gd name="T83" fmla="*/ 8925 h 127"/>
                <a:gd name="T84" fmla="*/ 7408 w 225"/>
                <a:gd name="T85" fmla="*/ 5250 h 127"/>
                <a:gd name="T86" fmla="*/ 13758 w 225"/>
                <a:gd name="T87" fmla="*/ 7350 h 127"/>
                <a:gd name="T88" fmla="*/ 17992 w 225"/>
                <a:gd name="T89" fmla="*/ 7350 h 127"/>
                <a:gd name="T90" fmla="*/ 20108 w 225"/>
                <a:gd name="T91" fmla="*/ 4725 h 127"/>
                <a:gd name="T92" fmla="*/ 25929 w 225"/>
                <a:gd name="T93" fmla="*/ 2100 h 127"/>
                <a:gd name="T94" fmla="*/ 34925 w 225"/>
                <a:gd name="T95" fmla="*/ 1575 h 127"/>
                <a:gd name="T96" fmla="*/ 53446 w 225"/>
                <a:gd name="T97" fmla="*/ 6300 h 127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225" h="127">
                  <a:moveTo>
                    <a:pt x="125" y="17"/>
                  </a:moveTo>
                  <a:lnTo>
                    <a:pt x="131" y="17"/>
                  </a:lnTo>
                  <a:lnTo>
                    <a:pt x="137" y="16"/>
                  </a:lnTo>
                  <a:lnTo>
                    <a:pt x="141" y="15"/>
                  </a:lnTo>
                  <a:lnTo>
                    <a:pt x="146" y="12"/>
                  </a:lnTo>
                  <a:lnTo>
                    <a:pt x="152" y="6"/>
                  </a:lnTo>
                  <a:lnTo>
                    <a:pt x="158" y="0"/>
                  </a:lnTo>
                  <a:lnTo>
                    <a:pt x="160" y="1"/>
                  </a:lnTo>
                  <a:lnTo>
                    <a:pt x="164" y="2"/>
                  </a:lnTo>
                  <a:lnTo>
                    <a:pt x="167" y="2"/>
                  </a:lnTo>
                  <a:lnTo>
                    <a:pt x="171" y="2"/>
                  </a:lnTo>
                  <a:lnTo>
                    <a:pt x="171" y="11"/>
                  </a:lnTo>
                  <a:lnTo>
                    <a:pt x="173" y="17"/>
                  </a:lnTo>
                  <a:lnTo>
                    <a:pt x="178" y="30"/>
                  </a:lnTo>
                  <a:lnTo>
                    <a:pt x="184" y="43"/>
                  </a:lnTo>
                  <a:lnTo>
                    <a:pt x="189" y="52"/>
                  </a:lnTo>
                  <a:lnTo>
                    <a:pt x="196" y="60"/>
                  </a:lnTo>
                  <a:lnTo>
                    <a:pt x="197" y="69"/>
                  </a:lnTo>
                  <a:lnTo>
                    <a:pt x="199" y="75"/>
                  </a:lnTo>
                  <a:lnTo>
                    <a:pt x="202" y="81"/>
                  </a:lnTo>
                  <a:lnTo>
                    <a:pt x="207" y="85"/>
                  </a:lnTo>
                  <a:lnTo>
                    <a:pt x="216" y="94"/>
                  </a:lnTo>
                  <a:lnTo>
                    <a:pt x="225" y="103"/>
                  </a:lnTo>
                  <a:lnTo>
                    <a:pt x="225" y="110"/>
                  </a:lnTo>
                  <a:lnTo>
                    <a:pt x="225" y="116"/>
                  </a:lnTo>
                  <a:lnTo>
                    <a:pt x="220" y="116"/>
                  </a:lnTo>
                  <a:lnTo>
                    <a:pt x="216" y="116"/>
                  </a:lnTo>
                  <a:lnTo>
                    <a:pt x="208" y="117"/>
                  </a:lnTo>
                  <a:lnTo>
                    <a:pt x="202" y="118"/>
                  </a:lnTo>
                  <a:lnTo>
                    <a:pt x="198" y="120"/>
                  </a:lnTo>
                  <a:lnTo>
                    <a:pt x="194" y="124"/>
                  </a:lnTo>
                  <a:lnTo>
                    <a:pt x="180" y="125"/>
                  </a:lnTo>
                  <a:lnTo>
                    <a:pt x="164" y="124"/>
                  </a:lnTo>
                  <a:lnTo>
                    <a:pt x="159" y="121"/>
                  </a:lnTo>
                  <a:lnTo>
                    <a:pt x="155" y="118"/>
                  </a:lnTo>
                  <a:lnTo>
                    <a:pt x="153" y="117"/>
                  </a:lnTo>
                  <a:lnTo>
                    <a:pt x="150" y="117"/>
                  </a:lnTo>
                  <a:lnTo>
                    <a:pt x="147" y="116"/>
                  </a:lnTo>
                  <a:lnTo>
                    <a:pt x="142" y="116"/>
                  </a:lnTo>
                  <a:lnTo>
                    <a:pt x="140" y="115"/>
                  </a:lnTo>
                  <a:lnTo>
                    <a:pt x="137" y="114"/>
                  </a:lnTo>
                  <a:lnTo>
                    <a:pt x="135" y="114"/>
                  </a:lnTo>
                  <a:lnTo>
                    <a:pt x="134" y="114"/>
                  </a:lnTo>
                  <a:lnTo>
                    <a:pt x="130" y="116"/>
                  </a:lnTo>
                  <a:lnTo>
                    <a:pt x="127" y="119"/>
                  </a:lnTo>
                  <a:lnTo>
                    <a:pt x="123" y="122"/>
                  </a:lnTo>
                  <a:lnTo>
                    <a:pt x="120" y="125"/>
                  </a:lnTo>
                  <a:lnTo>
                    <a:pt x="115" y="127"/>
                  </a:lnTo>
                  <a:lnTo>
                    <a:pt x="110" y="127"/>
                  </a:lnTo>
                  <a:lnTo>
                    <a:pt x="103" y="123"/>
                  </a:lnTo>
                  <a:lnTo>
                    <a:pt x="96" y="118"/>
                  </a:lnTo>
                  <a:lnTo>
                    <a:pt x="91" y="114"/>
                  </a:lnTo>
                  <a:lnTo>
                    <a:pt x="86" y="108"/>
                  </a:lnTo>
                  <a:lnTo>
                    <a:pt x="81" y="101"/>
                  </a:lnTo>
                  <a:lnTo>
                    <a:pt x="79" y="93"/>
                  </a:lnTo>
                  <a:lnTo>
                    <a:pt x="79" y="89"/>
                  </a:lnTo>
                  <a:lnTo>
                    <a:pt x="79" y="83"/>
                  </a:lnTo>
                  <a:lnTo>
                    <a:pt x="80" y="79"/>
                  </a:lnTo>
                  <a:lnTo>
                    <a:pt x="81" y="73"/>
                  </a:lnTo>
                  <a:lnTo>
                    <a:pt x="89" y="72"/>
                  </a:lnTo>
                  <a:lnTo>
                    <a:pt x="95" y="69"/>
                  </a:lnTo>
                  <a:lnTo>
                    <a:pt x="95" y="61"/>
                  </a:lnTo>
                  <a:lnTo>
                    <a:pt x="94" y="56"/>
                  </a:lnTo>
                  <a:lnTo>
                    <a:pt x="92" y="52"/>
                  </a:lnTo>
                  <a:lnTo>
                    <a:pt x="90" y="48"/>
                  </a:lnTo>
                  <a:lnTo>
                    <a:pt x="83" y="48"/>
                  </a:lnTo>
                  <a:lnTo>
                    <a:pt x="78" y="48"/>
                  </a:lnTo>
                  <a:lnTo>
                    <a:pt x="73" y="49"/>
                  </a:lnTo>
                  <a:lnTo>
                    <a:pt x="69" y="51"/>
                  </a:lnTo>
                  <a:lnTo>
                    <a:pt x="69" y="44"/>
                  </a:lnTo>
                  <a:lnTo>
                    <a:pt x="67" y="39"/>
                  </a:lnTo>
                  <a:lnTo>
                    <a:pt x="65" y="35"/>
                  </a:lnTo>
                  <a:lnTo>
                    <a:pt x="61" y="32"/>
                  </a:lnTo>
                  <a:lnTo>
                    <a:pt x="57" y="30"/>
                  </a:lnTo>
                  <a:lnTo>
                    <a:pt x="53" y="29"/>
                  </a:lnTo>
                  <a:lnTo>
                    <a:pt x="48" y="28"/>
                  </a:lnTo>
                  <a:lnTo>
                    <a:pt x="42" y="28"/>
                  </a:lnTo>
                  <a:lnTo>
                    <a:pt x="31" y="29"/>
                  </a:lnTo>
                  <a:lnTo>
                    <a:pt x="19" y="32"/>
                  </a:lnTo>
                  <a:lnTo>
                    <a:pt x="9" y="35"/>
                  </a:lnTo>
                  <a:lnTo>
                    <a:pt x="0" y="38"/>
                  </a:lnTo>
                  <a:lnTo>
                    <a:pt x="0" y="33"/>
                  </a:lnTo>
                  <a:lnTo>
                    <a:pt x="0" y="28"/>
                  </a:lnTo>
                  <a:lnTo>
                    <a:pt x="5" y="17"/>
                  </a:lnTo>
                  <a:lnTo>
                    <a:pt x="9" y="8"/>
                  </a:lnTo>
                  <a:lnTo>
                    <a:pt x="14" y="10"/>
                  </a:lnTo>
                  <a:lnTo>
                    <a:pt x="19" y="12"/>
                  </a:lnTo>
                  <a:lnTo>
                    <a:pt x="26" y="14"/>
                  </a:lnTo>
                  <a:lnTo>
                    <a:pt x="34" y="15"/>
                  </a:lnTo>
                  <a:lnTo>
                    <a:pt x="34" y="14"/>
                  </a:lnTo>
                  <a:lnTo>
                    <a:pt x="34" y="13"/>
                  </a:lnTo>
                  <a:lnTo>
                    <a:pt x="38" y="9"/>
                  </a:lnTo>
                  <a:lnTo>
                    <a:pt x="43" y="6"/>
                  </a:lnTo>
                  <a:lnTo>
                    <a:pt x="49" y="4"/>
                  </a:lnTo>
                  <a:lnTo>
                    <a:pt x="54" y="4"/>
                  </a:lnTo>
                  <a:lnTo>
                    <a:pt x="66" y="3"/>
                  </a:lnTo>
                  <a:lnTo>
                    <a:pt x="77" y="5"/>
                  </a:lnTo>
                  <a:lnTo>
                    <a:pt x="101" y="12"/>
                  </a:lnTo>
                  <a:lnTo>
                    <a:pt x="125" y="17"/>
                  </a:lnTo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13" name="Herlev"/>
            <p:cNvSpPr>
              <a:spLocks/>
            </p:cNvSpPr>
            <p:nvPr/>
          </p:nvSpPr>
          <p:spPr bwMode="auto">
            <a:xfrm>
              <a:off x="3863975" y="4840288"/>
              <a:ext cx="50800" cy="61912"/>
            </a:xfrm>
            <a:custGeom>
              <a:avLst/>
              <a:gdLst>
                <a:gd name="T0" fmla="*/ 4190 w 97"/>
                <a:gd name="T1" fmla="*/ 13758 h 117"/>
                <a:gd name="T2" fmla="*/ 1571 w 97"/>
                <a:gd name="T3" fmla="*/ 5821 h 117"/>
                <a:gd name="T4" fmla="*/ 0 w 97"/>
                <a:gd name="T5" fmla="*/ 2117 h 117"/>
                <a:gd name="T6" fmla="*/ 524 w 97"/>
                <a:gd name="T7" fmla="*/ 529 h 117"/>
                <a:gd name="T8" fmla="*/ 4190 w 97"/>
                <a:gd name="T9" fmla="*/ 2117 h 117"/>
                <a:gd name="T10" fmla="*/ 8903 w 97"/>
                <a:gd name="T11" fmla="*/ 6350 h 117"/>
                <a:gd name="T12" fmla="*/ 12569 w 97"/>
                <a:gd name="T13" fmla="*/ 7937 h 117"/>
                <a:gd name="T14" fmla="*/ 15188 w 97"/>
                <a:gd name="T15" fmla="*/ 7937 h 117"/>
                <a:gd name="T16" fmla="*/ 16235 w 97"/>
                <a:gd name="T17" fmla="*/ 7408 h 117"/>
                <a:gd name="T18" fmla="*/ 21472 w 97"/>
                <a:gd name="T19" fmla="*/ 7408 h 117"/>
                <a:gd name="T20" fmla="*/ 28804 w 97"/>
                <a:gd name="T21" fmla="*/ 8467 h 117"/>
                <a:gd name="T22" fmla="*/ 31423 w 97"/>
                <a:gd name="T23" fmla="*/ 6879 h 117"/>
                <a:gd name="T24" fmla="*/ 33518 w 97"/>
                <a:gd name="T25" fmla="*/ 5292 h 117"/>
                <a:gd name="T26" fmla="*/ 34041 w 97"/>
                <a:gd name="T27" fmla="*/ 7408 h 117"/>
                <a:gd name="T28" fmla="*/ 35089 w 97"/>
                <a:gd name="T29" fmla="*/ 8996 h 117"/>
                <a:gd name="T30" fmla="*/ 37707 w 97"/>
                <a:gd name="T31" fmla="*/ 10054 h 117"/>
                <a:gd name="T32" fmla="*/ 39278 w 97"/>
                <a:gd name="T33" fmla="*/ 11642 h 117"/>
                <a:gd name="T34" fmla="*/ 38755 w 97"/>
                <a:gd name="T35" fmla="*/ 14817 h 117"/>
                <a:gd name="T36" fmla="*/ 38755 w 97"/>
                <a:gd name="T37" fmla="*/ 16933 h 117"/>
                <a:gd name="T38" fmla="*/ 40326 w 97"/>
                <a:gd name="T39" fmla="*/ 26987 h 117"/>
                <a:gd name="T40" fmla="*/ 43468 w 97"/>
                <a:gd name="T41" fmla="*/ 35983 h 117"/>
                <a:gd name="T42" fmla="*/ 50800 w 97"/>
                <a:gd name="T43" fmla="*/ 52387 h 117"/>
                <a:gd name="T44" fmla="*/ 49229 w 97"/>
                <a:gd name="T45" fmla="*/ 57150 h 117"/>
                <a:gd name="T46" fmla="*/ 48181 w 97"/>
                <a:gd name="T47" fmla="*/ 58737 h 117"/>
                <a:gd name="T48" fmla="*/ 48181 w 97"/>
                <a:gd name="T49" fmla="*/ 61912 h 117"/>
                <a:gd name="T50" fmla="*/ 43468 w 97"/>
                <a:gd name="T51" fmla="*/ 59795 h 117"/>
                <a:gd name="T52" fmla="*/ 38755 w 97"/>
                <a:gd name="T53" fmla="*/ 60325 h 117"/>
                <a:gd name="T54" fmla="*/ 33518 w 97"/>
                <a:gd name="T55" fmla="*/ 61383 h 117"/>
                <a:gd name="T56" fmla="*/ 28280 w 97"/>
                <a:gd name="T57" fmla="*/ 60325 h 117"/>
                <a:gd name="T58" fmla="*/ 28280 w 97"/>
                <a:gd name="T59" fmla="*/ 53445 h 117"/>
                <a:gd name="T60" fmla="*/ 19377 w 97"/>
                <a:gd name="T61" fmla="*/ 42333 h 117"/>
                <a:gd name="T62" fmla="*/ 14664 w 97"/>
                <a:gd name="T63" fmla="*/ 37571 h 117"/>
                <a:gd name="T64" fmla="*/ 13093 w 97"/>
                <a:gd name="T65" fmla="*/ 30691 h 117"/>
                <a:gd name="T66" fmla="*/ 12569 w 97"/>
                <a:gd name="T67" fmla="*/ 26987 h 117"/>
                <a:gd name="T68" fmla="*/ 10998 w 97"/>
                <a:gd name="T69" fmla="*/ 23812 h 117"/>
                <a:gd name="T70" fmla="*/ 7332 w 97"/>
                <a:gd name="T71" fmla="*/ 18521 h 117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97" h="117">
                  <a:moveTo>
                    <a:pt x="14" y="35"/>
                  </a:moveTo>
                  <a:lnTo>
                    <a:pt x="8" y="26"/>
                  </a:lnTo>
                  <a:lnTo>
                    <a:pt x="3" y="15"/>
                  </a:lnTo>
                  <a:lnTo>
                    <a:pt x="3" y="11"/>
                  </a:lnTo>
                  <a:lnTo>
                    <a:pt x="1" y="7"/>
                  </a:lnTo>
                  <a:lnTo>
                    <a:pt x="0" y="4"/>
                  </a:lnTo>
                  <a:lnTo>
                    <a:pt x="0" y="3"/>
                  </a:lnTo>
                  <a:lnTo>
                    <a:pt x="1" y="1"/>
                  </a:lnTo>
                  <a:lnTo>
                    <a:pt x="3" y="0"/>
                  </a:lnTo>
                  <a:lnTo>
                    <a:pt x="8" y="4"/>
                  </a:lnTo>
                  <a:lnTo>
                    <a:pt x="14" y="10"/>
                  </a:lnTo>
                  <a:lnTo>
                    <a:pt x="17" y="12"/>
                  </a:lnTo>
                  <a:lnTo>
                    <a:pt x="20" y="14"/>
                  </a:lnTo>
                  <a:lnTo>
                    <a:pt x="24" y="15"/>
                  </a:lnTo>
                  <a:lnTo>
                    <a:pt x="28" y="15"/>
                  </a:lnTo>
                  <a:lnTo>
                    <a:pt x="29" y="15"/>
                  </a:lnTo>
                  <a:lnTo>
                    <a:pt x="31" y="15"/>
                  </a:lnTo>
                  <a:lnTo>
                    <a:pt x="31" y="14"/>
                  </a:lnTo>
                  <a:lnTo>
                    <a:pt x="31" y="13"/>
                  </a:lnTo>
                  <a:lnTo>
                    <a:pt x="41" y="14"/>
                  </a:lnTo>
                  <a:lnTo>
                    <a:pt x="51" y="15"/>
                  </a:lnTo>
                  <a:lnTo>
                    <a:pt x="55" y="16"/>
                  </a:lnTo>
                  <a:lnTo>
                    <a:pt x="58" y="15"/>
                  </a:lnTo>
                  <a:lnTo>
                    <a:pt x="60" y="13"/>
                  </a:lnTo>
                  <a:lnTo>
                    <a:pt x="62" y="10"/>
                  </a:lnTo>
                  <a:lnTo>
                    <a:pt x="64" y="10"/>
                  </a:lnTo>
                  <a:lnTo>
                    <a:pt x="66" y="10"/>
                  </a:lnTo>
                  <a:lnTo>
                    <a:pt x="65" y="14"/>
                  </a:lnTo>
                  <a:lnTo>
                    <a:pt x="66" y="16"/>
                  </a:lnTo>
                  <a:lnTo>
                    <a:pt x="67" y="17"/>
                  </a:lnTo>
                  <a:lnTo>
                    <a:pt x="69" y="18"/>
                  </a:lnTo>
                  <a:lnTo>
                    <a:pt x="72" y="19"/>
                  </a:lnTo>
                  <a:lnTo>
                    <a:pt x="74" y="20"/>
                  </a:lnTo>
                  <a:lnTo>
                    <a:pt x="75" y="22"/>
                  </a:lnTo>
                  <a:lnTo>
                    <a:pt x="74" y="26"/>
                  </a:lnTo>
                  <a:lnTo>
                    <a:pt x="74" y="28"/>
                  </a:lnTo>
                  <a:lnTo>
                    <a:pt x="74" y="31"/>
                  </a:lnTo>
                  <a:lnTo>
                    <a:pt x="74" y="32"/>
                  </a:lnTo>
                  <a:lnTo>
                    <a:pt x="75" y="42"/>
                  </a:lnTo>
                  <a:lnTo>
                    <a:pt x="77" y="51"/>
                  </a:lnTo>
                  <a:lnTo>
                    <a:pt x="80" y="60"/>
                  </a:lnTo>
                  <a:lnTo>
                    <a:pt x="83" y="68"/>
                  </a:lnTo>
                  <a:lnTo>
                    <a:pt x="89" y="83"/>
                  </a:lnTo>
                  <a:lnTo>
                    <a:pt x="97" y="99"/>
                  </a:lnTo>
                  <a:lnTo>
                    <a:pt x="96" y="103"/>
                  </a:lnTo>
                  <a:lnTo>
                    <a:pt x="94" y="108"/>
                  </a:lnTo>
                  <a:lnTo>
                    <a:pt x="92" y="109"/>
                  </a:lnTo>
                  <a:lnTo>
                    <a:pt x="92" y="111"/>
                  </a:lnTo>
                  <a:lnTo>
                    <a:pt x="92" y="114"/>
                  </a:lnTo>
                  <a:lnTo>
                    <a:pt x="92" y="117"/>
                  </a:lnTo>
                  <a:lnTo>
                    <a:pt x="87" y="114"/>
                  </a:lnTo>
                  <a:lnTo>
                    <a:pt x="83" y="113"/>
                  </a:lnTo>
                  <a:lnTo>
                    <a:pt x="79" y="113"/>
                  </a:lnTo>
                  <a:lnTo>
                    <a:pt x="74" y="114"/>
                  </a:lnTo>
                  <a:lnTo>
                    <a:pt x="69" y="115"/>
                  </a:lnTo>
                  <a:lnTo>
                    <a:pt x="64" y="116"/>
                  </a:lnTo>
                  <a:lnTo>
                    <a:pt x="59" y="116"/>
                  </a:lnTo>
                  <a:lnTo>
                    <a:pt x="54" y="114"/>
                  </a:lnTo>
                  <a:lnTo>
                    <a:pt x="54" y="108"/>
                  </a:lnTo>
                  <a:lnTo>
                    <a:pt x="54" y="101"/>
                  </a:lnTo>
                  <a:lnTo>
                    <a:pt x="46" y="91"/>
                  </a:lnTo>
                  <a:lnTo>
                    <a:pt x="37" y="80"/>
                  </a:lnTo>
                  <a:lnTo>
                    <a:pt x="33" y="75"/>
                  </a:lnTo>
                  <a:lnTo>
                    <a:pt x="28" y="71"/>
                  </a:lnTo>
                  <a:lnTo>
                    <a:pt x="26" y="65"/>
                  </a:lnTo>
                  <a:lnTo>
                    <a:pt x="25" y="58"/>
                  </a:lnTo>
                  <a:lnTo>
                    <a:pt x="25" y="55"/>
                  </a:lnTo>
                  <a:lnTo>
                    <a:pt x="24" y="51"/>
                  </a:lnTo>
                  <a:lnTo>
                    <a:pt x="23" y="48"/>
                  </a:lnTo>
                  <a:lnTo>
                    <a:pt x="21" y="45"/>
                  </a:lnTo>
                  <a:lnTo>
                    <a:pt x="16" y="40"/>
                  </a:lnTo>
                  <a:lnTo>
                    <a:pt x="14" y="35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14" name="Herlev kant"/>
            <p:cNvSpPr>
              <a:spLocks/>
            </p:cNvSpPr>
            <p:nvPr/>
          </p:nvSpPr>
          <p:spPr bwMode="auto">
            <a:xfrm>
              <a:off x="3863975" y="4840288"/>
              <a:ext cx="50800" cy="61912"/>
            </a:xfrm>
            <a:custGeom>
              <a:avLst/>
              <a:gdLst>
                <a:gd name="T0" fmla="*/ 4190 w 97"/>
                <a:gd name="T1" fmla="*/ 13758 h 117"/>
                <a:gd name="T2" fmla="*/ 1571 w 97"/>
                <a:gd name="T3" fmla="*/ 5821 h 117"/>
                <a:gd name="T4" fmla="*/ 0 w 97"/>
                <a:gd name="T5" fmla="*/ 2117 h 117"/>
                <a:gd name="T6" fmla="*/ 524 w 97"/>
                <a:gd name="T7" fmla="*/ 529 h 117"/>
                <a:gd name="T8" fmla="*/ 4190 w 97"/>
                <a:gd name="T9" fmla="*/ 2117 h 117"/>
                <a:gd name="T10" fmla="*/ 8903 w 97"/>
                <a:gd name="T11" fmla="*/ 6350 h 117"/>
                <a:gd name="T12" fmla="*/ 12569 w 97"/>
                <a:gd name="T13" fmla="*/ 7937 h 117"/>
                <a:gd name="T14" fmla="*/ 15188 w 97"/>
                <a:gd name="T15" fmla="*/ 7937 h 117"/>
                <a:gd name="T16" fmla="*/ 16235 w 97"/>
                <a:gd name="T17" fmla="*/ 7408 h 117"/>
                <a:gd name="T18" fmla="*/ 21472 w 97"/>
                <a:gd name="T19" fmla="*/ 7408 h 117"/>
                <a:gd name="T20" fmla="*/ 28804 w 97"/>
                <a:gd name="T21" fmla="*/ 8467 h 117"/>
                <a:gd name="T22" fmla="*/ 31423 w 97"/>
                <a:gd name="T23" fmla="*/ 6879 h 117"/>
                <a:gd name="T24" fmla="*/ 33518 w 97"/>
                <a:gd name="T25" fmla="*/ 5292 h 117"/>
                <a:gd name="T26" fmla="*/ 34041 w 97"/>
                <a:gd name="T27" fmla="*/ 7408 h 117"/>
                <a:gd name="T28" fmla="*/ 35089 w 97"/>
                <a:gd name="T29" fmla="*/ 8996 h 117"/>
                <a:gd name="T30" fmla="*/ 37707 w 97"/>
                <a:gd name="T31" fmla="*/ 10054 h 117"/>
                <a:gd name="T32" fmla="*/ 39278 w 97"/>
                <a:gd name="T33" fmla="*/ 11642 h 117"/>
                <a:gd name="T34" fmla="*/ 38755 w 97"/>
                <a:gd name="T35" fmla="*/ 14817 h 117"/>
                <a:gd name="T36" fmla="*/ 38755 w 97"/>
                <a:gd name="T37" fmla="*/ 16933 h 117"/>
                <a:gd name="T38" fmla="*/ 40326 w 97"/>
                <a:gd name="T39" fmla="*/ 26987 h 117"/>
                <a:gd name="T40" fmla="*/ 43468 w 97"/>
                <a:gd name="T41" fmla="*/ 35983 h 117"/>
                <a:gd name="T42" fmla="*/ 50800 w 97"/>
                <a:gd name="T43" fmla="*/ 52387 h 117"/>
                <a:gd name="T44" fmla="*/ 49229 w 97"/>
                <a:gd name="T45" fmla="*/ 57150 h 117"/>
                <a:gd name="T46" fmla="*/ 48181 w 97"/>
                <a:gd name="T47" fmla="*/ 58737 h 117"/>
                <a:gd name="T48" fmla="*/ 48181 w 97"/>
                <a:gd name="T49" fmla="*/ 61912 h 117"/>
                <a:gd name="T50" fmla="*/ 43468 w 97"/>
                <a:gd name="T51" fmla="*/ 59795 h 117"/>
                <a:gd name="T52" fmla="*/ 38755 w 97"/>
                <a:gd name="T53" fmla="*/ 60325 h 117"/>
                <a:gd name="T54" fmla="*/ 33518 w 97"/>
                <a:gd name="T55" fmla="*/ 61383 h 117"/>
                <a:gd name="T56" fmla="*/ 28280 w 97"/>
                <a:gd name="T57" fmla="*/ 60325 h 117"/>
                <a:gd name="T58" fmla="*/ 28280 w 97"/>
                <a:gd name="T59" fmla="*/ 53445 h 117"/>
                <a:gd name="T60" fmla="*/ 19377 w 97"/>
                <a:gd name="T61" fmla="*/ 42333 h 117"/>
                <a:gd name="T62" fmla="*/ 14664 w 97"/>
                <a:gd name="T63" fmla="*/ 37571 h 117"/>
                <a:gd name="T64" fmla="*/ 13093 w 97"/>
                <a:gd name="T65" fmla="*/ 30691 h 117"/>
                <a:gd name="T66" fmla="*/ 12569 w 97"/>
                <a:gd name="T67" fmla="*/ 26987 h 117"/>
                <a:gd name="T68" fmla="*/ 10998 w 97"/>
                <a:gd name="T69" fmla="*/ 23812 h 117"/>
                <a:gd name="T70" fmla="*/ 7332 w 97"/>
                <a:gd name="T71" fmla="*/ 18521 h 117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97" h="117">
                  <a:moveTo>
                    <a:pt x="14" y="35"/>
                  </a:moveTo>
                  <a:lnTo>
                    <a:pt x="8" y="26"/>
                  </a:lnTo>
                  <a:lnTo>
                    <a:pt x="3" y="15"/>
                  </a:lnTo>
                  <a:lnTo>
                    <a:pt x="3" y="11"/>
                  </a:lnTo>
                  <a:lnTo>
                    <a:pt x="1" y="7"/>
                  </a:lnTo>
                  <a:lnTo>
                    <a:pt x="0" y="4"/>
                  </a:lnTo>
                  <a:lnTo>
                    <a:pt x="0" y="3"/>
                  </a:lnTo>
                  <a:lnTo>
                    <a:pt x="1" y="1"/>
                  </a:lnTo>
                  <a:lnTo>
                    <a:pt x="3" y="0"/>
                  </a:lnTo>
                  <a:lnTo>
                    <a:pt x="8" y="4"/>
                  </a:lnTo>
                  <a:lnTo>
                    <a:pt x="14" y="10"/>
                  </a:lnTo>
                  <a:lnTo>
                    <a:pt x="17" y="12"/>
                  </a:lnTo>
                  <a:lnTo>
                    <a:pt x="20" y="14"/>
                  </a:lnTo>
                  <a:lnTo>
                    <a:pt x="24" y="15"/>
                  </a:lnTo>
                  <a:lnTo>
                    <a:pt x="28" y="15"/>
                  </a:lnTo>
                  <a:lnTo>
                    <a:pt x="29" y="15"/>
                  </a:lnTo>
                  <a:lnTo>
                    <a:pt x="31" y="15"/>
                  </a:lnTo>
                  <a:lnTo>
                    <a:pt x="31" y="14"/>
                  </a:lnTo>
                  <a:lnTo>
                    <a:pt x="31" y="13"/>
                  </a:lnTo>
                  <a:lnTo>
                    <a:pt x="41" y="14"/>
                  </a:lnTo>
                  <a:lnTo>
                    <a:pt x="51" y="15"/>
                  </a:lnTo>
                  <a:lnTo>
                    <a:pt x="55" y="16"/>
                  </a:lnTo>
                  <a:lnTo>
                    <a:pt x="58" y="15"/>
                  </a:lnTo>
                  <a:lnTo>
                    <a:pt x="60" y="13"/>
                  </a:lnTo>
                  <a:lnTo>
                    <a:pt x="62" y="10"/>
                  </a:lnTo>
                  <a:lnTo>
                    <a:pt x="64" y="10"/>
                  </a:lnTo>
                  <a:lnTo>
                    <a:pt x="66" y="10"/>
                  </a:lnTo>
                  <a:lnTo>
                    <a:pt x="65" y="14"/>
                  </a:lnTo>
                  <a:lnTo>
                    <a:pt x="66" y="16"/>
                  </a:lnTo>
                  <a:lnTo>
                    <a:pt x="67" y="17"/>
                  </a:lnTo>
                  <a:lnTo>
                    <a:pt x="69" y="18"/>
                  </a:lnTo>
                  <a:lnTo>
                    <a:pt x="72" y="19"/>
                  </a:lnTo>
                  <a:lnTo>
                    <a:pt x="74" y="20"/>
                  </a:lnTo>
                  <a:lnTo>
                    <a:pt x="75" y="22"/>
                  </a:lnTo>
                  <a:lnTo>
                    <a:pt x="74" y="26"/>
                  </a:lnTo>
                  <a:lnTo>
                    <a:pt x="74" y="28"/>
                  </a:lnTo>
                  <a:lnTo>
                    <a:pt x="74" y="31"/>
                  </a:lnTo>
                  <a:lnTo>
                    <a:pt x="74" y="32"/>
                  </a:lnTo>
                  <a:lnTo>
                    <a:pt x="75" y="42"/>
                  </a:lnTo>
                  <a:lnTo>
                    <a:pt x="77" y="51"/>
                  </a:lnTo>
                  <a:lnTo>
                    <a:pt x="80" y="60"/>
                  </a:lnTo>
                  <a:lnTo>
                    <a:pt x="83" y="68"/>
                  </a:lnTo>
                  <a:lnTo>
                    <a:pt x="89" y="83"/>
                  </a:lnTo>
                  <a:lnTo>
                    <a:pt x="97" y="99"/>
                  </a:lnTo>
                  <a:lnTo>
                    <a:pt x="96" y="103"/>
                  </a:lnTo>
                  <a:lnTo>
                    <a:pt x="94" y="108"/>
                  </a:lnTo>
                  <a:lnTo>
                    <a:pt x="92" y="109"/>
                  </a:lnTo>
                  <a:lnTo>
                    <a:pt x="92" y="111"/>
                  </a:lnTo>
                  <a:lnTo>
                    <a:pt x="92" y="114"/>
                  </a:lnTo>
                  <a:lnTo>
                    <a:pt x="92" y="117"/>
                  </a:lnTo>
                  <a:lnTo>
                    <a:pt x="87" y="114"/>
                  </a:lnTo>
                  <a:lnTo>
                    <a:pt x="83" y="113"/>
                  </a:lnTo>
                  <a:lnTo>
                    <a:pt x="79" y="113"/>
                  </a:lnTo>
                  <a:lnTo>
                    <a:pt x="74" y="114"/>
                  </a:lnTo>
                  <a:lnTo>
                    <a:pt x="69" y="115"/>
                  </a:lnTo>
                  <a:lnTo>
                    <a:pt x="64" y="116"/>
                  </a:lnTo>
                  <a:lnTo>
                    <a:pt x="59" y="116"/>
                  </a:lnTo>
                  <a:lnTo>
                    <a:pt x="54" y="114"/>
                  </a:lnTo>
                  <a:lnTo>
                    <a:pt x="54" y="108"/>
                  </a:lnTo>
                  <a:lnTo>
                    <a:pt x="54" y="101"/>
                  </a:lnTo>
                  <a:lnTo>
                    <a:pt x="46" y="91"/>
                  </a:lnTo>
                  <a:lnTo>
                    <a:pt x="37" y="80"/>
                  </a:lnTo>
                  <a:lnTo>
                    <a:pt x="33" y="75"/>
                  </a:lnTo>
                  <a:lnTo>
                    <a:pt x="28" y="71"/>
                  </a:lnTo>
                  <a:lnTo>
                    <a:pt x="26" y="65"/>
                  </a:lnTo>
                  <a:lnTo>
                    <a:pt x="25" y="58"/>
                  </a:lnTo>
                  <a:lnTo>
                    <a:pt x="25" y="55"/>
                  </a:lnTo>
                  <a:lnTo>
                    <a:pt x="24" y="51"/>
                  </a:lnTo>
                  <a:lnTo>
                    <a:pt x="23" y="48"/>
                  </a:lnTo>
                  <a:lnTo>
                    <a:pt x="21" y="45"/>
                  </a:lnTo>
                  <a:lnTo>
                    <a:pt x="16" y="40"/>
                  </a:lnTo>
                  <a:lnTo>
                    <a:pt x="14" y="35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15" name="Glostrup"/>
            <p:cNvSpPr>
              <a:spLocks/>
            </p:cNvSpPr>
            <p:nvPr/>
          </p:nvSpPr>
          <p:spPr bwMode="auto">
            <a:xfrm>
              <a:off x="3852863" y="4902200"/>
              <a:ext cx="44450" cy="69850"/>
            </a:xfrm>
            <a:custGeom>
              <a:avLst/>
              <a:gdLst>
                <a:gd name="T0" fmla="*/ 38100 w 84"/>
                <a:gd name="T1" fmla="*/ 13970 h 130"/>
                <a:gd name="T2" fmla="*/ 43392 w 84"/>
                <a:gd name="T3" fmla="*/ 32238 h 130"/>
                <a:gd name="T4" fmla="*/ 42863 w 84"/>
                <a:gd name="T5" fmla="*/ 38149 h 130"/>
                <a:gd name="T6" fmla="*/ 40746 w 84"/>
                <a:gd name="T7" fmla="*/ 41910 h 130"/>
                <a:gd name="T8" fmla="*/ 39688 w 84"/>
                <a:gd name="T9" fmla="*/ 48895 h 130"/>
                <a:gd name="T10" fmla="*/ 39158 w 84"/>
                <a:gd name="T11" fmla="*/ 54268 h 130"/>
                <a:gd name="T12" fmla="*/ 35983 w 84"/>
                <a:gd name="T13" fmla="*/ 54805 h 130"/>
                <a:gd name="T14" fmla="*/ 34396 w 84"/>
                <a:gd name="T15" fmla="*/ 58029 h 130"/>
                <a:gd name="T16" fmla="*/ 33338 w 84"/>
                <a:gd name="T17" fmla="*/ 62328 h 130"/>
                <a:gd name="T18" fmla="*/ 32279 w 84"/>
                <a:gd name="T19" fmla="*/ 66626 h 130"/>
                <a:gd name="T20" fmla="*/ 29104 w 84"/>
                <a:gd name="T21" fmla="*/ 68775 h 130"/>
                <a:gd name="T22" fmla="*/ 23813 w 84"/>
                <a:gd name="T23" fmla="*/ 68238 h 130"/>
                <a:gd name="T24" fmla="*/ 17992 w 84"/>
                <a:gd name="T25" fmla="*/ 66626 h 130"/>
                <a:gd name="T26" fmla="*/ 7938 w 84"/>
                <a:gd name="T27" fmla="*/ 68775 h 130"/>
                <a:gd name="T28" fmla="*/ 529 w 84"/>
                <a:gd name="T29" fmla="*/ 66626 h 130"/>
                <a:gd name="T30" fmla="*/ 0 w 84"/>
                <a:gd name="T31" fmla="*/ 61790 h 130"/>
                <a:gd name="T32" fmla="*/ 1588 w 84"/>
                <a:gd name="T33" fmla="*/ 58567 h 130"/>
                <a:gd name="T34" fmla="*/ 4233 w 84"/>
                <a:gd name="T35" fmla="*/ 55343 h 130"/>
                <a:gd name="T36" fmla="*/ 10054 w 84"/>
                <a:gd name="T37" fmla="*/ 52119 h 130"/>
                <a:gd name="T38" fmla="*/ 14817 w 84"/>
                <a:gd name="T39" fmla="*/ 48895 h 130"/>
                <a:gd name="T40" fmla="*/ 17992 w 84"/>
                <a:gd name="T41" fmla="*/ 45134 h 130"/>
                <a:gd name="T42" fmla="*/ 19050 w 84"/>
                <a:gd name="T43" fmla="*/ 39761 h 130"/>
                <a:gd name="T44" fmla="*/ 17463 w 84"/>
                <a:gd name="T45" fmla="*/ 32776 h 130"/>
                <a:gd name="T46" fmla="*/ 15346 w 84"/>
                <a:gd name="T47" fmla="*/ 27403 h 130"/>
                <a:gd name="T48" fmla="*/ 10583 w 84"/>
                <a:gd name="T49" fmla="*/ 16657 h 130"/>
                <a:gd name="T50" fmla="*/ 7938 w 84"/>
                <a:gd name="T51" fmla="*/ 9134 h 130"/>
                <a:gd name="T52" fmla="*/ 7938 w 84"/>
                <a:gd name="T53" fmla="*/ 4298 h 130"/>
                <a:gd name="T54" fmla="*/ 21167 w 84"/>
                <a:gd name="T55" fmla="*/ 4298 h 130"/>
                <a:gd name="T56" fmla="*/ 33338 w 84"/>
                <a:gd name="T57" fmla="*/ 0 h 130"/>
                <a:gd name="T58" fmla="*/ 33338 w 84"/>
                <a:gd name="T59" fmla="*/ 1075 h 130"/>
                <a:gd name="T60" fmla="*/ 38100 w 84"/>
                <a:gd name="T61" fmla="*/ 0 h 130"/>
                <a:gd name="T62" fmla="*/ 36513 w 84"/>
                <a:gd name="T63" fmla="*/ 9672 h 130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0" t="0" r="r" b="b"/>
              <a:pathLst>
                <a:path w="84" h="130">
                  <a:moveTo>
                    <a:pt x="69" y="18"/>
                  </a:moveTo>
                  <a:lnTo>
                    <a:pt x="72" y="26"/>
                  </a:lnTo>
                  <a:lnTo>
                    <a:pt x="77" y="43"/>
                  </a:lnTo>
                  <a:lnTo>
                    <a:pt x="82" y="60"/>
                  </a:lnTo>
                  <a:lnTo>
                    <a:pt x="84" y="68"/>
                  </a:lnTo>
                  <a:lnTo>
                    <a:pt x="81" y="71"/>
                  </a:lnTo>
                  <a:lnTo>
                    <a:pt x="79" y="74"/>
                  </a:lnTo>
                  <a:lnTo>
                    <a:pt x="77" y="78"/>
                  </a:lnTo>
                  <a:lnTo>
                    <a:pt x="76" y="81"/>
                  </a:lnTo>
                  <a:lnTo>
                    <a:pt x="75" y="91"/>
                  </a:lnTo>
                  <a:lnTo>
                    <a:pt x="76" y="101"/>
                  </a:lnTo>
                  <a:lnTo>
                    <a:pt x="74" y="101"/>
                  </a:lnTo>
                  <a:lnTo>
                    <a:pt x="71" y="101"/>
                  </a:lnTo>
                  <a:lnTo>
                    <a:pt x="68" y="102"/>
                  </a:lnTo>
                  <a:lnTo>
                    <a:pt x="67" y="103"/>
                  </a:lnTo>
                  <a:lnTo>
                    <a:pt x="65" y="108"/>
                  </a:lnTo>
                  <a:lnTo>
                    <a:pt x="64" y="112"/>
                  </a:lnTo>
                  <a:lnTo>
                    <a:pt x="63" y="116"/>
                  </a:lnTo>
                  <a:lnTo>
                    <a:pt x="62" y="120"/>
                  </a:lnTo>
                  <a:lnTo>
                    <a:pt x="61" y="124"/>
                  </a:lnTo>
                  <a:lnTo>
                    <a:pt x="58" y="127"/>
                  </a:lnTo>
                  <a:lnTo>
                    <a:pt x="55" y="128"/>
                  </a:lnTo>
                  <a:lnTo>
                    <a:pt x="51" y="130"/>
                  </a:lnTo>
                  <a:lnTo>
                    <a:pt x="45" y="127"/>
                  </a:lnTo>
                  <a:lnTo>
                    <a:pt x="40" y="125"/>
                  </a:lnTo>
                  <a:lnTo>
                    <a:pt x="34" y="124"/>
                  </a:lnTo>
                  <a:lnTo>
                    <a:pt x="27" y="125"/>
                  </a:lnTo>
                  <a:lnTo>
                    <a:pt x="15" y="128"/>
                  </a:lnTo>
                  <a:lnTo>
                    <a:pt x="2" y="130"/>
                  </a:lnTo>
                  <a:lnTo>
                    <a:pt x="1" y="124"/>
                  </a:lnTo>
                  <a:lnTo>
                    <a:pt x="0" y="119"/>
                  </a:lnTo>
                  <a:lnTo>
                    <a:pt x="0" y="115"/>
                  </a:lnTo>
                  <a:lnTo>
                    <a:pt x="1" y="112"/>
                  </a:lnTo>
                  <a:lnTo>
                    <a:pt x="3" y="109"/>
                  </a:lnTo>
                  <a:lnTo>
                    <a:pt x="5" y="105"/>
                  </a:lnTo>
                  <a:lnTo>
                    <a:pt x="8" y="103"/>
                  </a:lnTo>
                  <a:lnTo>
                    <a:pt x="12" y="101"/>
                  </a:lnTo>
                  <a:lnTo>
                    <a:pt x="19" y="97"/>
                  </a:lnTo>
                  <a:lnTo>
                    <a:pt x="25" y="93"/>
                  </a:lnTo>
                  <a:lnTo>
                    <a:pt x="28" y="91"/>
                  </a:lnTo>
                  <a:lnTo>
                    <a:pt x="32" y="88"/>
                  </a:lnTo>
                  <a:lnTo>
                    <a:pt x="34" y="84"/>
                  </a:lnTo>
                  <a:lnTo>
                    <a:pt x="36" y="81"/>
                  </a:lnTo>
                  <a:lnTo>
                    <a:pt x="36" y="74"/>
                  </a:lnTo>
                  <a:lnTo>
                    <a:pt x="35" y="68"/>
                  </a:lnTo>
                  <a:lnTo>
                    <a:pt x="33" y="61"/>
                  </a:lnTo>
                  <a:lnTo>
                    <a:pt x="32" y="56"/>
                  </a:lnTo>
                  <a:lnTo>
                    <a:pt x="29" y="51"/>
                  </a:lnTo>
                  <a:lnTo>
                    <a:pt x="24" y="41"/>
                  </a:lnTo>
                  <a:lnTo>
                    <a:pt x="20" y="31"/>
                  </a:lnTo>
                  <a:lnTo>
                    <a:pt x="18" y="23"/>
                  </a:lnTo>
                  <a:lnTo>
                    <a:pt x="15" y="17"/>
                  </a:lnTo>
                  <a:lnTo>
                    <a:pt x="16" y="13"/>
                  </a:lnTo>
                  <a:lnTo>
                    <a:pt x="15" y="8"/>
                  </a:lnTo>
                  <a:lnTo>
                    <a:pt x="29" y="8"/>
                  </a:lnTo>
                  <a:lnTo>
                    <a:pt x="40" y="8"/>
                  </a:lnTo>
                  <a:lnTo>
                    <a:pt x="51" y="4"/>
                  </a:lnTo>
                  <a:lnTo>
                    <a:pt x="63" y="0"/>
                  </a:lnTo>
                  <a:lnTo>
                    <a:pt x="63" y="1"/>
                  </a:lnTo>
                  <a:lnTo>
                    <a:pt x="63" y="2"/>
                  </a:lnTo>
                  <a:lnTo>
                    <a:pt x="67" y="2"/>
                  </a:lnTo>
                  <a:lnTo>
                    <a:pt x="72" y="0"/>
                  </a:lnTo>
                  <a:lnTo>
                    <a:pt x="71" y="9"/>
                  </a:lnTo>
                  <a:lnTo>
                    <a:pt x="69" y="18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16" name="Glostrup kant"/>
            <p:cNvSpPr>
              <a:spLocks/>
            </p:cNvSpPr>
            <p:nvPr/>
          </p:nvSpPr>
          <p:spPr bwMode="auto">
            <a:xfrm>
              <a:off x="3852863" y="4902200"/>
              <a:ext cx="44450" cy="69850"/>
            </a:xfrm>
            <a:custGeom>
              <a:avLst/>
              <a:gdLst>
                <a:gd name="T0" fmla="*/ 38100 w 84"/>
                <a:gd name="T1" fmla="*/ 13970 h 130"/>
                <a:gd name="T2" fmla="*/ 43392 w 84"/>
                <a:gd name="T3" fmla="*/ 32238 h 130"/>
                <a:gd name="T4" fmla="*/ 42863 w 84"/>
                <a:gd name="T5" fmla="*/ 38149 h 130"/>
                <a:gd name="T6" fmla="*/ 40746 w 84"/>
                <a:gd name="T7" fmla="*/ 41910 h 130"/>
                <a:gd name="T8" fmla="*/ 39688 w 84"/>
                <a:gd name="T9" fmla="*/ 48895 h 130"/>
                <a:gd name="T10" fmla="*/ 39158 w 84"/>
                <a:gd name="T11" fmla="*/ 54268 h 130"/>
                <a:gd name="T12" fmla="*/ 35983 w 84"/>
                <a:gd name="T13" fmla="*/ 54805 h 130"/>
                <a:gd name="T14" fmla="*/ 34396 w 84"/>
                <a:gd name="T15" fmla="*/ 58029 h 130"/>
                <a:gd name="T16" fmla="*/ 33338 w 84"/>
                <a:gd name="T17" fmla="*/ 62328 h 130"/>
                <a:gd name="T18" fmla="*/ 32279 w 84"/>
                <a:gd name="T19" fmla="*/ 66626 h 130"/>
                <a:gd name="T20" fmla="*/ 29104 w 84"/>
                <a:gd name="T21" fmla="*/ 68775 h 130"/>
                <a:gd name="T22" fmla="*/ 23813 w 84"/>
                <a:gd name="T23" fmla="*/ 68238 h 130"/>
                <a:gd name="T24" fmla="*/ 17992 w 84"/>
                <a:gd name="T25" fmla="*/ 66626 h 130"/>
                <a:gd name="T26" fmla="*/ 7938 w 84"/>
                <a:gd name="T27" fmla="*/ 68775 h 130"/>
                <a:gd name="T28" fmla="*/ 529 w 84"/>
                <a:gd name="T29" fmla="*/ 66626 h 130"/>
                <a:gd name="T30" fmla="*/ 0 w 84"/>
                <a:gd name="T31" fmla="*/ 61790 h 130"/>
                <a:gd name="T32" fmla="*/ 1588 w 84"/>
                <a:gd name="T33" fmla="*/ 58567 h 130"/>
                <a:gd name="T34" fmla="*/ 4233 w 84"/>
                <a:gd name="T35" fmla="*/ 55343 h 130"/>
                <a:gd name="T36" fmla="*/ 10054 w 84"/>
                <a:gd name="T37" fmla="*/ 52119 h 130"/>
                <a:gd name="T38" fmla="*/ 14817 w 84"/>
                <a:gd name="T39" fmla="*/ 48895 h 130"/>
                <a:gd name="T40" fmla="*/ 17992 w 84"/>
                <a:gd name="T41" fmla="*/ 45134 h 130"/>
                <a:gd name="T42" fmla="*/ 19050 w 84"/>
                <a:gd name="T43" fmla="*/ 39761 h 130"/>
                <a:gd name="T44" fmla="*/ 17463 w 84"/>
                <a:gd name="T45" fmla="*/ 32776 h 130"/>
                <a:gd name="T46" fmla="*/ 15346 w 84"/>
                <a:gd name="T47" fmla="*/ 27403 h 130"/>
                <a:gd name="T48" fmla="*/ 10583 w 84"/>
                <a:gd name="T49" fmla="*/ 16657 h 130"/>
                <a:gd name="T50" fmla="*/ 7938 w 84"/>
                <a:gd name="T51" fmla="*/ 9134 h 130"/>
                <a:gd name="T52" fmla="*/ 7938 w 84"/>
                <a:gd name="T53" fmla="*/ 4298 h 130"/>
                <a:gd name="T54" fmla="*/ 21167 w 84"/>
                <a:gd name="T55" fmla="*/ 4298 h 130"/>
                <a:gd name="T56" fmla="*/ 33338 w 84"/>
                <a:gd name="T57" fmla="*/ 0 h 130"/>
                <a:gd name="T58" fmla="*/ 33338 w 84"/>
                <a:gd name="T59" fmla="*/ 1075 h 130"/>
                <a:gd name="T60" fmla="*/ 38100 w 84"/>
                <a:gd name="T61" fmla="*/ 0 h 130"/>
                <a:gd name="T62" fmla="*/ 36513 w 84"/>
                <a:gd name="T63" fmla="*/ 9672 h 130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0" t="0" r="r" b="b"/>
              <a:pathLst>
                <a:path w="84" h="130">
                  <a:moveTo>
                    <a:pt x="69" y="18"/>
                  </a:moveTo>
                  <a:lnTo>
                    <a:pt x="72" y="26"/>
                  </a:lnTo>
                  <a:lnTo>
                    <a:pt x="77" y="43"/>
                  </a:lnTo>
                  <a:lnTo>
                    <a:pt x="82" y="60"/>
                  </a:lnTo>
                  <a:lnTo>
                    <a:pt x="84" y="68"/>
                  </a:lnTo>
                  <a:lnTo>
                    <a:pt x="81" y="71"/>
                  </a:lnTo>
                  <a:lnTo>
                    <a:pt x="79" y="74"/>
                  </a:lnTo>
                  <a:lnTo>
                    <a:pt x="77" y="78"/>
                  </a:lnTo>
                  <a:lnTo>
                    <a:pt x="76" y="81"/>
                  </a:lnTo>
                  <a:lnTo>
                    <a:pt x="75" y="91"/>
                  </a:lnTo>
                  <a:lnTo>
                    <a:pt x="76" y="101"/>
                  </a:lnTo>
                  <a:lnTo>
                    <a:pt x="74" y="101"/>
                  </a:lnTo>
                  <a:lnTo>
                    <a:pt x="71" y="101"/>
                  </a:lnTo>
                  <a:lnTo>
                    <a:pt x="68" y="102"/>
                  </a:lnTo>
                  <a:lnTo>
                    <a:pt x="67" y="103"/>
                  </a:lnTo>
                  <a:lnTo>
                    <a:pt x="65" y="108"/>
                  </a:lnTo>
                  <a:lnTo>
                    <a:pt x="64" y="112"/>
                  </a:lnTo>
                  <a:lnTo>
                    <a:pt x="63" y="116"/>
                  </a:lnTo>
                  <a:lnTo>
                    <a:pt x="62" y="120"/>
                  </a:lnTo>
                  <a:lnTo>
                    <a:pt x="61" y="124"/>
                  </a:lnTo>
                  <a:lnTo>
                    <a:pt x="58" y="127"/>
                  </a:lnTo>
                  <a:lnTo>
                    <a:pt x="55" y="128"/>
                  </a:lnTo>
                  <a:lnTo>
                    <a:pt x="51" y="130"/>
                  </a:lnTo>
                  <a:lnTo>
                    <a:pt x="45" y="127"/>
                  </a:lnTo>
                  <a:lnTo>
                    <a:pt x="40" y="125"/>
                  </a:lnTo>
                  <a:lnTo>
                    <a:pt x="34" y="124"/>
                  </a:lnTo>
                  <a:lnTo>
                    <a:pt x="27" y="125"/>
                  </a:lnTo>
                  <a:lnTo>
                    <a:pt x="15" y="128"/>
                  </a:lnTo>
                  <a:lnTo>
                    <a:pt x="2" y="130"/>
                  </a:lnTo>
                  <a:lnTo>
                    <a:pt x="1" y="124"/>
                  </a:lnTo>
                  <a:lnTo>
                    <a:pt x="0" y="119"/>
                  </a:lnTo>
                  <a:lnTo>
                    <a:pt x="0" y="115"/>
                  </a:lnTo>
                  <a:lnTo>
                    <a:pt x="1" y="112"/>
                  </a:lnTo>
                  <a:lnTo>
                    <a:pt x="3" y="109"/>
                  </a:lnTo>
                  <a:lnTo>
                    <a:pt x="5" y="105"/>
                  </a:lnTo>
                  <a:lnTo>
                    <a:pt x="8" y="103"/>
                  </a:lnTo>
                  <a:lnTo>
                    <a:pt x="12" y="101"/>
                  </a:lnTo>
                  <a:lnTo>
                    <a:pt x="19" y="97"/>
                  </a:lnTo>
                  <a:lnTo>
                    <a:pt x="25" y="93"/>
                  </a:lnTo>
                  <a:lnTo>
                    <a:pt x="28" y="91"/>
                  </a:lnTo>
                  <a:lnTo>
                    <a:pt x="32" y="88"/>
                  </a:lnTo>
                  <a:lnTo>
                    <a:pt x="34" y="84"/>
                  </a:lnTo>
                  <a:lnTo>
                    <a:pt x="36" y="81"/>
                  </a:lnTo>
                  <a:lnTo>
                    <a:pt x="36" y="74"/>
                  </a:lnTo>
                  <a:lnTo>
                    <a:pt x="35" y="68"/>
                  </a:lnTo>
                  <a:lnTo>
                    <a:pt x="33" y="61"/>
                  </a:lnTo>
                  <a:lnTo>
                    <a:pt x="32" y="56"/>
                  </a:lnTo>
                  <a:lnTo>
                    <a:pt x="29" y="51"/>
                  </a:lnTo>
                  <a:lnTo>
                    <a:pt x="24" y="41"/>
                  </a:lnTo>
                  <a:lnTo>
                    <a:pt x="20" y="31"/>
                  </a:lnTo>
                  <a:lnTo>
                    <a:pt x="18" y="23"/>
                  </a:lnTo>
                  <a:lnTo>
                    <a:pt x="15" y="17"/>
                  </a:lnTo>
                  <a:lnTo>
                    <a:pt x="16" y="13"/>
                  </a:lnTo>
                  <a:lnTo>
                    <a:pt x="15" y="8"/>
                  </a:lnTo>
                  <a:lnTo>
                    <a:pt x="29" y="8"/>
                  </a:lnTo>
                  <a:lnTo>
                    <a:pt x="40" y="8"/>
                  </a:lnTo>
                  <a:lnTo>
                    <a:pt x="51" y="4"/>
                  </a:lnTo>
                  <a:lnTo>
                    <a:pt x="63" y="0"/>
                  </a:lnTo>
                  <a:lnTo>
                    <a:pt x="63" y="1"/>
                  </a:lnTo>
                  <a:lnTo>
                    <a:pt x="63" y="2"/>
                  </a:lnTo>
                  <a:lnTo>
                    <a:pt x="67" y="2"/>
                  </a:lnTo>
                  <a:lnTo>
                    <a:pt x="72" y="0"/>
                  </a:lnTo>
                  <a:lnTo>
                    <a:pt x="71" y="9"/>
                  </a:lnTo>
                  <a:lnTo>
                    <a:pt x="69" y="18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17" name="Rødovre"/>
            <p:cNvSpPr>
              <a:spLocks/>
            </p:cNvSpPr>
            <p:nvPr/>
          </p:nvSpPr>
          <p:spPr bwMode="auto">
            <a:xfrm>
              <a:off x="3892550" y="4900613"/>
              <a:ext cx="41275" cy="58737"/>
            </a:xfrm>
            <a:custGeom>
              <a:avLst/>
              <a:gdLst>
                <a:gd name="T0" fmla="*/ 32393 w 79"/>
                <a:gd name="T1" fmla="*/ 33337 h 111"/>
                <a:gd name="T2" fmla="*/ 35005 w 79"/>
                <a:gd name="T3" fmla="*/ 40216 h 111"/>
                <a:gd name="T4" fmla="*/ 38663 w 79"/>
                <a:gd name="T5" fmla="*/ 48154 h 111"/>
                <a:gd name="T6" fmla="*/ 39708 w 79"/>
                <a:gd name="T7" fmla="*/ 53445 h 111"/>
                <a:gd name="T8" fmla="*/ 40230 w 79"/>
                <a:gd name="T9" fmla="*/ 55033 h 111"/>
                <a:gd name="T10" fmla="*/ 37618 w 79"/>
                <a:gd name="T11" fmla="*/ 56620 h 111"/>
                <a:gd name="T12" fmla="*/ 29781 w 79"/>
                <a:gd name="T13" fmla="*/ 58737 h 111"/>
                <a:gd name="T14" fmla="*/ 21421 w 79"/>
                <a:gd name="T15" fmla="*/ 57150 h 111"/>
                <a:gd name="T16" fmla="*/ 15674 w 79"/>
                <a:gd name="T17" fmla="*/ 55033 h 111"/>
                <a:gd name="T18" fmla="*/ 13584 w 79"/>
                <a:gd name="T19" fmla="*/ 52916 h 111"/>
                <a:gd name="T20" fmla="*/ 7837 w 79"/>
                <a:gd name="T21" fmla="*/ 52916 h 111"/>
                <a:gd name="T22" fmla="*/ 2612 w 79"/>
                <a:gd name="T23" fmla="*/ 52916 h 111"/>
                <a:gd name="T24" fmla="*/ 2090 w 79"/>
                <a:gd name="T25" fmla="*/ 48683 h 111"/>
                <a:gd name="T26" fmla="*/ 4180 w 79"/>
                <a:gd name="T27" fmla="*/ 41804 h 111"/>
                <a:gd name="T28" fmla="*/ 6270 w 79"/>
                <a:gd name="T29" fmla="*/ 37041 h 111"/>
                <a:gd name="T30" fmla="*/ 4702 w 79"/>
                <a:gd name="T31" fmla="*/ 29104 h 111"/>
                <a:gd name="T32" fmla="*/ 2612 w 79"/>
                <a:gd name="T33" fmla="*/ 19050 h 111"/>
                <a:gd name="T34" fmla="*/ 1045 w 79"/>
                <a:gd name="T35" fmla="*/ 11112 h 111"/>
                <a:gd name="T36" fmla="*/ 522 w 79"/>
                <a:gd name="T37" fmla="*/ 7408 h 111"/>
                <a:gd name="T38" fmla="*/ 0 w 79"/>
                <a:gd name="T39" fmla="*/ 4233 h 111"/>
                <a:gd name="T40" fmla="*/ 2090 w 79"/>
                <a:gd name="T41" fmla="*/ 2117 h 111"/>
                <a:gd name="T42" fmla="*/ 6792 w 79"/>
                <a:gd name="T43" fmla="*/ 2117 h 111"/>
                <a:gd name="T44" fmla="*/ 12017 w 79"/>
                <a:gd name="T45" fmla="*/ 2117 h 111"/>
                <a:gd name="T46" fmla="*/ 14629 w 79"/>
                <a:gd name="T47" fmla="*/ 1058 h 111"/>
                <a:gd name="T48" fmla="*/ 16197 w 79"/>
                <a:gd name="T49" fmla="*/ 2646 h 111"/>
                <a:gd name="T50" fmla="*/ 19854 w 79"/>
                <a:gd name="T51" fmla="*/ 4762 h 111"/>
                <a:gd name="T52" fmla="*/ 24034 w 79"/>
                <a:gd name="T53" fmla="*/ 6350 h 111"/>
                <a:gd name="T54" fmla="*/ 27691 w 79"/>
                <a:gd name="T55" fmla="*/ 7937 h 111"/>
                <a:gd name="T56" fmla="*/ 28213 w 79"/>
                <a:gd name="T57" fmla="*/ 12700 h 111"/>
                <a:gd name="T58" fmla="*/ 29781 w 79"/>
                <a:gd name="T59" fmla="*/ 17992 h 111"/>
                <a:gd name="T60" fmla="*/ 31348 w 79"/>
                <a:gd name="T61" fmla="*/ 21696 h 111"/>
                <a:gd name="T62" fmla="*/ 31871 w 79"/>
                <a:gd name="T63" fmla="*/ 26987 h 111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0" t="0" r="r" b="b"/>
              <a:pathLst>
                <a:path w="79" h="111">
                  <a:moveTo>
                    <a:pt x="61" y="57"/>
                  </a:moveTo>
                  <a:lnTo>
                    <a:pt x="62" y="63"/>
                  </a:lnTo>
                  <a:lnTo>
                    <a:pt x="63" y="70"/>
                  </a:lnTo>
                  <a:lnTo>
                    <a:pt x="67" y="76"/>
                  </a:lnTo>
                  <a:lnTo>
                    <a:pt x="71" y="82"/>
                  </a:lnTo>
                  <a:lnTo>
                    <a:pt x="74" y="91"/>
                  </a:lnTo>
                  <a:lnTo>
                    <a:pt x="76" y="100"/>
                  </a:lnTo>
                  <a:lnTo>
                    <a:pt x="76" y="101"/>
                  </a:lnTo>
                  <a:lnTo>
                    <a:pt x="77" y="103"/>
                  </a:lnTo>
                  <a:lnTo>
                    <a:pt x="77" y="104"/>
                  </a:lnTo>
                  <a:lnTo>
                    <a:pt x="79" y="104"/>
                  </a:lnTo>
                  <a:lnTo>
                    <a:pt x="72" y="107"/>
                  </a:lnTo>
                  <a:lnTo>
                    <a:pt x="65" y="110"/>
                  </a:lnTo>
                  <a:lnTo>
                    <a:pt x="57" y="111"/>
                  </a:lnTo>
                  <a:lnTo>
                    <a:pt x="48" y="110"/>
                  </a:lnTo>
                  <a:lnTo>
                    <a:pt x="41" y="108"/>
                  </a:lnTo>
                  <a:lnTo>
                    <a:pt x="33" y="106"/>
                  </a:lnTo>
                  <a:lnTo>
                    <a:pt x="30" y="104"/>
                  </a:lnTo>
                  <a:lnTo>
                    <a:pt x="28" y="102"/>
                  </a:lnTo>
                  <a:lnTo>
                    <a:pt x="26" y="100"/>
                  </a:lnTo>
                  <a:lnTo>
                    <a:pt x="25" y="97"/>
                  </a:lnTo>
                  <a:lnTo>
                    <a:pt x="15" y="100"/>
                  </a:lnTo>
                  <a:lnTo>
                    <a:pt x="7" y="104"/>
                  </a:lnTo>
                  <a:lnTo>
                    <a:pt x="5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5" y="87"/>
                  </a:lnTo>
                  <a:lnTo>
                    <a:pt x="8" y="79"/>
                  </a:lnTo>
                  <a:lnTo>
                    <a:pt x="11" y="72"/>
                  </a:lnTo>
                  <a:lnTo>
                    <a:pt x="12" y="70"/>
                  </a:lnTo>
                  <a:lnTo>
                    <a:pt x="11" y="63"/>
                  </a:lnTo>
                  <a:lnTo>
                    <a:pt x="9" y="55"/>
                  </a:lnTo>
                  <a:lnTo>
                    <a:pt x="7" y="45"/>
                  </a:lnTo>
                  <a:lnTo>
                    <a:pt x="5" y="36"/>
                  </a:lnTo>
                  <a:lnTo>
                    <a:pt x="3" y="27"/>
                  </a:lnTo>
                  <a:lnTo>
                    <a:pt x="2" y="21"/>
                  </a:lnTo>
                  <a:lnTo>
                    <a:pt x="2" y="18"/>
                  </a:lnTo>
                  <a:lnTo>
                    <a:pt x="1" y="14"/>
                  </a:lnTo>
                  <a:lnTo>
                    <a:pt x="0" y="11"/>
                  </a:lnTo>
                  <a:lnTo>
                    <a:pt x="0" y="8"/>
                  </a:lnTo>
                  <a:lnTo>
                    <a:pt x="1" y="6"/>
                  </a:lnTo>
                  <a:lnTo>
                    <a:pt x="4" y="4"/>
                  </a:lnTo>
                  <a:lnTo>
                    <a:pt x="8" y="4"/>
                  </a:lnTo>
                  <a:lnTo>
                    <a:pt x="13" y="4"/>
                  </a:lnTo>
                  <a:lnTo>
                    <a:pt x="20" y="5"/>
                  </a:lnTo>
                  <a:lnTo>
                    <a:pt x="23" y="4"/>
                  </a:lnTo>
                  <a:lnTo>
                    <a:pt x="25" y="4"/>
                  </a:lnTo>
                  <a:lnTo>
                    <a:pt x="28" y="2"/>
                  </a:lnTo>
                  <a:lnTo>
                    <a:pt x="30" y="0"/>
                  </a:lnTo>
                  <a:lnTo>
                    <a:pt x="31" y="5"/>
                  </a:lnTo>
                  <a:lnTo>
                    <a:pt x="33" y="7"/>
                  </a:lnTo>
                  <a:lnTo>
                    <a:pt x="38" y="9"/>
                  </a:lnTo>
                  <a:lnTo>
                    <a:pt x="42" y="11"/>
                  </a:lnTo>
                  <a:lnTo>
                    <a:pt x="46" y="12"/>
                  </a:lnTo>
                  <a:lnTo>
                    <a:pt x="50" y="13"/>
                  </a:lnTo>
                  <a:lnTo>
                    <a:pt x="53" y="15"/>
                  </a:lnTo>
                  <a:lnTo>
                    <a:pt x="56" y="18"/>
                  </a:lnTo>
                  <a:lnTo>
                    <a:pt x="54" y="24"/>
                  </a:lnTo>
                  <a:lnTo>
                    <a:pt x="56" y="29"/>
                  </a:lnTo>
                  <a:lnTo>
                    <a:pt x="57" y="34"/>
                  </a:lnTo>
                  <a:lnTo>
                    <a:pt x="58" y="38"/>
                  </a:lnTo>
                  <a:lnTo>
                    <a:pt x="60" y="41"/>
                  </a:lnTo>
                  <a:lnTo>
                    <a:pt x="61" y="46"/>
                  </a:lnTo>
                  <a:lnTo>
                    <a:pt x="61" y="51"/>
                  </a:lnTo>
                  <a:lnTo>
                    <a:pt x="61" y="57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18" name="Rødovre kant"/>
            <p:cNvSpPr>
              <a:spLocks/>
            </p:cNvSpPr>
            <p:nvPr/>
          </p:nvSpPr>
          <p:spPr bwMode="auto">
            <a:xfrm>
              <a:off x="3892550" y="4900613"/>
              <a:ext cx="41275" cy="58737"/>
            </a:xfrm>
            <a:custGeom>
              <a:avLst/>
              <a:gdLst>
                <a:gd name="T0" fmla="*/ 32393 w 79"/>
                <a:gd name="T1" fmla="*/ 33337 h 111"/>
                <a:gd name="T2" fmla="*/ 35005 w 79"/>
                <a:gd name="T3" fmla="*/ 40216 h 111"/>
                <a:gd name="T4" fmla="*/ 38663 w 79"/>
                <a:gd name="T5" fmla="*/ 48154 h 111"/>
                <a:gd name="T6" fmla="*/ 39708 w 79"/>
                <a:gd name="T7" fmla="*/ 53445 h 111"/>
                <a:gd name="T8" fmla="*/ 40230 w 79"/>
                <a:gd name="T9" fmla="*/ 55033 h 111"/>
                <a:gd name="T10" fmla="*/ 37618 w 79"/>
                <a:gd name="T11" fmla="*/ 56620 h 111"/>
                <a:gd name="T12" fmla="*/ 29781 w 79"/>
                <a:gd name="T13" fmla="*/ 58737 h 111"/>
                <a:gd name="T14" fmla="*/ 21421 w 79"/>
                <a:gd name="T15" fmla="*/ 57150 h 111"/>
                <a:gd name="T16" fmla="*/ 15674 w 79"/>
                <a:gd name="T17" fmla="*/ 55033 h 111"/>
                <a:gd name="T18" fmla="*/ 13584 w 79"/>
                <a:gd name="T19" fmla="*/ 52916 h 111"/>
                <a:gd name="T20" fmla="*/ 7837 w 79"/>
                <a:gd name="T21" fmla="*/ 52916 h 111"/>
                <a:gd name="T22" fmla="*/ 2612 w 79"/>
                <a:gd name="T23" fmla="*/ 52916 h 111"/>
                <a:gd name="T24" fmla="*/ 2090 w 79"/>
                <a:gd name="T25" fmla="*/ 48683 h 111"/>
                <a:gd name="T26" fmla="*/ 4180 w 79"/>
                <a:gd name="T27" fmla="*/ 41804 h 111"/>
                <a:gd name="T28" fmla="*/ 6270 w 79"/>
                <a:gd name="T29" fmla="*/ 37041 h 111"/>
                <a:gd name="T30" fmla="*/ 4702 w 79"/>
                <a:gd name="T31" fmla="*/ 29104 h 111"/>
                <a:gd name="T32" fmla="*/ 2612 w 79"/>
                <a:gd name="T33" fmla="*/ 19050 h 111"/>
                <a:gd name="T34" fmla="*/ 1045 w 79"/>
                <a:gd name="T35" fmla="*/ 11112 h 111"/>
                <a:gd name="T36" fmla="*/ 522 w 79"/>
                <a:gd name="T37" fmla="*/ 7408 h 111"/>
                <a:gd name="T38" fmla="*/ 0 w 79"/>
                <a:gd name="T39" fmla="*/ 4233 h 111"/>
                <a:gd name="T40" fmla="*/ 2090 w 79"/>
                <a:gd name="T41" fmla="*/ 2117 h 111"/>
                <a:gd name="T42" fmla="*/ 6792 w 79"/>
                <a:gd name="T43" fmla="*/ 2117 h 111"/>
                <a:gd name="T44" fmla="*/ 12017 w 79"/>
                <a:gd name="T45" fmla="*/ 2117 h 111"/>
                <a:gd name="T46" fmla="*/ 14629 w 79"/>
                <a:gd name="T47" fmla="*/ 1058 h 111"/>
                <a:gd name="T48" fmla="*/ 16197 w 79"/>
                <a:gd name="T49" fmla="*/ 2646 h 111"/>
                <a:gd name="T50" fmla="*/ 19854 w 79"/>
                <a:gd name="T51" fmla="*/ 4762 h 111"/>
                <a:gd name="T52" fmla="*/ 24034 w 79"/>
                <a:gd name="T53" fmla="*/ 6350 h 111"/>
                <a:gd name="T54" fmla="*/ 27691 w 79"/>
                <a:gd name="T55" fmla="*/ 7937 h 111"/>
                <a:gd name="T56" fmla="*/ 28213 w 79"/>
                <a:gd name="T57" fmla="*/ 12700 h 111"/>
                <a:gd name="T58" fmla="*/ 29781 w 79"/>
                <a:gd name="T59" fmla="*/ 17992 h 111"/>
                <a:gd name="T60" fmla="*/ 31348 w 79"/>
                <a:gd name="T61" fmla="*/ 21696 h 111"/>
                <a:gd name="T62" fmla="*/ 31871 w 79"/>
                <a:gd name="T63" fmla="*/ 26987 h 111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0" t="0" r="r" b="b"/>
              <a:pathLst>
                <a:path w="79" h="111">
                  <a:moveTo>
                    <a:pt x="61" y="57"/>
                  </a:moveTo>
                  <a:lnTo>
                    <a:pt x="62" y="63"/>
                  </a:lnTo>
                  <a:lnTo>
                    <a:pt x="63" y="70"/>
                  </a:lnTo>
                  <a:lnTo>
                    <a:pt x="67" y="76"/>
                  </a:lnTo>
                  <a:lnTo>
                    <a:pt x="71" y="82"/>
                  </a:lnTo>
                  <a:lnTo>
                    <a:pt x="74" y="91"/>
                  </a:lnTo>
                  <a:lnTo>
                    <a:pt x="76" y="100"/>
                  </a:lnTo>
                  <a:lnTo>
                    <a:pt x="76" y="101"/>
                  </a:lnTo>
                  <a:lnTo>
                    <a:pt x="77" y="103"/>
                  </a:lnTo>
                  <a:lnTo>
                    <a:pt x="77" y="104"/>
                  </a:lnTo>
                  <a:lnTo>
                    <a:pt x="79" y="104"/>
                  </a:lnTo>
                  <a:lnTo>
                    <a:pt x="72" y="107"/>
                  </a:lnTo>
                  <a:lnTo>
                    <a:pt x="65" y="110"/>
                  </a:lnTo>
                  <a:lnTo>
                    <a:pt x="57" y="111"/>
                  </a:lnTo>
                  <a:lnTo>
                    <a:pt x="48" y="110"/>
                  </a:lnTo>
                  <a:lnTo>
                    <a:pt x="41" y="108"/>
                  </a:lnTo>
                  <a:lnTo>
                    <a:pt x="33" y="106"/>
                  </a:lnTo>
                  <a:lnTo>
                    <a:pt x="30" y="104"/>
                  </a:lnTo>
                  <a:lnTo>
                    <a:pt x="28" y="102"/>
                  </a:lnTo>
                  <a:lnTo>
                    <a:pt x="26" y="100"/>
                  </a:lnTo>
                  <a:lnTo>
                    <a:pt x="25" y="97"/>
                  </a:lnTo>
                  <a:lnTo>
                    <a:pt x="15" y="100"/>
                  </a:lnTo>
                  <a:lnTo>
                    <a:pt x="7" y="104"/>
                  </a:lnTo>
                  <a:lnTo>
                    <a:pt x="5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5" y="87"/>
                  </a:lnTo>
                  <a:lnTo>
                    <a:pt x="8" y="79"/>
                  </a:lnTo>
                  <a:lnTo>
                    <a:pt x="11" y="72"/>
                  </a:lnTo>
                  <a:lnTo>
                    <a:pt x="12" y="70"/>
                  </a:lnTo>
                  <a:lnTo>
                    <a:pt x="11" y="63"/>
                  </a:lnTo>
                  <a:lnTo>
                    <a:pt x="9" y="55"/>
                  </a:lnTo>
                  <a:lnTo>
                    <a:pt x="7" y="45"/>
                  </a:lnTo>
                  <a:lnTo>
                    <a:pt x="5" y="36"/>
                  </a:lnTo>
                  <a:lnTo>
                    <a:pt x="3" y="27"/>
                  </a:lnTo>
                  <a:lnTo>
                    <a:pt x="2" y="21"/>
                  </a:lnTo>
                  <a:lnTo>
                    <a:pt x="2" y="18"/>
                  </a:lnTo>
                  <a:lnTo>
                    <a:pt x="1" y="14"/>
                  </a:lnTo>
                  <a:lnTo>
                    <a:pt x="0" y="11"/>
                  </a:lnTo>
                  <a:lnTo>
                    <a:pt x="0" y="8"/>
                  </a:lnTo>
                  <a:lnTo>
                    <a:pt x="1" y="6"/>
                  </a:lnTo>
                  <a:lnTo>
                    <a:pt x="4" y="4"/>
                  </a:lnTo>
                  <a:lnTo>
                    <a:pt x="8" y="4"/>
                  </a:lnTo>
                  <a:lnTo>
                    <a:pt x="13" y="4"/>
                  </a:lnTo>
                  <a:lnTo>
                    <a:pt x="20" y="5"/>
                  </a:lnTo>
                  <a:lnTo>
                    <a:pt x="23" y="4"/>
                  </a:lnTo>
                  <a:lnTo>
                    <a:pt x="25" y="4"/>
                  </a:lnTo>
                  <a:lnTo>
                    <a:pt x="28" y="2"/>
                  </a:lnTo>
                  <a:lnTo>
                    <a:pt x="30" y="0"/>
                  </a:lnTo>
                  <a:lnTo>
                    <a:pt x="31" y="5"/>
                  </a:lnTo>
                  <a:lnTo>
                    <a:pt x="33" y="7"/>
                  </a:lnTo>
                  <a:lnTo>
                    <a:pt x="38" y="9"/>
                  </a:lnTo>
                  <a:lnTo>
                    <a:pt x="42" y="11"/>
                  </a:lnTo>
                  <a:lnTo>
                    <a:pt x="46" y="12"/>
                  </a:lnTo>
                  <a:lnTo>
                    <a:pt x="50" y="13"/>
                  </a:lnTo>
                  <a:lnTo>
                    <a:pt x="53" y="15"/>
                  </a:lnTo>
                  <a:lnTo>
                    <a:pt x="56" y="18"/>
                  </a:lnTo>
                  <a:lnTo>
                    <a:pt x="54" y="24"/>
                  </a:lnTo>
                  <a:lnTo>
                    <a:pt x="56" y="29"/>
                  </a:lnTo>
                  <a:lnTo>
                    <a:pt x="57" y="34"/>
                  </a:lnTo>
                  <a:lnTo>
                    <a:pt x="58" y="38"/>
                  </a:lnTo>
                  <a:lnTo>
                    <a:pt x="60" y="41"/>
                  </a:lnTo>
                  <a:lnTo>
                    <a:pt x="61" y="46"/>
                  </a:lnTo>
                  <a:lnTo>
                    <a:pt x="61" y="51"/>
                  </a:lnTo>
                  <a:lnTo>
                    <a:pt x="61" y="57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19" name="Albertslund"/>
            <p:cNvSpPr>
              <a:spLocks/>
            </p:cNvSpPr>
            <p:nvPr/>
          </p:nvSpPr>
          <p:spPr bwMode="auto">
            <a:xfrm>
              <a:off x="3810000" y="4902200"/>
              <a:ext cx="58738" cy="92075"/>
            </a:xfrm>
            <a:custGeom>
              <a:avLst/>
              <a:gdLst>
                <a:gd name="T0" fmla="*/ 5198 w 113"/>
                <a:gd name="T1" fmla="*/ 39385 h 173"/>
                <a:gd name="T2" fmla="*/ 3639 w 113"/>
                <a:gd name="T3" fmla="*/ 36191 h 173"/>
                <a:gd name="T4" fmla="*/ 1040 w 113"/>
                <a:gd name="T5" fmla="*/ 30869 h 173"/>
                <a:gd name="T6" fmla="*/ 0 w 113"/>
                <a:gd name="T7" fmla="*/ 27143 h 173"/>
                <a:gd name="T8" fmla="*/ 3639 w 113"/>
                <a:gd name="T9" fmla="*/ 23418 h 173"/>
                <a:gd name="T10" fmla="*/ 8317 w 113"/>
                <a:gd name="T11" fmla="*/ 20225 h 173"/>
                <a:gd name="T12" fmla="*/ 12475 w 113"/>
                <a:gd name="T13" fmla="*/ 19160 h 173"/>
                <a:gd name="T14" fmla="*/ 16114 w 113"/>
                <a:gd name="T15" fmla="*/ 15435 h 173"/>
                <a:gd name="T16" fmla="*/ 20272 w 113"/>
                <a:gd name="T17" fmla="*/ 8516 h 173"/>
                <a:gd name="T18" fmla="*/ 25470 w 113"/>
                <a:gd name="T19" fmla="*/ 4258 h 173"/>
                <a:gd name="T20" fmla="*/ 33268 w 113"/>
                <a:gd name="T21" fmla="*/ 1064 h 173"/>
                <a:gd name="T22" fmla="*/ 41065 w 113"/>
                <a:gd name="T23" fmla="*/ 532 h 173"/>
                <a:gd name="T24" fmla="*/ 45743 w 113"/>
                <a:gd name="T25" fmla="*/ 3193 h 173"/>
                <a:gd name="T26" fmla="*/ 48342 w 113"/>
                <a:gd name="T27" fmla="*/ 7983 h 173"/>
                <a:gd name="T28" fmla="*/ 48862 w 113"/>
                <a:gd name="T29" fmla="*/ 11177 h 173"/>
                <a:gd name="T30" fmla="*/ 50421 w 113"/>
                <a:gd name="T31" fmla="*/ 17563 h 173"/>
                <a:gd name="T32" fmla="*/ 55619 w 113"/>
                <a:gd name="T33" fmla="*/ 30337 h 173"/>
                <a:gd name="T34" fmla="*/ 57698 w 113"/>
                <a:gd name="T35" fmla="*/ 40981 h 173"/>
                <a:gd name="T36" fmla="*/ 57698 w 113"/>
                <a:gd name="T37" fmla="*/ 45239 h 173"/>
                <a:gd name="T38" fmla="*/ 54580 w 113"/>
                <a:gd name="T39" fmla="*/ 46836 h 173"/>
                <a:gd name="T40" fmla="*/ 49901 w 113"/>
                <a:gd name="T41" fmla="*/ 48965 h 173"/>
                <a:gd name="T42" fmla="*/ 45743 w 113"/>
                <a:gd name="T43" fmla="*/ 52690 h 173"/>
                <a:gd name="T44" fmla="*/ 42104 w 113"/>
                <a:gd name="T45" fmla="*/ 56948 h 173"/>
                <a:gd name="T46" fmla="*/ 41065 w 113"/>
                <a:gd name="T47" fmla="*/ 61738 h 173"/>
                <a:gd name="T48" fmla="*/ 42624 w 113"/>
                <a:gd name="T49" fmla="*/ 68657 h 173"/>
                <a:gd name="T50" fmla="*/ 41065 w 113"/>
                <a:gd name="T51" fmla="*/ 73979 h 173"/>
                <a:gd name="T52" fmla="*/ 36906 w 113"/>
                <a:gd name="T53" fmla="*/ 75576 h 173"/>
                <a:gd name="T54" fmla="*/ 33787 w 113"/>
                <a:gd name="T55" fmla="*/ 75576 h 173"/>
                <a:gd name="T56" fmla="*/ 29629 w 113"/>
                <a:gd name="T57" fmla="*/ 84092 h 173"/>
                <a:gd name="T58" fmla="*/ 23911 w 113"/>
                <a:gd name="T59" fmla="*/ 92075 h 173"/>
                <a:gd name="T60" fmla="*/ 21312 w 113"/>
                <a:gd name="T61" fmla="*/ 89414 h 173"/>
                <a:gd name="T62" fmla="*/ 17673 w 113"/>
                <a:gd name="T63" fmla="*/ 84092 h 173"/>
                <a:gd name="T64" fmla="*/ 12995 w 113"/>
                <a:gd name="T65" fmla="*/ 79834 h 173"/>
                <a:gd name="T66" fmla="*/ 9876 w 113"/>
                <a:gd name="T67" fmla="*/ 74512 h 173"/>
                <a:gd name="T68" fmla="*/ 8317 w 113"/>
                <a:gd name="T69" fmla="*/ 68657 h 173"/>
                <a:gd name="T70" fmla="*/ 6238 w 113"/>
                <a:gd name="T71" fmla="*/ 62803 h 173"/>
                <a:gd name="T72" fmla="*/ 4678 w 113"/>
                <a:gd name="T73" fmla="*/ 59077 h 173"/>
                <a:gd name="T74" fmla="*/ 4158 w 113"/>
                <a:gd name="T75" fmla="*/ 53223 h 173"/>
                <a:gd name="T76" fmla="*/ 5198 w 113"/>
                <a:gd name="T77" fmla="*/ 40449 h 173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</a:gdLst>
              <a:ahLst/>
              <a:cxnLst>
                <a:cxn ang="T78">
                  <a:pos x="T0" y="T1"/>
                </a:cxn>
                <a:cxn ang="T79">
                  <a:pos x="T2" y="T3"/>
                </a:cxn>
                <a:cxn ang="T80">
                  <a:pos x="T4" y="T5"/>
                </a:cxn>
                <a:cxn ang="T81">
                  <a:pos x="T6" y="T7"/>
                </a:cxn>
                <a:cxn ang="T82">
                  <a:pos x="T8" y="T9"/>
                </a:cxn>
                <a:cxn ang="T83">
                  <a:pos x="T10" y="T11"/>
                </a:cxn>
                <a:cxn ang="T84">
                  <a:pos x="T12" y="T13"/>
                </a:cxn>
                <a:cxn ang="T85">
                  <a:pos x="T14" y="T15"/>
                </a:cxn>
                <a:cxn ang="T86">
                  <a:pos x="T16" y="T17"/>
                </a:cxn>
                <a:cxn ang="T87">
                  <a:pos x="T18" y="T19"/>
                </a:cxn>
                <a:cxn ang="T88">
                  <a:pos x="T20" y="T21"/>
                </a:cxn>
                <a:cxn ang="T89">
                  <a:pos x="T22" y="T23"/>
                </a:cxn>
                <a:cxn ang="T90">
                  <a:pos x="T24" y="T25"/>
                </a:cxn>
                <a:cxn ang="T91">
                  <a:pos x="T26" y="T27"/>
                </a:cxn>
                <a:cxn ang="T92">
                  <a:pos x="T28" y="T29"/>
                </a:cxn>
                <a:cxn ang="T93">
                  <a:pos x="T30" y="T31"/>
                </a:cxn>
                <a:cxn ang="T94">
                  <a:pos x="T32" y="T33"/>
                </a:cxn>
                <a:cxn ang="T95">
                  <a:pos x="T34" y="T35"/>
                </a:cxn>
                <a:cxn ang="T96">
                  <a:pos x="T36" y="T37"/>
                </a:cxn>
                <a:cxn ang="T97">
                  <a:pos x="T38" y="T39"/>
                </a:cxn>
                <a:cxn ang="T98">
                  <a:pos x="T40" y="T41"/>
                </a:cxn>
                <a:cxn ang="T99">
                  <a:pos x="T42" y="T43"/>
                </a:cxn>
                <a:cxn ang="T100">
                  <a:pos x="T44" y="T45"/>
                </a:cxn>
                <a:cxn ang="T101">
                  <a:pos x="T46" y="T47"/>
                </a:cxn>
                <a:cxn ang="T102">
                  <a:pos x="T48" y="T49"/>
                </a:cxn>
                <a:cxn ang="T103">
                  <a:pos x="T50" y="T51"/>
                </a:cxn>
                <a:cxn ang="T104">
                  <a:pos x="T52" y="T53"/>
                </a:cxn>
                <a:cxn ang="T105">
                  <a:pos x="T54" y="T55"/>
                </a:cxn>
                <a:cxn ang="T106">
                  <a:pos x="T56" y="T57"/>
                </a:cxn>
                <a:cxn ang="T107">
                  <a:pos x="T58" y="T59"/>
                </a:cxn>
                <a:cxn ang="T108">
                  <a:pos x="T60" y="T61"/>
                </a:cxn>
                <a:cxn ang="T109">
                  <a:pos x="T62" y="T63"/>
                </a:cxn>
                <a:cxn ang="T110">
                  <a:pos x="T64" y="T65"/>
                </a:cxn>
                <a:cxn ang="T111">
                  <a:pos x="T66" y="T67"/>
                </a:cxn>
                <a:cxn ang="T112">
                  <a:pos x="T68" y="T69"/>
                </a:cxn>
                <a:cxn ang="T113">
                  <a:pos x="T70" y="T71"/>
                </a:cxn>
                <a:cxn ang="T114">
                  <a:pos x="T72" y="T73"/>
                </a:cxn>
                <a:cxn ang="T115">
                  <a:pos x="T74" y="T75"/>
                </a:cxn>
                <a:cxn ang="T116">
                  <a:pos x="T76" y="T77"/>
                </a:cxn>
              </a:cxnLst>
              <a:rect l="0" t="0" r="r" b="b"/>
              <a:pathLst>
                <a:path w="113" h="173">
                  <a:moveTo>
                    <a:pt x="10" y="76"/>
                  </a:moveTo>
                  <a:lnTo>
                    <a:pt x="10" y="74"/>
                  </a:lnTo>
                  <a:lnTo>
                    <a:pt x="9" y="71"/>
                  </a:lnTo>
                  <a:lnTo>
                    <a:pt x="7" y="68"/>
                  </a:lnTo>
                  <a:lnTo>
                    <a:pt x="4" y="63"/>
                  </a:lnTo>
                  <a:lnTo>
                    <a:pt x="2" y="58"/>
                  </a:lnTo>
                  <a:lnTo>
                    <a:pt x="0" y="55"/>
                  </a:lnTo>
                  <a:lnTo>
                    <a:pt x="0" y="51"/>
                  </a:lnTo>
                  <a:lnTo>
                    <a:pt x="1" y="49"/>
                  </a:lnTo>
                  <a:lnTo>
                    <a:pt x="7" y="44"/>
                  </a:lnTo>
                  <a:lnTo>
                    <a:pt x="12" y="40"/>
                  </a:lnTo>
                  <a:lnTo>
                    <a:pt x="16" y="38"/>
                  </a:lnTo>
                  <a:lnTo>
                    <a:pt x="20" y="37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31" y="29"/>
                  </a:lnTo>
                  <a:lnTo>
                    <a:pt x="35" y="22"/>
                  </a:lnTo>
                  <a:lnTo>
                    <a:pt x="39" y="16"/>
                  </a:lnTo>
                  <a:lnTo>
                    <a:pt x="44" y="12"/>
                  </a:lnTo>
                  <a:lnTo>
                    <a:pt x="49" y="8"/>
                  </a:lnTo>
                  <a:lnTo>
                    <a:pt x="57" y="4"/>
                  </a:lnTo>
                  <a:lnTo>
                    <a:pt x="64" y="2"/>
                  </a:lnTo>
                  <a:lnTo>
                    <a:pt x="71" y="0"/>
                  </a:lnTo>
                  <a:lnTo>
                    <a:pt x="79" y="1"/>
                  </a:lnTo>
                  <a:lnTo>
                    <a:pt x="84" y="3"/>
                  </a:lnTo>
                  <a:lnTo>
                    <a:pt x="88" y="6"/>
                  </a:lnTo>
                  <a:lnTo>
                    <a:pt x="93" y="11"/>
                  </a:lnTo>
                  <a:lnTo>
                    <a:pt x="93" y="15"/>
                  </a:lnTo>
                  <a:lnTo>
                    <a:pt x="94" y="18"/>
                  </a:lnTo>
                  <a:lnTo>
                    <a:pt x="94" y="21"/>
                  </a:lnTo>
                  <a:lnTo>
                    <a:pt x="95" y="26"/>
                  </a:lnTo>
                  <a:lnTo>
                    <a:pt x="97" y="33"/>
                  </a:lnTo>
                  <a:lnTo>
                    <a:pt x="100" y="40"/>
                  </a:lnTo>
                  <a:lnTo>
                    <a:pt x="107" y="57"/>
                  </a:lnTo>
                  <a:lnTo>
                    <a:pt x="111" y="71"/>
                  </a:lnTo>
                  <a:lnTo>
                    <a:pt x="111" y="77"/>
                  </a:lnTo>
                  <a:lnTo>
                    <a:pt x="113" y="83"/>
                  </a:lnTo>
                  <a:lnTo>
                    <a:pt x="111" y="85"/>
                  </a:lnTo>
                  <a:lnTo>
                    <a:pt x="111" y="87"/>
                  </a:lnTo>
                  <a:lnTo>
                    <a:pt x="105" y="88"/>
                  </a:lnTo>
                  <a:lnTo>
                    <a:pt x="100" y="89"/>
                  </a:lnTo>
                  <a:lnTo>
                    <a:pt x="96" y="92"/>
                  </a:lnTo>
                  <a:lnTo>
                    <a:pt x="91" y="96"/>
                  </a:lnTo>
                  <a:lnTo>
                    <a:pt x="88" y="99"/>
                  </a:lnTo>
                  <a:lnTo>
                    <a:pt x="85" y="103"/>
                  </a:lnTo>
                  <a:lnTo>
                    <a:pt x="81" y="107"/>
                  </a:lnTo>
                  <a:lnTo>
                    <a:pt x="77" y="110"/>
                  </a:lnTo>
                  <a:lnTo>
                    <a:pt x="79" y="116"/>
                  </a:lnTo>
                  <a:lnTo>
                    <a:pt x="80" y="122"/>
                  </a:lnTo>
                  <a:lnTo>
                    <a:pt x="82" y="129"/>
                  </a:lnTo>
                  <a:lnTo>
                    <a:pt x="82" y="137"/>
                  </a:lnTo>
                  <a:lnTo>
                    <a:pt x="79" y="139"/>
                  </a:lnTo>
                  <a:lnTo>
                    <a:pt x="76" y="140"/>
                  </a:lnTo>
                  <a:lnTo>
                    <a:pt x="71" y="142"/>
                  </a:lnTo>
                  <a:lnTo>
                    <a:pt x="67" y="142"/>
                  </a:lnTo>
                  <a:lnTo>
                    <a:pt x="65" y="142"/>
                  </a:lnTo>
                  <a:lnTo>
                    <a:pt x="64" y="142"/>
                  </a:lnTo>
                  <a:lnTo>
                    <a:pt x="57" y="158"/>
                  </a:lnTo>
                  <a:lnTo>
                    <a:pt x="49" y="173"/>
                  </a:lnTo>
                  <a:lnTo>
                    <a:pt x="46" y="173"/>
                  </a:lnTo>
                  <a:lnTo>
                    <a:pt x="44" y="173"/>
                  </a:lnTo>
                  <a:lnTo>
                    <a:pt x="41" y="168"/>
                  </a:lnTo>
                  <a:lnTo>
                    <a:pt x="38" y="162"/>
                  </a:lnTo>
                  <a:lnTo>
                    <a:pt x="34" y="158"/>
                  </a:lnTo>
                  <a:lnTo>
                    <a:pt x="29" y="154"/>
                  </a:lnTo>
                  <a:lnTo>
                    <a:pt x="25" y="150"/>
                  </a:lnTo>
                  <a:lnTo>
                    <a:pt x="22" y="145"/>
                  </a:lnTo>
                  <a:lnTo>
                    <a:pt x="19" y="140"/>
                  </a:lnTo>
                  <a:lnTo>
                    <a:pt x="16" y="135"/>
                  </a:lnTo>
                  <a:lnTo>
                    <a:pt x="16" y="129"/>
                  </a:lnTo>
                  <a:lnTo>
                    <a:pt x="15" y="123"/>
                  </a:lnTo>
                  <a:lnTo>
                    <a:pt x="12" y="118"/>
                  </a:lnTo>
                  <a:lnTo>
                    <a:pt x="10" y="114"/>
                  </a:lnTo>
                  <a:lnTo>
                    <a:pt x="9" y="111"/>
                  </a:lnTo>
                  <a:lnTo>
                    <a:pt x="8" y="105"/>
                  </a:lnTo>
                  <a:lnTo>
                    <a:pt x="8" y="100"/>
                  </a:lnTo>
                  <a:lnTo>
                    <a:pt x="10" y="94"/>
                  </a:lnTo>
                  <a:lnTo>
                    <a:pt x="10" y="76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20" name="Albertslund kant"/>
            <p:cNvSpPr>
              <a:spLocks/>
            </p:cNvSpPr>
            <p:nvPr/>
          </p:nvSpPr>
          <p:spPr bwMode="auto">
            <a:xfrm>
              <a:off x="3810000" y="4902200"/>
              <a:ext cx="58738" cy="92075"/>
            </a:xfrm>
            <a:custGeom>
              <a:avLst/>
              <a:gdLst>
                <a:gd name="T0" fmla="*/ 5198 w 113"/>
                <a:gd name="T1" fmla="*/ 39385 h 173"/>
                <a:gd name="T2" fmla="*/ 3639 w 113"/>
                <a:gd name="T3" fmla="*/ 36191 h 173"/>
                <a:gd name="T4" fmla="*/ 1040 w 113"/>
                <a:gd name="T5" fmla="*/ 30869 h 173"/>
                <a:gd name="T6" fmla="*/ 0 w 113"/>
                <a:gd name="T7" fmla="*/ 27143 h 173"/>
                <a:gd name="T8" fmla="*/ 3639 w 113"/>
                <a:gd name="T9" fmla="*/ 23418 h 173"/>
                <a:gd name="T10" fmla="*/ 8317 w 113"/>
                <a:gd name="T11" fmla="*/ 20225 h 173"/>
                <a:gd name="T12" fmla="*/ 12475 w 113"/>
                <a:gd name="T13" fmla="*/ 19160 h 173"/>
                <a:gd name="T14" fmla="*/ 16114 w 113"/>
                <a:gd name="T15" fmla="*/ 15435 h 173"/>
                <a:gd name="T16" fmla="*/ 20272 w 113"/>
                <a:gd name="T17" fmla="*/ 8516 h 173"/>
                <a:gd name="T18" fmla="*/ 25470 w 113"/>
                <a:gd name="T19" fmla="*/ 4258 h 173"/>
                <a:gd name="T20" fmla="*/ 33268 w 113"/>
                <a:gd name="T21" fmla="*/ 1064 h 173"/>
                <a:gd name="T22" fmla="*/ 41065 w 113"/>
                <a:gd name="T23" fmla="*/ 532 h 173"/>
                <a:gd name="T24" fmla="*/ 45743 w 113"/>
                <a:gd name="T25" fmla="*/ 3193 h 173"/>
                <a:gd name="T26" fmla="*/ 48342 w 113"/>
                <a:gd name="T27" fmla="*/ 7983 h 173"/>
                <a:gd name="T28" fmla="*/ 48862 w 113"/>
                <a:gd name="T29" fmla="*/ 11177 h 173"/>
                <a:gd name="T30" fmla="*/ 50421 w 113"/>
                <a:gd name="T31" fmla="*/ 17563 h 173"/>
                <a:gd name="T32" fmla="*/ 55619 w 113"/>
                <a:gd name="T33" fmla="*/ 30337 h 173"/>
                <a:gd name="T34" fmla="*/ 57698 w 113"/>
                <a:gd name="T35" fmla="*/ 40981 h 173"/>
                <a:gd name="T36" fmla="*/ 57698 w 113"/>
                <a:gd name="T37" fmla="*/ 45239 h 173"/>
                <a:gd name="T38" fmla="*/ 54580 w 113"/>
                <a:gd name="T39" fmla="*/ 46836 h 173"/>
                <a:gd name="T40" fmla="*/ 49901 w 113"/>
                <a:gd name="T41" fmla="*/ 48965 h 173"/>
                <a:gd name="T42" fmla="*/ 45743 w 113"/>
                <a:gd name="T43" fmla="*/ 52690 h 173"/>
                <a:gd name="T44" fmla="*/ 42104 w 113"/>
                <a:gd name="T45" fmla="*/ 56948 h 173"/>
                <a:gd name="T46" fmla="*/ 41065 w 113"/>
                <a:gd name="T47" fmla="*/ 61738 h 173"/>
                <a:gd name="T48" fmla="*/ 42624 w 113"/>
                <a:gd name="T49" fmla="*/ 68657 h 173"/>
                <a:gd name="T50" fmla="*/ 41065 w 113"/>
                <a:gd name="T51" fmla="*/ 73979 h 173"/>
                <a:gd name="T52" fmla="*/ 36906 w 113"/>
                <a:gd name="T53" fmla="*/ 75576 h 173"/>
                <a:gd name="T54" fmla="*/ 33787 w 113"/>
                <a:gd name="T55" fmla="*/ 75576 h 173"/>
                <a:gd name="T56" fmla="*/ 29629 w 113"/>
                <a:gd name="T57" fmla="*/ 84092 h 173"/>
                <a:gd name="T58" fmla="*/ 23911 w 113"/>
                <a:gd name="T59" fmla="*/ 92075 h 173"/>
                <a:gd name="T60" fmla="*/ 21312 w 113"/>
                <a:gd name="T61" fmla="*/ 89414 h 173"/>
                <a:gd name="T62" fmla="*/ 17673 w 113"/>
                <a:gd name="T63" fmla="*/ 84092 h 173"/>
                <a:gd name="T64" fmla="*/ 12995 w 113"/>
                <a:gd name="T65" fmla="*/ 79834 h 173"/>
                <a:gd name="T66" fmla="*/ 9876 w 113"/>
                <a:gd name="T67" fmla="*/ 74512 h 173"/>
                <a:gd name="T68" fmla="*/ 8317 w 113"/>
                <a:gd name="T69" fmla="*/ 68657 h 173"/>
                <a:gd name="T70" fmla="*/ 6238 w 113"/>
                <a:gd name="T71" fmla="*/ 62803 h 173"/>
                <a:gd name="T72" fmla="*/ 4678 w 113"/>
                <a:gd name="T73" fmla="*/ 59077 h 173"/>
                <a:gd name="T74" fmla="*/ 4158 w 113"/>
                <a:gd name="T75" fmla="*/ 53223 h 173"/>
                <a:gd name="T76" fmla="*/ 5198 w 113"/>
                <a:gd name="T77" fmla="*/ 40449 h 173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</a:gdLst>
              <a:ahLst/>
              <a:cxnLst>
                <a:cxn ang="T78">
                  <a:pos x="T0" y="T1"/>
                </a:cxn>
                <a:cxn ang="T79">
                  <a:pos x="T2" y="T3"/>
                </a:cxn>
                <a:cxn ang="T80">
                  <a:pos x="T4" y="T5"/>
                </a:cxn>
                <a:cxn ang="T81">
                  <a:pos x="T6" y="T7"/>
                </a:cxn>
                <a:cxn ang="T82">
                  <a:pos x="T8" y="T9"/>
                </a:cxn>
                <a:cxn ang="T83">
                  <a:pos x="T10" y="T11"/>
                </a:cxn>
                <a:cxn ang="T84">
                  <a:pos x="T12" y="T13"/>
                </a:cxn>
                <a:cxn ang="T85">
                  <a:pos x="T14" y="T15"/>
                </a:cxn>
                <a:cxn ang="T86">
                  <a:pos x="T16" y="T17"/>
                </a:cxn>
                <a:cxn ang="T87">
                  <a:pos x="T18" y="T19"/>
                </a:cxn>
                <a:cxn ang="T88">
                  <a:pos x="T20" y="T21"/>
                </a:cxn>
                <a:cxn ang="T89">
                  <a:pos x="T22" y="T23"/>
                </a:cxn>
                <a:cxn ang="T90">
                  <a:pos x="T24" y="T25"/>
                </a:cxn>
                <a:cxn ang="T91">
                  <a:pos x="T26" y="T27"/>
                </a:cxn>
                <a:cxn ang="T92">
                  <a:pos x="T28" y="T29"/>
                </a:cxn>
                <a:cxn ang="T93">
                  <a:pos x="T30" y="T31"/>
                </a:cxn>
                <a:cxn ang="T94">
                  <a:pos x="T32" y="T33"/>
                </a:cxn>
                <a:cxn ang="T95">
                  <a:pos x="T34" y="T35"/>
                </a:cxn>
                <a:cxn ang="T96">
                  <a:pos x="T36" y="T37"/>
                </a:cxn>
                <a:cxn ang="T97">
                  <a:pos x="T38" y="T39"/>
                </a:cxn>
                <a:cxn ang="T98">
                  <a:pos x="T40" y="T41"/>
                </a:cxn>
                <a:cxn ang="T99">
                  <a:pos x="T42" y="T43"/>
                </a:cxn>
                <a:cxn ang="T100">
                  <a:pos x="T44" y="T45"/>
                </a:cxn>
                <a:cxn ang="T101">
                  <a:pos x="T46" y="T47"/>
                </a:cxn>
                <a:cxn ang="T102">
                  <a:pos x="T48" y="T49"/>
                </a:cxn>
                <a:cxn ang="T103">
                  <a:pos x="T50" y="T51"/>
                </a:cxn>
                <a:cxn ang="T104">
                  <a:pos x="T52" y="T53"/>
                </a:cxn>
                <a:cxn ang="T105">
                  <a:pos x="T54" y="T55"/>
                </a:cxn>
                <a:cxn ang="T106">
                  <a:pos x="T56" y="T57"/>
                </a:cxn>
                <a:cxn ang="T107">
                  <a:pos x="T58" y="T59"/>
                </a:cxn>
                <a:cxn ang="T108">
                  <a:pos x="T60" y="T61"/>
                </a:cxn>
                <a:cxn ang="T109">
                  <a:pos x="T62" y="T63"/>
                </a:cxn>
                <a:cxn ang="T110">
                  <a:pos x="T64" y="T65"/>
                </a:cxn>
                <a:cxn ang="T111">
                  <a:pos x="T66" y="T67"/>
                </a:cxn>
                <a:cxn ang="T112">
                  <a:pos x="T68" y="T69"/>
                </a:cxn>
                <a:cxn ang="T113">
                  <a:pos x="T70" y="T71"/>
                </a:cxn>
                <a:cxn ang="T114">
                  <a:pos x="T72" y="T73"/>
                </a:cxn>
                <a:cxn ang="T115">
                  <a:pos x="T74" y="T75"/>
                </a:cxn>
                <a:cxn ang="T116">
                  <a:pos x="T76" y="T77"/>
                </a:cxn>
              </a:cxnLst>
              <a:rect l="0" t="0" r="r" b="b"/>
              <a:pathLst>
                <a:path w="113" h="173">
                  <a:moveTo>
                    <a:pt x="10" y="76"/>
                  </a:moveTo>
                  <a:lnTo>
                    <a:pt x="10" y="74"/>
                  </a:lnTo>
                  <a:lnTo>
                    <a:pt x="9" y="71"/>
                  </a:lnTo>
                  <a:lnTo>
                    <a:pt x="7" y="68"/>
                  </a:lnTo>
                  <a:lnTo>
                    <a:pt x="4" y="63"/>
                  </a:lnTo>
                  <a:lnTo>
                    <a:pt x="2" y="58"/>
                  </a:lnTo>
                  <a:lnTo>
                    <a:pt x="0" y="55"/>
                  </a:lnTo>
                  <a:lnTo>
                    <a:pt x="0" y="51"/>
                  </a:lnTo>
                  <a:lnTo>
                    <a:pt x="1" y="49"/>
                  </a:lnTo>
                  <a:lnTo>
                    <a:pt x="7" y="44"/>
                  </a:lnTo>
                  <a:lnTo>
                    <a:pt x="12" y="40"/>
                  </a:lnTo>
                  <a:lnTo>
                    <a:pt x="16" y="38"/>
                  </a:lnTo>
                  <a:lnTo>
                    <a:pt x="20" y="37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31" y="29"/>
                  </a:lnTo>
                  <a:lnTo>
                    <a:pt x="35" y="22"/>
                  </a:lnTo>
                  <a:lnTo>
                    <a:pt x="39" y="16"/>
                  </a:lnTo>
                  <a:lnTo>
                    <a:pt x="44" y="12"/>
                  </a:lnTo>
                  <a:lnTo>
                    <a:pt x="49" y="8"/>
                  </a:lnTo>
                  <a:lnTo>
                    <a:pt x="57" y="4"/>
                  </a:lnTo>
                  <a:lnTo>
                    <a:pt x="64" y="2"/>
                  </a:lnTo>
                  <a:lnTo>
                    <a:pt x="71" y="0"/>
                  </a:lnTo>
                  <a:lnTo>
                    <a:pt x="79" y="1"/>
                  </a:lnTo>
                  <a:lnTo>
                    <a:pt x="84" y="3"/>
                  </a:lnTo>
                  <a:lnTo>
                    <a:pt x="88" y="6"/>
                  </a:lnTo>
                  <a:lnTo>
                    <a:pt x="93" y="11"/>
                  </a:lnTo>
                  <a:lnTo>
                    <a:pt x="93" y="15"/>
                  </a:lnTo>
                  <a:lnTo>
                    <a:pt x="94" y="18"/>
                  </a:lnTo>
                  <a:lnTo>
                    <a:pt x="94" y="21"/>
                  </a:lnTo>
                  <a:lnTo>
                    <a:pt x="95" y="26"/>
                  </a:lnTo>
                  <a:lnTo>
                    <a:pt x="97" y="33"/>
                  </a:lnTo>
                  <a:lnTo>
                    <a:pt x="100" y="40"/>
                  </a:lnTo>
                  <a:lnTo>
                    <a:pt x="107" y="57"/>
                  </a:lnTo>
                  <a:lnTo>
                    <a:pt x="111" y="71"/>
                  </a:lnTo>
                  <a:lnTo>
                    <a:pt x="111" y="77"/>
                  </a:lnTo>
                  <a:lnTo>
                    <a:pt x="113" y="83"/>
                  </a:lnTo>
                  <a:lnTo>
                    <a:pt x="111" y="85"/>
                  </a:lnTo>
                  <a:lnTo>
                    <a:pt x="111" y="87"/>
                  </a:lnTo>
                  <a:lnTo>
                    <a:pt x="105" y="88"/>
                  </a:lnTo>
                  <a:lnTo>
                    <a:pt x="100" y="89"/>
                  </a:lnTo>
                  <a:lnTo>
                    <a:pt x="96" y="92"/>
                  </a:lnTo>
                  <a:lnTo>
                    <a:pt x="91" y="96"/>
                  </a:lnTo>
                  <a:lnTo>
                    <a:pt x="88" y="99"/>
                  </a:lnTo>
                  <a:lnTo>
                    <a:pt x="85" y="103"/>
                  </a:lnTo>
                  <a:lnTo>
                    <a:pt x="81" y="107"/>
                  </a:lnTo>
                  <a:lnTo>
                    <a:pt x="77" y="110"/>
                  </a:lnTo>
                  <a:lnTo>
                    <a:pt x="79" y="116"/>
                  </a:lnTo>
                  <a:lnTo>
                    <a:pt x="80" y="122"/>
                  </a:lnTo>
                  <a:lnTo>
                    <a:pt x="82" y="129"/>
                  </a:lnTo>
                  <a:lnTo>
                    <a:pt x="82" y="137"/>
                  </a:lnTo>
                  <a:lnTo>
                    <a:pt x="79" y="139"/>
                  </a:lnTo>
                  <a:lnTo>
                    <a:pt x="76" y="140"/>
                  </a:lnTo>
                  <a:lnTo>
                    <a:pt x="71" y="142"/>
                  </a:lnTo>
                  <a:lnTo>
                    <a:pt x="67" y="142"/>
                  </a:lnTo>
                  <a:lnTo>
                    <a:pt x="65" y="142"/>
                  </a:lnTo>
                  <a:lnTo>
                    <a:pt x="64" y="142"/>
                  </a:lnTo>
                  <a:lnTo>
                    <a:pt x="57" y="158"/>
                  </a:lnTo>
                  <a:lnTo>
                    <a:pt x="49" y="173"/>
                  </a:lnTo>
                  <a:lnTo>
                    <a:pt x="46" y="173"/>
                  </a:lnTo>
                  <a:lnTo>
                    <a:pt x="44" y="173"/>
                  </a:lnTo>
                  <a:lnTo>
                    <a:pt x="41" y="168"/>
                  </a:lnTo>
                  <a:lnTo>
                    <a:pt x="38" y="162"/>
                  </a:lnTo>
                  <a:lnTo>
                    <a:pt x="34" y="158"/>
                  </a:lnTo>
                  <a:lnTo>
                    <a:pt x="29" y="154"/>
                  </a:lnTo>
                  <a:lnTo>
                    <a:pt x="25" y="150"/>
                  </a:lnTo>
                  <a:lnTo>
                    <a:pt x="22" y="145"/>
                  </a:lnTo>
                  <a:lnTo>
                    <a:pt x="19" y="140"/>
                  </a:lnTo>
                  <a:lnTo>
                    <a:pt x="16" y="135"/>
                  </a:lnTo>
                  <a:lnTo>
                    <a:pt x="16" y="129"/>
                  </a:lnTo>
                  <a:lnTo>
                    <a:pt x="15" y="123"/>
                  </a:lnTo>
                  <a:lnTo>
                    <a:pt x="12" y="118"/>
                  </a:lnTo>
                  <a:lnTo>
                    <a:pt x="10" y="114"/>
                  </a:lnTo>
                  <a:lnTo>
                    <a:pt x="9" y="111"/>
                  </a:lnTo>
                  <a:lnTo>
                    <a:pt x="8" y="105"/>
                  </a:lnTo>
                  <a:lnTo>
                    <a:pt x="8" y="100"/>
                  </a:lnTo>
                  <a:lnTo>
                    <a:pt x="10" y="94"/>
                  </a:lnTo>
                  <a:lnTo>
                    <a:pt x="10" y="76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21" name="Vallensbæk"/>
            <p:cNvSpPr>
              <a:spLocks/>
            </p:cNvSpPr>
            <p:nvPr/>
          </p:nvSpPr>
          <p:spPr bwMode="auto">
            <a:xfrm>
              <a:off x="3835400" y="4978400"/>
              <a:ext cx="44450" cy="52388"/>
            </a:xfrm>
            <a:custGeom>
              <a:avLst/>
              <a:gdLst>
                <a:gd name="T0" fmla="*/ 37129 w 85"/>
                <a:gd name="T1" fmla="*/ 35455 h 99"/>
                <a:gd name="T2" fmla="*/ 37652 w 85"/>
                <a:gd name="T3" fmla="*/ 37571 h 99"/>
                <a:gd name="T4" fmla="*/ 38698 w 85"/>
                <a:gd name="T5" fmla="*/ 39159 h 99"/>
                <a:gd name="T6" fmla="*/ 40266 w 85"/>
                <a:gd name="T7" fmla="*/ 41275 h 99"/>
                <a:gd name="T8" fmla="*/ 41835 w 85"/>
                <a:gd name="T9" fmla="*/ 43392 h 99"/>
                <a:gd name="T10" fmla="*/ 43927 w 85"/>
                <a:gd name="T11" fmla="*/ 45509 h 99"/>
                <a:gd name="T12" fmla="*/ 44450 w 85"/>
                <a:gd name="T13" fmla="*/ 47096 h 99"/>
                <a:gd name="T14" fmla="*/ 44450 w 85"/>
                <a:gd name="T15" fmla="*/ 47625 h 99"/>
                <a:gd name="T16" fmla="*/ 44450 w 85"/>
                <a:gd name="T17" fmla="*/ 48684 h 99"/>
                <a:gd name="T18" fmla="*/ 43927 w 85"/>
                <a:gd name="T19" fmla="*/ 49213 h 99"/>
                <a:gd name="T20" fmla="*/ 42358 w 85"/>
                <a:gd name="T21" fmla="*/ 49742 h 99"/>
                <a:gd name="T22" fmla="*/ 40789 w 85"/>
                <a:gd name="T23" fmla="*/ 48684 h 99"/>
                <a:gd name="T24" fmla="*/ 39221 w 85"/>
                <a:gd name="T25" fmla="*/ 48684 h 99"/>
                <a:gd name="T26" fmla="*/ 37652 w 85"/>
                <a:gd name="T27" fmla="*/ 48155 h 99"/>
                <a:gd name="T28" fmla="*/ 35560 w 85"/>
                <a:gd name="T29" fmla="*/ 48684 h 99"/>
                <a:gd name="T30" fmla="*/ 33991 w 85"/>
                <a:gd name="T31" fmla="*/ 49213 h 99"/>
                <a:gd name="T32" fmla="*/ 31899 w 85"/>
                <a:gd name="T33" fmla="*/ 50271 h 99"/>
                <a:gd name="T34" fmla="*/ 30854 w 85"/>
                <a:gd name="T35" fmla="*/ 51330 h 99"/>
                <a:gd name="T36" fmla="*/ 30331 w 85"/>
                <a:gd name="T37" fmla="*/ 52388 h 99"/>
                <a:gd name="T38" fmla="*/ 29285 w 85"/>
                <a:gd name="T39" fmla="*/ 52388 h 99"/>
                <a:gd name="T40" fmla="*/ 27716 w 85"/>
                <a:gd name="T41" fmla="*/ 52388 h 99"/>
                <a:gd name="T42" fmla="*/ 24578 w 85"/>
                <a:gd name="T43" fmla="*/ 47625 h 99"/>
                <a:gd name="T44" fmla="*/ 20395 w 85"/>
                <a:gd name="T45" fmla="*/ 42334 h 99"/>
                <a:gd name="T46" fmla="*/ 15688 w 85"/>
                <a:gd name="T47" fmla="*/ 38630 h 99"/>
                <a:gd name="T48" fmla="*/ 10459 w 85"/>
                <a:gd name="T49" fmla="*/ 35455 h 99"/>
                <a:gd name="T50" fmla="*/ 10459 w 85"/>
                <a:gd name="T51" fmla="*/ 34396 h 99"/>
                <a:gd name="T52" fmla="*/ 9413 w 85"/>
                <a:gd name="T53" fmla="*/ 32809 h 99"/>
                <a:gd name="T54" fmla="*/ 7844 w 85"/>
                <a:gd name="T55" fmla="*/ 31221 h 99"/>
                <a:gd name="T56" fmla="*/ 6275 w 85"/>
                <a:gd name="T57" fmla="*/ 30163 h 99"/>
                <a:gd name="T58" fmla="*/ 2615 w 85"/>
                <a:gd name="T59" fmla="*/ 27517 h 99"/>
                <a:gd name="T60" fmla="*/ 523 w 85"/>
                <a:gd name="T61" fmla="*/ 26459 h 99"/>
                <a:gd name="T62" fmla="*/ 1569 w 85"/>
                <a:gd name="T63" fmla="*/ 25929 h 99"/>
                <a:gd name="T64" fmla="*/ 2615 w 85"/>
                <a:gd name="T65" fmla="*/ 25400 h 99"/>
                <a:gd name="T66" fmla="*/ 2615 w 85"/>
                <a:gd name="T67" fmla="*/ 24342 h 99"/>
                <a:gd name="T68" fmla="*/ 1569 w 85"/>
                <a:gd name="T69" fmla="*/ 22754 h 99"/>
                <a:gd name="T70" fmla="*/ 0 w 85"/>
                <a:gd name="T71" fmla="*/ 20638 h 99"/>
                <a:gd name="T72" fmla="*/ 0 w 85"/>
                <a:gd name="T73" fmla="*/ 17463 h 99"/>
                <a:gd name="T74" fmla="*/ 3138 w 85"/>
                <a:gd name="T75" fmla="*/ 14288 h 99"/>
                <a:gd name="T76" fmla="*/ 5229 w 85"/>
                <a:gd name="T77" fmla="*/ 10054 h 99"/>
                <a:gd name="T78" fmla="*/ 7844 w 85"/>
                <a:gd name="T79" fmla="*/ 6350 h 99"/>
                <a:gd name="T80" fmla="*/ 9413 w 85"/>
                <a:gd name="T81" fmla="*/ 1058 h 99"/>
                <a:gd name="T82" fmla="*/ 10982 w 85"/>
                <a:gd name="T83" fmla="*/ 1058 h 99"/>
                <a:gd name="T84" fmla="*/ 13074 w 85"/>
                <a:gd name="T85" fmla="*/ 1058 h 99"/>
                <a:gd name="T86" fmla="*/ 14119 w 85"/>
                <a:gd name="T87" fmla="*/ 1058 h 99"/>
                <a:gd name="T88" fmla="*/ 14642 w 85"/>
                <a:gd name="T89" fmla="*/ 0 h 99"/>
                <a:gd name="T90" fmla="*/ 19349 w 85"/>
                <a:gd name="T91" fmla="*/ 6350 h 99"/>
                <a:gd name="T92" fmla="*/ 24055 w 85"/>
                <a:gd name="T93" fmla="*/ 13229 h 99"/>
                <a:gd name="T94" fmla="*/ 27716 w 85"/>
                <a:gd name="T95" fmla="*/ 19579 h 99"/>
                <a:gd name="T96" fmla="*/ 31899 w 85"/>
                <a:gd name="T97" fmla="*/ 26988 h 99"/>
                <a:gd name="T98" fmla="*/ 35037 w 85"/>
                <a:gd name="T99" fmla="*/ 31750 h 99"/>
                <a:gd name="T100" fmla="*/ 37129 w 85"/>
                <a:gd name="T101" fmla="*/ 35455 h 99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85" h="99">
                  <a:moveTo>
                    <a:pt x="71" y="67"/>
                  </a:moveTo>
                  <a:lnTo>
                    <a:pt x="72" y="71"/>
                  </a:lnTo>
                  <a:lnTo>
                    <a:pt x="74" y="74"/>
                  </a:lnTo>
                  <a:lnTo>
                    <a:pt x="77" y="78"/>
                  </a:lnTo>
                  <a:lnTo>
                    <a:pt x="80" y="82"/>
                  </a:lnTo>
                  <a:lnTo>
                    <a:pt x="84" y="86"/>
                  </a:lnTo>
                  <a:lnTo>
                    <a:pt x="85" y="89"/>
                  </a:lnTo>
                  <a:lnTo>
                    <a:pt x="85" y="90"/>
                  </a:lnTo>
                  <a:lnTo>
                    <a:pt x="85" y="92"/>
                  </a:lnTo>
                  <a:lnTo>
                    <a:pt x="84" y="93"/>
                  </a:lnTo>
                  <a:lnTo>
                    <a:pt x="81" y="94"/>
                  </a:lnTo>
                  <a:lnTo>
                    <a:pt x="78" y="92"/>
                  </a:lnTo>
                  <a:lnTo>
                    <a:pt x="75" y="92"/>
                  </a:lnTo>
                  <a:lnTo>
                    <a:pt x="72" y="91"/>
                  </a:lnTo>
                  <a:lnTo>
                    <a:pt x="68" y="92"/>
                  </a:lnTo>
                  <a:lnTo>
                    <a:pt x="65" y="93"/>
                  </a:lnTo>
                  <a:lnTo>
                    <a:pt x="61" y="95"/>
                  </a:lnTo>
                  <a:lnTo>
                    <a:pt x="59" y="97"/>
                  </a:lnTo>
                  <a:lnTo>
                    <a:pt x="58" y="99"/>
                  </a:lnTo>
                  <a:lnTo>
                    <a:pt x="56" y="99"/>
                  </a:lnTo>
                  <a:lnTo>
                    <a:pt x="53" y="99"/>
                  </a:lnTo>
                  <a:lnTo>
                    <a:pt x="47" y="90"/>
                  </a:lnTo>
                  <a:lnTo>
                    <a:pt x="39" y="80"/>
                  </a:lnTo>
                  <a:lnTo>
                    <a:pt x="30" y="73"/>
                  </a:lnTo>
                  <a:lnTo>
                    <a:pt x="20" y="67"/>
                  </a:lnTo>
                  <a:lnTo>
                    <a:pt x="20" y="65"/>
                  </a:lnTo>
                  <a:lnTo>
                    <a:pt x="18" y="62"/>
                  </a:lnTo>
                  <a:lnTo>
                    <a:pt x="15" y="59"/>
                  </a:lnTo>
                  <a:lnTo>
                    <a:pt x="12" y="57"/>
                  </a:lnTo>
                  <a:lnTo>
                    <a:pt x="5" y="52"/>
                  </a:lnTo>
                  <a:lnTo>
                    <a:pt x="1" y="50"/>
                  </a:lnTo>
                  <a:lnTo>
                    <a:pt x="3" y="49"/>
                  </a:lnTo>
                  <a:lnTo>
                    <a:pt x="5" y="48"/>
                  </a:lnTo>
                  <a:lnTo>
                    <a:pt x="5" y="46"/>
                  </a:lnTo>
                  <a:lnTo>
                    <a:pt x="3" y="43"/>
                  </a:lnTo>
                  <a:lnTo>
                    <a:pt x="0" y="39"/>
                  </a:lnTo>
                  <a:lnTo>
                    <a:pt x="0" y="33"/>
                  </a:lnTo>
                  <a:lnTo>
                    <a:pt x="6" y="27"/>
                  </a:lnTo>
                  <a:lnTo>
                    <a:pt x="10" y="19"/>
                  </a:lnTo>
                  <a:lnTo>
                    <a:pt x="15" y="12"/>
                  </a:lnTo>
                  <a:lnTo>
                    <a:pt x="18" y="2"/>
                  </a:lnTo>
                  <a:lnTo>
                    <a:pt x="21" y="2"/>
                  </a:lnTo>
                  <a:lnTo>
                    <a:pt x="25" y="2"/>
                  </a:lnTo>
                  <a:lnTo>
                    <a:pt x="27" y="2"/>
                  </a:lnTo>
                  <a:lnTo>
                    <a:pt x="28" y="0"/>
                  </a:lnTo>
                  <a:lnTo>
                    <a:pt x="37" y="12"/>
                  </a:lnTo>
                  <a:lnTo>
                    <a:pt x="46" y="25"/>
                  </a:lnTo>
                  <a:lnTo>
                    <a:pt x="53" y="37"/>
                  </a:lnTo>
                  <a:lnTo>
                    <a:pt x="61" y="51"/>
                  </a:lnTo>
                  <a:lnTo>
                    <a:pt x="67" y="60"/>
                  </a:lnTo>
                  <a:lnTo>
                    <a:pt x="71" y="67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22" name="Vallensbæk kant"/>
            <p:cNvSpPr>
              <a:spLocks/>
            </p:cNvSpPr>
            <p:nvPr/>
          </p:nvSpPr>
          <p:spPr bwMode="auto">
            <a:xfrm>
              <a:off x="3835400" y="4978400"/>
              <a:ext cx="44450" cy="52388"/>
            </a:xfrm>
            <a:custGeom>
              <a:avLst/>
              <a:gdLst>
                <a:gd name="T0" fmla="*/ 37129 w 85"/>
                <a:gd name="T1" fmla="*/ 35455 h 99"/>
                <a:gd name="T2" fmla="*/ 37652 w 85"/>
                <a:gd name="T3" fmla="*/ 37571 h 99"/>
                <a:gd name="T4" fmla="*/ 38698 w 85"/>
                <a:gd name="T5" fmla="*/ 39159 h 99"/>
                <a:gd name="T6" fmla="*/ 40266 w 85"/>
                <a:gd name="T7" fmla="*/ 41275 h 99"/>
                <a:gd name="T8" fmla="*/ 41835 w 85"/>
                <a:gd name="T9" fmla="*/ 43392 h 99"/>
                <a:gd name="T10" fmla="*/ 43927 w 85"/>
                <a:gd name="T11" fmla="*/ 45509 h 99"/>
                <a:gd name="T12" fmla="*/ 44450 w 85"/>
                <a:gd name="T13" fmla="*/ 47096 h 99"/>
                <a:gd name="T14" fmla="*/ 44450 w 85"/>
                <a:gd name="T15" fmla="*/ 47625 h 99"/>
                <a:gd name="T16" fmla="*/ 44450 w 85"/>
                <a:gd name="T17" fmla="*/ 48684 h 99"/>
                <a:gd name="T18" fmla="*/ 43927 w 85"/>
                <a:gd name="T19" fmla="*/ 49213 h 99"/>
                <a:gd name="T20" fmla="*/ 42358 w 85"/>
                <a:gd name="T21" fmla="*/ 49742 h 99"/>
                <a:gd name="T22" fmla="*/ 40789 w 85"/>
                <a:gd name="T23" fmla="*/ 48684 h 99"/>
                <a:gd name="T24" fmla="*/ 39221 w 85"/>
                <a:gd name="T25" fmla="*/ 48684 h 99"/>
                <a:gd name="T26" fmla="*/ 37652 w 85"/>
                <a:gd name="T27" fmla="*/ 48155 h 99"/>
                <a:gd name="T28" fmla="*/ 35560 w 85"/>
                <a:gd name="T29" fmla="*/ 48684 h 99"/>
                <a:gd name="T30" fmla="*/ 33991 w 85"/>
                <a:gd name="T31" fmla="*/ 49213 h 99"/>
                <a:gd name="T32" fmla="*/ 31899 w 85"/>
                <a:gd name="T33" fmla="*/ 50271 h 99"/>
                <a:gd name="T34" fmla="*/ 30854 w 85"/>
                <a:gd name="T35" fmla="*/ 51330 h 99"/>
                <a:gd name="T36" fmla="*/ 30331 w 85"/>
                <a:gd name="T37" fmla="*/ 52388 h 99"/>
                <a:gd name="T38" fmla="*/ 29285 w 85"/>
                <a:gd name="T39" fmla="*/ 52388 h 99"/>
                <a:gd name="T40" fmla="*/ 27716 w 85"/>
                <a:gd name="T41" fmla="*/ 52388 h 99"/>
                <a:gd name="T42" fmla="*/ 24578 w 85"/>
                <a:gd name="T43" fmla="*/ 47625 h 99"/>
                <a:gd name="T44" fmla="*/ 20395 w 85"/>
                <a:gd name="T45" fmla="*/ 42334 h 99"/>
                <a:gd name="T46" fmla="*/ 15688 w 85"/>
                <a:gd name="T47" fmla="*/ 38630 h 99"/>
                <a:gd name="T48" fmla="*/ 10459 w 85"/>
                <a:gd name="T49" fmla="*/ 35455 h 99"/>
                <a:gd name="T50" fmla="*/ 10459 w 85"/>
                <a:gd name="T51" fmla="*/ 34396 h 99"/>
                <a:gd name="T52" fmla="*/ 9413 w 85"/>
                <a:gd name="T53" fmla="*/ 32809 h 99"/>
                <a:gd name="T54" fmla="*/ 7844 w 85"/>
                <a:gd name="T55" fmla="*/ 31221 h 99"/>
                <a:gd name="T56" fmla="*/ 6275 w 85"/>
                <a:gd name="T57" fmla="*/ 30163 h 99"/>
                <a:gd name="T58" fmla="*/ 2615 w 85"/>
                <a:gd name="T59" fmla="*/ 27517 h 99"/>
                <a:gd name="T60" fmla="*/ 523 w 85"/>
                <a:gd name="T61" fmla="*/ 26459 h 99"/>
                <a:gd name="T62" fmla="*/ 1569 w 85"/>
                <a:gd name="T63" fmla="*/ 25929 h 99"/>
                <a:gd name="T64" fmla="*/ 2615 w 85"/>
                <a:gd name="T65" fmla="*/ 25400 h 99"/>
                <a:gd name="T66" fmla="*/ 2615 w 85"/>
                <a:gd name="T67" fmla="*/ 24342 h 99"/>
                <a:gd name="T68" fmla="*/ 1569 w 85"/>
                <a:gd name="T69" fmla="*/ 22754 h 99"/>
                <a:gd name="T70" fmla="*/ 0 w 85"/>
                <a:gd name="T71" fmla="*/ 20638 h 99"/>
                <a:gd name="T72" fmla="*/ 0 w 85"/>
                <a:gd name="T73" fmla="*/ 17463 h 99"/>
                <a:gd name="T74" fmla="*/ 3138 w 85"/>
                <a:gd name="T75" fmla="*/ 14288 h 99"/>
                <a:gd name="T76" fmla="*/ 5229 w 85"/>
                <a:gd name="T77" fmla="*/ 10054 h 99"/>
                <a:gd name="T78" fmla="*/ 7844 w 85"/>
                <a:gd name="T79" fmla="*/ 6350 h 99"/>
                <a:gd name="T80" fmla="*/ 9413 w 85"/>
                <a:gd name="T81" fmla="*/ 1058 h 99"/>
                <a:gd name="T82" fmla="*/ 10982 w 85"/>
                <a:gd name="T83" fmla="*/ 1058 h 99"/>
                <a:gd name="T84" fmla="*/ 13074 w 85"/>
                <a:gd name="T85" fmla="*/ 1058 h 99"/>
                <a:gd name="T86" fmla="*/ 14119 w 85"/>
                <a:gd name="T87" fmla="*/ 1058 h 99"/>
                <a:gd name="T88" fmla="*/ 14642 w 85"/>
                <a:gd name="T89" fmla="*/ 0 h 99"/>
                <a:gd name="T90" fmla="*/ 19349 w 85"/>
                <a:gd name="T91" fmla="*/ 6350 h 99"/>
                <a:gd name="T92" fmla="*/ 24055 w 85"/>
                <a:gd name="T93" fmla="*/ 13229 h 99"/>
                <a:gd name="T94" fmla="*/ 27716 w 85"/>
                <a:gd name="T95" fmla="*/ 19579 h 99"/>
                <a:gd name="T96" fmla="*/ 31899 w 85"/>
                <a:gd name="T97" fmla="*/ 26988 h 99"/>
                <a:gd name="T98" fmla="*/ 35037 w 85"/>
                <a:gd name="T99" fmla="*/ 31750 h 99"/>
                <a:gd name="T100" fmla="*/ 37129 w 85"/>
                <a:gd name="T101" fmla="*/ 35455 h 99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85" h="99">
                  <a:moveTo>
                    <a:pt x="71" y="67"/>
                  </a:moveTo>
                  <a:lnTo>
                    <a:pt x="72" y="71"/>
                  </a:lnTo>
                  <a:lnTo>
                    <a:pt x="74" y="74"/>
                  </a:lnTo>
                  <a:lnTo>
                    <a:pt x="77" y="78"/>
                  </a:lnTo>
                  <a:lnTo>
                    <a:pt x="80" y="82"/>
                  </a:lnTo>
                  <a:lnTo>
                    <a:pt x="84" y="86"/>
                  </a:lnTo>
                  <a:lnTo>
                    <a:pt x="85" y="89"/>
                  </a:lnTo>
                  <a:lnTo>
                    <a:pt x="85" y="90"/>
                  </a:lnTo>
                  <a:lnTo>
                    <a:pt x="85" y="92"/>
                  </a:lnTo>
                  <a:lnTo>
                    <a:pt x="84" y="93"/>
                  </a:lnTo>
                  <a:lnTo>
                    <a:pt x="81" y="94"/>
                  </a:lnTo>
                  <a:lnTo>
                    <a:pt x="78" y="92"/>
                  </a:lnTo>
                  <a:lnTo>
                    <a:pt x="75" y="92"/>
                  </a:lnTo>
                  <a:lnTo>
                    <a:pt x="72" y="91"/>
                  </a:lnTo>
                  <a:lnTo>
                    <a:pt x="68" y="92"/>
                  </a:lnTo>
                  <a:lnTo>
                    <a:pt x="65" y="93"/>
                  </a:lnTo>
                  <a:lnTo>
                    <a:pt x="61" y="95"/>
                  </a:lnTo>
                  <a:lnTo>
                    <a:pt x="59" y="97"/>
                  </a:lnTo>
                  <a:lnTo>
                    <a:pt x="58" y="99"/>
                  </a:lnTo>
                  <a:lnTo>
                    <a:pt x="56" y="99"/>
                  </a:lnTo>
                  <a:lnTo>
                    <a:pt x="53" y="99"/>
                  </a:lnTo>
                  <a:lnTo>
                    <a:pt x="47" y="90"/>
                  </a:lnTo>
                  <a:lnTo>
                    <a:pt x="39" y="80"/>
                  </a:lnTo>
                  <a:lnTo>
                    <a:pt x="30" y="73"/>
                  </a:lnTo>
                  <a:lnTo>
                    <a:pt x="20" y="67"/>
                  </a:lnTo>
                  <a:lnTo>
                    <a:pt x="20" y="65"/>
                  </a:lnTo>
                  <a:lnTo>
                    <a:pt x="18" y="62"/>
                  </a:lnTo>
                  <a:lnTo>
                    <a:pt x="15" y="59"/>
                  </a:lnTo>
                  <a:lnTo>
                    <a:pt x="12" y="57"/>
                  </a:lnTo>
                  <a:lnTo>
                    <a:pt x="5" y="52"/>
                  </a:lnTo>
                  <a:lnTo>
                    <a:pt x="1" y="50"/>
                  </a:lnTo>
                  <a:lnTo>
                    <a:pt x="3" y="49"/>
                  </a:lnTo>
                  <a:lnTo>
                    <a:pt x="5" y="48"/>
                  </a:lnTo>
                  <a:lnTo>
                    <a:pt x="5" y="46"/>
                  </a:lnTo>
                  <a:lnTo>
                    <a:pt x="3" y="43"/>
                  </a:lnTo>
                  <a:lnTo>
                    <a:pt x="0" y="39"/>
                  </a:lnTo>
                  <a:lnTo>
                    <a:pt x="0" y="33"/>
                  </a:lnTo>
                  <a:lnTo>
                    <a:pt x="6" y="27"/>
                  </a:lnTo>
                  <a:lnTo>
                    <a:pt x="10" y="19"/>
                  </a:lnTo>
                  <a:lnTo>
                    <a:pt x="15" y="12"/>
                  </a:lnTo>
                  <a:lnTo>
                    <a:pt x="18" y="2"/>
                  </a:lnTo>
                  <a:lnTo>
                    <a:pt x="21" y="2"/>
                  </a:lnTo>
                  <a:lnTo>
                    <a:pt x="25" y="2"/>
                  </a:lnTo>
                  <a:lnTo>
                    <a:pt x="27" y="2"/>
                  </a:lnTo>
                  <a:lnTo>
                    <a:pt x="28" y="0"/>
                  </a:lnTo>
                  <a:lnTo>
                    <a:pt x="37" y="12"/>
                  </a:lnTo>
                  <a:lnTo>
                    <a:pt x="46" y="25"/>
                  </a:lnTo>
                  <a:lnTo>
                    <a:pt x="53" y="37"/>
                  </a:lnTo>
                  <a:lnTo>
                    <a:pt x="61" y="51"/>
                  </a:lnTo>
                  <a:lnTo>
                    <a:pt x="67" y="60"/>
                  </a:lnTo>
                  <a:lnTo>
                    <a:pt x="71" y="67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23" name="Ishøj"/>
            <p:cNvSpPr>
              <a:spLocks/>
            </p:cNvSpPr>
            <p:nvPr/>
          </p:nvSpPr>
          <p:spPr bwMode="auto">
            <a:xfrm>
              <a:off x="3740150" y="5005388"/>
              <a:ext cx="136525" cy="50800"/>
            </a:xfrm>
            <a:custGeom>
              <a:avLst/>
              <a:gdLst>
                <a:gd name="T0" fmla="*/ 110696 w 259"/>
                <a:gd name="T1" fmla="*/ 13093 h 97"/>
                <a:gd name="T2" fmla="*/ 121238 w 259"/>
                <a:gd name="T3" fmla="*/ 24091 h 97"/>
                <a:gd name="T4" fmla="*/ 127564 w 259"/>
                <a:gd name="T5" fmla="*/ 30899 h 97"/>
                <a:gd name="T6" fmla="*/ 132835 w 259"/>
                <a:gd name="T7" fmla="*/ 30899 h 97"/>
                <a:gd name="T8" fmla="*/ 134417 w 259"/>
                <a:gd name="T9" fmla="*/ 34041 h 97"/>
                <a:gd name="T10" fmla="*/ 128091 w 259"/>
                <a:gd name="T11" fmla="*/ 39802 h 97"/>
                <a:gd name="T12" fmla="*/ 117021 w 259"/>
                <a:gd name="T13" fmla="*/ 46087 h 97"/>
                <a:gd name="T14" fmla="*/ 107006 w 259"/>
                <a:gd name="T15" fmla="*/ 47658 h 97"/>
                <a:gd name="T16" fmla="*/ 100681 w 259"/>
                <a:gd name="T17" fmla="*/ 43468 h 97"/>
                <a:gd name="T18" fmla="*/ 89084 w 259"/>
                <a:gd name="T19" fmla="*/ 39278 h 97"/>
                <a:gd name="T20" fmla="*/ 71162 w 259"/>
                <a:gd name="T21" fmla="*/ 34565 h 97"/>
                <a:gd name="T22" fmla="*/ 58511 w 259"/>
                <a:gd name="T23" fmla="*/ 30375 h 97"/>
                <a:gd name="T24" fmla="*/ 51658 w 259"/>
                <a:gd name="T25" fmla="*/ 26186 h 97"/>
                <a:gd name="T26" fmla="*/ 45333 w 259"/>
                <a:gd name="T27" fmla="*/ 24091 h 97"/>
                <a:gd name="T28" fmla="*/ 39007 w 259"/>
                <a:gd name="T29" fmla="*/ 25662 h 97"/>
                <a:gd name="T30" fmla="*/ 33209 w 259"/>
                <a:gd name="T31" fmla="*/ 28804 h 97"/>
                <a:gd name="T32" fmla="*/ 30046 w 259"/>
                <a:gd name="T33" fmla="*/ 31946 h 97"/>
                <a:gd name="T34" fmla="*/ 26356 w 259"/>
                <a:gd name="T35" fmla="*/ 34565 h 97"/>
                <a:gd name="T36" fmla="*/ 22139 w 259"/>
                <a:gd name="T37" fmla="*/ 33518 h 97"/>
                <a:gd name="T38" fmla="*/ 18449 w 259"/>
                <a:gd name="T39" fmla="*/ 29328 h 97"/>
                <a:gd name="T40" fmla="*/ 17395 w 259"/>
                <a:gd name="T41" fmla="*/ 25138 h 97"/>
                <a:gd name="T42" fmla="*/ 17922 w 259"/>
                <a:gd name="T43" fmla="*/ 20948 h 97"/>
                <a:gd name="T44" fmla="*/ 12651 w 259"/>
                <a:gd name="T45" fmla="*/ 16235 h 97"/>
                <a:gd name="T46" fmla="*/ 5798 w 259"/>
                <a:gd name="T47" fmla="*/ 13093 h 97"/>
                <a:gd name="T48" fmla="*/ 1581 w 259"/>
                <a:gd name="T49" fmla="*/ 9951 h 97"/>
                <a:gd name="T50" fmla="*/ 527 w 259"/>
                <a:gd name="T51" fmla="*/ 7332 h 97"/>
                <a:gd name="T52" fmla="*/ 2108 w 259"/>
                <a:gd name="T53" fmla="*/ 6285 h 97"/>
                <a:gd name="T54" fmla="*/ 6325 w 259"/>
                <a:gd name="T55" fmla="*/ 6285 h 97"/>
                <a:gd name="T56" fmla="*/ 12651 w 259"/>
                <a:gd name="T57" fmla="*/ 5761 h 97"/>
                <a:gd name="T58" fmla="*/ 21612 w 259"/>
                <a:gd name="T59" fmla="*/ 5237 h 97"/>
                <a:gd name="T60" fmla="*/ 31627 w 259"/>
                <a:gd name="T61" fmla="*/ 7856 h 97"/>
                <a:gd name="T62" fmla="*/ 37953 w 259"/>
                <a:gd name="T63" fmla="*/ 7332 h 97"/>
                <a:gd name="T64" fmla="*/ 44278 w 259"/>
                <a:gd name="T65" fmla="*/ 5237 h 97"/>
                <a:gd name="T66" fmla="*/ 58511 w 259"/>
                <a:gd name="T67" fmla="*/ 3666 h 97"/>
                <a:gd name="T68" fmla="*/ 80123 w 259"/>
                <a:gd name="T69" fmla="*/ 2095 h 97"/>
                <a:gd name="T70" fmla="*/ 99626 w 259"/>
                <a:gd name="T71" fmla="*/ 3666 h 97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259" h="97">
                  <a:moveTo>
                    <a:pt x="199" y="16"/>
                  </a:moveTo>
                  <a:lnTo>
                    <a:pt x="210" y="25"/>
                  </a:lnTo>
                  <a:lnTo>
                    <a:pt x="220" y="36"/>
                  </a:lnTo>
                  <a:lnTo>
                    <a:pt x="230" y="46"/>
                  </a:lnTo>
                  <a:lnTo>
                    <a:pt x="239" y="59"/>
                  </a:lnTo>
                  <a:lnTo>
                    <a:pt x="242" y="59"/>
                  </a:lnTo>
                  <a:lnTo>
                    <a:pt x="245" y="59"/>
                  </a:lnTo>
                  <a:lnTo>
                    <a:pt x="252" y="59"/>
                  </a:lnTo>
                  <a:lnTo>
                    <a:pt x="259" y="59"/>
                  </a:lnTo>
                  <a:lnTo>
                    <a:pt x="255" y="65"/>
                  </a:lnTo>
                  <a:lnTo>
                    <a:pt x="250" y="71"/>
                  </a:lnTo>
                  <a:lnTo>
                    <a:pt x="243" y="76"/>
                  </a:lnTo>
                  <a:lnTo>
                    <a:pt x="237" y="80"/>
                  </a:lnTo>
                  <a:lnTo>
                    <a:pt x="222" y="88"/>
                  </a:lnTo>
                  <a:lnTo>
                    <a:pt x="209" y="97"/>
                  </a:lnTo>
                  <a:lnTo>
                    <a:pt x="203" y="91"/>
                  </a:lnTo>
                  <a:lnTo>
                    <a:pt x="198" y="87"/>
                  </a:lnTo>
                  <a:lnTo>
                    <a:pt x="191" y="83"/>
                  </a:lnTo>
                  <a:lnTo>
                    <a:pt x="183" y="80"/>
                  </a:lnTo>
                  <a:lnTo>
                    <a:pt x="169" y="75"/>
                  </a:lnTo>
                  <a:lnTo>
                    <a:pt x="152" y="70"/>
                  </a:lnTo>
                  <a:lnTo>
                    <a:pt x="135" y="66"/>
                  </a:lnTo>
                  <a:lnTo>
                    <a:pt x="118" y="61"/>
                  </a:lnTo>
                  <a:lnTo>
                    <a:pt x="111" y="58"/>
                  </a:lnTo>
                  <a:lnTo>
                    <a:pt x="104" y="55"/>
                  </a:lnTo>
                  <a:lnTo>
                    <a:pt x="98" y="50"/>
                  </a:lnTo>
                  <a:lnTo>
                    <a:pt x="92" y="46"/>
                  </a:lnTo>
                  <a:lnTo>
                    <a:pt x="86" y="46"/>
                  </a:lnTo>
                  <a:lnTo>
                    <a:pt x="79" y="47"/>
                  </a:lnTo>
                  <a:lnTo>
                    <a:pt x="74" y="49"/>
                  </a:lnTo>
                  <a:lnTo>
                    <a:pt x="69" y="51"/>
                  </a:lnTo>
                  <a:lnTo>
                    <a:pt x="63" y="55"/>
                  </a:lnTo>
                  <a:lnTo>
                    <a:pt x="60" y="58"/>
                  </a:lnTo>
                  <a:lnTo>
                    <a:pt x="57" y="61"/>
                  </a:lnTo>
                  <a:lnTo>
                    <a:pt x="54" y="66"/>
                  </a:lnTo>
                  <a:lnTo>
                    <a:pt x="50" y="66"/>
                  </a:lnTo>
                  <a:lnTo>
                    <a:pt x="46" y="65"/>
                  </a:lnTo>
                  <a:lnTo>
                    <a:pt x="42" y="64"/>
                  </a:lnTo>
                  <a:lnTo>
                    <a:pt x="39" y="61"/>
                  </a:lnTo>
                  <a:lnTo>
                    <a:pt x="35" y="56"/>
                  </a:lnTo>
                  <a:lnTo>
                    <a:pt x="31" y="50"/>
                  </a:lnTo>
                  <a:lnTo>
                    <a:pt x="33" y="48"/>
                  </a:lnTo>
                  <a:lnTo>
                    <a:pt x="34" y="44"/>
                  </a:lnTo>
                  <a:lnTo>
                    <a:pt x="34" y="40"/>
                  </a:lnTo>
                  <a:lnTo>
                    <a:pt x="34" y="36"/>
                  </a:lnTo>
                  <a:lnTo>
                    <a:pt x="24" y="31"/>
                  </a:lnTo>
                  <a:lnTo>
                    <a:pt x="16" y="27"/>
                  </a:lnTo>
                  <a:lnTo>
                    <a:pt x="11" y="25"/>
                  </a:lnTo>
                  <a:lnTo>
                    <a:pt x="8" y="22"/>
                  </a:lnTo>
                  <a:lnTo>
                    <a:pt x="3" y="19"/>
                  </a:lnTo>
                  <a:lnTo>
                    <a:pt x="0" y="16"/>
                  </a:lnTo>
                  <a:lnTo>
                    <a:pt x="1" y="14"/>
                  </a:lnTo>
                  <a:lnTo>
                    <a:pt x="2" y="12"/>
                  </a:lnTo>
                  <a:lnTo>
                    <a:pt x="4" y="12"/>
                  </a:lnTo>
                  <a:lnTo>
                    <a:pt x="7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4" y="11"/>
                  </a:lnTo>
                  <a:lnTo>
                    <a:pt x="33" y="10"/>
                  </a:lnTo>
                  <a:lnTo>
                    <a:pt x="41" y="10"/>
                  </a:lnTo>
                  <a:lnTo>
                    <a:pt x="49" y="12"/>
                  </a:lnTo>
                  <a:lnTo>
                    <a:pt x="60" y="15"/>
                  </a:lnTo>
                  <a:lnTo>
                    <a:pt x="72" y="16"/>
                  </a:lnTo>
                  <a:lnTo>
                    <a:pt x="72" y="14"/>
                  </a:lnTo>
                  <a:lnTo>
                    <a:pt x="72" y="12"/>
                  </a:lnTo>
                  <a:lnTo>
                    <a:pt x="84" y="10"/>
                  </a:lnTo>
                  <a:lnTo>
                    <a:pt x="97" y="8"/>
                  </a:lnTo>
                  <a:lnTo>
                    <a:pt x="111" y="7"/>
                  </a:lnTo>
                  <a:lnTo>
                    <a:pt x="124" y="6"/>
                  </a:lnTo>
                  <a:lnTo>
                    <a:pt x="152" y="4"/>
                  </a:lnTo>
                  <a:lnTo>
                    <a:pt x="178" y="0"/>
                  </a:lnTo>
                  <a:lnTo>
                    <a:pt x="189" y="7"/>
                  </a:lnTo>
                  <a:lnTo>
                    <a:pt x="199" y="16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24" name="Ishøj kant"/>
            <p:cNvSpPr>
              <a:spLocks/>
            </p:cNvSpPr>
            <p:nvPr/>
          </p:nvSpPr>
          <p:spPr bwMode="auto">
            <a:xfrm>
              <a:off x="3740150" y="5005388"/>
              <a:ext cx="136525" cy="50800"/>
            </a:xfrm>
            <a:custGeom>
              <a:avLst/>
              <a:gdLst>
                <a:gd name="T0" fmla="*/ 110696 w 259"/>
                <a:gd name="T1" fmla="*/ 13093 h 97"/>
                <a:gd name="T2" fmla="*/ 121238 w 259"/>
                <a:gd name="T3" fmla="*/ 24091 h 97"/>
                <a:gd name="T4" fmla="*/ 127564 w 259"/>
                <a:gd name="T5" fmla="*/ 30899 h 97"/>
                <a:gd name="T6" fmla="*/ 132835 w 259"/>
                <a:gd name="T7" fmla="*/ 30899 h 97"/>
                <a:gd name="T8" fmla="*/ 134417 w 259"/>
                <a:gd name="T9" fmla="*/ 34041 h 97"/>
                <a:gd name="T10" fmla="*/ 128091 w 259"/>
                <a:gd name="T11" fmla="*/ 39802 h 97"/>
                <a:gd name="T12" fmla="*/ 117021 w 259"/>
                <a:gd name="T13" fmla="*/ 46087 h 97"/>
                <a:gd name="T14" fmla="*/ 107006 w 259"/>
                <a:gd name="T15" fmla="*/ 47658 h 97"/>
                <a:gd name="T16" fmla="*/ 100681 w 259"/>
                <a:gd name="T17" fmla="*/ 43468 h 97"/>
                <a:gd name="T18" fmla="*/ 89084 w 259"/>
                <a:gd name="T19" fmla="*/ 39278 h 97"/>
                <a:gd name="T20" fmla="*/ 71162 w 259"/>
                <a:gd name="T21" fmla="*/ 34565 h 97"/>
                <a:gd name="T22" fmla="*/ 58511 w 259"/>
                <a:gd name="T23" fmla="*/ 30375 h 97"/>
                <a:gd name="T24" fmla="*/ 51658 w 259"/>
                <a:gd name="T25" fmla="*/ 26186 h 97"/>
                <a:gd name="T26" fmla="*/ 45333 w 259"/>
                <a:gd name="T27" fmla="*/ 24091 h 97"/>
                <a:gd name="T28" fmla="*/ 39007 w 259"/>
                <a:gd name="T29" fmla="*/ 25662 h 97"/>
                <a:gd name="T30" fmla="*/ 33209 w 259"/>
                <a:gd name="T31" fmla="*/ 28804 h 97"/>
                <a:gd name="T32" fmla="*/ 30046 w 259"/>
                <a:gd name="T33" fmla="*/ 31946 h 97"/>
                <a:gd name="T34" fmla="*/ 26356 w 259"/>
                <a:gd name="T35" fmla="*/ 34565 h 97"/>
                <a:gd name="T36" fmla="*/ 22139 w 259"/>
                <a:gd name="T37" fmla="*/ 33518 h 97"/>
                <a:gd name="T38" fmla="*/ 18449 w 259"/>
                <a:gd name="T39" fmla="*/ 29328 h 97"/>
                <a:gd name="T40" fmla="*/ 17395 w 259"/>
                <a:gd name="T41" fmla="*/ 25138 h 97"/>
                <a:gd name="T42" fmla="*/ 17922 w 259"/>
                <a:gd name="T43" fmla="*/ 20948 h 97"/>
                <a:gd name="T44" fmla="*/ 12651 w 259"/>
                <a:gd name="T45" fmla="*/ 16235 h 97"/>
                <a:gd name="T46" fmla="*/ 5798 w 259"/>
                <a:gd name="T47" fmla="*/ 13093 h 97"/>
                <a:gd name="T48" fmla="*/ 1581 w 259"/>
                <a:gd name="T49" fmla="*/ 9951 h 97"/>
                <a:gd name="T50" fmla="*/ 527 w 259"/>
                <a:gd name="T51" fmla="*/ 7332 h 97"/>
                <a:gd name="T52" fmla="*/ 2108 w 259"/>
                <a:gd name="T53" fmla="*/ 6285 h 97"/>
                <a:gd name="T54" fmla="*/ 6325 w 259"/>
                <a:gd name="T55" fmla="*/ 6285 h 97"/>
                <a:gd name="T56" fmla="*/ 12651 w 259"/>
                <a:gd name="T57" fmla="*/ 5761 h 97"/>
                <a:gd name="T58" fmla="*/ 21612 w 259"/>
                <a:gd name="T59" fmla="*/ 5237 h 97"/>
                <a:gd name="T60" fmla="*/ 31627 w 259"/>
                <a:gd name="T61" fmla="*/ 7856 h 97"/>
                <a:gd name="T62" fmla="*/ 37953 w 259"/>
                <a:gd name="T63" fmla="*/ 7332 h 97"/>
                <a:gd name="T64" fmla="*/ 44278 w 259"/>
                <a:gd name="T65" fmla="*/ 5237 h 97"/>
                <a:gd name="T66" fmla="*/ 58511 w 259"/>
                <a:gd name="T67" fmla="*/ 3666 h 97"/>
                <a:gd name="T68" fmla="*/ 80123 w 259"/>
                <a:gd name="T69" fmla="*/ 2095 h 97"/>
                <a:gd name="T70" fmla="*/ 99626 w 259"/>
                <a:gd name="T71" fmla="*/ 3666 h 97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259" h="97">
                  <a:moveTo>
                    <a:pt x="199" y="16"/>
                  </a:moveTo>
                  <a:lnTo>
                    <a:pt x="210" y="25"/>
                  </a:lnTo>
                  <a:lnTo>
                    <a:pt x="220" y="36"/>
                  </a:lnTo>
                  <a:lnTo>
                    <a:pt x="230" y="46"/>
                  </a:lnTo>
                  <a:lnTo>
                    <a:pt x="239" y="59"/>
                  </a:lnTo>
                  <a:lnTo>
                    <a:pt x="242" y="59"/>
                  </a:lnTo>
                  <a:lnTo>
                    <a:pt x="245" y="59"/>
                  </a:lnTo>
                  <a:lnTo>
                    <a:pt x="252" y="59"/>
                  </a:lnTo>
                  <a:lnTo>
                    <a:pt x="259" y="59"/>
                  </a:lnTo>
                  <a:lnTo>
                    <a:pt x="255" y="65"/>
                  </a:lnTo>
                  <a:lnTo>
                    <a:pt x="250" y="71"/>
                  </a:lnTo>
                  <a:lnTo>
                    <a:pt x="243" y="76"/>
                  </a:lnTo>
                  <a:lnTo>
                    <a:pt x="237" y="80"/>
                  </a:lnTo>
                  <a:lnTo>
                    <a:pt x="222" y="88"/>
                  </a:lnTo>
                  <a:lnTo>
                    <a:pt x="209" y="97"/>
                  </a:lnTo>
                  <a:lnTo>
                    <a:pt x="203" y="91"/>
                  </a:lnTo>
                  <a:lnTo>
                    <a:pt x="198" y="87"/>
                  </a:lnTo>
                  <a:lnTo>
                    <a:pt x="191" y="83"/>
                  </a:lnTo>
                  <a:lnTo>
                    <a:pt x="183" y="80"/>
                  </a:lnTo>
                  <a:lnTo>
                    <a:pt x="169" y="75"/>
                  </a:lnTo>
                  <a:lnTo>
                    <a:pt x="152" y="70"/>
                  </a:lnTo>
                  <a:lnTo>
                    <a:pt x="135" y="66"/>
                  </a:lnTo>
                  <a:lnTo>
                    <a:pt x="118" y="61"/>
                  </a:lnTo>
                  <a:lnTo>
                    <a:pt x="111" y="58"/>
                  </a:lnTo>
                  <a:lnTo>
                    <a:pt x="104" y="55"/>
                  </a:lnTo>
                  <a:lnTo>
                    <a:pt x="98" y="50"/>
                  </a:lnTo>
                  <a:lnTo>
                    <a:pt x="92" y="46"/>
                  </a:lnTo>
                  <a:lnTo>
                    <a:pt x="86" y="46"/>
                  </a:lnTo>
                  <a:lnTo>
                    <a:pt x="79" y="47"/>
                  </a:lnTo>
                  <a:lnTo>
                    <a:pt x="74" y="49"/>
                  </a:lnTo>
                  <a:lnTo>
                    <a:pt x="69" y="51"/>
                  </a:lnTo>
                  <a:lnTo>
                    <a:pt x="63" y="55"/>
                  </a:lnTo>
                  <a:lnTo>
                    <a:pt x="60" y="58"/>
                  </a:lnTo>
                  <a:lnTo>
                    <a:pt x="57" y="61"/>
                  </a:lnTo>
                  <a:lnTo>
                    <a:pt x="54" y="66"/>
                  </a:lnTo>
                  <a:lnTo>
                    <a:pt x="50" y="66"/>
                  </a:lnTo>
                  <a:lnTo>
                    <a:pt x="46" y="65"/>
                  </a:lnTo>
                  <a:lnTo>
                    <a:pt x="42" y="64"/>
                  </a:lnTo>
                  <a:lnTo>
                    <a:pt x="39" y="61"/>
                  </a:lnTo>
                  <a:lnTo>
                    <a:pt x="35" y="56"/>
                  </a:lnTo>
                  <a:lnTo>
                    <a:pt x="31" y="50"/>
                  </a:lnTo>
                  <a:lnTo>
                    <a:pt x="33" y="48"/>
                  </a:lnTo>
                  <a:lnTo>
                    <a:pt x="34" y="44"/>
                  </a:lnTo>
                  <a:lnTo>
                    <a:pt x="34" y="40"/>
                  </a:lnTo>
                  <a:lnTo>
                    <a:pt x="34" y="36"/>
                  </a:lnTo>
                  <a:lnTo>
                    <a:pt x="24" y="31"/>
                  </a:lnTo>
                  <a:lnTo>
                    <a:pt x="16" y="27"/>
                  </a:lnTo>
                  <a:lnTo>
                    <a:pt x="11" y="25"/>
                  </a:lnTo>
                  <a:lnTo>
                    <a:pt x="8" y="22"/>
                  </a:lnTo>
                  <a:lnTo>
                    <a:pt x="3" y="19"/>
                  </a:lnTo>
                  <a:lnTo>
                    <a:pt x="0" y="16"/>
                  </a:lnTo>
                  <a:lnTo>
                    <a:pt x="1" y="14"/>
                  </a:lnTo>
                  <a:lnTo>
                    <a:pt x="2" y="12"/>
                  </a:lnTo>
                  <a:lnTo>
                    <a:pt x="4" y="12"/>
                  </a:lnTo>
                  <a:lnTo>
                    <a:pt x="7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4" y="11"/>
                  </a:lnTo>
                  <a:lnTo>
                    <a:pt x="33" y="10"/>
                  </a:lnTo>
                  <a:lnTo>
                    <a:pt x="41" y="10"/>
                  </a:lnTo>
                  <a:lnTo>
                    <a:pt x="49" y="12"/>
                  </a:lnTo>
                  <a:lnTo>
                    <a:pt x="60" y="15"/>
                  </a:lnTo>
                  <a:lnTo>
                    <a:pt x="72" y="16"/>
                  </a:lnTo>
                  <a:lnTo>
                    <a:pt x="72" y="14"/>
                  </a:lnTo>
                  <a:lnTo>
                    <a:pt x="72" y="12"/>
                  </a:lnTo>
                  <a:lnTo>
                    <a:pt x="84" y="10"/>
                  </a:lnTo>
                  <a:lnTo>
                    <a:pt x="97" y="8"/>
                  </a:lnTo>
                  <a:lnTo>
                    <a:pt x="111" y="7"/>
                  </a:lnTo>
                  <a:lnTo>
                    <a:pt x="124" y="6"/>
                  </a:lnTo>
                  <a:lnTo>
                    <a:pt x="152" y="4"/>
                  </a:lnTo>
                  <a:lnTo>
                    <a:pt x="178" y="0"/>
                  </a:lnTo>
                  <a:lnTo>
                    <a:pt x="189" y="7"/>
                  </a:lnTo>
                  <a:lnTo>
                    <a:pt x="199" y="16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25" name="Høje-Taastrup"/>
            <p:cNvSpPr>
              <a:spLocks/>
            </p:cNvSpPr>
            <p:nvPr/>
          </p:nvSpPr>
          <p:spPr bwMode="auto">
            <a:xfrm>
              <a:off x="3692525" y="4914900"/>
              <a:ext cx="139700" cy="139700"/>
            </a:xfrm>
            <a:custGeom>
              <a:avLst/>
              <a:gdLst>
                <a:gd name="T0" fmla="*/ 123704 w 262"/>
                <a:gd name="T1" fmla="*/ 89429 h 264"/>
                <a:gd name="T2" fmla="*/ 97577 w 262"/>
                <a:gd name="T3" fmla="*/ 92604 h 264"/>
                <a:gd name="T4" fmla="*/ 81047 w 262"/>
                <a:gd name="T5" fmla="*/ 95250 h 264"/>
                <a:gd name="T6" fmla="*/ 75715 w 262"/>
                <a:gd name="T7" fmla="*/ 94192 h 264"/>
                <a:gd name="T8" fmla="*/ 69850 w 262"/>
                <a:gd name="T9" fmla="*/ 93663 h 264"/>
                <a:gd name="T10" fmla="*/ 59719 w 262"/>
                <a:gd name="T11" fmla="*/ 94192 h 264"/>
                <a:gd name="T12" fmla="*/ 50655 w 262"/>
                <a:gd name="T13" fmla="*/ 95250 h 264"/>
                <a:gd name="T14" fmla="*/ 46389 w 262"/>
                <a:gd name="T15" fmla="*/ 98425 h 264"/>
                <a:gd name="T16" fmla="*/ 49588 w 262"/>
                <a:gd name="T17" fmla="*/ 103188 h 264"/>
                <a:gd name="T18" fmla="*/ 54387 w 262"/>
                <a:gd name="T19" fmla="*/ 105833 h 264"/>
                <a:gd name="T20" fmla="*/ 60252 w 262"/>
                <a:gd name="T21" fmla="*/ 108479 h 264"/>
                <a:gd name="T22" fmla="*/ 63985 w 262"/>
                <a:gd name="T23" fmla="*/ 111125 h 264"/>
                <a:gd name="T24" fmla="*/ 63452 w 262"/>
                <a:gd name="T25" fmla="*/ 113771 h 264"/>
                <a:gd name="T26" fmla="*/ 59186 w 262"/>
                <a:gd name="T27" fmla="*/ 115358 h 264"/>
                <a:gd name="T28" fmla="*/ 55453 w 262"/>
                <a:gd name="T29" fmla="*/ 119063 h 264"/>
                <a:gd name="T30" fmla="*/ 49055 w 262"/>
                <a:gd name="T31" fmla="*/ 121708 h 264"/>
                <a:gd name="T32" fmla="*/ 42123 w 262"/>
                <a:gd name="T33" fmla="*/ 121179 h 264"/>
                <a:gd name="T34" fmla="*/ 40524 w 262"/>
                <a:gd name="T35" fmla="*/ 122767 h 264"/>
                <a:gd name="T36" fmla="*/ 38924 w 262"/>
                <a:gd name="T37" fmla="*/ 126471 h 264"/>
                <a:gd name="T38" fmla="*/ 38924 w 262"/>
                <a:gd name="T39" fmla="*/ 132821 h 264"/>
                <a:gd name="T40" fmla="*/ 38391 w 262"/>
                <a:gd name="T41" fmla="*/ 137054 h 264"/>
                <a:gd name="T42" fmla="*/ 37324 w 262"/>
                <a:gd name="T43" fmla="*/ 139171 h 264"/>
                <a:gd name="T44" fmla="*/ 32526 w 262"/>
                <a:gd name="T45" fmla="*/ 139700 h 264"/>
                <a:gd name="T46" fmla="*/ 26127 w 262"/>
                <a:gd name="T47" fmla="*/ 139171 h 264"/>
                <a:gd name="T48" fmla="*/ 17596 w 262"/>
                <a:gd name="T49" fmla="*/ 135467 h 264"/>
                <a:gd name="T50" fmla="*/ 12797 w 262"/>
                <a:gd name="T51" fmla="*/ 129646 h 264"/>
                <a:gd name="T52" fmla="*/ 11731 w 262"/>
                <a:gd name="T53" fmla="*/ 122238 h 264"/>
                <a:gd name="T54" fmla="*/ 12264 w 262"/>
                <a:gd name="T55" fmla="*/ 115888 h 264"/>
                <a:gd name="T56" fmla="*/ 11731 w 262"/>
                <a:gd name="T57" fmla="*/ 112713 h 264"/>
                <a:gd name="T58" fmla="*/ 11197 w 262"/>
                <a:gd name="T59" fmla="*/ 108479 h 264"/>
                <a:gd name="T60" fmla="*/ 9065 w 262"/>
                <a:gd name="T61" fmla="*/ 104246 h 264"/>
                <a:gd name="T62" fmla="*/ 5865 w 262"/>
                <a:gd name="T63" fmla="*/ 102129 h 264"/>
                <a:gd name="T64" fmla="*/ 3732 w 262"/>
                <a:gd name="T65" fmla="*/ 98425 h 264"/>
                <a:gd name="T66" fmla="*/ 3732 w 262"/>
                <a:gd name="T67" fmla="*/ 86783 h 264"/>
                <a:gd name="T68" fmla="*/ 4266 w 262"/>
                <a:gd name="T69" fmla="*/ 72496 h 264"/>
                <a:gd name="T70" fmla="*/ 3199 w 262"/>
                <a:gd name="T71" fmla="*/ 64029 h 264"/>
                <a:gd name="T72" fmla="*/ 1600 w 262"/>
                <a:gd name="T73" fmla="*/ 57150 h 264"/>
                <a:gd name="T74" fmla="*/ 1066 w 262"/>
                <a:gd name="T75" fmla="*/ 50271 h 264"/>
                <a:gd name="T76" fmla="*/ 4266 w 262"/>
                <a:gd name="T77" fmla="*/ 46038 h 264"/>
                <a:gd name="T78" fmla="*/ 10664 w 262"/>
                <a:gd name="T79" fmla="*/ 41275 h 264"/>
                <a:gd name="T80" fmla="*/ 15996 w 262"/>
                <a:gd name="T81" fmla="*/ 36513 h 264"/>
                <a:gd name="T82" fmla="*/ 20795 w 262"/>
                <a:gd name="T83" fmla="*/ 31750 h 264"/>
                <a:gd name="T84" fmla="*/ 27194 w 262"/>
                <a:gd name="T85" fmla="*/ 30692 h 264"/>
                <a:gd name="T86" fmla="*/ 34125 w 262"/>
                <a:gd name="T87" fmla="*/ 31221 h 264"/>
                <a:gd name="T88" fmla="*/ 41057 w 262"/>
                <a:gd name="T89" fmla="*/ 31221 h 264"/>
                <a:gd name="T90" fmla="*/ 51721 w 262"/>
                <a:gd name="T91" fmla="*/ 25929 h 264"/>
                <a:gd name="T92" fmla="*/ 57586 w 262"/>
                <a:gd name="T93" fmla="*/ 16404 h 264"/>
                <a:gd name="T94" fmla="*/ 56520 w 262"/>
                <a:gd name="T95" fmla="*/ 8996 h 264"/>
                <a:gd name="T96" fmla="*/ 57586 w 262"/>
                <a:gd name="T97" fmla="*/ 5821 h 264"/>
                <a:gd name="T98" fmla="*/ 63985 w 262"/>
                <a:gd name="T99" fmla="*/ 1588 h 264"/>
                <a:gd name="T100" fmla="*/ 79981 w 262"/>
                <a:gd name="T101" fmla="*/ 3704 h 264"/>
                <a:gd name="T102" fmla="*/ 101842 w 262"/>
                <a:gd name="T103" fmla="*/ 11113 h 264"/>
                <a:gd name="T104" fmla="*/ 117305 w 262"/>
                <a:gd name="T105" fmla="*/ 20638 h 264"/>
                <a:gd name="T106" fmla="*/ 121038 w 262"/>
                <a:gd name="T107" fmla="*/ 32808 h 264"/>
                <a:gd name="T108" fmla="*/ 119438 w 262"/>
                <a:gd name="T109" fmla="*/ 40746 h 264"/>
                <a:gd name="T110" fmla="*/ 119438 w 262"/>
                <a:gd name="T111" fmla="*/ 46038 h 264"/>
                <a:gd name="T112" fmla="*/ 122637 w 262"/>
                <a:gd name="T113" fmla="*/ 53446 h 264"/>
                <a:gd name="T114" fmla="*/ 125837 w 262"/>
                <a:gd name="T115" fmla="*/ 62442 h 264"/>
                <a:gd name="T116" fmla="*/ 129036 w 262"/>
                <a:gd name="T117" fmla="*/ 67733 h 264"/>
                <a:gd name="T118" fmla="*/ 133302 w 262"/>
                <a:gd name="T119" fmla="*/ 71967 h 264"/>
                <a:gd name="T120" fmla="*/ 137567 w 262"/>
                <a:gd name="T121" fmla="*/ 76729 h 264"/>
                <a:gd name="T122" fmla="*/ 139700 w 262"/>
                <a:gd name="T123" fmla="*/ 82021 h 264"/>
                <a:gd name="T124" fmla="*/ 139167 w 262"/>
                <a:gd name="T125" fmla="*/ 86783 h 264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262" h="264">
                  <a:moveTo>
                    <a:pt x="259" y="168"/>
                  </a:moveTo>
                  <a:lnTo>
                    <a:pt x="232" y="169"/>
                  </a:lnTo>
                  <a:lnTo>
                    <a:pt x="207" y="171"/>
                  </a:lnTo>
                  <a:lnTo>
                    <a:pt x="183" y="175"/>
                  </a:lnTo>
                  <a:lnTo>
                    <a:pt x="160" y="180"/>
                  </a:lnTo>
                  <a:lnTo>
                    <a:pt x="152" y="180"/>
                  </a:lnTo>
                  <a:lnTo>
                    <a:pt x="145" y="179"/>
                  </a:lnTo>
                  <a:lnTo>
                    <a:pt x="142" y="178"/>
                  </a:lnTo>
                  <a:lnTo>
                    <a:pt x="137" y="177"/>
                  </a:lnTo>
                  <a:lnTo>
                    <a:pt x="131" y="177"/>
                  </a:lnTo>
                  <a:lnTo>
                    <a:pt x="125" y="177"/>
                  </a:lnTo>
                  <a:lnTo>
                    <a:pt x="112" y="178"/>
                  </a:lnTo>
                  <a:lnTo>
                    <a:pt x="104" y="180"/>
                  </a:lnTo>
                  <a:lnTo>
                    <a:pt x="95" y="180"/>
                  </a:lnTo>
                  <a:lnTo>
                    <a:pt x="86" y="180"/>
                  </a:lnTo>
                  <a:lnTo>
                    <a:pt x="87" y="186"/>
                  </a:lnTo>
                  <a:lnTo>
                    <a:pt x="90" y="191"/>
                  </a:lnTo>
                  <a:lnTo>
                    <a:pt x="93" y="195"/>
                  </a:lnTo>
                  <a:lnTo>
                    <a:pt x="98" y="198"/>
                  </a:lnTo>
                  <a:lnTo>
                    <a:pt x="102" y="200"/>
                  </a:lnTo>
                  <a:lnTo>
                    <a:pt x="107" y="203"/>
                  </a:lnTo>
                  <a:lnTo>
                    <a:pt x="113" y="205"/>
                  </a:lnTo>
                  <a:lnTo>
                    <a:pt x="119" y="206"/>
                  </a:lnTo>
                  <a:lnTo>
                    <a:pt x="120" y="210"/>
                  </a:lnTo>
                  <a:lnTo>
                    <a:pt x="120" y="213"/>
                  </a:lnTo>
                  <a:lnTo>
                    <a:pt x="119" y="215"/>
                  </a:lnTo>
                  <a:lnTo>
                    <a:pt x="117" y="216"/>
                  </a:lnTo>
                  <a:lnTo>
                    <a:pt x="111" y="218"/>
                  </a:lnTo>
                  <a:lnTo>
                    <a:pt x="106" y="220"/>
                  </a:lnTo>
                  <a:lnTo>
                    <a:pt x="104" y="225"/>
                  </a:lnTo>
                  <a:lnTo>
                    <a:pt x="104" y="231"/>
                  </a:lnTo>
                  <a:lnTo>
                    <a:pt x="92" y="230"/>
                  </a:lnTo>
                  <a:lnTo>
                    <a:pt x="81" y="229"/>
                  </a:lnTo>
                  <a:lnTo>
                    <a:pt x="79" y="229"/>
                  </a:lnTo>
                  <a:lnTo>
                    <a:pt x="77" y="230"/>
                  </a:lnTo>
                  <a:lnTo>
                    <a:pt x="76" y="232"/>
                  </a:lnTo>
                  <a:lnTo>
                    <a:pt x="75" y="234"/>
                  </a:lnTo>
                  <a:lnTo>
                    <a:pt x="73" y="239"/>
                  </a:lnTo>
                  <a:lnTo>
                    <a:pt x="73" y="245"/>
                  </a:lnTo>
                  <a:lnTo>
                    <a:pt x="73" y="251"/>
                  </a:lnTo>
                  <a:lnTo>
                    <a:pt x="72" y="256"/>
                  </a:lnTo>
                  <a:lnTo>
                    <a:pt x="72" y="259"/>
                  </a:lnTo>
                  <a:lnTo>
                    <a:pt x="71" y="261"/>
                  </a:lnTo>
                  <a:lnTo>
                    <a:pt x="70" y="263"/>
                  </a:lnTo>
                  <a:lnTo>
                    <a:pt x="68" y="264"/>
                  </a:lnTo>
                  <a:lnTo>
                    <a:pt x="61" y="264"/>
                  </a:lnTo>
                  <a:lnTo>
                    <a:pt x="55" y="264"/>
                  </a:lnTo>
                  <a:lnTo>
                    <a:pt x="49" y="263"/>
                  </a:lnTo>
                  <a:lnTo>
                    <a:pt x="44" y="260"/>
                  </a:lnTo>
                  <a:lnTo>
                    <a:pt x="33" y="256"/>
                  </a:lnTo>
                  <a:lnTo>
                    <a:pt x="25" y="251"/>
                  </a:lnTo>
                  <a:lnTo>
                    <a:pt x="24" y="245"/>
                  </a:lnTo>
                  <a:lnTo>
                    <a:pt x="23" y="238"/>
                  </a:lnTo>
                  <a:lnTo>
                    <a:pt x="22" y="231"/>
                  </a:lnTo>
                  <a:lnTo>
                    <a:pt x="23" y="224"/>
                  </a:lnTo>
                  <a:lnTo>
                    <a:pt x="23" y="219"/>
                  </a:lnTo>
                  <a:lnTo>
                    <a:pt x="23" y="216"/>
                  </a:lnTo>
                  <a:lnTo>
                    <a:pt x="22" y="213"/>
                  </a:lnTo>
                  <a:lnTo>
                    <a:pt x="20" y="211"/>
                  </a:lnTo>
                  <a:lnTo>
                    <a:pt x="21" y="205"/>
                  </a:lnTo>
                  <a:lnTo>
                    <a:pt x="19" y="200"/>
                  </a:lnTo>
                  <a:lnTo>
                    <a:pt x="17" y="197"/>
                  </a:lnTo>
                  <a:lnTo>
                    <a:pt x="13" y="195"/>
                  </a:lnTo>
                  <a:lnTo>
                    <a:pt x="11" y="193"/>
                  </a:lnTo>
                  <a:lnTo>
                    <a:pt x="8" y="190"/>
                  </a:lnTo>
                  <a:lnTo>
                    <a:pt x="7" y="186"/>
                  </a:lnTo>
                  <a:lnTo>
                    <a:pt x="7" y="180"/>
                  </a:lnTo>
                  <a:lnTo>
                    <a:pt x="7" y="164"/>
                  </a:lnTo>
                  <a:lnTo>
                    <a:pt x="8" y="146"/>
                  </a:lnTo>
                  <a:lnTo>
                    <a:pt x="8" y="137"/>
                  </a:lnTo>
                  <a:lnTo>
                    <a:pt x="7" y="129"/>
                  </a:lnTo>
                  <a:lnTo>
                    <a:pt x="6" y="121"/>
                  </a:lnTo>
                  <a:lnTo>
                    <a:pt x="5" y="114"/>
                  </a:lnTo>
                  <a:lnTo>
                    <a:pt x="3" y="108"/>
                  </a:lnTo>
                  <a:lnTo>
                    <a:pt x="0" y="101"/>
                  </a:lnTo>
                  <a:lnTo>
                    <a:pt x="2" y="95"/>
                  </a:lnTo>
                  <a:lnTo>
                    <a:pt x="5" y="90"/>
                  </a:lnTo>
                  <a:lnTo>
                    <a:pt x="8" y="87"/>
                  </a:lnTo>
                  <a:lnTo>
                    <a:pt x="11" y="84"/>
                  </a:lnTo>
                  <a:lnTo>
                    <a:pt x="20" y="78"/>
                  </a:lnTo>
                  <a:lnTo>
                    <a:pt x="28" y="74"/>
                  </a:lnTo>
                  <a:lnTo>
                    <a:pt x="30" y="69"/>
                  </a:lnTo>
                  <a:lnTo>
                    <a:pt x="32" y="64"/>
                  </a:lnTo>
                  <a:lnTo>
                    <a:pt x="39" y="60"/>
                  </a:lnTo>
                  <a:lnTo>
                    <a:pt x="45" y="58"/>
                  </a:lnTo>
                  <a:lnTo>
                    <a:pt x="51" y="58"/>
                  </a:lnTo>
                  <a:lnTo>
                    <a:pt x="58" y="58"/>
                  </a:lnTo>
                  <a:lnTo>
                    <a:pt x="64" y="59"/>
                  </a:lnTo>
                  <a:lnTo>
                    <a:pt x="70" y="60"/>
                  </a:lnTo>
                  <a:lnTo>
                    <a:pt x="77" y="59"/>
                  </a:lnTo>
                  <a:lnTo>
                    <a:pt x="84" y="58"/>
                  </a:lnTo>
                  <a:lnTo>
                    <a:pt x="97" y="49"/>
                  </a:lnTo>
                  <a:lnTo>
                    <a:pt x="109" y="40"/>
                  </a:lnTo>
                  <a:lnTo>
                    <a:pt x="108" y="31"/>
                  </a:lnTo>
                  <a:lnTo>
                    <a:pt x="107" y="22"/>
                  </a:lnTo>
                  <a:lnTo>
                    <a:pt x="106" y="17"/>
                  </a:lnTo>
                  <a:lnTo>
                    <a:pt x="107" y="14"/>
                  </a:lnTo>
                  <a:lnTo>
                    <a:pt x="108" y="11"/>
                  </a:lnTo>
                  <a:lnTo>
                    <a:pt x="111" y="8"/>
                  </a:lnTo>
                  <a:lnTo>
                    <a:pt x="120" y="3"/>
                  </a:lnTo>
                  <a:lnTo>
                    <a:pt x="129" y="0"/>
                  </a:lnTo>
                  <a:lnTo>
                    <a:pt x="150" y="7"/>
                  </a:lnTo>
                  <a:lnTo>
                    <a:pt x="170" y="14"/>
                  </a:lnTo>
                  <a:lnTo>
                    <a:pt x="191" y="21"/>
                  </a:lnTo>
                  <a:lnTo>
                    <a:pt x="214" y="28"/>
                  </a:lnTo>
                  <a:lnTo>
                    <a:pt x="220" y="39"/>
                  </a:lnTo>
                  <a:lnTo>
                    <a:pt x="226" y="53"/>
                  </a:lnTo>
                  <a:lnTo>
                    <a:pt x="227" y="62"/>
                  </a:lnTo>
                  <a:lnTo>
                    <a:pt x="227" y="72"/>
                  </a:lnTo>
                  <a:lnTo>
                    <a:pt x="224" y="77"/>
                  </a:lnTo>
                  <a:lnTo>
                    <a:pt x="224" y="81"/>
                  </a:lnTo>
                  <a:lnTo>
                    <a:pt x="224" y="87"/>
                  </a:lnTo>
                  <a:lnTo>
                    <a:pt x="226" y="91"/>
                  </a:lnTo>
                  <a:lnTo>
                    <a:pt x="230" y="101"/>
                  </a:lnTo>
                  <a:lnTo>
                    <a:pt x="234" y="112"/>
                  </a:lnTo>
                  <a:lnTo>
                    <a:pt x="236" y="118"/>
                  </a:lnTo>
                  <a:lnTo>
                    <a:pt x="238" y="124"/>
                  </a:lnTo>
                  <a:lnTo>
                    <a:pt x="242" y="128"/>
                  </a:lnTo>
                  <a:lnTo>
                    <a:pt x="246" y="132"/>
                  </a:lnTo>
                  <a:lnTo>
                    <a:pt x="250" y="136"/>
                  </a:lnTo>
                  <a:lnTo>
                    <a:pt x="255" y="140"/>
                  </a:lnTo>
                  <a:lnTo>
                    <a:pt x="258" y="145"/>
                  </a:lnTo>
                  <a:lnTo>
                    <a:pt x="261" y="150"/>
                  </a:lnTo>
                  <a:lnTo>
                    <a:pt x="262" y="155"/>
                  </a:lnTo>
                  <a:lnTo>
                    <a:pt x="262" y="159"/>
                  </a:lnTo>
                  <a:lnTo>
                    <a:pt x="261" y="164"/>
                  </a:lnTo>
                  <a:lnTo>
                    <a:pt x="259" y="168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26" name="Høje-Taastrup kant"/>
            <p:cNvSpPr>
              <a:spLocks/>
            </p:cNvSpPr>
            <p:nvPr/>
          </p:nvSpPr>
          <p:spPr bwMode="auto">
            <a:xfrm>
              <a:off x="3692525" y="4914900"/>
              <a:ext cx="139700" cy="139700"/>
            </a:xfrm>
            <a:custGeom>
              <a:avLst/>
              <a:gdLst>
                <a:gd name="T0" fmla="*/ 123704 w 262"/>
                <a:gd name="T1" fmla="*/ 89429 h 264"/>
                <a:gd name="T2" fmla="*/ 97577 w 262"/>
                <a:gd name="T3" fmla="*/ 92604 h 264"/>
                <a:gd name="T4" fmla="*/ 81047 w 262"/>
                <a:gd name="T5" fmla="*/ 95250 h 264"/>
                <a:gd name="T6" fmla="*/ 75715 w 262"/>
                <a:gd name="T7" fmla="*/ 94192 h 264"/>
                <a:gd name="T8" fmla="*/ 69850 w 262"/>
                <a:gd name="T9" fmla="*/ 93663 h 264"/>
                <a:gd name="T10" fmla="*/ 59719 w 262"/>
                <a:gd name="T11" fmla="*/ 94192 h 264"/>
                <a:gd name="T12" fmla="*/ 50655 w 262"/>
                <a:gd name="T13" fmla="*/ 95250 h 264"/>
                <a:gd name="T14" fmla="*/ 46389 w 262"/>
                <a:gd name="T15" fmla="*/ 98425 h 264"/>
                <a:gd name="T16" fmla="*/ 49588 w 262"/>
                <a:gd name="T17" fmla="*/ 103188 h 264"/>
                <a:gd name="T18" fmla="*/ 54387 w 262"/>
                <a:gd name="T19" fmla="*/ 105833 h 264"/>
                <a:gd name="T20" fmla="*/ 60252 w 262"/>
                <a:gd name="T21" fmla="*/ 108479 h 264"/>
                <a:gd name="T22" fmla="*/ 63985 w 262"/>
                <a:gd name="T23" fmla="*/ 111125 h 264"/>
                <a:gd name="T24" fmla="*/ 63452 w 262"/>
                <a:gd name="T25" fmla="*/ 113771 h 264"/>
                <a:gd name="T26" fmla="*/ 59186 w 262"/>
                <a:gd name="T27" fmla="*/ 115358 h 264"/>
                <a:gd name="T28" fmla="*/ 55453 w 262"/>
                <a:gd name="T29" fmla="*/ 119063 h 264"/>
                <a:gd name="T30" fmla="*/ 49055 w 262"/>
                <a:gd name="T31" fmla="*/ 121708 h 264"/>
                <a:gd name="T32" fmla="*/ 42123 w 262"/>
                <a:gd name="T33" fmla="*/ 121179 h 264"/>
                <a:gd name="T34" fmla="*/ 40524 w 262"/>
                <a:gd name="T35" fmla="*/ 122767 h 264"/>
                <a:gd name="T36" fmla="*/ 38924 w 262"/>
                <a:gd name="T37" fmla="*/ 126471 h 264"/>
                <a:gd name="T38" fmla="*/ 38924 w 262"/>
                <a:gd name="T39" fmla="*/ 132821 h 264"/>
                <a:gd name="T40" fmla="*/ 38391 w 262"/>
                <a:gd name="T41" fmla="*/ 137054 h 264"/>
                <a:gd name="T42" fmla="*/ 37324 w 262"/>
                <a:gd name="T43" fmla="*/ 139171 h 264"/>
                <a:gd name="T44" fmla="*/ 32526 w 262"/>
                <a:gd name="T45" fmla="*/ 139700 h 264"/>
                <a:gd name="T46" fmla="*/ 26127 w 262"/>
                <a:gd name="T47" fmla="*/ 139171 h 264"/>
                <a:gd name="T48" fmla="*/ 17596 w 262"/>
                <a:gd name="T49" fmla="*/ 135467 h 264"/>
                <a:gd name="T50" fmla="*/ 12797 w 262"/>
                <a:gd name="T51" fmla="*/ 129646 h 264"/>
                <a:gd name="T52" fmla="*/ 11731 w 262"/>
                <a:gd name="T53" fmla="*/ 122238 h 264"/>
                <a:gd name="T54" fmla="*/ 12264 w 262"/>
                <a:gd name="T55" fmla="*/ 115888 h 264"/>
                <a:gd name="T56" fmla="*/ 11731 w 262"/>
                <a:gd name="T57" fmla="*/ 112713 h 264"/>
                <a:gd name="T58" fmla="*/ 11197 w 262"/>
                <a:gd name="T59" fmla="*/ 108479 h 264"/>
                <a:gd name="T60" fmla="*/ 9065 w 262"/>
                <a:gd name="T61" fmla="*/ 104246 h 264"/>
                <a:gd name="T62" fmla="*/ 5865 w 262"/>
                <a:gd name="T63" fmla="*/ 102129 h 264"/>
                <a:gd name="T64" fmla="*/ 3732 w 262"/>
                <a:gd name="T65" fmla="*/ 98425 h 264"/>
                <a:gd name="T66" fmla="*/ 3732 w 262"/>
                <a:gd name="T67" fmla="*/ 86783 h 264"/>
                <a:gd name="T68" fmla="*/ 4266 w 262"/>
                <a:gd name="T69" fmla="*/ 72496 h 264"/>
                <a:gd name="T70" fmla="*/ 3199 w 262"/>
                <a:gd name="T71" fmla="*/ 64029 h 264"/>
                <a:gd name="T72" fmla="*/ 1600 w 262"/>
                <a:gd name="T73" fmla="*/ 57150 h 264"/>
                <a:gd name="T74" fmla="*/ 1066 w 262"/>
                <a:gd name="T75" fmla="*/ 50271 h 264"/>
                <a:gd name="T76" fmla="*/ 4266 w 262"/>
                <a:gd name="T77" fmla="*/ 46038 h 264"/>
                <a:gd name="T78" fmla="*/ 10664 w 262"/>
                <a:gd name="T79" fmla="*/ 41275 h 264"/>
                <a:gd name="T80" fmla="*/ 15996 w 262"/>
                <a:gd name="T81" fmla="*/ 36513 h 264"/>
                <a:gd name="T82" fmla="*/ 20795 w 262"/>
                <a:gd name="T83" fmla="*/ 31750 h 264"/>
                <a:gd name="T84" fmla="*/ 27194 w 262"/>
                <a:gd name="T85" fmla="*/ 30692 h 264"/>
                <a:gd name="T86" fmla="*/ 34125 w 262"/>
                <a:gd name="T87" fmla="*/ 31221 h 264"/>
                <a:gd name="T88" fmla="*/ 41057 w 262"/>
                <a:gd name="T89" fmla="*/ 31221 h 264"/>
                <a:gd name="T90" fmla="*/ 51721 w 262"/>
                <a:gd name="T91" fmla="*/ 25929 h 264"/>
                <a:gd name="T92" fmla="*/ 57586 w 262"/>
                <a:gd name="T93" fmla="*/ 16404 h 264"/>
                <a:gd name="T94" fmla="*/ 56520 w 262"/>
                <a:gd name="T95" fmla="*/ 8996 h 264"/>
                <a:gd name="T96" fmla="*/ 57586 w 262"/>
                <a:gd name="T97" fmla="*/ 5821 h 264"/>
                <a:gd name="T98" fmla="*/ 63985 w 262"/>
                <a:gd name="T99" fmla="*/ 1588 h 264"/>
                <a:gd name="T100" fmla="*/ 79981 w 262"/>
                <a:gd name="T101" fmla="*/ 3704 h 264"/>
                <a:gd name="T102" fmla="*/ 101842 w 262"/>
                <a:gd name="T103" fmla="*/ 11113 h 264"/>
                <a:gd name="T104" fmla="*/ 117305 w 262"/>
                <a:gd name="T105" fmla="*/ 20638 h 264"/>
                <a:gd name="T106" fmla="*/ 121038 w 262"/>
                <a:gd name="T107" fmla="*/ 32808 h 264"/>
                <a:gd name="T108" fmla="*/ 119438 w 262"/>
                <a:gd name="T109" fmla="*/ 40746 h 264"/>
                <a:gd name="T110" fmla="*/ 119438 w 262"/>
                <a:gd name="T111" fmla="*/ 46038 h 264"/>
                <a:gd name="T112" fmla="*/ 122637 w 262"/>
                <a:gd name="T113" fmla="*/ 53446 h 264"/>
                <a:gd name="T114" fmla="*/ 125837 w 262"/>
                <a:gd name="T115" fmla="*/ 62442 h 264"/>
                <a:gd name="T116" fmla="*/ 129036 w 262"/>
                <a:gd name="T117" fmla="*/ 67733 h 264"/>
                <a:gd name="T118" fmla="*/ 133302 w 262"/>
                <a:gd name="T119" fmla="*/ 71967 h 264"/>
                <a:gd name="T120" fmla="*/ 137567 w 262"/>
                <a:gd name="T121" fmla="*/ 76729 h 264"/>
                <a:gd name="T122" fmla="*/ 139700 w 262"/>
                <a:gd name="T123" fmla="*/ 82021 h 264"/>
                <a:gd name="T124" fmla="*/ 139167 w 262"/>
                <a:gd name="T125" fmla="*/ 86783 h 264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262" h="264">
                  <a:moveTo>
                    <a:pt x="259" y="168"/>
                  </a:moveTo>
                  <a:lnTo>
                    <a:pt x="232" y="169"/>
                  </a:lnTo>
                  <a:lnTo>
                    <a:pt x="207" y="171"/>
                  </a:lnTo>
                  <a:lnTo>
                    <a:pt x="183" y="175"/>
                  </a:lnTo>
                  <a:lnTo>
                    <a:pt x="160" y="180"/>
                  </a:lnTo>
                  <a:lnTo>
                    <a:pt x="152" y="180"/>
                  </a:lnTo>
                  <a:lnTo>
                    <a:pt x="145" y="179"/>
                  </a:lnTo>
                  <a:lnTo>
                    <a:pt x="142" y="178"/>
                  </a:lnTo>
                  <a:lnTo>
                    <a:pt x="137" y="177"/>
                  </a:lnTo>
                  <a:lnTo>
                    <a:pt x="131" y="177"/>
                  </a:lnTo>
                  <a:lnTo>
                    <a:pt x="125" y="177"/>
                  </a:lnTo>
                  <a:lnTo>
                    <a:pt x="112" y="178"/>
                  </a:lnTo>
                  <a:lnTo>
                    <a:pt x="104" y="180"/>
                  </a:lnTo>
                  <a:lnTo>
                    <a:pt x="95" y="180"/>
                  </a:lnTo>
                  <a:lnTo>
                    <a:pt x="86" y="180"/>
                  </a:lnTo>
                  <a:lnTo>
                    <a:pt x="87" y="186"/>
                  </a:lnTo>
                  <a:lnTo>
                    <a:pt x="90" y="191"/>
                  </a:lnTo>
                  <a:lnTo>
                    <a:pt x="93" y="195"/>
                  </a:lnTo>
                  <a:lnTo>
                    <a:pt x="98" y="198"/>
                  </a:lnTo>
                  <a:lnTo>
                    <a:pt x="102" y="200"/>
                  </a:lnTo>
                  <a:lnTo>
                    <a:pt x="107" y="203"/>
                  </a:lnTo>
                  <a:lnTo>
                    <a:pt x="113" y="205"/>
                  </a:lnTo>
                  <a:lnTo>
                    <a:pt x="119" y="206"/>
                  </a:lnTo>
                  <a:lnTo>
                    <a:pt x="120" y="210"/>
                  </a:lnTo>
                  <a:lnTo>
                    <a:pt x="120" y="213"/>
                  </a:lnTo>
                  <a:lnTo>
                    <a:pt x="119" y="215"/>
                  </a:lnTo>
                  <a:lnTo>
                    <a:pt x="117" y="216"/>
                  </a:lnTo>
                  <a:lnTo>
                    <a:pt x="111" y="218"/>
                  </a:lnTo>
                  <a:lnTo>
                    <a:pt x="106" y="220"/>
                  </a:lnTo>
                  <a:lnTo>
                    <a:pt x="104" y="225"/>
                  </a:lnTo>
                  <a:lnTo>
                    <a:pt x="104" y="231"/>
                  </a:lnTo>
                  <a:lnTo>
                    <a:pt x="92" y="230"/>
                  </a:lnTo>
                  <a:lnTo>
                    <a:pt x="81" y="229"/>
                  </a:lnTo>
                  <a:lnTo>
                    <a:pt x="79" y="229"/>
                  </a:lnTo>
                  <a:lnTo>
                    <a:pt x="77" y="230"/>
                  </a:lnTo>
                  <a:lnTo>
                    <a:pt x="76" y="232"/>
                  </a:lnTo>
                  <a:lnTo>
                    <a:pt x="75" y="234"/>
                  </a:lnTo>
                  <a:lnTo>
                    <a:pt x="73" y="239"/>
                  </a:lnTo>
                  <a:lnTo>
                    <a:pt x="73" y="245"/>
                  </a:lnTo>
                  <a:lnTo>
                    <a:pt x="73" y="251"/>
                  </a:lnTo>
                  <a:lnTo>
                    <a:pt x="72" y="256"/>
                  </a:lnTo>
                  <a:lnTo>
                    <a:pt x="72" y="259"/>
                  </a:lnTo>
                  <a:lnTo>
                    <a:pt x="71" y="261"/>
                  </a:lnTo>
                  <a:lnTo>
                    <a:pt x="70" y="263"/>
                  </a:lnTo>
                  <a:lnTo>
                    <a:pt x="68" y="264"/>
                  </a:lnTo>
                  <a:lnTo>
                    <a:pt x="61" y="264"/>
                  </a:lnTo>
                  <a:lnTo>
                    <a:pt x="55" y="264"/>
                  </a:lnTo>
                  <a:lnTo>
                    <a:pt x="49" y="263"/>
                  </a:lnTo>
                  <a:lnTo>
                    <a:pt x="44" y="260"/>
                  </a:lnTo>
                  <a:lnTo>
                    <a:pt x="33" y="256"/>
                  </a:lnTo>
                  <a:lnTo>
                    <a:pt x="25" y="251"/>
                  </a:lnTo>
                  <a:lnTo>
                    <a:pt x="24" y="245"/>
                  </a:lnTo>
                  <a:lnTo>
                    <a:pt x="23" y="238"/>
                  </a:lnTo>
                  <a:lnTo>
                    <a:pt x="22" y="231"/>
                  </a:lnTo>
                  <a:lnTo>
                    <a:pt x="23" y="224"/>
                  </a:lnTo>
                  <a:lnTo>
                    <a:pt x="23" y="219"/>
                  </a:lnTo>
                  <a:lnTo>
                    <a:pt x="23" y="216"/>
                  </a:lnTo>
                  <a:lnTo>
                    <a:pt x="22" y="213"/>
                  </a:lnTo>
                  <a:lnTo>
                    <a:pt x="20" y="211"/>
                  </a:lnTo>
                  <a:lnTo>
                    <a:pt x="21" y="205"/>
                  </a:lnTo>
                  <a:lnTo>
                    <a:pt x="19" y="200"/>
                  </a:lnTo>
                  <a:lnTo>
                    <a:pt x="17" y="197"/>
                  </a:lnTo>
                  <a:lnTo>
                    <a:pt x="13" y="195"/>
                  </a:lnTo>
                  <a:lnTo>
                    <a:pt x="11" y="193"/>
                  </a:lnTo>
                  <a:lnTo>
                    <a:pt x="8" y="190"/>
                  </a:lnTo>
                  <a:lnTo>
                    <a:pt x="7" y="186"/>
                  </a:lnTo>
                  <a:lnTo>
                    <a:pt x="7" y="180"/>
                  </a:lnTo>
                  <a:lnTo>
                    <a:pt x="7" y="164"/>
                  </a:lnTo>
                  <a:lnTo>
                    <a:pt x="8" y="146"/>
                  </a:lnTo>
                  <a:lnTo>
                    <a:pt x="8" y="137"/>
                  </a:lnTo>
                  <a:lnTo>
                    <a:pt x="7" y="129"/>
                  </a:lnTo>
                  <a:lnTo>
                    <a:pt x="6" y="121"/>
                  </a:lnTo>
                  <a:lnTo>
                    <a:pt x="5" y="114"/>
                  </a:lnTo>
                  <a:lnTo>
                    <a:pt x="3" y="108"/>
                  </a:lnTo>
                  <a:lnTo>
                    <a:pt x="0" y="101"/>
                  </a:lnTo>
                  <a:lnTo>
                    <a:pt x="2" y="95"/>
                  </a:lnTo>
                  <a:lnTo>
                    <a:pt x="5" y="90"/>
                  </a:lnTo>
                  <a:lnTo>
                    <a:pt x="8" y="87"/>
                  </a:lnTo>
                  <a:lnTo>
                    <a:pt x="11" y="84"/>
                  </a:lnTo>
                  <a:lnTo>
                    <a:pt x="20" y="78"/>
                  </a:lnTo>
                  <a:lnTo>
                    <a:pt x="28" y="74"/>
                  </a:lnTo>
                  <a:lnTo>
                    <a:pt x="30" y="69"/>
                  </a:lnTo>
                  <a:lnTo>
                    <a:pt x="32" y="64"/>
                  </a:lnTo>
                  <a:lnTo>
                    <a:pt x="39" y="60"/>
                  </a:lnTo>
                  <a:lnTo>
                    <a:pt x="45" y="58"/>
                  </a:lnTo>
                  <a:lnTo>
                    <a:pt x="51" y="58"/>
                  </a:lnTo>
                  <a:lnTo>
                    <a:pt x="58" y="58"/>
                  </a:lnTo>
                  <a:lnTo>
                    <a:pt x="64" y="59"/>
                  </a:lnTo>
                  <a:lnTo>
                    <a:pt x="70" y="60"/>
                  </a:lnTo>
                  <a:lnTo>
                    <a:pt x="77" y="59"/>
                  </a:lnTo>
                  <a:lnTo>
                    <a:pt x="84" y="58"/>
                  </a:lnTo>
                  <a:lnTo>
                    <a:pt x="97" y="49"/>
                  </a:lnTo>
                  <a:lnTo>
                    <a:pt x="109" y="40"/>
                  </a:lnTo>
                  <a:lnTo>
                    <a:pt x="108" y="31"/>
                  </a:lnTo>
                  <a:lnTo>
                    <a:pt x="107" y="22"/>
                  </a:lnTo>
                  <a:lnTo>
                    <a:pt x="106" y="17"/>
                  </a:lnTo>
                  <a:lnTo>
                    <a:pt x="107" y="14"/>
                  </a:lnTo>
                  <a:lnTo>
                    <a:pt x="108" y="11"/>
                  </a:lnTo>
                  <a:lnTo>
                    <a:pt x="111" y="8"/>
                  </a:lnTo>
                  <a:lnTo>
                    <a:pt x="120" y="3"/>
                  </a:lnTo>
                  <a:lnTo>
                    <a:pt x="129" y="0"/>
                  </a:lnTo>
                  <a:lnTo>
                    <a:pt x="150" y="7"/>
                  </a:lnTo>
                  <a:lnTo>
                    <a:pt x="170" y="14"/>
                  </a:lnTo>
                  <a:lnTo>
                    <a:pt x="191" y="21"/>
                  </a:lnTo>
                  <a:lnTo>
                    <a:pt x="214" y="28"/>
                  </a:lnTo>
                  <a:lnTo>
                    <a:pt x="220" y="39"/>
                  </a:lnTo>
                  <a:lnTo>
                    <a:pt x="226" y="53"/>
                  </a:lnTo>
                  <a:lnTo>
                    <a:pt x="227" y="62"/>
                  </a:lnTo>
                  <a:lnTo>
                    <a:pt x="227" y="72"/>
                  </a:lnTo>
                  <a:lnTo>
                    <a:pt x="224" y="77"/>
                  </a:lnTo>
                  <a:lnTo>
                    <a:pt x="224" y="81"/>
                  </a:lnTo>
                  <a:lnTo>
                    <a:pt x="224" y="87"/>
                  </a:lnTo>
                  <a:lnTo>
                    <a:pt x="226" y="91"/>
                  </a:lnTo>
                  <a:lnTo>
                    <a:pt x="230" y="101"/>
                  </a:lnTo>
                  <a:lnTo>
                    <a:pt x="234" y="112"/>
                  </a:lnTo>
                  <a:lnTo>
                    <a:pt x="236" y="118"/>
                  </a:lnTo>
                  <a:lnTo>
                    <a:pt x="238" y="124"/>
                  </a:lnTo>
                  <a:lnTo>
                    <a:pt x="242" y="128"/>
                  </a:lnTo>
                  <a:lnTo>
                    <a:pt x="246" y="132"/>
                  </a:lnTo>
                  <a:lnTo>
                    <a:pt x="250" y="136"/>
                  </a:lnTo>
                  <a:lnTo>
                    <a:pt x="255" y="140"/>
                  </a:lnTo>
                  <a:lnTo>
                    <a:pt x="258" y="145"/>
                  </a:lnTo>
                  <a:lnTo>
                    <a:pt x="261" y="150"/>
                  </a:lnTo>
                  <a:lnTo>
                    <a:pt x="262" y="155"/>
                  </a:lnTo>
                  <a:lnTo>
                    <a:pt x="262" y="159"/>
                  </a:lnTo>
                  <a:lnTo>
                    <a:pt x="261" y="164"/>
                  </a:lnTo>
                  <a:lnTo>
                    <a:pt x="259" y="168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27" name="Dragør"/>
            <p:cNvSpPr>
              <a:spLocks/>
            </p:cNvSpPr>
            <p:nvPr/>
          </p:nvSpPr>
          <p:spPr bwMode="auto">
            <a:xfrm>
              <a:off x="3995738" y="5029200"/>
              <a:ext cx="95250" cy="66675"/>
            </a:xfrm>
            <a:custGeom>
              <a:avLst/>
              <a:gdLst>
                <a:gd name="T0" fmla="*/ 92075 w 180"/>
                <a:gd name="T1" fmla="*/ 4688 h 128"/>
                <a:gd name="T2" fmla="*/ 93133 w 180"/>
                <a:gd name="T3" fmla="*/ 7813 h 128"/>
                <a:gd name="T4" fmla="*/ 94192 w 180"/>
                <a:gd name="T5" fmla="*/ 10939 h 128"/>
                <a:gd name="T6" fmla="*/ 95250 w 180"/>
                <a:gd name="T7" fmla="*/ 15106 h 128"/>
                <a:gd name="T8" fmla="*/ 95250 w 180"/>
                <a:gd name="T9" fmla="*/ 18752 h 128"/>
                <a:gd name="T10" fmla="*/ 86783 w 180"/>
                <a:gd name="T11" fmla="*/ 23961 h 128"/>
                <a:gd name="T12" fmla="*/ 78846 w 180"/>
                <a:gd name="T13" fmla="*/ 29170 h 128"/>
                <a:gd name="T14" fmla="*/ 71438 w 180"/>
                <a:gd name="T15" fmla="*/ 35421 h 128"/>
                <a:gd name="T16" fmla="*/ 64029 w 180"/>
                <a:gd name="T17" fmla="*/ 40630 h 128"/>
                <a:gd name="T18" fmla="*/ 57150 w 180"/>
                <a:gd name="T19" fmla="*/ 46881 h 128"/>
                <a:gd name="T20" fmla="*/ 49742 w 180"/>
                <a:gd name="T21" fmla="*/ 53132 h 128"/>
                <a:gd name="T22" fmla="*/ 43921 w 180"/>
                <a:gd name="T23" fmla="*/ 59903 h 128"/>
                <a:gd name="T24" fmla="*/ 37042 w 180"/>
                <a:gd name="T25" fmla="*/ 66675 h 128"/>
                <a:gd name="T26" fmla="*/ 31750 w 180"/>
                <a:gd name="T27" fmla="*/ 66154 h 128"/>
                <a:gd name="T28" fmla="*/ 25929 w 180"/>
                <a:gd name="T29" fmla="*/ 64071 h 128"/>
                <a:gd name="T30" fmla="*/ 21167 w 180"/>
                <a:gd name="T31" fmla="*/ 63029 h 128"/>
                <a:gd name="T32" fmla="*/ 15875 w 180"/>
                <a:gd name="T33" fmla="*/ 61466 h 128"/>
                <a:gd name="T34" fmla="*/ 11642 w 180"/>
                <a:gd name="T35" fmla="*/ 59382 h 128"/>
                <a:gd name="T36" fmla="*/ 7408 w 180"/>
                <a:gd name="T37" fmla="*/ 57299 h 128"/>
                <a:gd name="T38" fmla="*/ 3175 w 180"/>
                <a:gd name="T39" fmla="*/ 54694 h 128"/>
                <a:gd name="T40" fmla="*/ 0 w 180"/>
                <a:gd name="T41" fmla="*/ 52090 h 128"/>
                <a:gd name="T42" fmla="*/ 1588 w 180"/>
                <a:gd name="T43" fmla="*/ 50006 h 128"/>
                <a:gd name="T44" fmla="*/ 3175 w 180"/>
                <a:gd name="T45" fmla="*/ 47923 h 128"/>
                <a:gd name="T46" fmla="*/ 5292 w 180"/>
                <a:gd name="T47" fmla="*/ 46360 h 128"/>
                <a:gd name="T48" fmla="*/ 7408 w 180"/>
                <a:gd name="T49" fmla="*/ 44797 h 128"/>
                <a:gd name="T50" fmla="*/ 12700 w 180"/>
                <a:gd name="T51" fmla="*/ 42714 h 128"/>
                <a:gd name="T52" fmla="*/ 17992 w 180"/>
                <a:gd name="T53" fmla="*/ 42193 h 128"/>
                <a:gd name="T54" fmla="*/ 29633 w 180"/>
                <a:gd name="T55" fmla="*/ 41672 h 128"/>
                <a:gd name="T56" fmla="*/ 42863 w 180"/>
                <a:gd name="T57" fmla="*/ 41151 h 128"/>
                <a:gd name="T58" fmla="*/ 44979 w 180"/>
                <a:gd name="T59" fmla="*/ 34379 h 128"/>
                <a:gd name="T60" fmla="*/ 46567 w 180"/>
                <a:gd name="T61" fmla="*/ 27608 h 128"/>
                <a:gd name="T62" fmla="*/ 48154 w 180"/>
                <a:gd name="T63" fmla="*/ 20315 h 128"/>
                <a:gd name="T64" fmla="*/ 49213 w 180"/>
                <a:gd name="T65" fmla="*/ 11981 h 128"/>
                <a:gd name="T66" fmla="*/ 49213 w 180"/>
                <a:gd name="T67" fmla="*/ 10418 h 128"/>
                <a:gd name="T68" fmla="*/ 49213 w 180"/>
                <a:gd name="T69" fmla="*/ 8334 h 128"/>
                <a:gd name="T70" fmla="*/ 51329 w 180"/>
                <a:gd name="T71" fmla="*/ 8855 h 128"/>
                <a:gd name="T72" fmla="*/ 52917 w 180"/>
                <a:gd name="T73" fmla="*/ 8855 h 128"/>
                <a:gd name="T74" fmla="*/ 53975 w 180"/>
                <a:gd name="T75" fmla="*/ 7813 h 128"/>
                <a:gd name="T76" fmla="*/ 54504 w 180"/>
                <a:gd name="T77" fmla="*/ 6772 h 128"/>
                <a:gd name="T78" fmla="*/ 55033 w 180"/>
                <a:gd name="T79" fmla="*/ 4167 h 128"/>
                <a:gd name="T80" fmla="*/ 55033 w 180"/>
                <a:gd name="T81" fmla="*/ 521 h 128"/>
                <a:gd name="T82" fmla="*/ 64029 w 180"/>
                <a:gd name="T83" fmla="*/ 0 h 128"/>
                <a:gd name="T84" fmla="*/ 71967 w 180"/>
                <a:gd name="T85" fmla="*/ 521 h 128"/>
                <a:gd name="T86" fmla="*/ 80963 w 180"/>
                <a:gd name="T87" fmla="*/ 521 h 128"/>
                <a:gd name="T88" fmla="*/ 91017 w 180"/>
                <a:gd name="T89" fmla="*/ 521 h 128"/>
                <a:gd name="T90" fmla="*/ 91017 w 180"/>
                <a:gd name="T91" fmla="*/ 1563 h 128"/>
                <a:gd name="T92" fmla="*/ 91017 w 180"/>
                <a:gd name="T93" fmla="*/ 2604 h 128"/>
                <a:gd name="T94" fmla="*/ 91017 w 180"/>
                <a:gd name="T95" fmla="*/ 4167 h 128"/>
                <a:gd name="T96" fmla="*/ 92075 w 180"/>
                <a:gd name="T97" fmla="*/ 4688 h 128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180" h="128">
                  <a:moveTo>
                    <a:pt x="174" y="9"/>
                  </a:moveTo>
                  <a:lnTo>
                    <a:pt x="176" y="15"/>
                  </a:lnTo>
                  <a:lnTo>
                    <a:pt x="178" y="21"/>
                  </a:lnTo>
                  <a:lnTo>
                    <a:pt x="180" y="29"/>
                  </a:lnTo>
                  <a:lnTo>
                    <a:pt x="180" y="36"/>
                  </a:lnTo>
                  <a:lnTo>
                    <a:pt x="164" y="46"/>
                  </a:lnTo>
                  <a:lnTo>
                    <a:pt x="149" y="56"/>
                  </a:lnTo>
                  <a:lnTo>
                    <a:pt x="135" y="68"/>
                  </a:lnTo>
                  <a:lnTo>
                    <a:pt x="121" y="78"/>
                  </a:lnTo>
                  <a:lnTo>
                    <a:pt x="108" y="90"/>
                  </a:lnTo>
                  <a:lnTo>
                    <a:pt x="94" y="102"/>
                  </a:lnTo>
                  <a:lnTo>
                    <a:pt x="83" y="115"/>
                  </a:lnTo>
                  <a:lnTo>
                    <a:pt x="70" y="128"/>
                  </a:lnTo>
                  <a:lnTo>
                    <a:pt x="60" y="127"/>
                  </a:lnTo>
                  <a:lnTo>
                    <a:pt x="49" y="123"/>
                  </a:lnTo>
                  <a:lnTo>
                    <a:pt x="40" y="121"/>
                  </a:lnTo>
                  <a:lnTo>
                    <a:pt x="30" y="118"/>
                  </a:lnTo>
                  <a:lnTo>
                    <a:pt x="22" y="114"/>
                  </a:lnTo>
                  <a:lnTo>
                    <a:pt x="14" y="110"/>
                  </a:lnTo>
                  <a:lnTo>
                    <a:pt x="6" y="105"/>
                  </a:lnTo>
                  <a:lnTo>
                    <a:pt x="0" y="100"/>
                  </a:lnTo>
                  <a:lnTo>
                    <a:pt x="3" y="96"/>
                  </a:lnTo>
                  <a:lnTo>
                    <a:pt x="6" y="92"/>
                  </a:lnTo>
                  <a:lnTo>
                    <a:pt x="10" y="89"/>
                  </a:lnTo>
                  <a:lnTo>
                    <a:pt x="14" y="86"/>
                  </a:lnTo>
                  <a:lnTo>
                    <a:pt x="24" y="82"/>
                  </a:lnTo>
                  <a:lnTo>
                    <a:pt x="34" y="81"/>
                  </a:lnTo>
                  <a:lnTo>
                    <a:pt x="56" y="80"/>
                  </a:lnTo>
                  <a:lnTo>
                    <a:pt x="81" y="79"/>
                  </a:lnTo>
                  <a:lnTo>
                    <a:pt x="85" y="66"/>
                  </a:lnTo>
                  <a:lnTo>
                    <a:pt x="88" y="53"/>
                  </a:lnTo>
                  <a:lnTo>
                    <a:pt x="91" y="39"/>
                  </a:lnTo>
                  <a:lnTo>
                    <a:pt x="93" y="23"/>
                  </a:lnTo>
                  <a:lnTo>
                    <a:pt x="93" y="20"/>
                  </a:lnTo>
                  <a:lnTo>
                    <a:pt x="93" y="16"/>
                  </a:lnTo>
                  <a:lnTo>
                    <a:pt x="97" y="17"/>
                  </a:lnTo>
                  <a:lnTo>
                    <a:pt x="100" y="17"/>
                  </a:lnTo>
                  <a:lnTo>
                    <a:pt x="102" y="15"/>
                  </a:lnTo>
                  <a:lnTo>
                    <a:pt x="103" y="13"/>
                  </a:lnTo>
                  <a:lnTo>
                    <a:pt x="104" y="8"/>
                  </a:lnTo>
                  <a:lnTo>
                    <a:pt x="104" y="1"/>
                  </a:lnTo>
                  <a:lnTo>
                    <a:pt x="121" y="0"/>
                  </a:lnTo>
                  <a:lnTo>
                    <a:pt x="136" y="1"/>
                  </a:lnTo>
                  <a:lnTo>
                    <a:pt x="153" y="1"/>
                  </a:lnTo>
                  <a:lnTo>
                    <a:pt x="172" y="1"/>
                  </a:lnTo>
                  <a:lnTo>
                    <a:pt x="172" y="3"/>
                  </a:lnTo>
                  <a:lnTo>
                    <a:pt x="172" y="5"/>
                  </a:lnTo>
                  <a:lnTo>
                    <a:pt x="172" y="8"/>
                  </a:lnTo>
                  <a:lnTo>
                    <a:pt x="174" y="9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28" name="Dragør kant"/>
            <p:cNvSpPr>
              <a:spLocks/>
            </p:cNvSpPr>
            <p:nvPr/>
          </p:nvSpPr>
          <p:spPr bwMode="auto">
            <a:xfrm>
              <a:off x="3995738" y="5029200"/>
              <a:ext cx="95250" cy="66675"/>
            </a:xfrm>
            <a:custGeom>
              <a:avLst/>
              <a:gdLst>
                <a:gd name="T0" fmla="*/ 92075 w 180"/>
                <a:gd name="T1" fmla="*/ 4688 h 128"/>
                <a:gd name="T2" fmla="*/ 93133 w 180"/>
                <a:gd name="T3" fmla="*/ 7813 h 128"/>
                <a:gd name="T4" fmla="*/ 94192 w 180"/>
                <a:gd name="T5" fmla="*/ 10939 h 128"/>
                <a:gd name="T6" fmla="*/ 94721 w 180"/>
                <a:gd name="T7" fmla="*/ 15106 h 128"/>
                <a:gd name="T8" fmla="*/ 95250 w 180"/>
                <a:gd name="T9" fmla="*/ 18752 h 128"/>
                <a:gd name="T10" fmla="*/ 86783 w 180"/>
                <a:gd name="T11" fmla="*/ 23961 h 128"/>
                <a:gd name="T12" fmla="*/ 78846 w 180"/>
                <a:gd name="T13" fmla="*/ 29170 h 128"/>
                <a:gd name="T14" fmla="*/ 71438 w 180"/>
                <a:gd name="T15" fmla="*/ 35421 h 128"/>
                <a:gd name="T16" fmla="*/ 64029 w 180"/>
                <a:gd name="T17" fmla="*/ 40630 h 128"/>
                <a:gd name="T18" fmla="*/ 57150 w 180"/>
                <a:gd name="T19" fmla="*/ 46881 h 128"/>
                <a:gd name="T20" fmla="*/ 49742 w 180"/>
                <a:gd name="T21" fmla="*/ 53132 h 128"/>
                <a:gd name="T22" fmla="*/ 43921 w 180"/>
                <a:gd name="T23" fmla="*/ 59903 h 128"/>
                <a:gd name="T24" fmla="*/ 37042 w 180"/>
                <a:gd name="T25" fmla="*/ 66675 h 128"/>
                <a:gd name="T26" fmla="*/ 31750 w 180"/>
                <a:gd name="T27" fmla="*/ 66154 h 128"/>
                <a:gd name="T28" fmla="*/ 25929 w 180"/>
                <a:gd name="T29" fmla="*/ 64071 h 128"/>
                <a:gd name="T30" fmla="*/ 21167 w 180"/>
                <a:gd name="T31" fmla="*/ 63029 h 128"/>
                <a:gd name="T32" fmla="*/ 15875 w 180"/>
                <a:gd name="T33" fmla="*/ 61466 h 128"/>
                <a:gd name="T34" fmla="*/ 11642 w 180"/>
                <a:gd name="T35" fmla="*/ 59382 h 128"/>
                <a:gd name="T36" fmla="*/ 7408 w 180"/>
                <a:gd name="T37" fmla="*/ 57299 h 128"/>
                <a:gd name="T38" fmla="*/ 3175 w 180"/>
                <a:gd name="T39" fmla="*/ 54694 h 128"/>
                <a:gd name="T40" fmla="*/ 0 w 180"/>
                <a:gd name="T41" fmla="*/ 52090 h 128"/>
                <a:gd name="T42" fmla="*/ 1588 w 180"/>
                <a:gd name="T43" fmla="*/ 50006 h 128"/>
                <a:gd name="T44" fmla="*/ 3175 w 180"/>
                <a:gd name="T45" fmla="*/ 47923 h 128"/>
                <a:gd name="T46" fmla="*/ 5292 w 180"/>
                <a:gd name="T47" fmla="*/ 46360 h 128"/>
                <a:gd name="T48" fmla="*/ 7408 w 180"/>
                <a:gd name="T49" fmla="*/ 44797 h 128"/>
                <a:gd name="T50" fmla="*/ 12700 w 180"/>
                <a:gd name="T51" fmla="*/ 42714 h 128"/>
                <a:gd name="T52" fmla="*/ 17992 w 180"/>
                <a:gd name="T53" fmla="*/ 42193 h 128"/>
                <a:gd name="T54" fmla="*/ 29633 w 180"/>
                <a:gd name="T55" fmla="*/ 41672 h 128"/>
                <a:gd name="T56" fmla="*/ 42863 w 180"/>
                <a:gd name="T57" fmla="*/ 41151 h 128"/>
                <a:gd name="T58" fmla="*/ 44979 w 180"/>
                <a:gd name="T59" fmla="*/ 34379 h 128"/>
                <a:gd name="T60" fmla="*/ 46567 w 180"/>
                <a:gd name="T61" fmla="*/ 27608 h 128"/>
                <a:gd name="T62" fmla="*/ 48154 w 180"/>
                <a:gd name="T63" fmla="*/ 20315 h 128"/>
                <a:gd name="T64" fmla="*/ 49213 w 180"/>
                <a:gd name="T65" fmla="*/ 11981 h 128"/>
                <a:gd name="T66" fmla="*/ 49213 w 180"/>
                <a:gd name="T67" fmla="*/ 10418 h 128"/>
                <a:gd name="T68" fmla="*/ 49213 w 180"/>
                <a:gd name="T69" fmla="*/ 8334 h 128"/>
                <a:gd name="T70" fmla="*/ 51329 w 180"/>
                <a:gd name="T71" fmla="*/ 8855 h 128"/>
                <a:gd name="T72" fmla="*/ 52917 w 180"/>
                <a:gd name="T73" fmla="*/ 8855 h 128"/>
                <a:gd name="T74" fmla="*/ 53975 w 180"/>
                <a:gd name="T75" fmla="*/ 7813 h 128"/>
                <a:gd name="T76" fmla="*/ 54504 w 180"/>
                <a:gd name="T77" fmla="*/ 6772 h 128"/>
                <a:gd name="T78" fmla="*/ 55033 w 180"/>
                <a:gd name="T79" fmla="*/ 4167 h 128"/>
                <a:gd name="T80" fmla="*/ 55033 w 180"/>
                <a:gd name="T81" fmla="*/ 521 h 128"/>
                <a:gd name="T82" fmla="*/ 64029 w 180"/>
                <a:gd name="T83" fmla="*/ 0 h 128"/>
                <a:gd name="T84" fmla="*/ 71967 w 180"/>
                <a:gd name="T85" fmla="*/ 521 h 128"/>
                <a:gd name="T86" fmla="*/ 80963 w 180"/>
                <a:gd name="T87" fmla="*/ 521 h 128"/>
                <a:gd name="T88" fmla="*/ 91017 w 180"/>
                <a:gd name="T89" fmla="*/ 521 h 128"/>
                <a:gd name="T90" fmla="*/ 91017 w 180"/>
                <a:gd name="T91" fmla="*/ 1563 h 128"/>
                <a:gd name="T92" fmla="*/ 91017 w 180"/>
                <a:gd name="T93" fmla="*/ 2604 h 128"/>
                <a:gd name="T94" fmla="*/ 91017 w 180"/>
                <a:gd name="T95" fmla="*/ 4167 h 128"/>
                <a:gd name="T96" fmla="*/ 92075 w 180"/>
                <a:gd name="T97" fmla="*/ 4688 h 128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180" h="128">
                  <a:moveTo>
                    <a:pt x="174" y="9"/>
                  </a:moveTo>
                  <a:lnTo>
                    <a:pt x="176" y="15"/>
                  </a:lnTo>
                  <a:lnTo>
                    <a:pt x="178" y="21"/>
                  </a:lnTo>
                  <a:lnTo>
                    <a:pt x="179" y="29"/>
                  </a:lnTo>
                  <a:lnTo>
                    <a:pt x="180" y="36"/>
                  </a:lnTo>
                  <a:lnTo>
                    <a:pt x="164" y="46"/>
                  </a:lnTo>
                  <a:lnTo>
                    <a:pt x="149" y="56"/>
                  </a:lnTo>
                  <a:lnTo>
                    <a:pt x="135" y="68"/>
                  </a:lnTo>
                  <a:lnTo>
                    <a:pt x="121" y="78"/>
                  </a:lnTo>
                  <a:lnTo>
                    <a:pt x="108" y="90"/>
                  </a:lnTo>
                  <a:lnTo>
                    <a:pt x="94" y="102"/>
                  </a:lnTo>
                  <a:lnTo>
                    <a:pt x="83" y="115"/>
                  </a:lnTo>
                  <a:lnTo>
                    <a:pt x="70" y="128"/>
                  </a:lnTo>
                  <a:lnTo>
                    <a:pt x="60" y="127"/>
                  </a:lnTo>
                  <a:lnTo>
                    <a:pt x="49" y="123"/>
                  </a:lnTo>
                  <a:lnTo>
                    <a:pt x="40" y="121"/>
                  </a:lnTo>
                  <a:lnTo>
                    <a:pt x="30" y="118"/>
                  </a:lnTo>
                  <a:lnTo>
                    <a:pt x="22" y="114"/>
                  </a:lnTo>
                  <a:lnTo>
                    <a:pt x="14" y="110"/>
                  </a:lnTo>
                  <a:lnTo>
                    <a:pt x="6" y="105"/>
                  </a:lnTo>
                  <a:lnTo>
                    <a:pt x="0" y="100"/>
                  </a:lnTo>
                  <a:lnTo>
                    <a:pt x="3" y="96"/>
                  </a:lnTo>
                  <a:lnTo>
                    <a:pt x="6" y="92"/>
                  </a:lnTo>
                  <a:lnTo>
                    <a:pt x="10" y="89"/>
                  </a:lnTo>
                  <a:lnTo>
                    <a:pt x="14" y="86"/>
                  </a:lnTo>
                  <a:lnTo>
                    <a:pt x="24" y="82"/>
                  </a:lnTo>
                  <a:lnTo>
                    <a:pt x="34" y="81"/>
                  </a:lnTo>
                  <a:lnTo>
                    <a:pt x="56" y="80"/>
                  </a:lnTo>
                  <a:lnTo>
                    <a:pt x="81" y="79"/>
                  </a:lnTo>
                  <a:lnTo>
                    <a:pt x="85" y="66"/>
                  </a:lnTo>
                  <a:lnTo>
                    <a:pt x="88" y="53"/>
                  </a:lnTo>
                  <a:lnTo>
                    <a:pt x="91" y="39"/>
                  </a:lnTo>
                  <a:lnTo>
                    <a:pt x="93" y="23"/>
                  </a:lnTo>
                  <a:lnTo>
                    <a:pt x="93" y="20"/>
                  </a:lnTo>
                  <a:lnTo>
                    <a:pt x="93" y="16"/>
                  </a:lnTo>
                  <a:lnTo>
                    <a:pt x="97" y="17"/>
                  </a:lnTo>
                  <a:lnTo>
                    <a:pt x="100" y="17"/>
                  </a:lnTo>
                  <a:lnTo>
                    <a:pt x="102" y="15"/>
                  </a:lnTo>
                  <a:lnTo>
                    <a:pt x="103" y="13"/>
                  </a:lnTo>
                  <a:lnTo>
                    <a:pt x="104" y="8"/>
                  </a:lnTo>
                  <a:lnTo>
                    <a:pt x="104" y="1"/>
                  </a:lnTo>
                  <a:lnTo>
                    <a:pt x="121" y="0"/>
                  </a:lnTo>
                  <a:lnTo>
                    <a:pt x="136" y="1"/>
                  </a:lnTo>
                  <a:lnTo>
                    <a:pt x="153" y="1"/>
                  </a:lnTo>
                  <a:lnTo>
                    <a:pt x="172" y="1"/>
                  </a:lnTo>
                  <a:lnTo>
                    <a:pt x="172" y="3"/>
                  </a:lnTo>
                  <a:lnTo>
                    <a:pt x="172" y="5"/>
                  </a:lnTo>
                  <a:lnTo>
                    <a:pt x="172" y="8"/>
                  </a:lnTo>
                  <a:lnTo>
                    <a:pt x="174" y="9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29" name="Tårnby"/>
            <p:cNvSpPr>
              <a:spLocks/>
            </p:cNvSpPr>
            <p:nvPr/>
          </p:nvSpPr>
          <p:spPr bwMode="auto">
            <a:xfrm>
              <a:off x="3967163" y="4976813"/>
              <a:ext cx="122237" cy="103187"/>
            </a:xfrm>
            <a:custGeom>
              <a:avLst/>
              <a:gdLst>
                <a:gd name="T0" fmla="*/ 89710 w 233"/>
                <a:gd name="T1" fmla="*/ 4212 h 196"/>
                <a:gd name="T2" fmla="*/ 93907 w 233"/>
                <a:gd name="T3" fmla="*/ 2106 h 196"/>
                <a:gd name="T4" fmla="*/ 97055 w 233"/>
                <a:gd name="T5" fmla="*/ 526 h 196"/>
                <a:gd name="T6" fmla="*/ 100203 w 233"/>
                <a:gd name="T7" fmla="*/ 0 h 196"/>
                <a:gd name="T8" fmla="*/ 105449 w 233"/>
                <a:gd name="T9" fmla="*/ 8950 h 196"/>
                <a:gd name="T10" fmla="*/ 111745 w 233"/>
                <a:gd name="T11" fmla="*/ 16847 h 196"/>
                <a:gd name="T12" fmla="*/ 116466 w 233"/>
                <a:gd name="T13" fmla="*/ 18426 h 196"/>
                <a:gd name="T14" fmla="*/ 119614 w 233"/>
                <a:gd name="T15" fmla="*/ 27376 h 196"/>
                <a:gd name="T16" fmla="*/ 122237 w 233"/>
                <a:gd name="T17" fmla="*/ 40011 h 196"/>
                <a:gd name="T18" fmla="*/ 120663 w 233"/>
                <a:gd name="T19" fmla="*/ 47908 h 196"/>
                <a:gd name="T20" fmla="*/ 109121 w 233"/>
                <a:gd name="T21" fmla="*/ 51594 h 196"/>
                <a:gd name="T22" fmla="*/ 95481 w 233"/>
                <a:gd name="T23" fmla="*/ 50541 h 196"/>
                <a:gd name="T24" fmla="*/ 87087 w 233"/>
                <a:gd name="T25" fmla="*/ 50541 h 196"/>
                <a:gd name="T26" fmla="*/ 82366 w 233"/>
                <a:gd name="T27" fmla="*/ 51594 h 196"/>
                <a:gd name="T28" fmla="*/ 81841 w 233"/>
                <a:gd name="T29" fmla="*/ 53173 h 196"/>
                <a:gd name="T30" fmla="*/ 81841 w 233"/>
                <a:gd name="T31" fmla="*/ 57385 h 196"/>
                <a:gd name="T32" fmla="*/ 79743 w 233"/>
                <a:gd name="T33" fmla="*/ 58964 h 196"/>
                <a:gd name="T34" fmla="*/ 77644 w 233"/>
                <a:gd name="T35" fmla="*/ 58438 h 196"/>
                <a:gd name="T36" fmla="*/ 76070 w 233"/>
                <a:gd name="T37" fmla="*/ 61070 h 196"/>
                <a:gd name="T38" fmla="*/ 75021 w 233"/>
                <a:gd name="T39" fmla="*/ 72126 h 196"/>
                <a:gd name="T40" fmla="*/ 71873 w 233"/>
                <a:gd name="T41" fmla="*/ 85814 h 196"/>
                <a:gd name="T42" fmla="*/ 62955 w 233"/>
                <a:gd name="T43" fmla="*/ 92131 h 196"/>
                <a:gd name="T44" fmla="*/ 50364 w 233"/>
                <a:gd name="T45" fmla="*/ 92131 h 196"/>
                <a:gd name="T46" fmla="*/ 39871 w 233"/>
                <a:gd name="T47" fmla="*/ 94237 h 196"/>
                <a:gd name="T48" fmla="*/ 30953 w 233"/>
                <a:gd name="T49" fmla="*/ 100028 h 196"/>
                <a:gd name="T50" fmla="*/ 25706 w 233"/>
                <a:gd name="T51" fmla="*/ 103187 h 196"/>
                <a:gd name="T52" fmla="*/ 19411 w 233"/>
                <a:gd name="T53" fmla="*/ 98975 h 196"/>
                <a:gd name="T54" fmla="*/ 8919 w 233"/>
                <a:gd name="T55" fmla="*/ 86867 h 196"/>
                <a:gd name="T56" fmla="*/ 3148 w 233"/>
                <a:gd name="T57" fmla="*/ 76337 h 196"/>
                <a:gd name="T58" fmla="*/ 525 w 233"/>
                <a:gd name="T59" fmla="*/ 68967 h 196"/>
                <a:gd name="T60" fmla="*/ 0 w 233"/>
                <a:gd name="T61" fmla="*/ 61070 h 196"/>
                <a:gd name="T62" fmla="*/ 525 w 233"/>
                <a:gd name="T63" fmla="*/ 53699 h 196"/>
                <a:gd name="T64" fmla="*/ 2623 w 233"/>
                <a:gd name="T65" fmla="*/ 48435 h 196"/>
                <a:gd name="T66" fmla="*/ 5771 w 233"/>
                <a:gd name="T67" fmla="*/ 47382 h 196"/>
                <a:gd name="T68" fmla="*/ 13116 w 233"/>
                <a:gd name="T69" fmla="*/ 47382 h 196"/>
                <a:gd name="T70" fmla="*/ 25706 w 233"/>
                <a:gd name="T71" fmla="*/ 47382 h 196"/>
                <a:gd name="T72" fmla="*/ 36724 w 233"/>
                <a:gd name="T73" fmla="*/ 45802 h 196"/>
                <a:gd name="T74" fmla="*/ 43544 w 233"/>
                <a:gd name="T75" fmla="*/ 42644 h 196"/>
                <a:gd name="T76" fmla="*/ 48265 w 233"/>
                <a:gd name="T77" fmla="*/ 39485 h 196"/>
                <a:gd name="T78" fmla="*/ 52462 w 233"/>
                <a:gd name="T79" fmla="*/ 34747 h 196"/>
                <a:gd name="T80" fmla="*/ 54561 w 233"/>
                <a:gd name="T81" fmla="*/ 28956 h 196"/>
                <a:gd name="T82" fmla="*/ 55085 w 233"/>
                <a:gd name="T83" fmla="*/ 21059 h 196"/>
                <a:gd name="T84" fmla="*/ 59807 w 233"/>
                <a:gd name="T85" fmla="*/ 15794 h 196"/>
                <a:gd name="T86" fmla="*/ 68201 w 233"/>
                <a:gd name="T87" fmla="*/ 13162 h 196"/>
                <a:gd name="T88" fmla="*/ 79743 w 233"/>
                <a:gd name="T89" fmla="*/ 8423 h 196"/>
                <a:gd name="T90" fmla="*/ 87087 w 233"/>
                <a:gd name="T91" fmla="*/ 4738 h 19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0" t="0" r="r" b="b"/>
              <a:pathLst>
                <a:path w="233" h="196">
                  <a:moveTo>
                    <a:pt x="166" y="9"/>
                  </a:moveTo>
                  <a:lnTo>
                    <a:pt x="171" y="8"/>
                  </a:lnTo>
                  <a:lnTo>
                    <a:pt x="175" y="6"/>
                  </a:lnTo>
                  <a:lnTo>
                    <a:pt x="179" y="4"/>
                  </a:lnTo>
                  <a:lnTo>
                    <a:pt x="182" y="2"/>
                  </a:lnTo>
                  <a:lnTo>
                    <a:pt x="185" y="1"/>
                  </a:lnTo>
                  <a:lnTo>
                    <a:pt x="188" y="0"/>
                  </a:lnTo>
                  <a:lnTo>
                    <a:pt x="191" y="0"/>
                  </a:lnTo>
                  <a:lnTo>
                    <a:pt x="194" y="3"/>
                  </a:lnTo>
                  <a:lnTo>
                    <a:pt x="201" y="17"/>
                  </a:lnTo>
                  <a:lnTo>
                    <a:pt x="206" y="31"/>
                  </a:lnTo>
                  <a:lnTo>
                    <a:pt x="213" y="32"/>
                  </a:lnTo>
                  <a:lnTo>
                    <a:pt x="218" y="33"/>
                  </a:lnTo>
                  <a:lnTo>
                    <a:pt x="222" y="35"/>
                  </a:lnTo>
                  <a:lnTo>
                    <a:pt x="227" y="36"/>
                  </a:lnTo>
                  <a:lnTo>
                    <a:pt x="228" y="52"/>
                  </a:lnTo>
                  <a:lnTo>
                    <a:pt x="231" y="68"/>
                  </a:lnTo>
                  <a:lnTo>
                    <a:pt x="233" y="76"/>
                  </a:lnTo>
                  <a:lnTo>
                    <a:pt x="231" y="83"/>
                  </a:lnTo>
                  <a:lnTo>
                    <a:pt x="230" y="91"/>
                  </a:lnTo>
                  <a:lnTo>
                    <a:pt x="227" y="97"/>
                  </a:lnTo>
                  <a:lnTo>
                    <a:pt x="208" y="98"/>
                  </a:lnTo>
                  <a:lnTo>
                    <a:pt x="190" y="96"/>
                  </a:lnTo>
                  <a:lnTo>
                    <a:pt x="182" y="96"/>
                  </a:lnTo>
                  <a:lnTo>
                    <a:pt x="174" y="96"/>
                  </a:lnTo>
                  <a:lnTo>
                    <a:pt x="166" y="96"/>
                  </a:lnTo>
                  <a:lnTo>
                    <a:pt x="159" y="97"/>
                  </a:lnTo>
                  <a:lnTo>
                    <a:pt x="157" y="98"/>
                  </a:lnTo>
                  <a:lnTo>
                    <a:pt x="156" y="99"/>
                  </a:lnTo>
                  <a:lnTo>
                    <a:pt x="156" y="101"/>
                  </a:lnTo>
                  <a:lnTo>
                    <a:pt x="156" y="103"/>
                  </a:lnTo>
                  <a:lnTo>
                    <a:pt x="156" y="109"/>
                  </a:lnTo>
                  <a:lnTo>
                    <a:pt x="156" y="113"/>
                  </a:lnTo>
                  <a:lnTo>
                    <a:pt x="152" y="112"/>
                  </a:lnTo>
                  <a:lnTo>
                    <a:pt x="150" y="111"/>
                  </a:lnTo>
                  <a:lnTo>
                    <a:pt x="148" y="111"/>
                  </a:lnTo>
                  <a:lnTo>
                    <a:pt x="147" y="112"/>
                  </a:lnTo>
                  <a:lnTo>
                    <a:pt x="145" y="116"/>
                  </a:lnTo>
                  <a:lnTo>
                    <a:pt x="145" y="122"/>
                  </a:lnTo>
                  <a:lnTo>
                    <a:pt x="143" y="137"/>
                  </a:lnTo>
                  <a:lnTo>
                    <a:pt x="140" y="151"/>
                  </a:lnTo>
                  <a:lnTo>
                    <a:pt x="137" y="163"/>
                  </a:lnTo>
                  <a:lnTo>
                    <a:pt x="132" y="176"/>
                  </a:lnTo>
                  <a:lnTo>
                    <a:pt x="120" y="175"/>
                  </a:lnTo>
                  <a:lnTo>
                    <a:pt x="107" y="175"/>
                  </a:lnTo>
                  <a:lnTo>
                    <a:pt x="96" y="175"/>
                  </a:lnTo>
                  <a:lnTo>
                    <a:pt x="85" y="177"/>
                  </a:lnTo>
                  <a:lnTo>
                    <a:pt x="76" y="179"/>
                  </a:lnTo>
                  <a:lnTo>
                    <a:pt x="66" y="183"/>
                  </a:lnTo>
                  <a:lnTo>
                    <a:pt x="59" y="190"/>
                  </a:lnTo>
                  <a:lnTo>
                    <a:pt x="51" y="196"/>
                  </a:lnTo>
                  <a:lnTo>
                    <a:pt x="49" y="196"/>
                  </a:lnTo>
                  <a:lnTo>
                    <a:pt x="46" y="196"/>
                  </a:lnTo>
                  <a:lnTo>
                    <a:pt x="37" y="188"/>
                  </a:lnTo>
                  <a:lnTo>
                    <a:pt x="26" y="177"/>
                  </a:lnTo>
                  <a:lnTo>
                    <a:pt x="17" y="165"/>
                  </a:lnTo>
                  <a:lnTo>
                    <a:pt x="9" y="152"/>
                  </a:lnTo>
                  <a:lnTo>
                    <a:pt x="6" y="145"/>
                  </a:lnTo>
                  <a:lnTo>
                    <a:pt x="3" y="138"/>
                  </a:lnTo>
                  <a:lnTo>
                    <a:pt x="1" y="131"/>
                  </a:lnTo>
                  <a:lnTo>
                    <a:pt x="0" y="123"/>
                  </a:lnTo>
                  <a:lnTo>
                    <a:pt x="0" y="116"/>
                  </a:lnTo>
                  <a:lnTo>
                    <a:pt x="0" y="110"/>
                  </a:lnTo>
                  <a:lnTo>
                    <a:pt x="1" y="102"/>
                  </a:lnTo>
                  <a:lnTo>
                    <a:pt x="3" y="95"/>
                  </a:lnTo>
                  <a:lnTo>
                    <a:pt x="5" y="92"/>
                  </a:lnTo>
                  <a:lnTo>
                    <a:pt x="8" y="91"/>
                  </a:lnTo>
                  <a:lnTo>
                    <a:pt x="11" y="90"/>
                  </a:lnTo>
                  <a:lnTo>
                    <a:pt x="16" y="90"/>
                  </a:lnTo>
                  <a:lnTo>
                    <a:pt x="25" y="90"/>
                  </a:lnTo>
                  <a:lnTo>
                    <a:pt x="33" y="90"/>
                  </a:lnTo>
                  <a:lnTo>
                    <a:pt x="49" y="90"/>
                  </a:lnTo>
                  <a:lnTo>
                    <a:pt x="64" y="88"/>
                  </a:lnTo>
                  <a:lnTo>
                    <a:pt x="70" y="87"/>
                  </a:lnTo>
                  <a:lnTo>
                    <a:pt x="77" y="84"/>
                  </a:lnTo>
                  <a:lnTo>
                    <a:pt x="83" y="81"/>
                  </a:lnTo>
                  <a:lnTo>
                    <a:pt x="88" y="79"/>
                  </a:lnTo>
                  <a:lnTo>
                    <a:pt x="92" y="75"/>
                  </a:lnTo>
                  <a:lnTo>
                    <a:pt x="97" y="72"/>
                  </a:lnTo>
                  <a:lnTo>
                    <a:pt x="100" y="66"/>
                  </a:lnTo>
                  <a:lnTo>
                    <a:pt x="102" y="61"/>
                  </a:lnTo>
                  <a:lnTo>
                    <a:pt x="104" y="55"/>
                  </a:lnTo>
                  <a:lnTo>
                    <a:pt x="105" y="48"/>
                  </a:lnTo>
                  <a:lnTo>
                    <a:pt x="105" y="40"/>
                  </a:lnTo>
                  <a:lnTo>
                    <a:pt x="105" y="31"/>
                  </a:lnTo>
                  <a:lnTo>
                    <a:pt x="114" y="30"/>
                  </a:lnTo>
                  <a:lnTo>
                    <a:pt x="122" y="28"/>
                  </a:lnTo>
                  <a:lnTo>
                    <a:pt x="130" y="25"/>
                  </a:lnTo>
                  <a:lnTo>
                    <a:pt x="138" y="22"/>
                  </a:lnTo>
                  <a:lnTo>
                    <a:pt x="152" y="16"/>
                  </a:lnTo>
                  <a:lnTo>
                    <a:pt x="166" y="9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30" name="Tårnby kant"/>
            <p:cNvSpPr>
              <a:spLocks/>
            </p:cNvSpPr>
            <p:nvPr/>
          </p:nvSpPr>
          <p:spPr bwMode="auto">
            <a:xfrm>
              <a:off x="3967163" y="4976813"/>
              <a:ext cx="122237" cy="103187"/>
            </a:xfrm>
            <a:custGeom>
              <a:avLst/>
              <a:gdLst>
                <a:gd name="T0" fmla="*/ 89710 w 233"/>
                <a:gd name="T1" fmla="*/ 4212 h 196"/>
                <a:gd name="T2" fmla="*/ 93907 w 233"/>
                <a:gd name="T3" fmla="*/ 2106 h 196"/>
                <a:gd name="T4" fmla="*/ 97055 w 233"/>
                <a:gd name="T5" fmla="*/ 526 h 196"/>
                <a:gd name="T6" fmla="*/ 100203 w 233"/>
                <a:gd name="T7" fmla="*/ 0 h 196"/>
                <a:gd name="T8" fmla="*/ 105449 w 233"/>
                <a:gd name="T9" fmla="*/ 8950 h 196"/>
                <a:gd name="T10" fmla="*/ 111745 w 233"/>
                <a:gd name="T11" fmla="*/ 16847 h 196"/>
                <a:gd name="T12" fmla="*/ 116466 w 233"/>
                <a:gd name="T13" fmla="*/ 18426 h 196"/>
                <a:gd name="T14" fmla="*/ 119614 w 233"/>
                <a:gd name="T15" fmla="*/ 27376 h 196"/>
                <a:gd name="T16" fmla="*/ 122237 w 233"/>
                <a:gd name="T17" fmla="*/ 40011 h 196"/>
                <a:gd name="T18" fmla="*/ 120663 w 233"/>
                <a:gd name="T19" fmla="*/ 47908 h 196"/>
                <a:gd name="T20" fmla="*/ 109121 w 233"/>
                <a:gd name="T21" fmla="*/ 51594 h 196"/>
                <a:gd name="T22" fmla="*/ 95481 w 233"/>
                <a:gd name="T23" fmla="*/ 50541 h 196"/>
                <a:gd name="T24" fmla="*/ 87087 w 233"/>
                <a:gd name="T25" fmla="*/ 50541 h 196"/>
                <a:gd name="T26" fmla="*/ 82366 w 233"/>
                <a:gd name="T27" fmla="*/ 51594 h 196"/>
                <a:gd name="T28" fmla="*/ 81841 w 233"/>
                <a:gd name="T29" fmla="*/ 53173 h 196"/>
                <a:gd name="T30" fmla="*/ 81841 w 233"/>
                <a:gd name="T31" fmla="*/ 57385 h 196"/>
                <a:gd name="T32" fmla="*/ 79743 w 233"/>
                <a:gd name="T33" fmla="*/ 58964 h 196"/>
                <a:gd name="T34" fmla="*/ 77644 w 233"/>
                <a:gd name="T35" fmla="*/ 58438 h 196"/>
                <a:gd name="T36" fmla="*/ 76070 w 233"/>
                <a:gd name="T37" fmla="*/ 61070 h 196"/>
                <a:gd name="T38" fmla="*/ 75021 w 233"/>
                <a:gd name="T39" fmla="*/ 72126 h 196"/>
                <a:gd name="T40" fmla="*/ 71873 w 233"/>
                <a:gd name="T41" fmla="*/ 85814 h 196"/>
                <a:gd name="T42" fmla="*/ 62955 w 233"/>
                <a:gd name="T43" fmla="*/ 92131 h 196"/>
                <a:gd name="T44" fmla="*/ 50364 w 233"/>
                <a:gd name="T45" fmla="*/ 92131 h 196"/>
                <a:gd name="T46" fmla="*/ 39871 w 233"/>
                <a:gd name="T47" fmla="*/ 94237 h 196"/>
                <a:gd name="T48" fmla="*/ 30953 w 233"/>
                <a:gd name="T49" fmla="*/ 100028 h 196"/>
                <a:gd name="T50" fmla="*/ 25706 w 233"/>
                <a:gd name="T51" fmla="*/ 103187 h 196"/>
                <a:gd name="T52" fmla="*/ 19411 w 233"/>
                <a:gd name="T53" fmla="*/ 98975 h 196"/>
                <a:gd name="T54" fmla="*/ 8919 w 233"/>
                <a:gd name="T55" fmla="*/ 86867 h 196"/>
                <a:gd name="T56" fmla="*/ 3148 w 233"/>
                <a:gd name="T57" fmla="*/ 76337 h 196"/>
                <a:gd name="T58" fmla="*/ 525 w 233"/>
                <a:gd name="T59" fmla="*/ 68967 h 196"/>
                <a:gd name="T60" fmla="*/ 0 w 233"/>
                <a:gd name="T61" fmla="*/ 61070 h 196"/>
                <a:gd name="T62" fmla="*/ 525 w 233"/>
                <a:gd name="T63" fmla="*/ 53699 h 196"/>
                <a:gd name="T64" fmla="*/ 2623 w 233"/>
                <a:gd name="T65" fmla="*/ 48435 h 196"/>
                <a:gd name="T66" fmla="*/ 5771 w 233"/>
                <a:gd name="T67" fmla="*/ 47382 h 196"/>
                <a:gd name="T68" fmla="*/ 13116 w 233"/>
                <a:gd name="T69" fmla="*/ 47382 h 196"/>
                <a:gd name="T70" fmla="*/ 25706 w 233"/>
                <a:gd name="T71" fmla="*/ 47382 h 196"/>
                <a:gd name="T72" fmla="*/ 36724 w 233"/>
                <a:gd name="T73" fmla="*/ 45802 h 196"/>
                <a:gd name="T74" fmla="*/ 43544 w 233"/>
                <a:gd name="T75" fmla="*/ 42644 h 196"/>
                <a:gd name="T76" fmla="*/ 48265 w 233"/>
                <a:gd name="T77" fmla="*/ 39485 h 196"/>
                <a:gd name="T78" fmla="*/ 52462 w 233"/>
                <a:gd name="T79" fmla="*/ 34747 h 196"/>
                <a:gd name="T80" fmla="*/ 54561 w 233"/>
                <a:gd name="T81" fmla="*/ 28956 h 196"/>
                <a:gd name="T82" fmla="*/ 55085 w 233"/>
                <a:gd name="T83" fmla="*/ 21059 h 196"/>
                <a:gd name="T84" fmla="*/ 59807 w 233"/>
                <a:gd name="T85" fmla="*/ 15794 h 196"/>
                <a:gd name="T86" fmla="*/ 68201 w 233"/>
                <a:gd name="T87" fmla="*/ 13162 h 196"/>
                <a:gd name="T88" fmla="*/ 79743 w 233"/>
                <a:gd name="T89" fmla="*/ 8423 h 196"/>
                <a:gd name="T90" fmla="*/ 87087 w 233"/>
                <a:gd name="T91" fmla="*/ 4738 h 19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0" t="0" r="r" b="b"/>
              <a:pathLst>
                <a:path w="233" h="196">
                  <a:moveTo>
                    <a:pt x="166" y="9"/>
                  </a:moveTo>
                  <a:lnTo>
                    <a:pt x="171" y="8"/>
                  </a:lnTo>
                  <a:lnTo>
                    <a:pt x="175" y="6"/>
                  </a:lnTo>
                  <a:lnTo>
                    <a:pt x="179" y="4"/>
                  </a:lnTo>
                  <a:lnTo>
                    <a:pt x="182" y="2"/>
                  </a:lnTo>
                  <a:lnTo>
                    <a:pt x="185" y="1"/>
                  </a:lnTo>
                  <a:lnTo>
                    <a:pt x="188" y="0"/>
                  </a:lnTo>
                  <a:lnTo>
                    <a:pt x="191" y="0"/>
                  </a:lnTo>
                  <a:lnTo>
                    <a:pt x="194" y="3"/>
                  </a:lnTo>
                  <a:lnTo>
                    <a:pt x="201" y="17"/>
                  </a:lnTo>
                  <a:lnTo>
                    <a:pt x="206" y="31"/>
                  </a:lnTo>
                  <a:lnTo>
                    <a:pt x="213" y="32"/>
                  </a:lnTo>
                  <a:lnTo>
                    <a:pt x="218" y="33"/>
                  </a:lnTo>
                  <a:lnTo>
                    <a:pt x="222" y="35"/>
                  </a:lnTo>
                  <a:lnTo>
                    <a:pt x="227" y="36"/>
                  </a:lnTo>
                  <a:lnTo>
                    <a:pt x="228" y="52"/>
                  </a:lnTo>
                  <a:lnTo>
                    <a:pt x="231" y="68"/>
                  </a:lnTo>
                  <a:lnTo>
                    <a:pt x="233" y="76"/>
                  </a:lnTo>
                  <a:lnTo>
                    <a:pt x="231" y="83"/>
                  </a:lnTo>
                  <a:lnTo>
                    <a:pt x="230" y="91"/>
                  </a:lnTo>
                  <a:lnTo>
                    <a:pt x="227" y="97"/>
                  </a:lnTo>
                  <a:lnTo>
                    <a:pt x="208" y="98"/>
                  </a:lnTo>
                  <a:lnTo>
                    <a:pt x="190" y="96"/>
                  </a:lnTo>
                  <a:lnTo>
                    <a:pt x="182" y="96"/>
                  </a:lnTo>
                  <a:lnTo>
                    <a:pt x="174" y="96"/>
                  </a:lnTo>
                  <a:lnTo>
                    <a:pt x="166" y="96"/>
                  </a:lnTo>
                  <a:lnTo>
                    <a:pt x="159" y="97"/>
                  </a:lnTo>
                  <a:lnTo>
                    <a:pt x="157" y="98"/>
                  </a:lnTo>
                  <a:lnTo>
                    <a:pt x="156" y="99"/>
                  </a:lnTo>
                  <a:lnTo>
                    <a:pt x="156" y="101"/>
                  </a:lnTo>
                  <a:lnTo>
                    <a:pt x="156" y="103"/>
                  </a:lnTo>
                  <a:lnTo>
                    <a:pt x="156" y="109"/>
                  </a:lnTo>
                  <a:lnTo>
                    <a:pt x="156" y="113"/>
                  </a:lnTo>
                  <a:lnTo>
                    <a:pt x="152" y="112"/>
                  </a:lnTo>
                  <a:lnTo>
                    <a:pt x="150" y="111"/>
                  </a:lnTo>
                  <a:lnTo>
                    <a:pt x="148" y="111"/>
                  </a:lnTo>
                  <a:lnTo>
                    <a:pt x="147" y="112"/>
                  </a:lnTo>
                  <a:lnTo>
                    <a:pt x="145" y="116"/>
                  </a:lnTo>
                  <a:lnTo>
                    <a:pt x="145" y="122"/>
                  </a:lnTo>
                  <a:lnTo>
                    <a:pt x="143" y="137"/>
                  </a:lnTo>
                  <a:lnTo>
                    <a:pt x="140" y="151"/>
                  </a:lnTo>
                  <a:lnTo>
                    <a:pt x="137" y="163"/>
                  </a:lnTo>
                  <a:lnTo>
                    <a:pt x="132" y="176"/>
                  </a:lnTo>
                  <a:lnTo>
                    <a:pt x="120" y="175"/>
                  </a:lnTo>
                  <a:lnTo>
                    <a:pt x="107" y="175"/>
                  </a:lnTo>
                  <a:lnTo>
                    <a:pt x="96" y="175"/>
                  </a:lnTo>
                  <a:lnTo>
                    <a:pt x="85" y="177"/>
                  </a:lnTo>
                  <a:lnTo>
                    <a:pt x="76" y="179"/>
                  </a:lnTo>
                  <a:lnTo>
                    <a:pt x="66" y="183"/>
                  </a:lnTo>
                  <a:lnTo>
                    <a:pt x="59" y="190"/>
                  </a:lnTo>
                  <a:lnTo>
                    <a:pt x="51" y="196"/>
                  </a:lnTo>
                  <a:lnTo>
                    <a:pt x="49" y="196"/>
                  </a:lnTo>
                  <a:lnTo>
                    <a:pt x="46" y="196"/>
                  </a:lnTo>
                  <a:lnTo>
                    <a:pt x="37" y="188"/>
                  </a:lnTo>
                  <a:lnTo>
                    <a:pt x="26" y="177"/>
                  </a:lnTo>
                  <a:lnTo>
                    <a:pt x="17" y="165"/>
                  </a:lnTo>
                  <a:lnTo>
                    <a:pt x="9" y="152"/>
                  </a:lnTo>
                  <a:lnTo>
                    <a:pt x="6" y="145"/>
                  </a:lnTo>
                  <a:lnTo>
                    <a:pt x="3" y="138"/>
                  </a:lnTo>
                  <a:lnTo>
                    <a:pt x="1" y="131"/>
                  </a:lnTo>
                  <a:lnTo>
                    <a:pt x="0" y="123"/>
                  </a:lnTo>
                  <a:lnTo>
                    <a:pt x="0" y="116"/>
                  </a:lnTo>
                  <a:lnTo>
                    <a:pt x="0" y="110"/>
                  </a:lnTo>
                  <a:lnTo>
                    <a:pt x="1" y="102"/>
                  </a:lnTo>
                  <a:lnTo>
                    <a:pt x="3" y="95"/>
                  </a:lnTo>
                  <a:lnTo>
                    <a:pt x="5" y="92"/>
                  </a:lnTo>
                  <a:lnTo>
                    <a:pt x="8" y="91"/>
                  </a:lnTo>
                  <a:lnTo>
                    <a:pt x="11" y="90"/>
                  </a:lnTo>
                  <a:lnTo>
                    <a:pt x="16" y="90"/>
                  </a:lnTo>
                  <a:lnTo>
                    <a:pt x="25" y="90"/>
                  </a:lnTo>
                  <a:lnTo>
                    <a:pt x="33" y="90"/>
                  </a:lnTo>
                  <a:lnTo>
                    <a:pt x="49" y="90"/>
                  </a:lnTo>
                  <a:lnTo>
                    <a:pt x="64" y="88"/>
                  </a:lnTo>
                  <a:lnTo>
                    <a:pt x="70" y="87"/>
                  </a:lnTo>
                  <a:lnTo>
                    <a:pt x="77" y="84"/>
                  </a:lnTo>
                  <a:lnTo>
                    <a:pt x="83" y="81"/>
                  </a:lnTo>
                  <a:lnTo>
                    <a:pt x="88" y="79"/>
                  </a:lnTo>
                  <a:lnTo>
                    <a:pt x="92" y="75"/>
                  </a:lnTo>
                  <a:lnTo>
                    <a:pt x="97" y="72"/>
                  </a:lnTo>
                  <a:lnTo>
                    <a:pt x="100" y="66"/>
                  </a:lnTo>
                  <a:lnTo>
                    <a:pt x="102" y="61"/>
                  </a:lnTo>
                  <a:lnTo>
                    <a:pt x="104" y="55"/>
                  </a:lnTo>
                  <a:lnTo>
                    <a:pt x="105" y="48"/>
                  </a:lnTo>
                  <a:lnTo>
                    <a:pt x="105" y="40"/>
                  </a:lnTo>
                  <a:lnTo>
                    <a:pt x="105" y="31"/>
                  </a:lnTo>
                  <a:lnTo>
                    <a:pt x="114" y="30"/>
                  </a:lnTo>
                  <a:lnTo>
                    <a:pt x="122" y="28"/>
                  </a:lnTo>
                  <a:lnTo>
                    <a:pt x="130" y="25"/>
                  </a:lnTo>
                  <a:lnTo>
                    <a:pt x="138" y="22"/>
                  </a:lnTo>
                  <a:lnTo>
                    <a:pt x="152" y="16"/>
                  </a:lnTo>
                  <a:lnTo>
                    <a:pt x="166" y="9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31" name="København"/>
            <p:cNvSpPr>
              <a:spLocks/>
            </p:cNvSpPr>
            <p:nvPr/>
          </p:nvSpPr>
          <p:spPr bwMode="auto">
            <a:xfrm>
              <a:off x="3970338" y="4908550"/>
              <a:ext cx="93662" cy="114300"/>
            </a:xfrm>
            <a:custGeom>
              <a:avLst/>
              <a:gdLst>
                <a:gd name="T0" fmla="*/ 80358 w 176"/>
                <a:gd name="T1" fmla="*/ 72162 h 217"/>
                <a:gd name="T2" fmla="*/ 72375 w 176"/>
                <a:gd name="T3" fmla="*/ 75849 h 217"/>
                <a:gd name="T4" fmla="*/ 63328 w 176"/>
                <a:gd name="T5" fmla="*/ 79536 h 217"/>
                <a:gd name="T6" fmla="*/ 53749 w 176"/>
                <a:gd name="T7" fmla="*/ 82696 h 217"/>
                <a:gd name="T8" fmla="*/ 48960 w 176"/>
                <a:gd name="T9" fmla="*/ 87964 h 217"/>
                <a:gd name="T10" fmla="*/ 48960 w 176"/>
                <a:gd name="T11" fmla="*/ 96918 h 217"/>
                <a:gd name="T12" fmla="*/ 46299 w 176"/>
                <a:gd name="T13" fmla="*/ 104819 h 217"/>
                <a:gd name="T14" fmla="*/ 38848 w 176"/>
                <a:gd name="T15" fmla="*/ 109033 h 217"/>
                <a:gd name="T16" fmla="*/ 23948 w 176"/>
                <a:gd name="T17" fmla="*/ 112193 h 217"/>
                <a:gd name="T18" fmla="*/ 10111 w 176"/>
                <a:gd name="T19" fmla="*/ 113773 h 217"/>
                <a:gd name="T20" fmla="*/ 4257 w 176"/>
                <a:gd name="T21" fmla="*/ 114300 h 217"/>
                <a:gd name="T22" fmla="*/ 1064 w 176"/>
                <a:gd name="T23" fmla="*/ 113773 h 217"/>
                <a:gd name="T24" fmla="*/ 532 w 176"/>
                <a:gd name="T25" fmla="*/ 108506 h 217"/>
                <a:gd name="T26" fmla="*/ 5322 w 176"/>
                <a:gd name="T27" fmla="*/ 101132 h 217"/>
                <a:gd name="T28" fmla="*/ 11176 w 176"/>
                <a:gd name="T29" fmla="*/ 93758 h 217"/>
                <a:gd name="T30" fmla="*/ 19690 w 176"/>
                <a:gd name="T31" fmla="*/ 81116 h 217"/>
                <a:gd name="T32" fmla="*/ 26609 w 176"/>
                <a:gd name="T33" fmla="*/ 68475 h 217"/>
                <a:gd name="T34" fmla="*/ 29269 w 176"/>
                <a:gd name="T35" fmla="*/ 60047 h 217"/>
                <a:gd name="T36" fmla="*/ 35123 w 176"/>
                <a:gd name="T37" fmla="*/ 48986 h 217"/>
                <a:gd name="T38" fmla="*/ 44702 w 176"/>
                <a:gd name="T39" fmla="*/ 36344 h 217"/>
                <a:gd name="T40" fmla="*/ 51621 w 176"/>
                <a:gd name="T41" fmla="*/ 26336 h 217"/>
                <a:gd name="T42" fmla="*/ 55346 w 176"/>
                <a:gd name="T43" fmla="*/ 18962 h 217"/>
                <a:gd name="T44" fmla="*/ 59603 w 176"/>
                <a:gd name="T45" fmla="*/ 13695 h 217"/>
                <a:gd name="T46" fmla="*/ 61732 w 176"/>
                <a:gd name="T47" fmla="*/ 11061 h 217"/>
                <a:gd name="T48" fmla="*/ 61200 w 176"/>
                <a:gd name="T49" fmla="*/ 3687 h 217"/>
                <a:gd name="T50" fmla="*/ 63328 w 176"/>
                <a:gd name="T51" fmla="*/ 0 h 217"/>
                <a:gd name="T52" fmla="*/ 67053 w 176"/>
                <a:gd name="T53" fmla="*/ 527 h 217"/>
                <a:gd name="T54" fmla="*/ 70779 w 176"/>
                <a:gd name="T55" fmla="*/ 2634 h 217"/>
                <a:gd name="T56" fmla="*/ 72907 w 176"/>
                <a:gd name="T57" fmla="*/ 5794 h 217"/>
                <a:gd name="T58" fmla="*/ 71843 w 176"/>
                <a:gd name="T59" fmla="*/ 7901 h 217"/>
                <a:gd name="T60" fmla="*/ 68118 w 176"/>
                <a:gd name="T61" fmla="*/ 10008 h 217"/>
                <a:gd name="T62" fmla="*/ 65457 w 176"/>
                <a:gd name="T63" fmla="*/ 11588 h 217"/>
                <a:gd name="T64" fmla="*/ 68118 w 176"/>
                <a:gd name="T65" fmla="*/ 12641 h 217"/>
                <a:gd name="T66" fmla="*/ 72907 w 176"/>
                <a:gd name="T67" fmla="*/ 12115 h 217"/>
                <a:gd name="T68" fmla="*/ 74504 w 176"/>
                <a:gd name="T69" fmla="*/ 15275 h 217"/>
                <a:gd name="T70" fmla="*/ 73972 w 176"/>
                <a:gd name="T71" fmla="*/ 21596 h 217"/>
                <a:gd name="T72" fmla="*/ 76100 w 176"/>
                <a:gd name="T73" fmla="*/ 31077 h 217"/>
                <a:gd name="T74" fmla="*/ 86212 w 176"/>
                <a:gd name="T75" fmla="*/ 51093 h 217"/>
                <a:gd name="T76" fmla="*/ 92598 w 176"/>
                <a:gd name="T77" fmla="*/ 64261 h 217"/>
                <a:gd name="T78" fmla="*/ 92065 w 176"/>
                <a:gd name="T79" fmla="*/ 67421 h 217"/>
                <a:gd name="T80" fmla="*/ 86212 w 176"/>
                <a:gd name="T81" fmla="*/ 70055 h 217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</a:gdLst>
              <a:ahLst/>
              <a:cxnLst>
                <a:cxn ang="T82">
                  <a:pos x="T0" y="T1"/>
                </a:cxn>
                <a:cxn ang="T83">
                  <a:pos x="T2" y="T3"/>
                </a:cxn>
                <a:cxn ang="T84">
                  <a:pos x="T4" y="T5"/>
                </a:cxn>
                <a:cxn ang="T85">
                  <a:pos x="T6" y="T7"/>
                </a:cxn>
                <a:cxn ang="T86">
                  <a:pos x="T8" y="T9"/>
                </a:cxn>
                <a:cxn ang="T87">
                  <a:pos x="T10" y="T11"/>
                </a:cxn>
                <a:cxn ang="T88">
                  <a:pos x="T12" y="T13"/>
                </a:cxn>
                <a:cxn ang="T89">
                  <a:pos x="T14" y="T15"/>
                </a:cxn>
                <a:cxn ang="T90">
                  <a:pos x="T16" y="T17"/>
                </a:cxn>
                <a:cxn ang="T91">
                  <a:pos x="T18" y="T19"/>
                </a:cxn>
                <a:cxn ang="T92">
                  <a:pos x="T20" y="T21"/>
                </a:cxn>
                <a:cxn ang="T93">
                  <a:pos x="T22" y="T23"/>
                </a:cxn>
                <a:cxn ang="T94">
                  <a:pos x="T24" y="T25"/>
                </a:cxn>
                <a:cxn ang="T95">
                  <a:pos x="T26" y="T27"/>
                </a:cxn>
                <a:cxn ang="T96">
                  <a:pos x="T28" y="T29"/>
                </a:cxn>
                <a:cxn ang="T97">
                  <a:pos x="T30" y="T31"/>
                </a:cxn>
                <a:cxn ang="T98">
                  <a:pos x="T32" y="T33"/>
                </a:cxn>
                <a:cxn ang="T99">
                  <a:pos x="T34" y="T35"/>
                </a:cxn>
                <a:cxn ang="T100">
                  <a:pos x="T36" y="T37"/>
                </a:cxn>
                <a:cxn ang="T101">
                  <a:pos x="T38" y="T39"/>
                </a:cxn>
                <a:cxn ang="T102">
                  <a:pos x="T40" y="T41"/>
                </a:cxn>
                <a:cxn ang="T103">
                  <a:pos x="T42" y="T43"/>
                </a:cxn>
                <a:cxn ang="T104">
                  <a:pos x="T44" y="T45"/>
                </a:cxn>
                <a:cxn ang="T105">
                  <a:pos x="T46" y="T47"/>
                </a:cxn>
                <a:cxn ang="T106">
                  <a:pos x="T48" y="T49"/>
                </a:cxn>
                <a:cxn ang="T107">
                  <a:pos x="T50" y="T51"/>
                </a:cxn>
                <a:cxn ang="T108">
                  <a:pos x="T52" y="T53"/>
                </a:cxn>
                <a:cxn ang="T109">
                  <a:pos x="T54" y="T55"/>
                </a:cxn>
                <a:cxn ang="T110">
                  <a:pos x="T56" y="T57"/>
                </a:cxn>
                <a:cxn ang="T111">
                  <a:pos x="T58" y="T59"/>
                </a:cxn>
                <a:cxn ang="T112">
                  <a:pos x="T60" y="T61"/>
                </a:cxn>
                <a:cxn ang="T113">
                  <a:pos x="T62" y="T63"/>
                </a:cxn>
                <a:cxn ang="T114">
                  <a:pos x="T64" y="T65"/>
                </a:cxn>
                <a:cxn ang="T115">
                  <a:pos x="T66" y="T67"/>
                </a:cxn>
                <a:cxn ang="T116">
                  <a:pos x="T68" y="T69"/>
                </a:cxn>
                <a:cxn ang="T117">
                  <a:pos x="T70" y="T71"/>
                </a:cxn>
                <a:cxn ang="T118">
                  <a:pos x="T72" y="T73"/>
                </a:cxn>
                <a:cxn ang="T119">
                  <a:pos x="T74" y="T75"/>
                </a:cxn>
                <a:cxn ang="T120">
                  <a:pos x="T76" y="T77"/>
                </a:cxn>
                <a:cxn ang="T121">
                  <a:pos x="T78" y="T79"/>
                </a:cxn>
                <a:cxn ang="T122">
                  <a:pos x="T80" y="T81"/>
                </a:cxn>
              </a:cxnLst>
              <a:rect l="0" t="0" r="r" b="b"/>
              <a:pathLst>
                <a:path w="176" h="217">
                  <a:moveTo>
                    <a:pt x="158" y="135"/>
                  </a:moveTo>
                  <a:lnTo>
                    <a:pt x="151" y="137"/>
                  </a:lnTo>
                  <a:lnTo>
                    <a:pt x="143" y="140"/>
                  </a:lnTo>
                  <a:lnTo>
                    <a:pt x="136" y="144"/>
                  </a:lnTo>
                  <a:lnTo>
                    <a:pt x="128" y="147"/>
                  </a:lnTo>
                  <a:lnTo>
                    <a:pt x="119" y="151"/>
                  </a:lnTo>
                  <a:lnTo>
                    <a:pt x="111" y="154"/>
                  </a:lnTo>
                  <a:lnTo>
                    <a:pt x="101" y="157"/>
                  </a:lnTo>
                  <a:lnTo>
                    <a:pt x="92" y="158"/>
                  </a:lnTo>
                  <a:lnTo>
                    <a:pt x="92" y="167"/>
                  </a:lnTo>
                  <a:lnTo>
                    <a:pt x="92" y="175"/>
                  </a:lnTo>
                  <a:lnTo>
                    <a:pt x="92" y="184"/>
                  </a:lnTo>
                  <a:lnTo>
                    <a:pt x="92" y="193"/>
                  </a:lnTo>
                  <a:lnTo>
                    <a:pt x="87" y="199"/>
                  </a:lnTo>
                  <a:lnTo>
                    <a:pt x="80" y="204"/>
                  </a:lnTo>
                  <a:lnTo>
                    <a:pt x="73" y="207"/>
                  </a:lnTo>
                  <a:lnTo>
                    <a:pt x="64" y="210"/>
                  </a:lnTo>
                  <a:lnTo>
                    <a:pt x="45" y="213"/>
                  </a:lnTo>
                  <a:lnTo>
                    <a:pt x="25" y="217"/>
                  </a:lnTo>
                  <a:lnTo>
                    <a:pt x="19" y="216"/>
                  </a:lnTo>
                  <a:lnTo>
                    <a:pt x="12" y="217"/>
                  </a:lnTo>
                  <a:lnTo>
                    <a:pt x="8" y="217"/>
                  </a:lnTo>
                  <a:lnTo>
                    <a:pt x="4" y="217"/>
                  </a:lnTo>
                  <a:lnTo>
                    <a:pt x="2" y="216"/>
                  </a:lnTo>
                  <a:lnTo>
                    <a:pt x="0" y="213"/>
                  </a:lnTo>
                  <a:lnTo>
                    <a:pt x="1" y="206"/>
                  </a:lnTo>
                  <a:lnTo>
                    <a:pt x="3" y="199"/>
                  </a:lnTo>
                  <a:lnTo>
                    <a:pt x="10" y="192"/>
                  </a:lnTo>
                  <a:lnTo>
                    <a:pt x="16" y="185"/>
                  </a:lnTo>
                  <a:lnTo>
                    <a:pt x="21" y="178"/>
                  </a:lnTo>
                  <a:lnTo>
                    <a:pt x="27" y="170"/>
                  </a:lnTo>
                  <a:lnTo>
                    <a:pt x="37" y="154"/>
                  </a:lnTo>
                  <a:lnTo>
                    <a:pt x="49" y="140"/>
                  </a:lnTo>
                  <a:lnTo>
                    <a:pt x="50" y="130"/>
                  </a:lnTo>
                  <a:lnTo>
                    <a:pt x="52" y="122"/>
                  </a:lnTo>
                  <a:lnTo>
                    <a:pt x="55" y="114"/>
                  </a:lnTo>
                  <a:lnTo>
                    <a:pt x="58" y="107"/>
                  </a:lnTo>
                  <a:lnTo>
                    <a:pt x="66" y="93"/>
                  </a:lnTo>
                  <a:lnTo>
                    <a:pt x="75" y="81"/>
                  </a:lnTo>
                  <a:lnTo>
                    <a:pt x="84" y="69"/>
                  </a:lnTo>
                  <a:lnTo>
                    <a:pt x="93" y="57"/>
                  </a:lnTo>
                  <a:lnTo>
                    <a:pt x="97" y="50"/>
                  </a:lnTo>
                  <a:lnTo>
                    <a:pt x="101" y="43"/>
                  </a:lnTo>
                  <a:lnTo>
                    <a:pt x="104" y="36"/>
                  </a:lnTo>
                  <a:lnTo>
                    <a:pt x="108" y="28"/>
                  </a:lnTo>
                  <a:lnTo>
                    <a:pt x="112" y="26"/>
                  </a:lnTo>
                  <a:lnTo>
                    <a:pt x="117" y="26"/>
                  </a:lnTo>
                  <a:lnTo>
                    <a:pt x="116" y="21"/>
                  </a:lnTo>
                  <a:lnTo>
                    <a:pt x="115" y="14"/>
                  </a:lnTo>
                  <a:lnTo>
                    <a:pt x="115" y="7"/>
                  </a:lnTo>
                  <a:lnTo>
                    <a:pt x="115" y="1"/>
                  </a:lnTo>
                  <a:lnTo>
                    <a:pt x="119" y="0"/>
                  </a:lnTo>
                  <a:lnTo>
                    <a:pt x="122" y="0"/>
                  </a:lnTo>
                  <a:lnTo>
                    <a:pt x="126" y="1"/>
                  </a:lnTo>
                  <a:lnTo>
                    <a:pt x="129" y="2"/>
                  </a:lnTo>
                  <a:lnTo>
                    <a:pt x="133" y="5"/>
                  </a:lnTo>
                  <a:lnTo>
                    <a:pt x="137" y="8"/>
                  </a:lnTo>
                  <a:lnTo>
                    <a:pt x="137" y="11"/>
                  </a:lnTo>
                  <a:lnTo>
                    <a:pt x="136" y="13"/>
                  </a:lnTo>
                  <a:lnTo>
                    <a:pt x="135" y="15"/>
                  </a:lnTo>
                  <a:lnTo>
                    <a:pt x="132" y="16"/>
                  </a:lnTo>
                  <a:lnTo>
                    <a:pt x="128" y="19"/>
                  </a:lnTo>
                  <a:lnTo>
                    <a:pt x="122" y="21"/>
                  </a:lnTo>
                  <a:lnTo>
                    <a:pt x="123" y="22"/>
                  </a:lnTo>
                  <a:lnTo>
                    <a:pt x="126" y="23"/>
                  </a:lnTo>
                  <a:lnTo>
                    <a:pt x="128" y="24"/>
                  </a:lnTo>
                  <a:lnTo>
                    <a:pt x="131" y="24"/>
                  </a:lnTo>
                  <a:lnTo>
                    <a:pt x="137" y="23"/>
                  </a:lnTo>
                  <a:lnTo>
                    <a:pt x="142" y="23"/>
                  </a:lnTo>
                  <a:lnTo>
                    <a:pt x="140" y="29"/>
                  </a:lnTo>
                  <a:lnTo>
                    <a:pt x="139" y="34"/>
                  </a:lnTo>
                  <a:lnTo>
                    <a:pt x="139" y="41"/>
                  </a:lnTo>
                  <a:lnTo>
                    <a:pt x="140" y="47"/>
                  </a:lnTo>
                  <a:lnTo>
                    <a:pt x="143" y="59"/>
                  </a:lnTo>
                  <a:lnTo>
                    <a:pt x="149" y="71"/>
                  </a:lnTo>
                  <a:lnTo>
                    <a:pt x="162" y="97"/>
                  </a:lnTo>
                  <a:lnTo>
                    <a:pt x="173" y="120"/>
                  </a:lnTo>
                  <a:lnTo>
                    <a:pt x="174" y="122"/>
                  </a:lnTo>
                  <a:lnTo>
                    <a:pt x="176" y="125"/>
                  </a:lnTo>
                  <a:lnTo>
                    <a:pt x="173" y="128"/>
                  </a:lnTo>
                  <a:lnTo>
                    <a:pt x="168" y="130"/>
                  </a:lnTo>
                  <a:lnTo>
                    <a:pt x="162" y="133"/>
                  </a:lnTo>
                  <a:lnTo>
                    <a:pt x="158" y="135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32" name="København kant"/>
            <p:cNvSpPr>
              <a:spLocks/>
            </p:cNvSpPr>
            <p:nvPr/>
          </p:nvSpPr>
          <p:spPr bwMode="auto">
            <a:xfrm>
              <a:off x="3970338" y="4908550"/>
              <a:ext cx="93662" cy="114300"/>
            </a:xfrm>
            <a:custGeom>
              <a:avLst/>
              <a:gdLst>
                <a:gd name="T0" fmla="*/ 80358 w 176"/>
                <a:gd name="T1" fmla="*/ 72162 h 217"/>
                <a:gd name="T2" fmla="*/ 72375 w 176"/>
                <a:gd name="T3" fmla="*/ 75849 h 217"/>
                <a:gd name="T4" fmla="*/ 63328 w 176"/>
                <a:gd name="T5" fmla="*/ 79536 h 217"/>
                <a:gd name="T6" fmla="*/ 53749 w 176"/>
                <a:gd name="T7" fmla="*/ 82696 h 217"/>
                <a:gd name="T8" fmla="*/ 48960 w 176"/>
                <a:gd name="T9" fmla="*/ 87964 h 217"/>
                <a:gd name="T10" fmla="*/ 48960 w 176"/>
                <a:gd name="T11" fmla="*/ 96918 h 217"/>
                <a:gd name="T12" fmla="*/ 46299 w 176"/>
                <a:gd name="T13" fmla="*/ 104819 h 217"/>
                <a:gd name="T14" fmla="*/ 38848 w 176"/>
                <a:gd name="T15" fmla="*/ 109033 h 217"/>
                <a:gd name="T16" fmla="*/ 23948 w 176"/>
                <a:gd name="T17" fmla="*/ 112193 h 217"/>
                <a:gd name="T18" fmla="*/ 10111 w 176"/>
                <a:gd name="T19" fmla="*/ 113773 h 217"/>
                <a:gd name="T20" fmla="*/ 4257 w 176"/>
                <a:gd name="T21" fmla="*/ 114300 h 217"/>
                <a:gd name="T22" fmla="*/ 1064 w 176"/>
                <a:gd name="T23" fmla="*/ 113773 h 217"/>
                <a:gd name="T24" fmla="*/ 532 w 176"/>
                <a:gd name="T25" fmla="*/ 108506 h 217"/>
                <a:gd name="T26" fmla="*/ 5322 w 176"/>
                <a:gd name="T27" fmla="*/ 101132 h 217"/>
                <a:gd name="T28" fmla="*/ 11176 w 176"/>
                <a:gd name="T29" fmla="*/ 93758 h 217"/>
                <a:gd name="T30" fmla="*/ 19690 w 176"/>
                <a:gd name="T31" fmla="*/ 81116 h 217"/>
                <a:gd name="T32" fmla="*/ 26609 w 176"/>
                <a:gd name="T33" fmla="*/ 68475 h 217"/>
                <a:gd name="T34" fmla="*/ 29269 w 176"/>
                <a:gd name="T35" fmla="*/ 60047 h 217"/>
                <a:gd name="T36" fmla="*/ 35123 w 176"/>
                <a:gd name="T37" fmla="*/ 48986 h 217"/>
                <a:gd name="T38" fmla="*/ 44702 w 176"/>
                <a:gd name="T39" fmla="*/ 36344 h 217"/>
                <a:gd name="T40" fmla="*/ 51621 w 176"/>
                <a:gd name="T41" fmla="*/ 26336 h 217"/>
                <a:gd name="T42" fmla="*/ 55346 w 176"/>
                <a:gd name="T43" fmla="*/ 18962 h 217"/>
                <a:gd name="T44" fmla="*/ 59603 w 176"/>
                <a:gd name="T45" fmla="*/ 13695 h 217"/>
                <a:gd name="T46" fmla="*/ 61732 w 176"/>
                <a:gd name="T47" fmla="*/ 11061 h 217"/>
                <a:gd name="T48" fmla="*/ 61200 w 176"/>
                <a:gd name="T49" fmla="*/ 3687 h 217"/>
                <a:gd name="T50" fmla="*/ 63328 w 176"/>
                <a:gd name="T51" fmla="*/ 0 h 217"/>
                <a:gd name="T52" fmla="*/ 67053 w 176"/>
                <a:gd name="T53" fmla="*/ 527 h 217"/>
                <a:gd name="T54" fmla="*/ 70779 w 176"/>
                <a:gd name="T55" fmla="*/ 2634 h 217"/>
                <a:gd name="T56" fmla="*/ 72907 w 176"/>
                <a:gd name="T57" fmla="*/ 5794 h 217"/>
                <a:gd name="T58" fmla="*/ 71843 w 176"/>
                <a:gd name="T59" fmla="*/ 7901 h 217"/>
                <a:gd name="T60" fmla="*/ 68118 w 176"/>
                <a:gd name="T61" fmla="*/ 10008 h 217"/>
                <a:gd name="T62" fmla="*/ 65457 w 176"/>
                <a:gd name="T63" fmla="*/ 11588 h 217"/>
                <a:gd name="T64" fmla="*/ 68118 w 176"/>
                <a:gd name="T65" fmla="*/ 12641 h 217"/>
                <a:gd name="T66" fmla="*/ 72907 w 176"/>
                <a:gd name="T67" fmla="*/ 12115 h 217"/>
                <a:gd name="T68" fmla="*/ 74504 w 176"/>
                <a:gd name="T69" fmla="*/ 15275 h 217"/>
                <a:gd name="T70" fmla="*/ 73972 w 176"/>
                <a:gd name="T71" fmla="*/ 21596 h 217"/>
                <a:gd name="T72" fmla="*/ 76100 w 176"/>
                <a:gd name="T73" fmla="*/ 31077 h 217"/>
                <a:gd name="T74" fmla="*/ 86212 w 176"/>
                <a:gd name="T75" fmla="*/ 51093 h 217"/>
                <a:gd name="T76" fmla="*/ 92598 w 176"/>
                <a:gd name="T77" fmla="*/ 64261 h 217"/>
                <a:gd name="T78" fmla="*/ 92065 w 176"/>
                <a:gd name="T79" fmla="*/ 67421 h 217"/>
                <a:gd name="T80" fmla="*/ 86212 w 176"/>
                <a:gd name="T81" fmla="*/ 70055 h 217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</a:gdLst>
              <a:ahLst/>
              <a:cxnLst>
                <a:cxn ang="T82">
                  <a:pos x="T0" y="T1"/>
                </a:cxn>
                <a:cxn ang="T83">
                  <a:pos x="T2" y="T3"/>
                </a:cxn>
                <a:cxn ang="T84">
                  <a:pos x="T4" y="T5"/>
                </a:cxn>
                <a:cxn ang="T85">
                  <a:pos x="T6" y="T7"/>
                </a:cxn>
                <a:cxn ang="T86">
                  <a:pos x="T8" y="T9"/>
                </a:cxn>
                <a:cxn ang="T87">
                  <a:pos x="T10" y="T11"/>
                </a:cxn>
                <a:cxn ang="T88">
                  <a:pos x="T12" y="T13"/>
                </a:cxn>
                <a:cxn ang="T89">
                  <a:pos x="T14" y="T15"/>
                </a:cxn>
                <a:cxn ang="T90">
                  <a:pos x="T16" y="T17"/>
                </a:cxn>
                <a:cxn ang="T91">
                  <a:pos x="T18" y="T19"/>
                </a:cxn>
                <a:cxn ang="T92">
                  <a:pos x="T20" y="T21"/>
                </a:cxn>
                <a:cxn ang="T93">
                  <a:pos x="T22" y="T23"/>
                </a:cxn>
                <a:cxn ang="T94">
                  <a:pos x="T24" y="T25"/>
                </a:cxn>
                <a:cxn ang="T95">
                  <a:pos x="T26" y="T27"/>
                </a:cxn>
                <a:cxn ang="T96">
                  <a:pos x="T28" y="T29"/>
                </a:cxn>
                <a:cxn ang="T97">
                  <a:pos x="T30" y="T31"/>
                </a:cxn>
                <a:cxn ang="T98">
                  <a:pos x="T32" y="T33"/>
                </a:cxn>
                <a:cxn ang="T99">
                  <a:pos x="T34" y="T35"/>
                </a:cxn>
                <a:cxn ang="T100">
                  <a:pos x="T36" y="T37"/>
                </a:cxn>
                <a:cxn ang="T101">
                  <a:pos x="T38" y="T39"/>
                </a:cxn>
                <a:cxn ang="T102">
                  <a:pos x="T40" y="T41"/>
                </a:cxn>
                <a:cxn ang="T103">
                  <a:pos x="T42" y="T43"/>
                </a:cxn>
                <a:cxn ang="T104">
                  <a:pos x="T44" y="T45"/>
                </a:cxn>
                <a:cxn ang="T105">
                  <a:pos x="T46" y="T47"/>
                </a:cxn>
                <a:cxn ang="T106">
                  <a:pos x="T48" y="T49"/>
                </a:cxn>
                <a:cxn ang="T107">
                  <a:pos x="T50" y="T51"/>
                </a:cxn>
                <a:cxn ang="T108">
                  <a:pos x="T52" y="T53"/>
                </a:cxn>
                <a:cxn ang="T109">
                  <a:pos x="T54" y="T55"/>
                </a:cxn>
                <a:cxn ang="T110">
                  <a:pos x="T56" y="T57"/>
                </a:cxn>
                <a:cxn ang="T111">
                  <a:pos x="T58" y="T59"/>
                </a:cxn>
                <a:cxn ang="T112">
                  <a:pos x="T60" y="T61"/>
                </a:cxn>
                <a:cxn ang="T113">
                  <a:pos x="T62" y="T63"/>
                </a:cxn>
                <a:cxn ang="T114">
                  <a:pos x="T64" y="T65"/>
                </a:cxn>
                <a:cxn ang="T115">
                  <a:pos x="T66" y="T67"/>
                </a:cxn>
                <a:cxn ang="T116">
                  <a:pos x="T68" y="T69"/>
                </a:cxn>
                <a:cxn ang="T117">
                  <a:pos x="T70" y="T71"/>
                </a:cxn>
                <a:cxn ang="T118">
                  <a:pos x="T72" y="T73"/>
                </a:cxn>
                <a:cxn ang="T119">
                  <a:pos x="T74" y="T75"/>
                </a:cxn>
                <a:cxn ang="T120">
                  <a:pos x="T76" y="T77"/>
                </a:cxn>
                <a:cxn ang="T121">
                  <a:pos x="T78" y="T79"/>
                </a:cxn>
                <a:cxn ang="T122">
                  <a:pos x="T80" y="T81"/>
                </a:cxn>
              </a:cxnLst>
              <a:rect l="0" t="0" r="r" b="b"/>
              <a:pathLst>
                <a:path w="176" h="217">
                  <a:moveTo>
                    <a:pt x="158" y="135"/>
                  </a:moveTo>
                  <a:lnTo>
                    <a:pt x="151" y="137"/>
                  </a:lnTo>
                  <a:lnTo>
                    <a:pt x="143" y="140"/>
                  </a:lnTo>
                  <a:lnTo>
                    <a:pt x="136" y="144"/>
                  </a:lnTo>
                  <a:lnTo>
                    <a:pt x="128" y="147"/>
                  </a:lnTo>
                  <a:lnTo>
                    <a:pt x="119" y="151"/>
                  </a:lnTo>
                  <a:lnTo>
                    <a:pt x="111" y="154"/>
                  </a:lnTo>
                  <a:lnTo>
                    <a:pt x="101" y="157"/>
                  </a:lnTo>
                  <a:lnTo>
                    <a:pt x="92" y="158"/>
                  </a:lnTo>
                  <a:lnTo>
                    <a:pt x="92" y="167"/>
                  </a:lnTo>
                  <a:lnTo>
                    <a:pt x="92" y="175"/>
                  </a:lnTo>
                  <a:lnTo>
                    <a:pt x="92" y="184"/>
                  </a:lnTo>
                  <a:lnTo>
                    <a:pt x="92" y="193"/>
                  </a:lnTo>
                  <a:lnTo>
                    <a:pt x="87" y="199"/>
                  </a:lnTo>
                  <a:lnTo>
                    <a:pt x="80" y="204"/>
                  </a:lnTo>
                  <a:lnTo>
                    <a:pt x="73" y="207"/>
                  </a:lnTo>
                  <a:lnTo>
                    <a:pt x="64" y="210"/>
                  </a:lnTo>
                  <a:lnTo>
                    <a:pt x="45" y="213"/>
                  </a:lnTo>
                  <a:lnTo>
                    <a:pt x="25" y="217"/>
                  </a:lnTo>
                  <a:lnTo>
                    <a:pt x="19" y="216"/>
                  </a:lnTo>
                  <a:lnTo>
                    <a:pt x="12" y="217"/>
                  </a:lnTo>
                  <a:lnTo>
                    <a:pt x="8" y="217"/>
                  </a:lnTo>
                  <a:lnTo>
                    <a:pt x="4" y="217"/>
                  </a:lnTo>
                  <a:lnTo>
                    <a:pt x="2" y="216"/>
                  </a:lnTo>
                  <a:lnTo>
                    <a:pt x="0" y="213"/>
                  </a:lnTo>
                  <a:lnTo>
                    <a:pt x="1" y="206"/>
                  </a:lnTo>
                  <a:lnTo>
                    <a:pt x="3" y="199"/>
                  </a:lnTo>
                  <a:lnTo>
                    <a:pt x="10" y="192"/>
                  </a:lnTo>
                  <a:lnTo>
                    <a:pt x="16" y="185"/>
                  </a:lnTo>
                  <a:lnTo>
                    <a:pt x="21" y="178"/>
                  </a:lnTo>
                  <a:lnTo>
                    <a:pt x="27" y="170"/>
                  </a:lnTo>
                  <a:lnTo>
                    <a:pt x="37" y="154"/>
                  </a:lnTo>
                  <a:lnTo>
                    <a:pt x="49" y="140"/>
                  </a:lnTo>
                  <a:lnTo>
                    <a:pt x="50" y="130"/>
                  </a:lnTo>
                  <a:lnTo>
                    <a:pt x="52" y="122"/>
                  </a:lnTo>
                  <a:lnTo>
                    <a:pt x="55" y="114"/>
                  </a:lnTo>
                  <a:lnTo>
                    <a:pt x="58" y="107"/>
                  </a:lnTo>
                  <a:lnTo>
                    <a:pt x="66" y="93"/>
                  </a:lnTo>
                  <a:lnTo>
                    <a:pt x="75" y="81"/>
                  </a:lnTo>
                  <a:lnTo>
                    <a:pt x="84" y="69"/>
                  </a:lnTo>
                  <a:lnTo>
                    <a:pt x="93" y="57"/>
                  </a:lnTo>
                  <a:lnTo>
                    <a:pt x="97" y="50"/>
                  </a:lnTo>
                  <a:lnTo>
                    <a:pt x="101" y="43"/>
                  </a:lnTo>
                  <a:lnTo>
                    <a:pt x="104" y="36"/>
                  </a:lnTo>
                  <a:lnTo>
                    <a:pt x="108" y="28"/>
                  </a:lnTo>
                  <a:lnTo>
                    <a:pt x="112" y="26"/>
                  </a:lnTo>
                  <a:lnTo>
                    <a:pt x="117" y="26"/>
                  </a:lnTo>
                  <a:lnTo>
                    <a:pt x="116" y="21"/>
                  </a:lnTo>
                  <a:lnTo>
                    <a:pt x="115" y="14"/>
                  </a:lnTo>
                  <a:lnTo>
                    <a:pt x="115" y="7"/>
                  </a:lnTo>
                  <a:lnTo>
                    <a:pt x="115" y="1"/>
                  </a:lnTo>
                  <a:lnTo>
                    <a:pt x="119" y="0"/>
                  </a:lnTo>
                  <a:lnTo>
                    <a:pt x="122" y="0"/>
                  </a:lnTo>
                  <a:lnTo>
                    <a:pt x="126" y="1"/>
                  </a:lnTo>
                  <a:lnTo>
                    <a:pt x="129" y="2"/>
                  </a:lnTo>
                  <a:lnTo>
                    <a:pt x="133" y="5"/>
                  </a:lnTo>
                  <a:lnTo>
                    <a:pt x="137" y="8"/>
                  </a:lnTo>
                  <a:lnTo>
                    <a:pt x="137" y="11"/>
                  </a:lnTo>
                  <a:lnTo>
                    <a:pt x="136" y="13"/>
                  </a:lnTo>
                  <a:lnTo>
                    <a:pt x="135" y="15"/>
                  </a:lnTo>
                  <a:lnTo>
                    <a:pt x="132" y="16"/>
                  </a:lnTo>
                  <a:lnTo>
                    <a:pt x="128" y="19"/>
                  </a:lnTo>
                  <a:lnTo>
                    <a:pt x="122" y="21"/>
                  </a:lnTo>
                  <a:lnTo>
                    <a:pt x="123" y="22"/>
                  </a:lnTo>
                  <a:lnTo>
                    <a:pt x="126" y="23"/>
                  </a:lnTo>
                  <a:lnTo>
                    <a:pt x="128" y="24"/>
                  </a:lnTo>
                  <a:lnTo>
                    <a:pt x="131" y="24"/>
                  </a:lnTo>
                  <a:lnTo>
                    <a:pt x="137" y="23"/>
                  </a:lnTo>
                  <a:lnTo>
                    <a:pt x="142" y="23"/>
                  </a:lnTo>
                  <a:lnTo>
                    <a:pt x="140" y="29"/>
                  </a:lnTo>
                  <a:lnTo>
                    <a:pt x="139" y="34"/>
                  </a:lnTo>
                  <a:lnTo>
                    <a:pt x="139" y="41"/>
                  </a:lnTo>
                  <a:lnTo>
                    <a:pt x="140" y="47"/>
                  </a:lnTo>
                  <a:lnTo>
                    <a:pt x="143" y="59"/>
                  </a:lnTo>
                  <a:lnTo>
                    <a:pt x="149" y="71"/>
                  </a:lnTo>
                  <a:lnTo>
                    <a:pt x="162" y="97"/>
                  </a:lnTo>
                  <a:lnTo>
                    <a:pt x="173" y="120"/>
                  </a:lnTo>
                  <a:lnTo>
                    <a:pt x="174" y="122"/>
                  </a:lnTo>
                  <a:lnTo>
                    <a:pt x="176" y="125"/>
                  </a:lnTo>
                  <a:lnTo>
                    <a:pt x="173" y="128"/>
                  </a:lnTo>
                  <a:lnTo>
                    <a:pt x="168" y="130"/>
                  </a:lnTo>
                  <a:lnTo>
                    <a:pt x="162" y="133"/>
                  </a:lnTo>
                  <a:lnTo>
                    <a:pt x="158" y="135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33" name="København"/>
            <p:cNvSpPr>
              <a:spLocks/>
            </p:cNvSpPr>
            <p:nvPr/>
          </p:nvSpPr>
          <p:spPr bwMode="auto">
            <a:xfrm>
              <a:off x="3913188" y="4868863"/>
              <a:ext cx="123825" cy="125412"/>
            </a:xfrm>
            <a:custGeom>
              <a:avLst/>
              <a:gdLst>
                <a:gd name="T0" fmla="*/ 11642 w 234"/>
                <a:gd name="T1" fmla="*/ 55266 h 236"/>
                <a:gd name="T2" fmla="*/ 9525 w 234"/>
                <a:gd name="T3" fmla="*/ 48358 h 236"/>
                <a:gd name="T4" fmla="*/ 8996 w 234"/>
                <a:gd name="T5" fmla="*/ 39324 h 236"/>
                <a:gd name="T6" fmla="*/ 1588 w 234"/>
                <a:gd name="T7" fmla="*/ 36136 h 236"/>
                <a:gd name="T8" fmla="*/ 0 w 234"/>
                <a:gd name="T9" fmla="*/ 31884 h 236"/>
                <a:gd name="T10" fmla="*/ 1588 w 234"/>
                <a:gd name="T11" fmla="*/ 27633 h 236"/>
                <a:gd name="T12" fmla="*/ 5292 w 234"/>
                <a:gd name="T13" fmla="*/ 24976 h 236"/>
                <a:gd name="T14" fmla="*/ 10583 w 234"/>
                <a:gd name="T15" fmla="*/ 21788 h 236"/>
                <a:gd name="T16" fmla="*/ 16933 w 234"/>
                <a:gd name="T17" fmla="*/ 16474 h 236"/>
                <a:gd name="T18" fmla="*/ 26458 w 234"/>
                <a:gd name="T19" fmla="*/ 14879 h 236"/>
                <a:gd name="T20" fmla="*/ 39688 w 234"/>
                <a:gd name="T21" fmla="*/ 17536 h 236"/>
                <a:gd name="T22" fmla="*/ 43392 w 234"/>
                <a:gd name="T23" fmla="*/ 14348 h 236"/>
                <a:gd name="T24" fmla="*/ 46567 w 234"/>
                <a:gd name="T25" fmla="*/ 9565 h 236"/>
                <a:gd name="T26" fmla="*/ 53975 w 234"/>
                <a:gd name="T27" fmla="*/ 7971 h 236"/>
                <a:gd name="T28" fmla="*/ 68263 w 234"/>
                <a:gd name="T29" fmla="*/ 11160 h 236"/>
                <a:gd name="T30" fmla="*/ 77258 w 234"/>
                <a:gd name="T31" fmla="*/ 8503 h 236"/>
                <a:gd name="T32" fmla="*/ 79904 w 234"/>
                <a:gd name="T33" fmla="*/ 0 h 236"/>
                <a:gd name="T34" fmla="*/ 86783 w 234"/>
                <a:gd name="T35" fmla="*/ 2657 h 236"/>
                <a:gd name="T36" fmla="*/ 91017 w 234"/>
                <a:gd name="T37" fmla="*/ 7440 h 236"/>
                <a:gd name="T38" fmla="*/ 95250 w 234"/>
                <a:gd name="T39" fmla="*/ 10628 h 236"/>
                <a:gd name="T40" fmla="*/ 98425 w 234"/>
                <a:gd name="T41" fmla="*/ 13817 h 236"/>
                <a:gd name="T42" fmla="*/ 104246 w 234"/>
                <a:gd name="T43" fmla="*/ 17005 h 236"/>
                <a:gd name="T44" fmla="*/ 104775 w 234"/>
                <a:gd name="T45" fmla="*/ 13817 h 236"/>
                <a:gd name="T46" fmla="*/ 107421 w 234"/>
                <a:gd name="T47" fmla="*/ 9565 h 236"/>
                <a:gd name="T48" fmla="*/ 109538 w 234"/>
                <a:gd name="T49" fmla="*/ 4783 h 236"/>
                <a:gd name="T50" fmla="*/ 123825 w 234"/>
                <a:gd name="T51" fmla="*/ 9565 h 236"/>
                <a:gd name="T52" fmla="*/ 119592 w 234"/>
                <a:gd name="T53" fmla="*/ 10628 h 236"/>
                <a:gd name="T54" fmla="*/ 118004 w 234"/>
                <a:gd name="T55" fmla="*/ 12222 h 236"/>
                <a:gd name="T56" fmla="*/ 116946 w 234"/>
                <a:gd name="T57" fmla="*/ 14879 h 236"/>
                <a:gd name="T58" fmla="*/ 111125 w 234"/>
                <a:gd name="T59" fmla="*/ 13285 h 236"/>
                <a:gd name="T60" fmla="*/ 109538 w 234"/>
                <a:gd name="T61" fmla="*/ 16474 h 236"/>
                <a:gd name="T62" fmla="*/ 114300 w 234"/>
                <a:gd name="T63" fmla="*/ 17536 h 236"/>
                <a:gd name="T64" fmla="*/ 116417 w 234"/>
                <a:gd name="T65" fmla="*/ 21256 h 236"/>
                <a:gd name="T66" fmla="*/ 111125 w 234"/>
                <a:gd name="T67" fmla="*/ 21788 h 236"/>
                <a:gd name="T68" fmla="*/ 109538 w 234"/>
                <a:gd name="T69" fmla="*/ 23913 h 236"/>
                <a:gd name="T70" fmla="*/ 106892 w 234"/>
                <a:gd name="T71" fmla="*/ 24976 h 236"/>
                <a:gd name="T72" fmla="*/ 105304 w 234"/>
                <a:gd name="T73" fmla="*/ 31884 h 236"/>
                <a:gd name="T74" fmla="*/ 106892 w 234"/>
                <a:gd name="T75" fmla="*/ 39324 h 236"/>
                <a:gd name="T76" fmla="*/ 109538 w 234"/>
                <a:gd name="T77" fmla="*/ 40387 h 236"/>
                <a:gd name="T78" fmla="*/ 110596 w 234"/>
                <a:gd name="T79" fmla="*/ 34541 h 236"/>
                <a:gd name="T80" fmla="*/ 111125 w 234"/>
                <a:gd name="T81" fmla="*/ 46764 h 236"/>
                <a:gd name="T82" fmla="*/ 98954 w 234"/>
                <a:gd name="T83" fmla="*/ 69614 h 236"/>
                <a:gd name="T84" fmla="*/ 85196 w 234"/>
                <a:gd name="T85" fmla="*/ 90339 h 236"/>
                <a:gd name="T86" fmla="*/ 79904 w 234"/>
                <a:gd name="T87" fmla="*/ 102030 h 236"/>
                <a:gd name="T88" fmla="*/ 72496 w 234"/>
                <a:gd name="T89" fmla="*/ 103624 h 236"/>
                <a:gd name="T90" fmla="*/ 72496 w 234"/>
                <a:gd name="T91" fmla="*/ 108407 h 236"/>
                <a:gd name="T92" fmla="*/ 76200 w 234"/>
                <a:gd name="T93" fmla="*/ 108938 h 236"/>
                <a:gd name="T94" fmla="*/ 65617 w 234"/>
                <a:gd name="T95" fmla="*/ 124881 h 236"/>
                <a:gd name="T96" fmla="*/ 64558 w 234"/>
                <a:gd name="T97" fmla="*/ 124349 h 236"/>
                <a:gd name="T98" fmla="*/ 62442 w 234"/>
                <a:gd name="T99" fmla="*/ 119567 h 236"/>
                <a:gd name="T100" fmla="*/ 57679 w 234"/>
                <a:gd name="T101" fmla="*/ 119567 h 236"/>
                <a:gd name="T102" fmla="*/ 52917 w 234"/>
                <a:gd name="T103" fmla="*/ 123818 h 236"/>
                <a:gd name="T104" fmla="*/ 33338 w 234"/>
                <a:gd name="T105" fmla="*/ 113190 h 236"/>
                <a:gd name="T106" fmla="*/ 26988 w 234"/>
                <a:gd name="T107" fmla="*/ 103624 h 236"/>
                <a:gd name="T108" fmla="*/ 22754 w 234"/>
                <a:gd name="T109" fmla="*/ 99373 h 236"/>
                <a:gd name="T110" fmla="*/ 22225 w 234"/>
                <a:gd name="T111" fmla="*/ 88745 h 236"/>
                <a:gd name="T112" fmla="*/ 20108 w 234"/>
                <a:gd name="T113" fmla="*/ 85025 h 236"/>
                <a:gd name="T114" fmla="*/ 17463 w 234"/>
                <a:gd name="T115" fmla="*/ 75460 h 236"/>
                <a:gd name="T116" fmla="*/ 11642 w 234"/>
                <a:gd name="T117" fmla="*/ 62175 h 2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234" h="236">
                  <a:moveTo>
                    <a:pt x="22" y="117"/>
                  </a:moveTo>
                  <a:lnTo>
                    <a:pt x="23" y="109"/>
                  </a:lnTo>
                  <a:lnTo>
                    <a:pt x="22" y="104"/>
                  </a:lnTo>
                  <a:lnTo>
                    <a:pt x="21" y="99"/>
                  </a:lnTo>
                  <a:lnTo>
                    <a:pt x="20" y="95"/>
                  </a:lnTo>
                  <a:lnTo>
                    <a:pt x="18" y="91"/>
                  </a:lnTo>
                  <a:lnTo>
                    <a:pt x="17" y="85"/>
                  </a:lnTo>
                  <a:lnTo>
                    <a:pt x="17" y="80"/>
                  </a:lnTo>
                  <a:lnTo>
                    <a:pt x="17" y="74"/>
                  </a:lnTo>
                  <a:lnTo>
                    <a:pt x="11" y="71"/>
                  </a:lnTo>
                  <a:lnTo>
                    <a:pt x="6" y="69"/>
                  </a:lnTo>
                  <a:lnTo>
                    <a:pt x="3" y="68"/>
                  </a:lnTo>
                  <a:lnTo>
                    <a:pt x="1" y="66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7"/>
                  </a:lnTo>
                  <a:lnTo>
                    <a:pt x="1" y="54"/>
                  </a:lnTo>
                  <a:lnTo>
                    <a:pt x="3" y="52"/>
                  </a:lnTo>
                  <a:lnTo>
                    <a:pt x="5" y="51"/>
                  </a:lnTo>
                  <a:lnTo>
                    <a:pt x="8" y="48"/>
                  </a:lnTo>
                  <a:lnTo>
                    <a:pt x="10" y="47"/>
                  </a:lnTo>
                  <a:lnTo>
                    <a:pt x="13" y="45"/>
                  </a:lnTo>
                  <a:lnTo>
                    <a:pt x="15" y="43"/>
                  </a:lnTo>
                  <a:lnTo>
                    <a:pt x="20" y="41"/>
                  </a:lnTo>
                  <a:lnTo>
                    <a:pt x="25" y="38"/>
                  </a:lnTo>
                  <a:lnTo>
                    <a:pt x="28" y="34"/>
                  </a:lnTo>
                  <a:lnTo>
                    <a:pt x="32" y="31"/>
                  </a:lnTo>
                  <a:lnTo>
                    <a:pt x="37" y="27"/>
                  </a:lnTo>
                  <a:lnTo>
                    <a:pt x="40" y="25"/>
                  </a:lnTo>
                  <a:lnTo>
                    <a:pt x="50" y="28"/>
                  </a:lnTo>
                  <a:lnTo>
                    <a:pt x="63" y="32"/>
                  </a:lnTo>
                  <a:lnTo>
                    <a:pt x="69" y="33"/>
                  </a:lnTo>
                  <a:lnTo>
                    <a:pt x="75" y="33"/>
                  </a:lnTo>
                  <a:lnTo>
                    <a:pt x="78" y="32"/>
                  </a:lnTo>
                  <a:lnTo>
                    <a:pt x="80" y="29"/>
                  </a:lnTo>
                  <a:lnTo>
                    <a:pt x="82" y="27"/>
                  </a:lnTo>
                  <a:lnTo>
                    <a:pt x="83" y="25"/>
                  </a:lnTo>
                  <a:lnTo>
                    <a:pt x="85" y="21"/>
                  </a:lnTo>
                  <a:lnTo>
                    <a:pt x="88" y="18"/>
                  </a:lnTo>
                  <a:lnTo>
                    <a:pt x="91" y="16"/>
                  </a:lnTo>
                  <a:lnTo>
                    <a:pt x="95" y="15"/>
                  </a:lnTo>
                  <a:lnTo>
                    <a:pt x="102" y="15"/>
                  </a:lnTo>
                  <a:lnTo>
                    <a:pt x="110" y="16"/>
                  </a:lnTo>
                  <a:lnTo>
                    <a:pt x="120" y="19"/>
                  </a:lnTo>
                  <a:lnTo>
                    <a:pt x="129" y="21"/>
                  </a:lnTo>
                  <a:lnTo>
                    <a:pt x="138" y="22"/>
                  </a:lnTo>
                  <a:lnTo>
                    <a:pt x="146" y="22"/>
                  </a:lnTo>
                  <a:lnTo>
                    <a:pt x="146" y="16"/>
                  </a:lnTo>
                  <a:lnTo>
                    <a:pt x="147" y="9"/>
                  </a:lnTo>
                  <a:lnTo>
                    <a:pt x="148" y="3"/>
                  </a:lnTo>
                  <a:lnTo>
                    <a:pt x="151" y="0"/>
                  </a:lnTo>
                  <a:lnTo>
                    <a:pt x="157" y="0"/>
                  </a:lnTo>
                  <a:lnTo>
                    <a:pt x="161" y="2"/>
                  </a:lnTo>
                  <a:lnTo>
                    <a:pt x="164" y="5"/>
                  </a:lnTo>
                  <a:lnTo>
                    <a:pt x="166" y="7"/>
                  </a:lnTo>
                  <a:lnTo>
                    <a:pt x="169" y="11"/>
                  </a:lnTo>
                  <a:lnTo>
                    <a:pt x="172" y="14"/>
                  </a:lnTo>
                  <a:lnTo>
                    <a:pt x="176" y="16"/>
                  </a:lnTo>
                  <a:lnTo>
                    <a:pt x="180" y="17"/>
                  </a:lnTo>
                  <a:lnTo>
                    <a:pt x="180" y="20"/>
                  </a:lnTo>
                  <a:lnTo>
                    <a:pt x="182" y="23"/>
                  </a:lnTo>
                  <a:lnTo>
                    <a:pt x="184" y="25"/>
                  </a:lnTo>
                  <a:lnTo>
                    <a:pt x="186" y="26"/>
                  </a:lnTo>
                  <a:lnTo>
                    <a:pt x="190" y="29"/>
                  </a:lnTo>
                  <a:lnTo>
                    <a:pt x="195" y="33"/>
                  </a:lnTo>
                  <a:lnTo>
                    <a:pt x="197" y="32"/>
                  </a:lnTo>
                  <a:lnTo>
                    <a:pt x="198" y="31"/>
                  </a:lnTo>
                  <a:lnTo>
                    <a:pt x="198" y="28"/>
                  </a:lnTo>
                  <a:lnTo>
                    <a:pt x="198" y="26"/>
                  </a:lnTo>
                  <a:lnTo>
                    <a:pt x="197" y="21"/>
                  </a:lnTo>
                  <a:lnTo>
                    <a:pt x="198" y="17"/>
                  </a:lnTo>
                  <a:lnTo>
                    <a:pt x="203" y="18"/>
                  </a:lnTo>
                  <a:lnTo>
                    <a:pt x="206" y="19"/>
                  </a:lnTo>
                  <a:lnTo>
                    <a:pt x="207" y="17"/>
                  </a:lnTo>
                  <a:lnTo>
                    <a:pt x="207" y="9"/>
                  </a:lnTo>
                  <a:lnTo>
                    <a:pt x="220" y="13"/>
                  </a:lnTo>
                  <a:lnTo>
                    <a:pt x="232" y="15"/>
                  </a:lnTo>
                  <a:lnTo>
                    <a:pt x="234" y="18"/>
                  </a:lnTo>
                  <a:lnTo>
                    <a:pt x="232" y="19"/>
                  </a:lnTo>
                  <a:lnTo>
                    <a:pt x="229" y="20"/>
                  </a:lnTo>
                  <a:lnTo>
                    <a:pt x="226" y="20"/>
                  </a:lnTo>
                  <a:lnTo>
                    <a:pt x="224" y="21"/>
                  </a:lnTo>
                  <a:lnTo>
                    <a:pt x="222" y="21"/>
                  </a:lnTo>
                  <a:lnTo>
                    <a:pt x="223" y="23"/>
                  </a:lnTo>
                  <a:lnTo>
                    <a:pt x="225" y="25"/>
                  </a:lnTo>
                  <a:lnTo>
                    <a:pt x="223" y="27"/>
                  </a:lnTo>
                  <a:lnTo>
                    <a:pt x="221" y="28"/>
                  </a:lnTo>
                  <a:lnTo>
                    <a:pt x="219" y="28"/>
                  </a:lnTo>
                  <a:lnTo>
                    <a:pt x="216" y="27"/>
                  </a:lnTo>
                  <a:lnTo>
                    <a:pt x="210" y="25"/>
                  </a:lnTo>
                  <a:lnTo>
                    <a:pt x="205" y="25"/>
                  </a:lnTo>
                  <a:lnTo>
                    <a:pt x="205" y="28"/>
                  </a:lnTo>
                  <a:lnTo>
                    <a:pt x="207" y="31"/>
                  </a:lnTo>
                  <a:lnTo>
                    <a:pt x="209" y="32"/>
                  </a:lnTo>
                  <a:lnTo>
                    <a:pt x="212" y="33"/>
                  </a:lnTo>
                  <a:lnTo>
                    <a:pt x="216" y="33"/>
                  </a:lnTo>
                  <a:lnTo>
                    <a:pt x="219" y="35"/>
                  </a:lnTo>
                  <a:lnTo>
                    <a:pt x="220" y="37"/>
                  </a:lnTo>
                  <a:lnTo>
                    <a:pt x="220" y="40"/>
                  </a:lnTo>
                  <a:lnTo>
                    <a:pt x="216" y="40"/>
                  </a:lnTo>
                  <a:lnTo>
                    <a:pt x="211" y="41"/>
                  </a:lnTo>
                  <a:lnTo>
                    <a:pt x="210" y="41"/>
                  </a:lnTo>
                  <a:lnTo>
                    <a:pt x="208" y="42"/>
                  </a:lnTo>
                  <a:lnTo>
                    <a:pt x="208" y="43"/>
                  </a:lnTo>
                  <a:lnTo>
                    <a:pt x="207" y="45"/>
                  </a:lnTo>
                  <a:lnTo>
                    <a:pt x="205" y="45"/>
                  </a:lnTo>
                  <a:lnTo>
                    <a:pt x="203" y="45"/>
                  </a:lnTo>
                  <a:lnTo>
                    <a:pt x="202" y="47"/>
                  </a:lnTo>
                  <a:lnTo>
                    <a:pt x="201" y="49"/>
                  </a:lnTo>
                  <a:lnTo>
                    <a:pt x="199" y="55"/>
                  </a:lnTo>
                  <a:lnTo>
                    <a:pt x="199" y="60"/>
                  </a:lnTo>
                  <a:lnTo>
                    <a:pt x="199" y="66"/>
                  </a:lnTo>
                  <a:lnTo>
                    <a:pt x="201" y="72"/>
                  </a:lnTo>
                  <a:lnTo>
                    <a:pt x="202" y="74"/>
                  </a:lnTo>
                  <a:lnTo>
                    <a:pt x="204" y="75"/>
                  </a:lnTo>
                  <a:lnTo>
                    <a:pt x="205" y="76"/>
                  </a:lnTo>
                  <a:lnTo>
                    <a:pt x="207" y="76"/>
                  </a:lnTo>
                  <a:lnTo>
                    <a:pt x="208" y="68"/>
                  </a:lnTo>
                  <a:lnTo>
                    <a:pt x="208" y="65"/>
                  </a:lnTo>
                  <a:lnTo>
                    <a:pt x="209" y="65"/>
                  </a:lnTo>
                  <a:lnTo>
                    <a:pt x="209" y="68"/>
                  </a:lnTo>
                  <a:lnTo>
                    <a:pt x="210" y="78"/>
                  </a:lnTo>
                  <a:lnTo>
                    <a:pt x="210" y="88"/>
                  </a:lnTo>
                  <a:lnTo>
                    <a:pt x="204" y="103"/>
                  </a:lnTo>
                  <a:lnTo>
                    <a:pt x="196" y="117"/>
                  </a:lnTo>
                  <a:lnTo>
                    <a:pt x="187" y="131"/>
                  </a:lnTo>
                  <a:lnTo>
                    <a:pt x="178" y="143"/>
                  </a:lnTo>
                  <a:lnTo>
                    <a:pt x="169" y="156"/>
                  </a:lnTo>
                  <a:lnTo>
                    <a:pt x="161" y="170"/>
                  </a:lnTo>
                  <a:lnTo>
                    <a:pt x="158" y="176"/>
                  </a:lnTo>
                  <a:lnTo>
                    <a:pt x="155" y="184"/>
                  </a:lnTo>
                  <a:lnTo>
                    <a:pt x="151" y="192"/>
                  </a:lnTo>
                  <a:lnTo>
                    <a:pt x="149" y="200"/>
                  </a:lnTo>
                  <a:lnTo>
                    <a:pt x="143" y="198"/>
                  </a:lnTo>
                  <a:lnTo>
                    <a:pt x="137" y="195"/>
                  </a:lnTo>
                  <a:lnTo>
                    <a:pt x="135" y="200"/>
                  </a:lnTo>
                  <a:lnTo>
                    <a:pt x="136" y="203"/>
                  </a:lnTo>
                  <a:lnTo>
                    <a:pt x="137" y="204"/>
                  </a:lnTo>
                  <a:lnTo>
                    <a:pt x="138" y="205"/>
                  </a:lnTo>
                  <a:lnTo>
                    <a:pt x="141" y="205"/>
                  </a:lnTo>
                  <a:lnTo>
                    <a:pt x="144" y="205"/>
                  </a:lnTo>
                  <a:lnTo>
                    <a:pt x="136" y="220"/>
                  </a:lnTo>
                  <a:lnTo>
                    <a:pt x="126" y="233"/>
                  </a:lnTo>
                  <a:lnTo>
                    <a:pt x="124" y="235"/>
                  </a:lnTo>
                  <a:lnTo>
                    <a:pt x="123" y="235"/>
                  </a:lnTo>
                  <a:lnTo>
                    <a:pt x="122" y="235"/>
                  </a:lnTo>
                  <a:lnTo>
                    <a:pt x="122" y="234"/>
                  </a:lnTo>
                  <a:lnTo>
                    <a:pt x="121" y="231"/>
                  </a:lnTo>
                  <a:lnTo>
                    <a:pt x="121" y="225"/>
                  </a:lnTo>
                  <a:lnTo>
                    <a:pt x="118" y="225"/>
                  </a:lnTo>
                  <a:lnTo>
                    <a:pt x="113" y="225"/>
                  </a:lnTo>
                  <a:lnTo>
                    <a:pt x="111" y="225"/>
                  </a:lnTo>
                  <a:lnTo>
                    <a:pt x="109" y="225"/>
                  </a:lnTo>
                  <a:lnTo>
                    <a:pt x="108" y="226"/>
                  </a:lnTo>
                  <a:lnTo>
                    <a:pt x="108" y="228"/>
                  </a:lnTo>
                  <a:lnTo>
                    <a:pt x="100" y="233"/>
                  </a:lnTo>
                  <a:lnTo>
                    <a:pt x="90" y="236"/>
                  </a:lnTo>
                  <a:lnTo>
                    <a:pt x="76" y="225"/>
                  </a:lnTo>
                  <a:lnTo>
                    <a:pt x="63" y="213"/>
                  </a:lnTo>
                  <a:lnTo>
                    <a:pt x="59" y="205"/>
                  </a:lnTo>
                  <a:lnTo>
                    <a:pt x="55" y="199"/>
                  </a:lnTo>
                  <a:lnTo>
                    <a:pt x="51" y="195"/>
                  </a:lnTo>
                  <a:lnTo>
                    <a:pt x="49" y="193"/>
                  </a:lnTo>
                  <a:lnTo>
                    <a:pt x="46" y="190"/>
                  </a:lnTo>
                  <a:lnTo>
                    <a:pt x="43" y="187"/>
                  </a:lnTo>
                  <a:lnTo>
                    <a:pt x="43" y="179"/>
                  </a:lnTo>
                  <a:lnTo>
                    <a:pt x="42" y="172"/>
                  </a:lnTo>
                  <a:lnTo>
                    <a:pt x="42" y="167"/>
                  </a:lnTo>
                  <a:lnTo>
                    <a:pt x="41" y="164"/>
                  </a:lnTo>
                  <a:lnTo>
                    <a:pt x="40" y="162"/>
                  </a:lnTo>
                  <a:lnTo>
                    <a:pt x="38" y="160"/>
                  </a:lnTo>
                  <a:lnTo>
                    <a:pt x="38" y="154"/>
                  </a:lnTo>
                  <a:lnTo>
                    <a:pt x="37" y="148"/>
                  </a:lnTo>
                  <a:lnTo>
                    <a:pt x="33" y="142"/>
                  </a:lnTo>
                  <a:lnTo>
                    <a:pt x="31" y="137"/>
                  </a:lnTo>
                  <a:lnTo>
                    <a:pt x="26" y="126"/>
                  </a:lnTo>
                  <a:lnTo>
                    <a:pt x="22" y="117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34" name="København kant"/>
            <p:cNvSpPr>
              <a:spLocks/>
            </p:cNvSpPr>
            <p:nvPr/>
          </p:nvSpPr>
          <p:spPr bwMode="auto">
            <a:xfrm>
              <a:off x="3913188" y="4868863"/>
              <a:ext cx="123825" cy="125412"/>
            </a:xfrm>
            <a:custGeom>
              <a:avLst/>
              <a:gdLst>
                <a:gd name="T0" fmla="*/ 11642 w 234"/>
                <a:gd name="T1" fmla="*/ 55266 h 236"/>
                <a:gd name="T2" fmla="*/ 9525 w 234"/>
                <a:gd name="T3" fmla="*/ 48358 h 236"/>
                <a:gd name="T4" fmla="*/ 8996 w 234"/>
                <a:gd name="T5" fmla="*/ 39324 h 236"/>
                <a:gd name="T6" fmla="*/ 1588 w 234"/>
                <a:gd name="T7" fmla="*/ 36136 h 236"/>
                <a:gd name="T8" fmla="*/ 0 w 234"/>
                <a:gd name="T9" fmla="*/ 31884 h 236"/>
                <a:gd name="T10" fmla="*/ 1588 w 234"/>
                <a:gd name="T11" fmla="*/ 27633 h 236"/>
                <a:gd name="T12" fmla="*/ 5292 w 234"/>
                <a:gd name="T13" fmla="*/ 24976 h 236"/>
                <a:gd name="T14" fmla="*/ 10583 w 234"/>
                <a:gd name="T15" fmla="*/ 21788 h 236"/>
                <a:gd name="T16" fmla="*/ 16933 w 234"/>
                <a:gd name="T17" fmla="*/ 16474 h 236"/>
                <a:gd name="T18" fmla="*/ 26458 w 234"/>
                <a:gd name="T19" fmla="*/ 14879 h 236"/>
                <a:gd name="T20" fmla="*/ 39688 w 234"/>
                <a:gd name="T21" fmla="*/ 17536 h 236"/>
                <a:gd name="T22" fmla="*/ 43392 w 234"/>
                <a:gd name="T23" fmla="*/ 14348 h 236"/>
                <a:gd name="T24" fmla="*/ 46567 w 234"/>
                <a:gd name="T25" fmla="*/ 9565 h 236"/>
                <a:gd name="T26" fmla="*/ 53975 w 234"/>
                <a:gd name="T27" fmla="*/ 7971 h 236"/>
                <a:gd name="T28" fmla="*/ 68263 w 234"/>
                <a:gd name="T29" fmla="*/ 11160 h 236"/>
                <a:gd name="T30" fmla="*/ 77258 w 234"/>
                <a:gd name="T31" fmla="*/ 8503 h 236"/>
                <a:gd name="T32" fmla="*/ 79904 w 234"/>
                <a:gd name="T33" fmla="*/ 0 h 236"/>
                <a:gd name="T34" fmla="*/ 86783 w 234"/>
                <a:gd name="T35" fmla="*/ 2657 h 236"/>
                <a:gd name="T36" fmla="*/ 91017 w 234"/>
                <a:gd name="T37" fmla="*/ 7440 h 236"/>
                <a:gd name="T38" fmla="*/ 95250 w 234"/>
                <a:gd name="T39" fmla="*/ 10628 h 236"/>
                <a:gd name="T40" fmla="*/ 98425 w 234"/>
                <a:gd name="T41" fmla="*/ 13817 h 236"/>
                <a:gd name="T42" fmla="*/ 104246 w 234"/>
                <a:gd name="T43" fmla="*/ 17005 h 236"/>
                <a:gd name="T44" fmla="*/ 104775 w 234"/>
                <a:gd name="T45" fmla="*/ 13817 h 236"/>
                <a:gd name="T46" fmla="*/ 107421 w 234"/>
                <a:gd name="T47" fmla="*/ 9565 h 236"/>
                <a:gd name="T48" fmla="*/ 109538 w 234"/>
                <a:gd name="T49" fmla="*/ 4783 h 236"/>
                <a:gd name="T50" fmla="*/ 123825 w 234"/>
                <a:gd name="T51" fmla="*/ 9565 h 236"/>
                <a:gd name="T52" fmla="*/ 119592 w 234"/>
                <a:gd name="T53" fmla="*/ 10628 h 236"/>
                <a:gd name="T54" fmla="*/ 118004 w 234"/>
                <a:gd name="T55" fmla="*/ 12222 h 236"/>
                <a:gd name="T56" fmla="*/ 116946 w 234"/>
                <a:gd name="T57" fmla="*/ 14879 h 236"/>
                <a:gd name="T58" fmla="*/ 111125 w 234"/>
                <a:gd name="T59" fmla="*/ 13285 h 236"/>
                <a:gd name="T60" fmla="*/ 109538 w 234"/>
                <a:gd name="T61" fmla="*/ 16474 h 236"/>
                <a:gd name="T62" fmla="*/ 114300 w 234"/>
                <a:gd name="T63" fmla="*/ 17536 h 236"/>
                <a:gd name="T64" fmla="*/ 116417 w 234"/>
                <a:gd name="T65" fmla="*/ 21256 h 236"/>
                <a:gd name="T66" fmla="*/ 111125 w 234"/>
                <a:gd name="T67" fmla="*/ 21788 h 236"/>
                <a:gd name="T68" fmla="*/ 109538 w 234"/>
                <a:gd name="T69" fmla="*/ 23913 h 236"/>
                <a:gd name="T70" fmla="*/ 106892 w 234"/>
                <a:gd name="T71" fmla="*/ 24976 h 236"/>
                <a:gd name="T72" fmla="*/ 105304 w 234"/>
                <a:gd name="T73" fmla="*/ 31884 h 236"/>
                <a:gd name="T74" fmla="*/ 106892 w 234"/>
                <a:gd name="T75" fmla="*/ 39324 h 236"/>
                <a:gd name="T76" fmla="*/ 109538 w 234"/>
                <a:gd name="T77" fmla="*/ 40387 h 236"/>
                <a:gd name="T78" fmla="*/ 110596 w 234"/>
                <a:gd name="T79" fmla="*/ 34541 h 236"/>
                <a:gd name="T80" fmla="*/ 111125 w 234"/>
                <a:gd name="T81" fmla="*/ 46764 h 236"/>
                <a:gd name="T82" fmla="*/ 98954 w 234"/>
                <a:gd name="T83" fmla="*/ 69614 h 236"/>
                <a:gd name="T84" fmla="*/ 85196 w 234"/>
                <a:gd name="T85" fmla="*/ 90339 h 236"/>
                <a:gd name="T86" fmla="*/ 79904 w 234"/>
                <a:gd name="T87" fmla="*/ 102030 h 236"/>
                <a:gd name="T88" fmla="*/ 72496 w 234"/>
                <a:gd name="T89" fmla="*/ 103624 h 236"/>
                <a:gd name="T90" fmla="*/ 72496 w 234"/>
                <a:gd name="T91" fmla="*/ 108407 h 236"/>
                <a:gd name="T92" fmla="*/ 76200 w 234"/>
                <a:gd name="T93" fmla="*/ 108938 h 236"/>
                <a:gd name="T94" fmla="*/ 65617 w 234"/>
                <a:gd name="T95" fmla="*/ 124881 h 236"/>
                <a:gd name="T96" fmla="*/ 64558 w 234"/>
                <a:gd name="T97" fmla="*/ 124349 h 236"/>
                <a:gd name="T98" fmla="*/ 62442 w 234"/>
                <a:gd name="T99" fmla="*/ 119567 h 236"/>
                <a:gd name="T100" fmla="*/ 57679 w 234"/>
                <a:gd name="T101" fmla="*/ 119567 h 236"/>
                <a:gd name="T102" fmla="*/ 52917 w 234"/>
                <a:gd name="T103" fmla="*/ 123818 h 236"/>
                <a:gd name="T104" fmla="*/ 33338 w 234"/>
                <a:gd name="T105" fmla="*/ 113190 h 236"/>
                <a:gd name="T106" fmla="*/ 26988 w 234"/>
                <a:gd name="T107" fmla="*/ 103624 h 236"/>
                <a:gd name="T108" fmla="*/ 22754 w 234"/>
                <a:gd name="T109" fmla="*/ 99373 h 236"/>
                <a:gd name="T110" fmla="*/ 22225 w 234"/>
                <a:gd name="T111" fmla="*/ 88745 h 236"/>
                <a:gd name="T112" fmla="*/ 20108 w 234"/>
                <a:gd name="T113" fmla="*/ 85025 h 236"/>
                <a:gd name="T114" fmla="*/ 17463 w 234"/>
                <a:gd name="T115" fmla="*/ 75460 h 236"/>
                <a:gd name="T116" fmla="*/ 11642 w 234"/>
                <a:gd name="T117" fmla="*/ 62175 h 2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234" h="236">
                  <a:moveTo>
                    <a:pt x="22" y="117"/>
                  </a:moveTo>
                  <a:lnTo>
                    <a:pt x="23" y="109"/>
                  </a:lnTo>
                  <a:lnTo>
                    <a:pt x="22" y="104"/>
                  </a:lnTo>
                  <a:lnTo>
                    <a:pt x="21" y="99"/>
                  </a:lnTo>
                  <a:lnTo>
                    <a:pt x="20" y="95"/>
                  </a:lnTo>
                  <a:lnTo>
                    <a:pt x="18" y="91"/>
                  </a:lnTo>
                  <a:lnTo>
                    <a:pt x="17" y="85"/>
                  </a:lnTo>
                  <a:lnTo>
                    <a:pt x="17" y="80"/>
                  </a:lnTo>
                  <a:lnTo>
                    <a:pt x="17" y="74"/>
                  </a:lnTo>
                  <a:lnTo>
                    <a:pt x="11" y="71"/>
                  </a:lnTo>
                  <a:lnTo>
                    <a:pt x="6" y="69"/>
                  </a:lnTo>
                  <a:lnTo>
                    <a:pt x="3" y="68"/>
                  </a:lnTo>
                  <a:lnTo>
                    <a:pt x="1" y="66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7"/>
                  </a:lnTo>
                  <a:lnTo>
                    <a:pt x="1" y="54"/>
                  </a:lnTo>
                  <a:lnTo>
                    <a:pt x="3" y="52"/>
                  </a:lnTo>
                  <a:lnTo>
                    <a:pt x="5" y="51"/>
                  </a:lnTo>
                  <a:lnTo>
                    <a:pt x="8" y="48"/>
                  </a:lnTo>
                  <a:lnTo>
                    <a:pt x="10" y="47"/>
                  </a:lnTo>
                  <a:lnTo>
                    <a:pt x="13" y="45"/>
                  </a:lnTo>
                  <a:lnTo>
                    <a:pt x="15" y="43"/>
                  </a:lnTo>
                  <a:lnTo>
                    <a:pt x="20" y="41"/>
                  </a:lnTo>
                  <a:lnTo>
                    <a:pt x="25" y="38"/>
                  </a:lnTo>
                  <a:lnTo>
                    <a:pt x="28" y="34"/>
                  </a:lnTo>
                  <a:lnTo>
                    <a:pt x="32" y="31"/>
                  </a:lnTo>
                  <a:lnTo>
                    <a:pt x="37" y="27"/>
                  </a:lnTo>
                  <a:lnTo>
                    <a:pt x="40" y="25"/>
                  </a:lnTo>
                  <a:lnTo>
                    <a:pt x="50" y="28"/>
                  </a:lnTo>
                  <a:lnTo>
                    <a:pt x="63" y="32"/>
                  </a:lnTo>
                  <a:lnTo>
                    <a:pt x="69" y="33"/>
                  </a:lnTo>
                  <a:lnTo>
                    <a:pt x="75" y="33"/>
                  </a:lnTo>
                  <a:lnTo>
                    <a:pt x="78" y="32"/>
                  </a:lnTo>
                  <a:lnTo>
                    <a:pt x="80" y="29"/>
                  </a:lnTo>
                  <a:lnTo>
                    <a:pt x="82" y="27"/>
                  </a:lnTo>
                  <a:lnTo>
                    <a:pt x="83" y="25"/>
                  </a:lnTo>
                  <a:lnTo>
                    <a:pt x="85" y="21"/>
                  </a:lnTo>
                  <a:lnTo>
                    <a:pt x="88" y="18"/>
                  </a:lnTo>
                  <a:lnTo>
                    <a:pt x="91" y="16"/>
                  </a:lnTo>
                  <a:lnTo>
                    <a:pt x="95" y="15"/>
                  </a:lnTo>
                  <a:lnTo>
                    <a:pt x="102" y="15"/>
                  </a:lnTo>
                  <a:lnTo>
                    <a:pt x="110" y="16"/>
                  </a:lnTo>
                  <a:lnTo>
                    <a:pt x="120" y="19"/>
                  </a:lnTo>
                  <a:lnTo>
                    <a:pt x="129" y="21"/>
                  </a:lnTo>
                  <a:lnTo>
                    <a:pt x="138" y="22"/>
                  </a:lnTo>
                  <a:lnTo>
                    <a:pt x="146" y="22"/>
                  </a:lnTo>
                  <a:lnTo>
                    <a:pt x="146" y="16"/>
                  </a:lnTo>
                  <a:lnTo>
                    <a:pt x="147" y="9"/>
                  </a:lnTo>
                  <a:lnTo>
                    <a:pt x="148" y="3"/>
                  </a:lnTo>
                  <a:lnTo>
                    <a:pt x="151" y="0"/>
                  </a:lnTo>
                  <a:lnTo>
                    <a:pt x="157" y="0"/>
                  </a:lnTo>
                  <a:lnTo>
                    <a:pt x="161" y="2"/>
                  </a:lnTo>
                  <a:lnTo>
                    <a:pt x="164" y="5"/>
                  </a:lnTo>
                  <a:lnTo>
                    <a:pt x="166" y="7"/>
                  </a:lnTo>
                  <a:lnTo>
                    <a:pt x="169" y="11"/>
                  </a:lnTo>
                  <a:lnTo>
                    <a:pt x="172" y="14"/>
                  </a:lnTo>
                  <a:lnTo>
                    <a:pt x="176" y="16"/>
                  </a:lnTo>
                  <a:lnTo>
                    <a:pt x="180" y="17"/>
                  </a:lnTo>
                  <a:lnTo>
                    <a:pt x="180" y="20"/>
                  </a:lnTo>
                  <a:lnTo>
                    <a:pt x="182" y="23"/>
                  </a:lnTo>
                  <a:lnTo>
                    <a:pt x="184" y="25"/>
                  </a:lnTo>
                  <a:lnTo>
                    <a:pt x="186" y="26"/>
                  </a:lnTo>
                  <a:lnTo>
                    <a:pt x="190" y="29"/>
                  </a:lnTo>
                  <a:lnTo>
                    <a:pt x="195" y="33"/>
                  </a:lnTo>
                  <a:lnTo>
                    <a:pt x="197" y="32"/>
                  </a:lnTo>
                  <a:lnTo>
                    <a:pt x="198" y="31"/>
                  </a:lnTo>
                  <a:lnTo>
                    <a:pt x="198" y="28"/>
                  </a:lnTo>
                  <a:lnTo>
                    <a:pt x="198" y="26"/>
                  </a:lnTo>
                  <a:lnTo>
                    <a:pt x="197" y="21"/>
                  </a:lnTo>
                  <a:lnTo>
                    <a:pt x="198" y="17"/>
                  </a:lnTo>
                  <a:lnTo>
                    <a:pt x="203" y="18"/>
                  </a:lnTo>
                  <a:lnTo>
                    <a:pt x="206" y="19"/>
                  </a:lnTo>
                  <a:lnTo>
                    <a:pt x="207" y="17"/>
                  </a:lnTo>
                  <a:lnTo>
                    <a:pt x="207" y="9"/>
                  </a:lnTo>
                  <a:lnTo>
                    <a:pt x="220" y="13"/>
                  </a:lnTo>
                  <a:lnTo>
                    <a:pt x="232" y="15"/>
                  </a:lnTo>
                  <a:lnTo>
                    <a:pt x="234" y="18"/>
                  </a:lnTo>
                  <a:lnTo>
                    <a:pt x="232" y="19"/>
                  </a:lnTo>
                  <a:lnTo>
                    <a:pt x="229" y="20"/>
                  </a:lnTo>
                  <a:lnTo>
                    <a:pt x="226" y="20"/>
                  </a:lnTo>
                  <a:lnTo>
                    <a:pt x="224" y="21"/>
                  </a:lnTo>
                  <a:lnTo>
                    <a:pt x="222" y="21"/>
                  </a:lnTo>
                  <a:lnTo>
                    <a:pt x="223" y="23"/>
                  </a:lnTo>
                  <a:lnTo>
                    <a:pt x="225" y="25"/>
                  </a:lnTo>
                  <a:lnTo>
                    <a:pt x="223" y="27"/>
                  </a:lnTo>
                  <a:lnTo>
                    <a:pt x="221" y="28"/>
                  </a:lnTo>
                  <a:lnTo>
                    <a:pt x="219" y="28"/>
                  </a:lnTo>
                  <a:lnTo>
                    <a:pt x="216" y="27"/>
                  </a:lnTo>
                  <a:lnTo>
                    <a:pt x="210" y="25"/>
                  </a:lnTo>
                  <a:lnTo>
                    <a:pt x="205" y="25"/>
                  </a:lnTo>
                  <a:lnTo>
                    <a:pt x="205" y="28"/>
                  </a:lnTo>
                  <a:lnTo>
                    <a:pt x="207" y="31"/>
                  </a:lnTo>
                  <a:lnTo>
                    <a:pt x="209" y="32"/>
                  </a:lnTo>
                  <a:lnTo>
                    <a:pt x="212" y="33"/>
                  </a:lnTo>
                  <a:lnTo>
                    <a:pt x="216" y="33"/>
                  </a:lnTo>
                  <a:lnTo>
                    <a:pt x="219" y="35"/>
                  </a:lnTo>
                  <a:lnTo>
                    <a:pt x="220" y="37"/>
                  </a:lnTo>
                  <a:lnTo>
                    <a:pt x="220" y="40"/>
                  </a:lnTo>
                  <a:lnTo>
                    <a:pt x="216" y="40"/>
                  </a:lnTo>
                  <a:lnTo>
                    <a:pt x="211" y="41"/>
                  </a:lnTo>
                  <a:lnTo>
                    <a:pt x="210" y="41"/>
                  </a:lnTo>
                  <a:lnTo>
                    <a:pt x="208" y="42"/>
                  </a:lnTo>
                  <a:lnTo>
                    <a:pt x="208" y="43"/>
                  </a:lnTo>
                  <a:lnTo>
                    <a:pt x="207" y="45"/>
                  </a:lnTo>
                  <a:lnTo>
                    <a:pt x="205" y="45"/>
                  </a:lnTo>
                  <a:lnTo>
                    <a:pt x="203" y="45"/>
                  </a:lnTo>
                  <a:lnTo>
                    <a:pt x="202" y="47"/>
                  </a:lnTo>
                  <a:lnTo>
                    <a:pt x="201" y="49"/>
                  </a:lnTo>
                  <a:lnTo>
                    <a:pt x="199" y="55"/>
                  </a:lnTo>
                  <a:lnTo>
                    <a:pt x="199" y="60"/>
                  </a:lnTo>
                  <a:lnTo>
                    <a:pt x="199" y="66"/>
                  </a:lnTo>
                  <a:lnTo>
                    <a:pt x="201" y="72"/>
                  </a:lnTo>
                  <a:lnTo>
                    <a:pt x="202" y="74"/>
                  </a:lnTo>
                  <a:lnTo>
                    <a:pt x="204" y="75"/>
                  </a:lnTo>
                  <a:lnTo>
                    <a:pt x="205" y="76"/>
                  </a:lnTo>
                  <a:lnTo>
                    <a:pt x="207" y="76"/>
                  </a:lnTo>
                  <a:lnTo>
                    <a:pt x="208" y="68"/>
                  </a:lnTo>
                  <a:lnTo>
                    <a:pt x="208" y="65"/>
                  </a:lnTo>
                  <a:lnTo>
                    <a:pt x="209" y="65"/>
                  </a:lnTo>
                  <a:lnTo>
                    <a:pt x="209" y="68"/>
                  </a:lnTo>
                  <a:lnTo>
                    <a:pt x="210" y="78"/>
                  </a:lnTo>
                  <a:lnTo>
                    <a:pt x="210" y="88"/>
                  </a:lnTo>
                  <a:lnTo>
                    <a:pt x="204" y="103"/>
                  </a:lnTo>
                  <a:lnTo>
                    <a:pt x="196" y="117"/>
                  </a:lnTo>
                  <a:lnTo>
                    <a:pt x="187" y="131"/>
                  </a:lnTo>
                  <a:lnTo>
                    <a:pt x="178" y="143"/>
                  </a:lnTo>
                  <a:lnTo>
                    <a:pt x="169" y="156"/>
                  </a:lnTo>
                  <a:lnTo>
                    <a:pt x="161" y="170"/>
                  </a:lnTo>
                  <a:lnTo>
                    <a:pt x="158" y="176"/>
                  </a:lnTo>
                  <a:lnTo>
                    <a:pt x="155" y="184"/>
                  </a:lnTo>
                  <a:lnTo>
                    <a:pt x="151" y="192"/>
                  </a:lnTo>
                  <a:lnTo>
                    <a:pt x="149" y="200"/>
                  </a:lnTo>
                  <a:lnTo>
                    <a:pt x="143" y="198"/>
                  </a:lnTo>
                  <a:lnTo>
                    <a:pt x="137" y="195"/>
                  </a:lnTo>
                  <a:lnTo>
                    <a:pt x="135" y="200"/>
                  </a:lnTo>
                  <a:lnTo>
                    <a:pt x="136" y="203"/>
                  </a:lnTo>
                  <a:lnTo>
                    <a:pt x="137" y="204"/>
                  </a:lnTo>
                  <a:lnTo>
                    <a:pt x="138" y="205"/>
                  </a:lnTo>
                  <a:lnTo>
                    <a:pt x="141" y="205"/>
                  </a:lnTo>
                  <a:lnTo>
                    <a:pt x="144" y="205"/>
                  </a:lnTo>
                  <a:lnTo>
                    <a:pt x="136" y="220"/>
                  </a:lnTo>
                  <a:lnTo>
                    <a:pt x="126" y="233"/>
                  </a:lnTo>
                  <a:lnTo>
                    <a:pt x="124" y="235"/>
                  </a:lnTo>
                  <a:lnTo>
                    <a:pt x="123" y="235"/>
                  </a:lnTo>
                  <a:lnTo>
                    <a:pt x="122" y="235"/>
                  </a:lnTo>
                  <a:lnTo>
                    <a:pt x="122" y="234"/>
                  </a:lnTo>
                  <a:lnTo>
                    <a:pt x="121" y="231"/>
                  </a:lnTo>
                  <a:lnTo>
                    <a:pt x="121" y="225"/>
                  </a:lnTo>
                  <a:lnTo>
                    <a:pt x="118" y="225"/>
                  </a:lnTo>
                  <a:lnTo>
                    <a:pt x="113" y="225"/>
                  </a:lnTo>
                  <a:lnTo>
                    <a:pt x="111" y="225"/>
                  </a:lnTo>
                  <a:lnTo>
                    <a:pt x="109" y="225"/>
                  </a:lnTo>
                  <a:lnTo>
                    <a:pt x="108" y="226"/>
                  </a:lnTo>
                  <a:lnTo>
                    <a:pt x="108" y="228"/>
                  </a:lnTo>
                  <a:lnTo>
                    <a:pt x="100" y="233"/>
                  </a:lnTo>
                  <a:lnTo>
                    <a:pt x="90" y="236"/>
                  </a:lnTo>
                  <a:lnTo>
                    <a:pt x="76" y="225"/>
                  </a:lnTo>
                  <a:lnTo>
                    <a:pt x="63" y="213"/>
                  </a:lnTo>
                  <a:lnTo>
                    <a:pt x="59" y="205"/>
                  </a:lnTo>
                  <a:lnTo>
                    <a:pt x="55" y="199"/>
                  </a:lnTo>
                  <a:lnTo>
                    <a:pt x="51" y="195"/>
                  </a:lnTo>
                  <a:lnTo>
                    <a:pt x="49" y="193"/>
                  </a:lnTo>
                  <a:lnTo>
                    <a:pt x="46" y="190"/>
                  </a:lnTo>
                  <a:lnTo>
                    <a:pt x="43" y="187"/>
                  </a:lnTo>
                  <a:lnTo>
                    <a:pt x="43" y="179"/>
                  </a:lnTo>
                  <a:lnTo>
                    <a:pt x="42" y="172"/>
                  </a:lnTo>
                  <a:lnTo>
                    <a:pt x="42" y="167"/>
                  </a:lnTo>
                  <a:lnTo>
                    <a:pt x="41" y="164"/>
                  </a:lnTo>
                  <a:lnTo>
                    <a:pt x="40" y="162"/>
                  </a:lnTo>
                  <a:lnTo>
                    <a:pt x="38" y="160"/>
                  </a:lnTo>
                  <a:lnTo>
                    <a:pt x="38" y="154"/>
                  </a:lnTo>
                  <a:lnTo>
                    <a:pt x="37" y="148"/>
                  </a:lnTo>
                  <a:lnTo>
                    <a:pt x="33" y="142"/>
                  </a:lnTo>
                  <a:lnTo>
                    <a:pt x="31" y="137"/>
                  </a:lnTo>
                  <a:lnTo>
                    <a:pt x="26" y="126"/>
                  </a:lnTo>
                  <a:lnTo>
                    <a:pt x="22" y="117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35" name="København kant"/>
            <p:cNvSpPr>
              <a:spLocks/>
            </p:cNvSpPr>
            <p:nvPr/>
          </p:nvSpPr>
          <p:spPr bwMode="auto">
            <a:xfrm>
              <a:off x="4048125" y="4926013"/>
              <a:ext cx="9525" cy="14287"/>
            </a:xfrm>
            <a:custGeom>
              <a:avLst/>
              <a:gdLst>
                <a:gd name="T0" fmla="*/ 3922 w 17"/>
                <a:gd name="T1" fmla="*/ 14287 h 28"/>
                <a:gd name="T2" fmla="*/ 1681 w 17"/>
                <a:gd name="T3" fmla="*/ 8164 h 28"/>
                <a:gd name="T4" fmla="*/ 0 w 17"/>
                <a:gd name="T5" fmla="*/ 1021 h 28"/>
                <a:gd name="T6" fmla="*/ 2241 w 17"/>
                <a:gd name="T7" fmla="*/ 510 h 28"/>
                <a:gd name="T8" fmla="*/ 5043 w 17"/>
                <a:gd name="T9" fmla="*/ 0 h 28"/>
                <a:gd name="T10" fmla="*/ 4482 w 17"/>
                <a:gd name="T11" fmla="*/ 4082 h 28"/>
                <a:gd name="T12" fmla="*/ 3362 w 17"/>
                <a:gd name="T13" fmla="*/ 6633 h 28"/>
                <a:gd name="T14" fmla="*/ 3922 w 17"/>
                <a:gd name="T15" fmla="*/ 7144 h 28"/>
                <a:gd name="T16" fmla="*/ 4482 w 17"/>
                <a:gd name="T17" fmla="*/ 7654 h 28"/>
                <a:gd name="T18" fmla="*/ 6163 w 17"/>
                <a:gd name="T19" fmla="*/ 7654 h 28"/>
                <a:gd name="T20" fmla="*/ 9525 w 17"/>
                <a:gd name="T21" fmla="*/ 7654 h 28"/>
                <a:gd name="T22" fmla="*/ 9525 w 17"/>
                <a:gd name="T23" fmla="*/ 10715 h 28"/>
                <a:gd name="T24" fmla="*/ 9525 w 17"/>
                <a:gd name="T25" fmla="*/ 14287 h 28"/>
                <a:gd name="T26" fmla="*/ 6724 w 17"/>
                <a:gd name="T27" fmla="*/ 14287 h 28"/>
                <a:gd name="T28" fmla="*/ 3922 w 17"/>
                <a:gd name="T29" fmla="*/ 14287 h 28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0" t="0" r="r" b="b"/>
              <a:pathLst>
                <a:path w="17" h="28">
                  <a:moveTo>
                    <a:pt x="7" y="28"/>
                  </a:moveTo>
                  <a:lnTo>
                    <a:pt x="3" y="16"/>
                  </a:lnTo>
                  <a:lnTo>
                    <a:pt x="0" y="2"/>
                  </a:lnTo>
                  <a:lnTo>
                    <a:pt x="4" y="1"/>
                  </a:lnTo>
                  <a:lnTo>
                    <a:pt x="9" y="0"/>
                  </a:lnTo>
                  <a:lnTo>
                    <a:pt x="8" y="8"/>
                  </a:lnTo>
                  <a:lnTo>
                    <a:pt x="6" y="13"/>
                  </a:lnTo>
                  <a:lnTo>
                    <a:pt x="7" y="14"/>
                  </a:lnTo>
                  <a:lnTo>
                    <a:pt x="8" y="15"/>
                  </a:lnTo>
                  <a:lnTo>
                    <a:pt x="11" y="15"/>
                  </a:lnTo>
                  <a:lnTo>
                    <a:pt x="17" y="15"/>
                  </a:lnTo>
                  <a:lnTo>
                    <a:pt x="17" y="21"/>
                  </a:lnTo>
                  <a:lnTo>
                    <a:pt x="17" y="28"/>
                  </a:lnTo>
                  <a:lnTo>
                    <a:pt x="12" y="28"/>
                  </a:lnTo>
                  <a:lnTo>
                    <a:pt x="7" y="28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36" name="Hvidovre"/>
            <p:cNvSpPr>
              <a:spLocks/>
            </p:cNvSpPr>
            <p:nvPr/>
          </p:nvSpPr>
          <p:spPr bwMode="auto">
            <a:xfrm>
              <a:off x="3898900" y="4959350"/>
              <a:ext cx="58738" cy="82550"/>
            </a:xfrm>
            <a:custGeom>
              <a:avLst/>
              <a:gdLst>
                <a:gd name="T0" fmla="*/ 19929 w 112"/>
                <a:gd name="T1" fmla="*/ 4261 h 155"/>
                <a:gd name="T2" fmla="*/ 20453 w 112"/>
                <a:gd name="T3" fmla="*/ 2130 h 155"/>
                <a:gd name="T4" fmla="*/ 23600 w 112"/>
                <a:gd name="T5" fmla="*/ 1065 h 155"/>
                <a:gd name="T6" fmla="*/ 28320 w 112"/>
                <a:gd name="T7" fmla="*/ 1065 h 155"/>
                <a:gd name="T8" fmla="*/ 33565 w 112"/>
                <a:gd name="T9" fmla="*/ 1065 h 155"/>
                <a:gd name="T10" fmla="*/ 36187 w 112"/>
                <a:gd name="T11" fmla="*/ 4261 h 155"/>
                <a:gd name="T12" fmla="*/ 37236 w 112"/>
                <a:gd name="T13" fmla="*/ 11184 h 155"/>
                <a:gd name="T14" fmla="*/ 39333 w 112"/>
                <a:gd name="T15" fmla="*/ 13847 h 155"/>
                <a:gd name="T16" fmla="*/ 43005 w 112"/>
                <a:gd name="T17" fmla="*/ 17043 h 155"/>
                <a:gd name="T18" fmla="*/ 45102 w 112"/>
                <a:gd name="T19" fmla="*/ 21836 h 155"/>
                <a:gd name="T20" fmla="*/ 46676 w 112"/>
                <a:gd name="T21" fmla="*/ 23966 h 155"/>
                <a:gd name="T22" fmla="*/ 53494 w 112"/>
                <a:gd name="T23" fmla="*/ 29825 h 155"/>
                <a:gd name="T24" fmla="*/ 56640 w 112"/>
                <a:gd name="T25" fmla="*/ 41541 h 155"/>
                <a:gd name="T26" fmla="*/ 53494 w 112"/>
                <a:gd name="T27" fmla="*/ 51660 h 155"/>
                <a:gd name="T28" fmla="*/ 53494 w 112"/>
                <a:gd name="T29" fmla="*/ 68170 h 155"/>
                <a:gd name="T30" fmla="*/ 50871 w 112"/>
                <a:gd name="T31" fmla="*/ 81485 h 155"/>
                <a:gd name="T32" fmla="*/ 45102 w 112"/>
                <a:gd name="T33" fmla="*/ 82550 h 155"/>
                <a:gd name="T34" fmla="*/ 40382 w 112"/>
                <a:gd name="T35" fmla="*/ 81485 h 155"/>
                <a:gd name="T36" fmla="*/ 37760 w 112"/>
                <a:gd name="T37" fmla="*/ 80952 h 155"/>
                <a:gd name="T38" fmla="*/ 31467 w 112"/>
                <a:gd name="T39" fmla="*/ 80952 h 155"/>
                <a:gd name="T40" fmla="*/ 25698 w 112"/>
                <a:gd name="T41" fmla="*/ 80420 h 155"/>
                <a:gd name="T42" fmla="*/ 19405 w 112"/>
                <a:gd name="T43" fmla="*/ 79355 h 155"/>
                <a:gd name="T44" fmla="*/ 15209 w 112"/>
                <a:gd name="T45" fmla="*/ 77224 h 155"/>
                <a:gd name="T46" fmla="*/ 13636 w 112"/>
                <a:gd name="T47" fmla="*/ 68170 h 155"/>
                <a:gd name="T48" fmla="*/ 11013 w 112"/>
                <a:gd name="T49" fmla="*/ 59116 h 155"/>
                <a:gd name="T50" fmla="*/ 4720 w 112"/>
                <a:gd name="T51" fmla="*/ 47400 h 155"/>
                <a:gd name="T52" fmla="*/ 1573 w 112"/>
                <a:gd name="T53" fmla="*/ 36215 h 155"/>
                <a:gd name="T54" fmla="*/ 6293 w 112"/>
                <a:gd name="T55" fmla="*/ 32487 h 155"/>
                <a:gd name="T56" fmla="*/ 11538 w 112"/>
                <a:gd name="T57" fmla="*/ 28759 h 155"/>
                <a:gd name="T58" fmla="*/ 18880 w 112"/>
                <a:gd name="T59" fmla="*/ 27162 h 155"/>
                <a:gd name="T60" fmla="*/ 23600 w 112"/>
                <a:gd name="T61" fmla="*/ 24499 h 155"/>
                <a:gd name="T62" fmla="*/ 22027 w 112"/>
                <a:gd name="T63" fmla="*/ 18640 h 155"/>
                <a:gd name="T64" fmla="*/ 19929 w 112"/>
                <a:gd name="T65" fmla="*/ 13847 h 155"/>
                <a:gd name="T66" fmla="*/ 19405 w 112"/>
                <a:gd name="T67" fmla="*/ 7989 h 155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0" t="0" r="r" b="b"/>
              <a:pathLst>
                <a:path w="112" h="155">
                  <a:moveTo>
                    <a:pt x="38" y="10"/>
                  </a:moveTo>
                  <a:lnTo>
                    <a:pt x="38" y="8"/>
                  </a:lnTo>
                  <a:lnTo>
                    <a:pt x="39" y="6"/>
                  </a:lnTo>
                  <a:lnTo>
                    <a:pt x="39" y="4"/>
                  </a:lnTo>
                  <a:lnTo>
                    <a:pt x="41" y="3"/>
                  </a:lnTo>
                  <a:lnTo>
                    <a:pt x="45" y="2"/>
                  </a:lnTo>
                  <a:lnTo>
                    <a:pt x="49" y="2"/>
                  </a:lnTo>
                  <a:lnTo>
                    <a:pt x="54" y="2"/>
                  </a:lnTo>
                  <a:lnTo>
                    <a:pt x="58" y="2"/>
                  </a:lnTo>
                  <a:lnTo>
                    <a:pt x="64" y="2"/>
                  </a:lnTo>
                  <a:lnTo>
                    <a:pt x="67" y="0"/>
                  </a:lnTo>
                  <a:lnTo>
                    <a:pt x="69" y="8"/>
                  </a:lnTo>
                  <a:lnTo>
                    <a:pt x="70" y="16"/>
                  </a:lnTo>
                  <a:lnTo>
                    <a:pt x="71" y="21"/>
                  </a:lnTo>
                  <a:lnTo>
                    <a:pt x="73" y="24"/>
                  </a:lnTo>
                  <a:lnTo>
                    <a:pt x="75" y="26"/>
                  </a:lnTo>
                  <a:lnTo>
                    <a:pt x="79" y="28"/>
                  </a:lnTo>
                  <a:lnTo>
                    <a:pt x="82" y="32"/>
                  </a:lnTo>
                  <a:lnTo>
                    <a:pt x="85" y="37"/>
                  </a:lnTo>
                  <a:lnTo>
                    <a:pt x="86" y="41"/>
                  </a:lnTo>
                  <a:lnTo>
                    <a:pt x="87" y="43"/>
                  </a:lnTo>
                  <a:lnTo>
                    <a:pt x="89" y="45"/>
                  </a:lnTo>
                  <a:lnTo>
                    <a:pt x="92" y="46"/>
                  </a:lnTo>
                  <a:lnTo>
                    <a:pt x="102" y="56"/>
                  </a:lnTo>
                  <a:lnTo>
                    <a:pt x="112" y="68"/>
                  </a:lnTo>
                  <a:lnTo>
                    <a:pt x="108" y="78"/>
                  </a:lnTo>
                  <a:lnTo>
                    <a:pt x="105" y="88"/>
                  </a:lnTo>
                  <a:lnTo>
                    <a:pt x="102" y="97"/>
                  </a:lnTo>
                  <a:lnTo>
                    <a:pt x="102" y="107"/>
                  </a:lnTo>
                  <a:lnTo>
                    <a:pt x="102" y="128"/>
                  </a:lnTo>
                  <a:lnTo>
                    <a:pt x="101" y="152"/>
                  </a:lnTo>
                  <a:lnTo>
                    <a:pt x="97" y="153"/>
                  </a:lnTo>
                  <a:lnTo>
                    <a:pt x="92" y="154"/>
                  </a:lnTo>
                  <a:lnTo>
                    <a:pt x="86" y="155"/>
                  </a:lnTo>
                  <a:lnTo>
                    <a:pt x="79" y="154"/>
                  </a:lnTo>
                  <a:lnTo>
                    <a:pt x="77" y="153"/>
                  </a:lnTo>
                  <a:lnTo>
                    <a:pt x="75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0" y="152"/>
                  </a:lnTo>
                  <a:lnTo>
                    <a:pt x="54" y="152"/>
                  </a:lnTo>
                  <a:lnTo>
                    <a:pt x="49" y="151"/>
                  </a:lnTo>
                  <a:lnTo>
                    <a:pt x="44" y="150"/>
                  </a:lnTo>
                  <a:lnTo>
                    <a:pt x="37" y="149"/>
                  </a:lnTo>
                  <a:lnTo>
                    <a:pt x="31" y="149"/>
                  </a:lnTo>
                  <a:lnTo>
                    <a:pt x="29" y="145"/>
                  </a:lnTo>
                  <a:lnTo>
                    <a:pt x="26" y="140"/>
                  </a:lnTo>
                  <a:lnTo>
                    <a:pt x="26" y="128"/>
                  </a:lnTo>
                  <a:lnTo>
                    <a:pt x="23" y="119"/>
                  </a:lnTo>
                  <a:lnTo>
                    <a:pt x="21" y="111"/>
                  </a:lnTo>
                  <a:lnTo>
                    <a:pt x="17" y="104"/>
                  </a:lnTo>
                  <a:lnTo>
                    <a:pt x="9" y="89"/>
                  </a:lnTo>
                  <a:lnTo>
                    <a:pt x="0" y="73"/>
                  </a:lnTo>
                  <a:lnTo>
                    <a:pt x="3" y="68"/>
                  </a:lnTo>
                  <a:lnTo>
                    <a:pt x="8" y="64"/>
                  </a:lnTo>
                  <a:lnTo>
                    <a:pt x="12" y="61"/>
                  </a:lnTo>
                  <a:lnTo>
                    <a:pt x="17" y="57"/>
                  </a:lnTo>
                  <a:lnTo>
                    <a:pt x="22" y="54"/>
                  </a:lnTo>
                  <a:lnTo>
                    <a:pt x="29" y="53"/>
                  </a:lnTo>
                  <a:lnTo>
                    <a:pt x="36" y="51"/>
                  </a:lnTo>
                  <a:lnTo>
                    <a:pt x="44" y="50"/>
                  </a:lnTo>
                  <a:lnTo>
                    <a:pt x="45" y="46"/>
                  </a:lnTo>
                  <a:lnTo>
                    <a:pt x="45" y="41"/>
                  </a:lnTo>
                  <a:lnTo>
                    <a:pt x="42" y="35"/>
                  </a:lnTo>
                  <a:lnTo>
                    <a:pt x="40" y="31"/>
                  </a:lnTo>
                  <a:lnTo>
                    <a:pt x="38" y="26"/>
                  </a:lnTo>
                  <a:lnTo>
                    <a:pt x="37" y="21"/>
                  </a:lnTo>
                  <a:lnTo>
                    <a:pt x="37" y="15"/>
                  </a:lnTo>
                  <a:lnTo>
                    <a:pt x="38" y="10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37" name="Hvidovre kant"/>
            <p:cNvSpPr>
              <a:spLocks/>
            </p:cNvSpPr>
            <p:nvPr/>
          </p:nvSpPr>
          <p:spPr bwMode="auto">
            <a:xfrm>
              <a:off x="3898900" y="4959350"/>
              <a:ext cx="58738" cy="82550"/>
            </a:xfrm>
            <a:custGeom>
              <a:avLst/>
              <a:gdLst>
                <a:gd name="T0" fmla="*/ 19929 w 112"/>
                <a:gd name="T1" fmla="*/ 4261 h 155"/>
                <a:gd name="T2" fmla="*/ 20453 w 112"/>
                <a:gd name="T3" fmla="*/ 2130 h 155"/>
                <a:gd name="T4" fmla="*/ 23600 w 112"/>
                <a:gd name="T5" fmla="*/ 1065 h 155"/>
                <a:gd name="T6" fmla="*/ 28320 w 112"/>
                <a:gd name="T7" fmla="*/ 1065 h 155"/>
                <a:gd name="T8" fmla="*/ 33565 w 112"/>
                <a:gd name="T9" fmla="*/ 1065 h 155"/>
                <a:gd name="T10" fmla="*/ 36187 w 112"/>
                <a:gd name="T11" fmla="*/ 4261 h 155"/>
                <a:gd name="T12" fmla="*/ 37236 w 112"/>
                <a:gd name="T13" fmla="*/ 11184 h 155"/>
                <a:gd name="T14" fmla="*/ 39333 w 112"/>
                <a:gd name="T15" fmla="*/ 13847 h 155"/>
                <a:gd name="T16" fmla="*/ 43005 w 112"/>
                <a:gd name="T17" fmla="*/ 17043 h 155"/>
                <a:gd name="T18" fmla="*/ 45102 w 112"/>
                <a:gd name="T19" fmla="*/ 21836 h 155"/>
                <a:gd name="T20" fmla="*/ 46676 w 112"/>
                <a:gd name="T21" fmla="*/ 23966 h 155"/>
                <a:gd name="T22" fmla="*/ 53494 w 112"/>
                <a:gd name="T23" fmla="*/ 29825 h 155"/>
                <a:gd name="T24" fmla="*/ 56640 w 112"/>
                <a:gd name="T25" fmla="*/ 41541 h 155"/>
                <a:gd name="T26" fmla="*/ 53494 w 112"/>
                <a:gd name="T27" fmla="*/ 51660 h 155"/>
                <a:gd name="T28" fmla="*/ 53494 w 112"/>
                <a:gd name="T29" fmla="*/ 68170 h 155"/>
                <a:gd name="T30" fmla="*/ 50871 w 112"/>
                <a:gd name="T31" fmla="*/ 81485 h 155"/>
                <a:gd name="T32" fmla="*/ 45102 w 112"/>
                <a:gd name="T33" fmla="*/ 82550 h 155"/>
                <a:gd name="T34" fmla="*/ 40382 w 112"/>
                <a:gd name="T35" fmla="*/ 81485 h 155"/>
                <a:gd name="T36" fmla="*/ 37760 w 112"/>
                <a:gd name="T37" fmla="*/ 80952 h 155"/>
                <a:gd name="T38" fmla="*/ 31467 w 112"/>
                <a:gd name="T39" fmla="*/ 80952 h 155"/>
                <a:gd name="T40" fmla="*/ 25698 w 112"/>
                <a:gd name="T41" fmla="*/ 80420 h 155"/>
                <a:gd name="T42" fmla="*/ 19405 w 112"/>
                <a:gd name="T43" fmla="*/ 79355 h 155"/>
                <a:gd name="T44" fmla="*/ 15209 w 112"/>
                <a:gd name="T45" fmla="*/ 77224 h 155"/>
                <a:gd name="T46" fmla="*/ 13636 w 112"/>
                <a:gd name="T47" fmla="*/ 68170 h 155"/>
                <a:gd name="T48" fmla="*/ 11013 w 112"/>
                <a:gd name="T49" fmla="*/ 59116 h 155"/>
                <a:gd name="T50" fmla="*/ 4720 w 112"/>
                <a:gd name="T51" fmla="*/ 47400 h 155"/>
                <a:gd name="T52" fmla="*/ 1573 w 112"/>
                <a:gd name="T53" fmla="*/ 36215 h 155"/>
                <a:gd name="T54" fmla="*/ 6293 w 112"/>
                <a:gd name="T55" fmla="*/ 32487 h 155"/>
                <a:gd name="T56" fmla="*/ 11538 w 112"/>
                <a:gd name="T57" fmla="*/ 28759 h 155"/>
                <a:gd name="T58" fmla="*/ 18880 w 112"/>
                <a:gd name="T59" fmla="*/ 27162 h 155"/>
                <a:gd name="T60" fmla="*/ 23600 w 112"/>
                <a:gd name="T61" fmla="*/ 24499 h 155"/>
                <a:gd name="T62" fmla="*/ 22027 w 112"/>
                <a:gd name="T63" fmla="*/ 18640 h 155"/>
                <a:gd name="T64" fmla="*/ 19929 w 112"/>
                <a:gd name="T65" fmla="*/ 13847 h 155"/>
                <a:gd name="T66" fmla="*/ 19405 w 112"/>
                <a:gd name="T67" fmla="*/ 7989 h 155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0" t="0" r="r" b="b"/>
              <a:pathLst>
                <a:path w="112" h="155">
                  <a:moveTo>
                    <a:pt x="38" y="10"/>
                  </a:moveTo>
                  <a:lnTo>
                    <a:pt x="38" y="8"/>
                  </a:lnTo>
                  <a:lnTo>
                    <a:pt x="39" y="6"/>
                  </a:lnTo>
                  <a:lnTo>
                    <a:pt x="39" y="4"/>
                  </a:lnTo>
                  <a:lnTo>
                    <a:pt x="41" y="3"/>
                  </a:lnTo>
                  <a:lnTo>
                    <a:pt x="45" y="2"/>
                  </a:lnTo>
                  <a:lnTo>
                    <a:pt x="49" y="2"/>
                  </a:lnTo>
                  <a:lnTo>
                    <a:pt x="54" y="2"/>
                  </a:lnTo>
                  <a:lnTo>
                    <a:pt x="58" y="2"/>
                  </a:lnTo>
                  <a:lnTo>
                    <a:pt x="64" y="2"/>
                  </a:lnTo>
                  <a:lnTo>
                    <a:pt x="67" y="0"/>
                  </a:lnTo>
                  <a:lnTo>
                    <a:pt x="69" y="8"/>
                  </a:lnTo>
                  <a:lnTo>
                    <a:pt x="70" y="16"/>
                  </a:lnTo>
                  <a:lnTo>
                    <a:pt x="71" y="21"/>
                  </a:lnTo>
                  <a:lnTo>
                    <a:pt x="73" y="24"/>
                  </a:lnTo>
                  <a:lnTo>
                    <a:pt x="75" y="26"/>
                  </a:lnTo>
                  <a:lnTo>
                    <a:pt x="79" y="28"/>
                  </a:lnTo>
                  <a:lnTo>
                    <a:pt x="82" y="32"/>
                  </a:lnTo>
                  <a:lnTo>
                    <a:pt x="85" y="37"/>
                  </a:lnTo>
                  <a:lnTo>
                    <a:pt x="86" y="41"/>
                  </a:lnTo>
                  <a:lnTo>
                    <a:pt x="87" y="43"/>
                  </a:lnTo>
                  <a:lnTo>
                    <a:pt x="89" y="45"/>
                  </a:lnTo>
                  <a:lnTo>
                    <a:pt x="92" y="46"/>
                  </a:lnTo>
                  <a:lnTo>
                    <a:pt x="102" y="56"/>
                  </a:lnTo>
                  <a:lnTo>
                    <a:pt x="112" y="68"/>
                  </a:lnTo>
                  <a:lnTo>
                    <a:pt x="108" y="78"/>
                  </a:lnTo>
                  <a:lnTo>
                    <a:pt x="105" y="88"/>
                  </a:lnTo>
                  <a:lnTo>
                    <a:pt x="102" y="97"/>
                  </a:lnTo>
                  <a:lnTo>
                    <a:pt x="102" y="107"/>
                  </a:lnTo>
                  <a:lnTo>
                    <a:pt x="102" y="128"/>
                  </a:lnTo>
                  <a:lnTo>
                    <a:pt x="101" y="152"/>
                  </a:lnTo>
                  <a:lnTo>
                    <a:pt x="97" y="153"/>
                  </a:lnTo>
                  <a:lnTo>
                    <a:pt x="92" y="154"/>
                  </a:lnTo>
                  <a:lnTo>
                    <a:pt x="86" y="155"/>
                  </a:lnTo>
                  <a:lnTo>
                    <a:pt x="79" y="154"/>
                  </a:lnTo>
                  <a:lnTo>
                    <a:pt x="77" y="153"/>
                  </a:lnTo>
                  <a:lnTo>
                    <a:pt x="75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0" y="152"/>
                  </a:lnTo>
                  <a:lnTo>
                    <a:pt x="54" y="152"/>
                  </a:lnTo>
                  <a:lnTo>
                    <a:pt x="49" y="151"/>
                  </a:lnTo>
                  <a:lnTo>
                    <a:pt x="44" y="150"/>
                  </a:lnTo>
                  <a:lnTo>
                    <a:pt x="37" y="149"/>
                  </a:lnTo>
                  <a:lnTo>
                    <a:pt x="31" y="149"/>
                  </a:lnTo>
                  <a:lnTo>
                    <a:pt x="29" y="145"/>
                  </a:lnTo>
                  <a:lnTo>
                    <a:pt x="26" y="140"/>
                  </a:lnTo>
                  <a:lnTo>
                    <a:pt x="26" y="128"/>
                  </a:lnTo>
                  <a:lnTo>
                    <a:pt x="23" y="119"/>
                  </a:lnTo>
                  <a:lnTo>
                    <a:pt x="21" y="111"/>
                  </a:lnTo>
                  <a:lnTo>
                    <a:pt x="17" y="104"/>
                  </a:lnTo>
                  <a:lnTo>
                    <a:pt x="9" y="89"/>
                  </a:lnTo>
                  <a:lnTo>
                    <a:pt x="0" y="73"/>
                  </a:lnTo>
                  <a:lnTo>
                    <a:pt x="3" y="68"/>
                  </a:lnTo>
                  <a:lnTo>
                    <a:pt x="8" y="64"/>
                  </a:lnTo>
                  <a:lnTo>
                    <a:pt x="12" y="61"/>
                  </a:lnTo>
                  <a:lnTo>
                    <a:pt x="17" y="57"/>
                  </a:lnTo>
                  <a:lnTo>
                    <a:pt x="22" y="54"/>
                  </a:lnTo>
                  <a:lnTo>
                    <a:pt x="29" y="53"/>
                  </a:lnTo>
                  <a:lnTo>
                    <a:pt x="36" y="51"/>
                  </a:lnTo>
                  <a:lnTo>
                    <a:pt x="44" y="50"/>
                  </a:lnTo>
                  <a:lnTo>
                    <a:pt x="45" y="46"/>
                  </a:lnTo>
                  <a:lnTo>
                    <a:pt x="45" y="41"/>
                  </a:lnTo>
                  <a:lnTo>
                    <a:pt x="42" y="35"/>
                  </a:lnTo>
                  <a:lnTo>
                    <a:pt x="40" y="31"/>
                  </a:lnTo>
                  <a:lnTo>
                    <a:pt x="38" y="26"/>
                  </a:lnTo>
                  <a:lnTo>
                    <a:pt x="37" y="21"/>
                  </a:lnTo>
                  <a:lnTo>
                    <a:pt x="37" y="15"/>
                  </a:lnTo>
                  <a:lnTo>
                    <a:pt x="38" y="10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38" name="Hillerød"/>
            <p:cNvSpPr>
              <a:spLocks/>
            </p:cNvSpPr>
            <p:nvPr/>
          </p:nvSpPr>
          <p:spPr bwMode="auto">
            <a:xfrm>
              <a:off x="3621088" y="4514850"/>
              <a:ext cx="234950" cy="222250"/>
            </a:xfrm>
            <a:custGeom>
              <a:avLst/>
              <a:gdLst>
                <a:gd name="T0" fmla="*/ 198438 w 444"/>
                <a:gd name="T1" fmla="*/ 9548 h 419"/>
                <a:gd name="T2" fmla="*/ 192617 w 444"/>
                <a:gd name="T3" fmla="*/ 19626 h 419"/>
                <a:gd name="T4" fmla="*/ 201613 w 444"/>
                <a:gd name="T5" fmla="*/ 37130 h 419"/>
                <a:gd name="T6" fmla="*/ 198438 w 444"/>
                <a:gd name="T7" fmla="*/ 41374 h 419"/>
                <a:gd name="T8" fmla="*/ 200554 w 444"/>
                <a:gd name="T9" fmla="*/ 44556 h 419"/>
                <a:gd name="T10" fmla="*/ 205317 w 444"/>
                <a:gd name="T11" fmla="*/ 48269 h 419"/>
                <a:gd name="T12" fmla="*/ 209550 w 444"/>
                <a:gd name="T13" fmla="*/ 59408 h 419"/>
                <a:gd name="T14" fmla="*/ 207963 w 444"/>
                <a:gd name="T15" fmla="*/ 71608 h 419"/>
                <a:gd name="T16" fmla="*/ 202142 w 444"/>
                <a:gd name="T17" fmla="*/ 75321 h 419"/>
                <a:gd name="T18" fmla="*/ 208492 w 444"/>
                <a:gd name="T19" fmla="*/ 83277 h 419"/>
                <a:gd name="T20" fmla="*/ 217488 w 444"/>
                <a:gd name="T21" fmla="*/ 94947 h 419"/>
                <a:gd name="T22" fmla="*/ 222250 w 444"/>
                <a:gd name="T23" fmla="*/ 108208 h 419"/>
                <a:gd name="T24" fmla="*/ 233363 w 444"/>
                <a:gd name="T25" fmla="*/ 118816 h 419"/>
                <a:gd name="T26" fmla="*/ 225425 w 444"/>
                <a:gd name="T27" fmla="*/ 135260 h 419"/>
                <a:gd name="T28" fmla="*/ 221721 w 444"/>
                <a:gd name="T29" fmla="*/ 137381 h 419"/>
                <a:gd name="T30" fmla="*/ 203200 w 444"/>
                <a:gd name="T31" fmla="*/ 144807 h 419"/>
                <a:gd name="T32" fmla="*/ 172508 w 444"/>
                <a:gd name="T33" fmla="*/ 155416 h 419"/>
                <a:gd name="T34" fmla="*/ 178329 w 444"/>
                <a:gd name="T35" fmla="*/ 162311 h 419"/>
                <a:gd name="T36" fmla="*/ 178329 w 444"/>
                <a:gd name="T37" fmla="*/ 167085 h 419"/>
                <a:gd name="T38" fmla="*/ 165100 w 444"/>
                <a:gd name="T39" fmla="*/ 160720 h 419"/>
                <a:gd name="T40" fmla="*/ 150283 w 444"/>
                <a:gd name="T41" fmla="*/ 159129 h 419"/>
                <a:gd name="T42" fmla="*/ 149225 w 444"/>
                <a:gd name="T43" fmla="*/ 166555 h 419"/>
                <a:gd name="T44" fmla="*/ 151342 w 444"/>
                <a:gd name="T45" fmla="*/ 181407 h 419"/>
                <a:gd name="T46" fmla="*/ 146050 w 444"/>
                <a:gd name="T47" fmla="*/ 193607 h 419"/>
                <a:gd name="T48" fmla="*/ 134938 w 444"/>
                <a:gd name="T49" fmla="*/ 201033 h 419"/>
                <a:gd name="T50" fmla="*/ 121179 w 444"/>
                <a:gd name="T51" fmla="*/ 205276 h 419"/>
                <a:gd name="T52" fmla="*/ 115888 w 444"/>
                <a:gd name="T53" fmla="*/ 216946 h 419"/>
                <a:gd name="T54" fmla="*/ 110067 w 444"/>
                <a:gd name="T55" fmla="*/ 222250 h 419"/>
                <a:gd name="T56" fmla="*/ 103188 w 444"/>
                <a:gd name="T57" fmla="*/ 212172 h 419"/>
                <a:gd name="T58" fmla="*/ 95779 w 444"/>
                <a:gd name="T59" fmla="*/ 188303 h 419"/>
                <a:gd name="T60" fmla="*/ 87313 w 444"/>
                <a:gd name="T61" fmla="*/ 176103 h 419"/>
                <a:gd name="T62" fmla="*/ 76200 w 444"/>
                <a:gd name="T63" fmla="*/ 170268 h 419"/>
                <a:gd name="T64" fmla="*/ 61913 w 444"/>
                <a:gd name="T65" fmla="*/ 175572 h 419"/>
                <a:gd name="T66" fmla="*/ 42333 w 444"/>
                <a:gd name="T67" fmla="*/ 182998 h 419"/>
                <a:gd name="T68" fmla="*/ 25929 w 444"/>
                <a:gd name="T69" fmla="*/ 170268 h 419"/>
                <a:gd name="T70" fmla="*/ 13758 w 444"/>
                <a:gd name="T71" fmla="*/ 156477 h 419"/>
                <a:gd name="T72" fmla="*/ 9525 w 444"/>
                <a:gd name="T73" fmla="*/ 151172 h 419"/>
                <a:gd name="T74" fmla="*/ 24871 w 444"/>
                <a:gd name="T75" fmla="*/ 140033 h 419"/>
                <a:gd name="T76" fmla="*/ 28046 w 444"/>
                <a:gd name="T77" fmla="*/ 126242 h 419"/>
                <a:gd name="T78" fmla="*/ 12171 w 444"/>
                <a:gd name="T79" fmla="*/ 113512 h 419"/>
                <a:gd name="T80" fmla="*/ 4763 w 444"/>
                <a:gd name="T81" fmla="*/ 109268 h 419"/>
                <a:gd name="T82" fmla="*/ 3175 w 444"/>
                <a:gd name="T83" fmla="*/ 97599 h 419"/>
                <a:gd name="T84" fmla="*/ 10054 w 444"/>
                <a:gd name="T85" fmla="*/ 89643 h 419"/>
                <a:gd name="T86" fmla="*/ 22225 w 444"/>
                <a:gd name="T87" fmla="*/ 87521 h 419"/>
                <a:gd name="T88" fmla="*/ 36513 w 444"/>
                <a:gd name="T89" fmla="*/ 80095 h 419"/>
                <a:gd name="T90" fmla="*/ 50271 w 444"/>
                <a:gd name="T91" fmla="*/ 65773 h 419"/>
                <a:gd name="T92" fmla="*/ 55563 w 444"/>
                <a:gd name="T93" fmla="*/ 62060 h 419"/>
                <a:gd name="T94" fmla="*/ 65617 w 444"/>
                <a:gd name="T95" fmla="*/ 67895 h 419"/>
                <a:gd name="T96" fmla="*/ 70379 w 444"/>
                <a:gd name="T97" fmla="*/ 62591 h 419"/>
                <a:gd name="T98" fmla="*/ 77788 w 444"/>
                <a:gd name="T99" fmla="*/ 46147 h 419"/>
                <a:gd name="T100" fmla="*/ 88371 w 444"/>
                <a:gd name="T101" fmla="*/ 39782 h 419"/>
                <a:gd name="T102" fmla="*/ 94721 w 444"/>
                <a:gd name="T103" fmla="*/ 32356 h 419"/>
                <a:gd name="T104" fmla="*/ 100013 w 444"/>
                <a:gd name="T105" fmla="*/ 25991 h 419"/>
                <a:gd name="T106" fmla="*/ 119592 w 444"/>
                <a:gd name="T107" fmla="*/ 23339 h 419"/>
                <a:gd name="T108" fmla="*/ 125413 w 444"/>
                <a:gd name="T109" fmla="*/ 19095 h 419"/>
                <a:gd name="T110" fmla="*/ 138642 w 444"/>
                <a:gd name="T111" fmla="*/ 21748 h 419"/>
                <a:gd name="T112" fmla="*/ 147638 w 444"/>
                <a:gd name="T113" fmla="*/ 18035 h 419"/>
                <a:gd name="T114" fmla="*/ 151871 w 444"/>
                <a:gd name="T115" fmla="*/ 5835 h 419"/>
                <a:gd name="T116" fmla="*/ 189442 w 444"/>
                <a:gd name="T117" fmla="*/ 1061 h 419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444" h="419">
                  <a:moveTo>
                    <a:pt x="381" y="0"/>
                  </a:moveTo>
                  <a:lnTo>
                    <a:pt x="380" y="8"/>
                  </a:lnTo>
                  <a:lnTo>
                    <a:pt x="378" y="13"/>
                  </a:lnTo>
                  <a:lnTo>
                    <a:pt x="375" y="18"/>
                  </a:lnTo>
                  <a:lnTo>
                    <a:pt x="372" y="22"/>
                  </a:lnTo>
                  <a:lnTo>
                    <a:pt x="368" y="27"/>
                  </a:lnTo>
                  <a:lnTo>
                    <a:pt x="366" y="32"/>
                  </a:lnTo>
                  <a:lnTo>
                    <a:pt x="364" y="37"/>
                  </a:lnTo>
                  <a:lnTo>
                    <a:pt x="363" y="44"/>
                  </a:lnTo>
                  <a:lnTo>
                    <a:pt x="373" y="55"/>
                  </a:lnTo>
                  <a:lnTo>
                    <a:pt x="383" y="67"/>
                  </a:lnTo>
                  <a:lnTo>
                    <a:pt x="381" y="70"/>
                  </a:lnTo>
                  <a:lnTo>
                    <a:pt x="378" y="73"/>
                  </a:lnTo>
                  <a:lnTo>
                    <a:pt x="377" y="74"/>
                  </a:lnTo>
                  <a:lnTo>
                    <a:pt x="376" y="76"/>
                  </a:lnTo>
                  <a:lnTo>
                    <a:pt x="375" y="78"/>
                  </a:lnTo>
                  <a:lnTo>
                    <a:pt x="376" y="82"/>
                  </a:lnTo>
                  <a:lnTo>
                    <a:pt x="377" y="82"/>
                  </a:lnTo>
                  <a:lnTo>
                    <a:pt x="378" y="82"/>
                  </a:lnTo>
                  <a:lnTo>
                    <a:pt x="379" y="84"/>
                  </a:lnTo>
                  <a:lnTo>
                    <a:pt x="382" y="85"/>
                  </a:lnTo>
                  <a:lnTo>
                    <a:pt x="385" y="85"/>
                  </a:lnTo>
                  <a:lnTo>
                    <a:pt x="388" y="85"/>
                  </a:lnTo>
                  <a:lnTo>
                    <a:pt x="388" y="91"/>
                  </a:lnTo>
                  <a:lnTo>
                    <a:pt x="389" y="97"/>
                  </a:lnTo>
                  <a:lnTo>
                    <a:pt x="392" y="102"/>
                  </a:lnTo>
                  <a:lnTo>
                    <a:pt x="394" y="107"/>
                  </a:lnTo>
                  <a:lnTo>
                    <a:pt x="396" y="112"/>
                  </a:lnTo>
                  <a:lnTo>
                    <a:pt x="397" y="118"/>
                  </a:lnTo>
                  <a:lnTo>
                    <a:pt x="397" y="125"/>
                  </a:lnTo>
                  <a:lnTo>
                    <a:pt x="396" y="133"/>
                  </a:lnTo>
                  <a:lnTo>
                    <a:pt x="393" y="135"/>
                  </a:lnTo>
                  <a:lnTo>
                    <a:pt x="389" y="137"/>
                  </a:lnTo>
                  <a:lnTo>
                    <a:pt x="386" y="138"/>
                  </a:lnTo>
                  <a:lnTo>
                    <a:pt x="381" y="138"/>
                  </a:lnTo>
                  <a:lnTo>
                    <a:pt x="382" y="142"/>
                  </a:lnTo>
                  <a:lnTo>
                    <a:pt x="383" y="146"/>
                  </a:lnTo>
                  <a:lnTo>
                    <a:pt x="385" y="149"/>
                  </a:lnTo>
                  <a:lnTo>
                    <a:pt x="388" y="152"/>
                  </a:lnTo>
                  <a:lnTo>
                    <a:pt x="394" y="157"/>
                  </a:lnTo>
                  <a:lnTo>
                    <a:pt x="400" y="162"/>
                  </a:lnTo>
                  <a:lnTo>
                    <a:pt x="405" y="169"/>
                  </a:lnTo>
                  <a:lnTo>
                    <a:pt x="409" y="175"/>
                  </a:lnTo>
                  <a:lnTo>
                    <a:pt x="411" y="179"/>
                  </a:lnTo>
                  <a:lnTo>
                    <a:pt x="412" y="185"/>
                  </a:lnTo>
                  <a:lnTo>
                    <a:pt x="412" y="190"/>
                  </a:lnTo>
                  <a:lnTo>
                    <a:pt x="411" y="196"/>
                  </a:lnTo>
                  <a:lnTo>
                    <a:pt x="420" y="204"/>
                  </a:lnTo>
                  <a:lnTo>
                    <a:pt x="430" y="211"/>
                  </a:lnTo>
                  <a:lnTo>
                    <a:pt x="434" y="215"/>
                  </a:lnTo>
                  <a:lnTo>
                    <a:pt x="438" y="219"/>
                  </a:lnTo>
                  <a:lnTo>
                    <a:pt x="441" y="224"/>
                  </a:lnTo>
                  <a:lnTo>
                    <a:pt x="444" y="229"/>
                  </a:lnTo>
                  <a:lnTo>
                    <a:pt x="438" y="238"/>
                  </a:lnTo>
                  <a:lnTo>
                    <a:pt x="432" y="247"/>
                  </a:lnTo>
                  <a:lnTo>
                    <a:pt x="426" y="255"/>
                  </a:lnTo>
                  <a:lnTo>
                    <a:pt x="421" y="265"/>
                  </a:lnTo>
                  <a:lnTo>
                    <a:pt x="421" y="263"/>
                  </a:lnTo>
                  <a:lnTo>
                    <a:pt x="420" y="260"/>
                  </a:lnTo>
                  <a:lnTo>
                    <a:pt x="419" y="259"/>
                  </a:lnTo>
                  <a:lnTo>
                    <a:pt x="416" y="259"/>
                  </a:lnTo>
                  <a:lnTo>
                    <a:pt x="406" y="265"/>
                  </a:lnTo>
                  <a:lnTo>
                    <a:pt x="396" y="270"/>
                  </a:lnTo>
                  <a:lnTo>
                    <a:pt x="384" y="273"/>
                  </a:lnTo>
                  <a:lnTo>
                    <a:pt x="373" y="276"/>
                  </a:lnTo>
                  <a:lnTo>
                    <a:pt x="348" y="281"/>
                  </a:lnTo>
                  <a:lnTo>
                    <a:pt x="324" y="288"/>
                  </a:lnTo>
                  <a:lnTo>
                    <a:pt x="326" y="293"/>
                  </a:lnTo>
                  <a:lnTo>
                    <a:pt x="328" y="297"/>
                  </a:lnTo>
                  <a:lnTo>
                    <a:pt x="331" y="300"/>
                  </a:lnTo>
                  <a:lnTo>
                    <a:pt x="335" y="303"/>
                  </a:lnTo>
                  <a:lnTo>
                    <a:pt x="337" y="306"/>
                  </a:lnTo>
                  <a:lnTo>
                    <a:pt x="338" y="310"/>
                  </a:lnTo>
                  <a:lnTo>
                    <a:pt x="338" y="312"/>
                  </a:lnTo>
                  <a:lnTo>
                    <a:pt x="338" y="313"/>
                  </a:lnTo>
                  <a:lnTo>
                    <a:pt x="337" y="315"/>
                  </a:lnTo>
                  <a:lnTo>
                    <a:pt x="335" y="315"/>
                  </a:lnTo>
                  <a:lnTo>
                    <a:pt x="328" y="311"/>
                  </a:lnTo>
                  <a:lnTo>
                    <a:pt x="322" y="308"/>
                  </a:lnTo>
                  <a:lnTo>
                    <a:pt x="312" y="303"/>
                  </a:lnTo>
                  <a:lnTo>
                    <a:pt x="299" y="299"/>
                  </a:lnTo>
                  <a:lnTo>
                    <a:pt x="293" y="298"/>
                  </a:lnTo>
                  <a:lnTo>
                    <a:pt x="286" y="299"/>
                  </a:lnTo>
                  <a:lnTo>
                    <a:pt x="284" y="300"/>
                  </a:lnTo>
                  <a:lnTo>
                    <a:pt x="282" y="303"/>
                  </a:lnTo>
                  <a:lnTo>
                    <a:pt x="280" y="305"/>
                  </a:lnTo>
                  <a:lnTo>
                    <a:pt x="279" y="308"/>
                  </a:lnTo>
                  <a:lnTo>
                    <a:pt x="282" y="314"/>
                  </a:lnTo>
                  <a:lnTo>
                    <a:pt x="285" y="321"/>
                  </a:lnTo>
                  <a:lnTo>
                    <a:pt x="286" y="328"/>
                  </a:lnTo>
                  <a:lnTo>
                    <a:pt x="286" y="334"/>
                  </a:lnTo>
                  <a:lnTo>
                    <a:pt x="286" y="342"/>
                  </a:lnTo>
                  <a:lnTo>
                    <a:pt x="285" y="348"/>
                  </a:lnTo>
                  <a:lnTo>
                    <a:pt x="283" y="353"/>
                  </a:lnTo>
                  <a:lnTo>
                    <a:pt x="280" y="359"/>
                  </a:lnTo>
                  <a:lnTo>
                    <a:pt x="276" y="365"/>
                  </a:lnTo>
                  <a:lnTo>
                    <a:pt x="272" y="369"/>
                  </a:lnTo>
                  <a:lnTo>
                    <a:pt x="266" y="373"/>
                  </a:lnTo>
                  <a:lnTo>
                    <a:pt x="261" y="376"/>
                  </a:lnTo>
                  <a:lnTo>
                    <a:pt x="255" y="379"/>
                  </a:lnTo>
                  <a:lnTo>
                    <a:pt x="248" y="382"/>
                  </a:lnTo>
                  <a:lnTo>
                    <a:pt x="241" y="382"/>
                  </a:lnTo>
                  <a:lnTo>
                    <a:pt x="234" y="382"/>
                  </a:lnTo>
                  <a:lnTo>
                    <a:pt x="229" y="387"/>
                  </a:lnTo>
                  <a:lnTo>
                    <a:pt x="226" y="391"/>
                  </a:lnTo>
                  <a:lnTo>
                    <a:pt x="224" y="397"/>
                  </a:lnTo>
                  <a:lnTo>
                    <a:pt x="223" y="405"/>
                  </a:lnTo>
                  <a:lnTo>
                    <a:pt x="219" y="409"/>
                  </a:lnTo>
                  <a:lnTo>
                    <a:pt x="216" y="413"/>
                  </a:lnTo>
                  <a:lnTo>
                    <a:pt x="214" y="416"/>
                  </a:lnTo>
                  <a:lnTo>
                    <a:pt x="212" y="417"/>
                  </a:lnTo>
                  <a:lnTo>
                    <a:pt x="208" y="419"/>
                  </a:lnTo>
                  <a:lnTo>
                    <a:pt x="205" y="419"/>
                  </a:lnTo>
                  <a:lnTo>
                    <a:pt x="201" y="414"/>
                  </a:lnTo>
                  <a:lnTo>
                    <a:pt x="198" y="408"/>
                  </a:lnTo>
                  <a:lnTo>
                    <a:pt x="195" y="400"/>
                  </a:lnTo>
                  <a:lnTo>
                    <a:pt x="193" y="393"/>
                  </a:lnTo>
                  <a:lnTo>
                    <a:pt x="188" y="378"/>
                  </a:lnTo>
                  <a:lnTo>
                    <a:pt x="183" y="363"/>
                  </a:lnTo>
                  <a:lnTo>
                    <a:pt x="181" y="355"/>
                  </a:lnTo>
                  <a:lnTo>
                    <a:pt x="178" y="349"/>
                  </a:lnTo>
                  <a:lnTo>
                    <a:pt x="175" y="343"/>
                  </a:lnTo>
                  <a:lnTo>
                    <a:pt x="170" y="337"/>
                  </a:lnTo>
                  <a:lnTo>
                    <a:pt x="165" y="332"/>
                  </a:lnTo>
                  <a:lnTo>
                    <a:pt x="159" y="328"/>
                  </a:lnTo>
                  <a:lnTo>
                    <a:pt x="153" y="325"/>
                  </a:lnTo>
                  <a:lnTo>
                    <a:pt x="144" y="324"/>
                  </a:lnTo>
                  <a:lnTo>
                    <a:pt x="144" y="321"/>
                  </a:lnTo>
                  <a:lnTo>
                    <a:pt x="144" y="320"/>
                  </a:lnTo>
                  <a:lnTo>
                    <a:pt x="135" y="324"/>
                  </a:lnTo>
                  <a:lnTo>
                    <a:pt x="125" y="327"/>
                  </a:lnTo>
                  <a:lnTo>
                    <a:pt x="117" y="331"/>
                  </a:lnTo>
                  <a:lnTo>
                    <a:pt x="108" y="335"/>
                  </a:lnTo>
                  <a:lnTo>
                    <a:pt x="99" y="339"/>
                  </a:lnTo>
                  <a:lnTo>
                    <a:pt x="89" y="343"/>
                  </a:lnTo>
                  <a:lnTo>
                    <a:pt x="80" y="345"/>
                  </a:lnTo>
                  <a:lnTo>
                    <a:pt x="68" y="346"/>
                  </a:lnTo>
                  <a:lnTo>
                    <a:pt x="61" y="338"/>
                  </a:lnTo>
                  <a:lnTo>
                    <a:pt x="56" y="331"/>
                  </a:lnTo>
                  <a:lnTo>
                    <a:pt x="49" y="321"/>
                  </a:lnTo>
                  <a:lnTo>
                    <a:pt x="44" y="313"/>
                  </a:lnTo>
                  <a:lnTo>
                    <a:pt x="38" y="306"/>
                  </a:lnTo>
                  <a:lnTo>
                    <a:pt x="30" y="298"/>
                  </a:lnTo>
                  <a:lnTo>
                    <a:pt x="26" y="295"/>
                  </a:lnTo>
                  <a:lnTo>
                    <a:pt x="22" y="292"/>
                  </a:lnTo>
                  <a:lnTo>
                    <a:pt x="18" y="290"/>
                  </a:lnTo>
                  <a:lnTo>
                    <a:pt x="13" y="288"/>
                  </a:lnTo>
                  <a:lnTo>
                    <a:pt x="18" y="285"/>
                  </a:lnTo>
                  <a:lnTo>
                    <a:pt x="24" y="281"/>
                  </a:lnTo>
                  <a:lnTo>
                    <a:pt x="28" y="277"/>
                  </a:lnTo>
                  <a:lnTo>
                    <a:pt x="33" y="272"/>
                  </a:lnTo>
                  <a:lnTo>
                    <a:pt x="47" y="264"/>
                  </a:lnTo>
                  <a:lnTo>
                    <a:pt x="61" y="254"/>
                  </a:lnTo>
                  <a:lnTo>
                    <a:pt x="59" y="249"/>
                  </a:lnTo>
                  <a:lnTo>
                    <a:pt x="56" y="244"/>
                  </a:lnTo>
                  <a:lnTo>
                    <a:pt x="53" y="238"/>
                  </a:lnTo>
                  <a:lnTo>
                    <a:pt x="48" y="234"/>
                  </a:lnTo>
                  <a:lnTo>
                    <a:pt x="41" y="225"/>
                  </a:lnTo>
                  <a:lnTo>
                    <a:pt x="36" y="214"/>
                  </a:lnTo>
                  <a:lnTo>
                    <a:pt x="23" y="214"/>
                  </a:lnTo>
                  <a:lnTo>
                    <a:pt x="13" y="216"/>
                  </a:lnTo>
                  <a:lnTo>
                    <a:pt x="13" y="212"/>
                  </a:lnTo>
                  <a:lnTo>
                    <a:pt x="11" y="208"/>
                  </a:lnTo>
                  <a:lnTo>
                    <a:pt x="9" y="206"/>
                  </a:lnTo>
                  <a:lnTo>
                    <a:pt x="7" y="203"/>
                  </a:lnTo>
                  <a:lnTo>
                    <a:pt x="3" y="197"/>
                  </a:lnTo>
                  <a:lnTo>
                    <a:pt x="0" y="191"/>
                  </a:lnTo>
                  <a:lnTo>
                    <a:pt x="6" y="184"/>
                  </a:lnTo>
                  <a:lnTo>
                    <a:pt x="13" y="176"/>
                  </a:lnTo>
                  <a:lnTo>
                    <a:pt x="15" y="173"/>
                  </a:lnTo>
                  <a:lnTo>
                    <a:pt x="17" y="171"/>
                  </a:lnTo>
                  <a:lnTo>
                    <a:pt x="19" y="169"/>
                  </a:lnTo>
                  <a:lnTo>
                    <a:pt x="22" y="168"/>
                  </a:lnTo>
                  <a:lnTo>
                    <a:pt x="28" y="166"/>
                  </a:lnTo>
                  <a:lnTo>
                    <a:pt x="36" y="165"/>
                  </a:lnTo>
                  <a:lnTo>
                    <a:pt x="42" y="165"/>
                  </a:lnTo>
                  <a:lnTo>
                    <a:pt x="48" y="164"/>
                  </a:lnTo>
                  <a:lnTo>
                    <a:pt x="55" y="161"/>
                  </a:lnTo>
                  <a:lnTo>
                    <a:pt x="61" y="158"/>
                  </a:lnTo>
                  <a:lnTo>
                    <a:pt x="69" y="151"/>
                  </a:lnTo>
                  <a:lnTo>
                    <a:pt x="78" y="144"/>
                  </a:lnTo>
                  <a:lnTo>
                    <a:pt x="86" y="136"/>
                  </a:lnTo>
                  <a:lnTo>
                    <a:pt x="94" y="128"/>
                  </a:lnTo>
                  <a:lnTo>
                    <a:pt x="95" y="124"/>
                  </a:lnTo>
                  <a:lnTo>
                    <a:pt x="97" y="120"/>
                  </a:lnTo>
                  <a:lnTo>
                    <a:pt x="98" y="118"/>
                  </a:lnTo>
                  <a:lnTo>
                    <a:pt x="100" y="117"/>
                  </a:lnTo>
                  <a:lnTo>
                    <a:pt x="105" y="117"/>
                  </a:lnTo>
                  <a:lnTo>
                    <a:pt x="109" y="119"/>
                  </a:lnTo>
                  <a:lnTo>
                    <a:pt x="118" y="125"/>
                  </a:lnTo>
                  <a:lnTo>
                    <a:pt x="122" y="128"/>
                  </a:lnTo>
                  <a:lnTo>
                    <a:pt x="124" y="128"/>
                  </a:lnTo>
                  <a:lnTo>
                    <a:pt x="127" y="127"/>
                  </a:lnTo>
                  <a:lnTo>
                    <a:pt x="128" y="125"/>
                  </a:lnTo>
                  <a:lnTo>
                    <a:pt x="130" y="124"/>
                  </a:lnTo>
                  <a:lnTo>
                    <a:pt x="133" y="118"/>
                  </a:lnTo>
                  <a:lnTo>
                    <a:pt x="134" y="113"/>
                  </a:lnTo>
                  <a:lnTo>
                    <a:pt x="135" y="100"/>
                  </a:lnTo>
                  <a:lnTo>
                    <a:pt x="137" y="90"/>
                  </a:lnTo>
                  <a:lnTo>
                    <a:pt x="147" y="87"/>
                  </a:lnTo>
                  <a:lnTo>
                    <a:pt x="157" y="85"/>
                  </a:lnTo>
                  <a:lnTo>
                    <a:pt x="160" y="81"/>
                  </a:lnTo>
                  <a:lnTo>
                    <a:pt x="164" y="78"/>
                  </a:lnTo>
                  <a:lnTo>
                    <a:pt x="167" y="75"/>
                  </a:lnTo>
                  <a:lnTo>
                    <a:pt x="169" y="69"/>
                  </a:lnTo>
                  <a:lnTo>
                    <a:pt x="173" y="66"/>
                  </a:lnTo>
                  <a:lnTo>
                    <a:pt x="176" y="64"/>
                  </a:lnTo>
                  <a:lnTo>
                    <a:pt x="179" y="61"/>
                  </a:lnTo>
                  <a:lnTo>
                    <a:pt x="182" y="59"/>
                  </a:lnTo>
                  <a:lnTo>
                    <a:pt x="185" y="56"/>
                  </a:lnTo>
                  <a:lnTo>
                    <a:pt x="188" y="53"/>
                  </a:lnTo>
                  <a:lnTo>
                    <a:pt x="189" y="49"/>
                  </a:lnTo>
                  <a:lnTo>
                    <a:pt x="190" y="44"/>
                  </a:lnTo>
                  <a:lnTo>
                    <a:pt x="206" y="44"/>
                  </a:lnTo>
                  <a:lnTo>
                    <a:pt x="220" y="44"/>
                  </a:lnTo>
                  <a:lnTo>
                    <a:pt x="226" y="44"/>
                  </a:lnTo>
                  <a:lnTo>
                    <a:pt x="232" y="41"/>
                  </a:lnTo>
                  <a:lnTo>
                    <a:pt x="234" y="40"/>
                  </a:lnTo>
                  <a:lnTo>
                    <a:pt x="236" y="38"/>
                  </a:lnTo>
                  <a:lnTo>
                    <a:pt x="237" y="36"/>
                  </a:lnTo>
                  <a:lnTo>
                    <a:pt x="238" y="34"/>
                  </a:lnTo>
                  <a:lnTo>
                    <a:pt x="247" y="38"/>
                  </a:lnTo>
                  <a:lnTo>
                    <a:pt x="256" y="41"/>
                  </a:lnTo>
                  <a:lnTo>
                    <a:pt x="262" y="41"/>
                  </a:lnTo>
                  <a:lnTo>
                    <a:pt x="266" y="41"/>
                  </a:lnTo>
                  <a:lnTo>
                    <a:pt x="271" y="40"/>
                  </a:lnTo>
                  <a:lnTo>
                    <a:pt x="274" y="38"/>
                  </a:lnTo>
                  <a:lnTo>
                    <a:pt x="279" y="34"/>
                  </a:lnTo>
                  <a:lnTo>
                    <a:pt x="286" y="31"/>
                  </a:lnTo>
                  <a:lnTo>
                    <a:pt x="286" y="25"/>
                  </a:lnTo>
                  <a:lnTo>
                    <a:pt x="286" y="17"/>
                  </a:lnTo>
                  <a:lnTo>
                    <a:pt x="287" y="11"/>
                  </a:lnTo>
                  <a:lnTo>
                    <a:pt x="289" y="6"/>
                  </a:lnTo>
                  <a:lnTo>
                    <a:pt x="313" y="5"/>
                  </a:lnTo>
                  <a:lnTo>
                    <a:pt x="336" y="5"/>
                  </a:lnTo>
                  <a:lnTo>
                    <a:pt x="358" y="2"/>
                  </a:lnTo>
                  <a:lnTo>
                    <a:pt x="381" y="0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39" name="Hillerød kant"/>
            <p:cNvSpPr>
              <a:spLocks/>
            </p:cNvSpPr>
            <p:nvPr/>
          </p:nvSpPr>
          <p:spPr bwMode="auto">
            <a:xfrm>
              <a:off x="3621088" y="4514850"/>
              <a:ext cx="234950" cy="222250"/>
            </a:xfrm>
            <a:custGeom>
              <a:avLst/>
              <a:gdLst>
                <a:gd name="T0" fmla="*/ 198438 w 444"/>
                <a:gd name="T1" fmla="*/ 9548 h 419"/>
                <a:gd name="T2" fmla="*/ 192617 w 444"/>
                <a:gd name="T3" fmla="*/ 19626 h 419"/>
                <a:gd name="T4" fmla="*/ 201613 w 444"/>
                <a:gd name="T5" fmla="*/ 37130 h 419"/>
                <a:gd name="T6" fmla="*/ 198438 w 444"/>
                <a:gd name="T7" fmla="*/ 41374 h 419"/>
                <a:gd name="T8" fmla="*/ 200554 w 444"/>
                <a:gd name="T9" fmla="*/ 44556 h 419"/>
                <a:gd name="T10" fmla="*/ 205317 w 444"/>
                <a:gd name="T11" fmla="*/ 48269 h 419"/>
                <a:gd name="T12" fmla="*/ 209550 w 444"/>
                <a:gd name="T13" fmla="*/ 59408 h 419"/>
                <a:gd name="T14" fmla="*/ 207963 w 444"/>
                <a:gd name="T15" fmla="*/ 71608 h 419"/>
                <a:gd name="T16" fmla="*/ 202142 w 444"/>
                <a:gd name="T17" fmla="*/ 75321 h 419"/>
                <a:gd name="T18" fmla="*/ 208492 w 444"/>
                <a:gd name="T19" fmla="*/ 83277 h 419"/>
                <a:gd name="T20" fmla="*/ 217488 w 444"/>
                <a:gd name="T21" fmla="*/ 94947 h 419"/>
                <a:gd name="T22" fmla="*/ 222250 w 444"/>
                <a:gd name="T23" fmla="*/ 108208 h 419"/>
                <a:gd name="T24" fmla="*/ 233363 w 444"/>
                <a:gd name="T25" fmla="*/ 118816 h 419"/>
                <a:gd name="T26" fmla="*/ 225425 w 444"/>
                <a:gd name="T27" fmla="*/ 135260 h 419"/>
                <a:gd name="T28" fmla="*/ 221721 w 444"/>
                <a:gd name="T29" fmla="*/ 137381 h 419"/>
                <a:gd name="T30" fmla="*/ 203200 w 444"/>
                <a:gd name="T31" fmla="*/ 144807 h 419"/>
                <a:gd name="T32" fmla="*/ 172508 w 444"/>
                <a:gd name="T33" fmla="*/ 155416 h 419"/>
                <a:gd name="T34" fmla="*/ 178329 w 444"/>
                <a:gd name="T35" fmla="*/ 162311 h 419"/>
                <a:gd name="T36" fmla="*/ 178329 w 444"/>
                <a:gd name="T37" fmla="*/ 167085 h 419"/>
                <a:gd name="T38" fmla="*/ 165100 w 444"/>
                <a:gd name="T39" fmla="*/ 160720 h 419"/>
                <a:gd name="T40" fmla="*/ 150283 w 444"/>
                <a:gd name="T41" fmla="*/ 159129 h 419"/>
                <a:gd name="T42" fmla="*/ 149225 w 444"/>
                <a:gd name="T43" fmla="*/ 166555 h 419"/>
                <a:gd name="T44" fmla="*/ 151342 w 444"/>
                <a:gd name="T45" fmla="*/ 181407 h 419"/>
                <a:gd name="T46" fmla="*/ 146050 w 444"/>
                <a:gd name="T47" fmla="*/ 193607 h 419"/>
                <a:gd name="T48" fmla="*/ 134938 w 444"/>
                <a:gd name="T49" fmla="*/ 201033 h 419"/>
                <a:gd name="T50" fmla="*/ 121179 w 444"/>
                <a:gd name="T51" fmla="*/ 205276 h 419"/>
                <a:gd name="T52" fmla="*/ 115888 w 444"/>
                <a:gd name="T53" fmla="*/ 216946 h 419"/>
                <a:gd name="T54" fmla="*/ 110067 w 444"/>
                <a:gd name="T55" fmla="*/ 222250 h 419"/>
                <a:gd name="T56" fmla="*/ 103188 w 444"/>
                <a:gd name="T57" fmla="*/ 212172 h 419"/>
                <a:gd name="T58" fmla="*/ 95779 w 444"/>
                <a:gd name="T59" fmla="*/ 188303 h 419"/>
                <a:gd name="T60" fmla="*/ 87313 w 444"/>
                <a:gd name="T61" fmla="*/ 176103 h 419"/>
                <a:gd name="T62" fmla="*/ 76200 w 444"/>
                <a:gd name="T63" fmla="*/ 170268 h 419"/>
                <a:gd name="T64" fmla="*/ 61913 w 444"/>
                <a:gd name="T65" fmla="*/ 175572 h 419"/>
                <a:gd name="T66" fmla="*/ 42333 w 444"/>
                <a:gd name="T67" fmla="*/ 182998 h 419"/>
                <a:gd name="T68" fmla="*/ 25929 w 444"/>
                <a:gd name="T69" fmla="*/ 170268 h 419"/>
                <a:gd name="T70" fmla="*/ 13758 w 444"/>
                <a:gd name="T71" fmla="*/ 156477 h 419"/>
                <a:gd name="T72" fmla="*/ 9525 w 444"/>
                <a:gd name="T73" fmla="*/ 151172 h 419"/>
                <a:gd name="T74" fmla="*/ 24871 w 444"/>
                <a:gd name="T75" fmla="*/ 140033 h 419"/>
                <a:gd name="T76" fmla="*/ 28046 w 444"/>
                <a:gd name="T77" fmla="*/ 126242 h 419"/>
                <a:gd name="T78" fmla="*/ 12171 w 444"/>
                <a:gd name="T79" fmla="*/ 113512 h 419"/>
                <a:gd name="T80" fmla="*/ 4763 w 444"/>
                <a:gd name="T81" fmla="*/ 109268 h 419"/>
                <a:gd name="T82" fmla="*/ 3175 w 444"/>
                <a:gd name="T83" fmla="*/ 97599 h 419"/>
                <a:gd name="T84" fmla="*/ 10054 w 444"/>
                <a:gd name="T85" fmla="*/ 89643 h 419"/>
                <a:gd name="T86" fmla="*/ 22225 w 444"/>
                <a:gd name="T87" fmla="*/ 87521 h 419"/>
                <a:gd name="T88" fmla="*/ 36513 w 444"/>
                <a:gd name="T89" fmla="*/ 80095 h 419"/>
                <a:gd name="T90" fmla="*/ 50271 w 444"/>
                <a:gd name="T91" fmla="*/ 65773 h 419"/>
                <a:gd name="T92" fmla="*/ 55563 w 444"/>
                <a:gd name="T93" fmla="*/ 62060 h 419"/>
                <a:gd name="T94" fmla="*/ 65617 w 444"/>
                <a:gd name="T95" fmla="*/ 67895 h 419"/>
                <a:gd name="T96" fmla="*/ 70379 w 444"/>
                <a:gd name="T97" fmla="*/ 62591 h 419"/>
                <a:gd name="T98" fmla="*/ 77788 w 444"/>
                <a:gd name="T99" fmla="*/ 46147 h 419"/>
                <a:gd name="T100" fmla="*/ 88371 w 444"/>
                <a:gd name="T101" fmla="*/ 39782 h 419"/>
                <a:gd name="T102" fmla="*/ 94721 w 444"/>
                <a:gd name="T103" fmla="*/ 32356 h 419"/>
                <a:gd name="T104" fmla="*/ 100013 w 444"/>
                <a:gd name="T105" fmla="*/ 25991 h 419"/>
                <a:gd name="T106" fmla="*/ 119592 w 444"/>
                <a:gd name="T107" fmla="*/ 23339 h 419"/>
                <a:gd name="T108" fmla="*/ 125413 w 444"/>
                <a:gd name="T109" fmla="*/ 19095 h 419"/>
                <a:gd name="T110" fmla="*/ 138642 w 444"/>
                <a:gd name="T111" fmla="*/ 21748 h 419"/>
                <a:gd name="T112" fmla="*/ 147638 w 444"/>
                <a:gd name="T113" fmla="*/ 18035 h 419"/>
                <a:gd name="T114" fmla="*/ 151871 w 444"/>
                <a:gd name="T115" fmla="*/ 5835 h 419"/>
                <a:gd name="T116" fmla="*/ 189442 w 444"/>
                <a:gd name="T117" fmla="*/ 1061 h 419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444" h="419">
                  <a:moveTo>
                    <a:pt x="381" y="0"/>
                  </a:moveTo>
                  <a:lnTo>
                    <a:pt x="380" y="8"/>
                  </a:lnTo>
                  <a:lnTo>
                    <a:pt x="378" y="13"/>
                  </a:lnTo>
                  <a:lnTo>
                    <a:pt x="375" y="18"/>
                  </a:lnTo>
                  <a:lnTo>
                    <a:pt x="372" y="22"/>
                  </a:lnTo>
                  <a:lnTo>
                    <a:pt x="368" y="27"/>
                  </a:lnTo>
                  <a:lnTo>
                    <a:pt x="366" y="32"/>
                  </a:lnTo>
                  <a:lnTo>
                    <a:pt x="364" y="37"/>
                  </a:lnTo>
                  <a:lnTo>
                    <a:pt x="363" y="44"/>
                  </a:lnTo>
                  <a:lnTo>
                    <a:pt x="373" y="55"/>
                  </a:lnTo>
                  <a:lnTo>
                    <a:pt x="383" y="67"/>
                  </a:lnTo>
                  <a:lnTo>
                    <a:pt x="381" y="70"/>
                  </a:lnTo>
                  <a:lnTo>
                    <a:pt x="378" y="73"/>
                  </a:lnTo>
                  <a:lnTo>
                    <a:pt x="377" y="74"/>
                  </a:lnTo>
                  <a:lnTo>
                    <a:pt x="376" y="76"/>
                  </a:lnTo>
                  <a:lnTo>
                    <a:pt x="375" y="78"/>
                  </a:lnTo>
                  <a:lnTo>
                    <a:pt x="376" y="82"/>
                  </a:lnTo>
                  <a:lnTo>
                    <a:pt x="377" y="82"/>
                  </a:lnTo>
                  <a:lnTo>
                    <a:pt x="378" y="82"/>
                  </a:lnTo>
                  <a:lnTo>
                    <a:pt x="379" y="84"/>
                  </a:lnTo>
                  <a:lnTo>
                    <a:pt x="382" y="85"/>
                  </a:lnTo>
                  <a:lnTo>
                    <a:pt x="385" y="85"/>
                  </a:lnTo>
                  <a:lnTo>
                    <a:pt x="388" y="85"/>
                  </a:lnTo>
                  <a:lnTo>
                    <a:pt x="388" y="91"/>
                  </a:lnTo>
                  <a:lnTo>
                    <a:pt x="389" y="97"/>
                  </a:lnTo>
                  <a:lnTo>
                    <a:pt x="392" y="102"/>
                  </a:lnTo>
                  <a:lnTo>
                    <a:pt x="394" y="107"/>
                  </a:lnTo>
                  <a:lnTo>
                    <a:pt x="396" y="112"/>
                  </a:lnTo>
                  <a:lnTo>
                    <a:pt x="397" y="118"/>
                  </a:lnTo>
                  <a:lnTo>
                    <a:pt x="397" y="125"/>
                  </a:lnTo>
                  <a:lnTo>
                    <a:pt x="396" y="133"/>
                  </a:lnTo>
                  <a:lnTo>
                    <a:pt x="393" y="135"/>
                  </a:lnTo>
                  <a:lnTo>
                    <a:pt x="389" y="137"/>
                  </a:lnTo>
                  <a:lnTo>
                    <a:pt x="386" y="138"/>
                  </a:lnTo>
                  <a:lnTo>
                    <a:pt x="381" y="138"/>
                  </a:lnTo>
                  <a:lnTo>
                    <a:pt x="382" y="142"/>
                  </a:lnTo>
                  <a:lnTo>
                    <a:pt x="383" y="146"/>
                  </a:lnTo>
                  <a:lnTo>
                    <a:pt x="385" y="149"/>
                  </a:lnTo>
                  <a:lnTo>
                    <a:pt x="388" y="152"/>
                  </a:lnTo>
                  <a:lnTo>
                    <a:pt x="394" y="157"/>
                  </a:lnTo>
                  <a:lnTo>
                    <a:pt x="400" y="162"/>
                  </a:lnTo>
                  <a:lnTo>
                    <a:pt x="405" y="169"/>
                  </a:lnTo>
                  <a:lnTo>
                    <a:pt x="409" y="175"/>
                  </a:lnTo>
                  <a:lnTo>
                    <a:pt x="411" y="179"/>
                  </a:lnTo>
                  <a:lnTo>
                    <a:pt x="412" y="185"/>
                  </a:lnTo>
                  <a:lnTo>
                    <a:pt x="412" y="190"/>
                  </a:lnTo>
                  <a:lnTo>
                    <a:pt x="411" y="196"/>
                  </a:lnTo>
                  <a:lnTo>
                    <a:pt x="420" y="204"/>
                  </a:lnTo>
                  <a:lnTo>
                    <a:pt x="430" y="211"/>
                  </a:lnTo>
                  <a:lnTo>
                    <a:pt x="434" y="215"/>
                  </a:lnTo>
                  <a:lnTo>
                    <a:pt x="438" y="219"/>
                  </a:lnTo>
                  <a:lnTo>
                    <a:pt x="441" y="224"/>
                  </a:lnTo>
                  <a:lnTo>
                    <a:pt x="444" y="229"/>
                  </a:lnTo>
                  <a:lnTo>
                    <a:pt x="438" y="238"/>
                  </a:lnTo>
                  <a:lnTo>
                    <a:pt x="432" y="247"/>
                  </a:lnTo>
                  <a:lnTo>
                    <a:pt x="426" y="255"/>
                  </a:lnTo>
                  <a:lnTo>
                    <a:pt x="421" y="265"/>
                  </a:lnTo>
                  <a:lnTo>
                    <a:pt x="421" y="263"/>
                  </a:lnTo>
                  <a:lnTo>
                    <a:pt x="420" y="260"/>
                  </a:lnTo>
                  <a:lnTo>
                    <a:pt x="419" y="259"/>
                  </a:lnTo>
                  <a:lnTo>
                    <a:pt x="416" y="259"/>
                  </a:lnTo>
                  <a:lnTo>
                    <a:pt x="406" y="265"/>
                  </a:lnTo>
                  <a:lnTo>
                    <a:pt x="396" y="270"/>
                  </a:lnTo>
                  <a:lnTo>
                    <a:pt x="384" y="273"/>
                  </a:lnTo>
                  <a:lnTo>
                    <a:pt x="373" y="276"/>
                  </a:lnTo>
                  <a:lnTo>
                    <a:pt x="348" y="281"/>
                  </a:lnTo>
                  <a:lnTo>
                    <a:pt x="324" y="288"/>
                  </a:lnTo>
                  <a:lnTo>
                    <a:pt x="326" y="293"/>
                  </a:lnTo>
                  <a:lnTo>
                    <a:pt x="328" y="297"/>
                  </a:lnTo>
                  <a:lnTo>
                    <a:pt x="331" y="300"/>
                  </a:lnTo>
                  <a:lnTo>
                    <a:pt x="335" y="303"/>
                  </a:lnTo>
                  <a:lnTo>
                    <a:pt x="337" y="306"/>
                  </a:lnTo>
                  <a:lnTo>
                    <a:pt x="338" y="310"/>
                  </a:lnTo>
                  <a:lnTo>
                    <a:pt x="338" y="312"/>
                  </a:lnTo>
                  <a:lnTo>
                    <a:pt x="338" y="313"/>
                  </a:lnTo>
                  <a:lnTo>
                    <a:pt x="337" y="315"/>
                  </a:lnTo>
                  <a:lnTo>
                    <a:pt x="335" y="315"/>
                  </a:lnTo>
                  <a:lnTo>
                    <a:pt x="328" y="311"/>
                  </a:lnTo>
                  <a:lnTo>
                    <a:pt x="322" y="308"/>
                  </a:lnTo>
                  <a:lnTo>
                    <a:pt x="312" y="303"/>
                  </a:lnTo>
                  <a:lnTo>
                    <a:pt x="299" y="299"/>
                  </a:lnTo>
                  <a:lnTo>
                    <a:pt x="293" y="298"/>
                  </a:lnTo>
                  <a:lnTo>
                    <a:pt x="286" y="299"/>
                  </a:lnTo>
                  <a:lnTo>
                    <a:pt x="284" y="300"/>
                  </a:lnTo>
                  <a:lnTo>
                    <a:pt x="282" y="303"/>
                  </a:lnTo>
                  <a:lnTo>
                    <a:pt x="280" y="305"/>
                  </a:lnTo>
                  <a:lnTo>
                    <a:pt x="279" y="308"/>
                  </a:lnTo>
                  <a:lnTo>
                    <a:pt x="282" y="314"/>
                  </a:lnTo>
                  <a:lnTo>
                    <a:pt x="285" y="321"/>
                  </a:lnTo>
                  <a:lnTo>
                    <a:pt x="286" y="328"/>
                  </a:lnTo>
                  <a:lnTo>
                    <a:pt x="286" y="334"/>
                  </a:lnTo>
                  <a:lnTo>
                    <a:pt x="286" y="342"/>
                  </a:lnTo>
                  <a:lnTo>
                    <a:pt x="285" y="348"/>
                  </a:lnTo>
                  <a:lnTo>
                    <a:pt x="283" y="353"/>
                  </a:lnTo>
                  <a:lnTo>
                    <a:pt x="280" y="359"/>
                  </a:lnTo>
                  <a:lnTo>
                    <a:pt x="276" y="365"/>
                  </a:lnTo>
                  <a:lnTo>
                    <a:pt x="272" y="369"/>
                  </a:lnTo>
                  <a:lnTo>
                    <a:pt x="266" y="373"/>
                  </a:lnTo>
                  <a:lnTo>
                    <a:pt x="261" y="376"/>
                  </a:lnTo>
                  <a:lnTo>
                    <a:pt x="255" y="379"/>
                  </a:lnTo>
                  <a:lnTo>
                    <a:pt x="248" y="382"/>
                  </a:lnTo>
                  <a:lnTo>
                    <a:pt x="241" y="382"/>
                  </a:lnTo>
                  <a:lnTo>
                    <a:pt x="234" y="382"/>
                  </a:lnTo>
                  <a:lnTo>
                    <a:pt x="229" y="387"/>
                  </a:lnTo>
                  <a:lnTo>
                    <a:pt x="226" y="391"/>
                  </a:lnTo>
                  <a:lnTo>
                    <a:pt x="224" y="397"/>
                  </a:lnTo>
                  <a:lnTo>
                    <a:pt x="223" y="405"/>
                  </a:lnTo>
                  <a:lnTo>
                    <a:pt x="219" y="409"/>
                  </a:lnTo>
                  <a:lnTo>
                    <a:pt x="216" y="413"/>
                  </a:lnTo>
                  <a:lnTo>
                    <a:pt x="214" y="416"/>
                  </a:lnTo>
                  <a:lnTo>
                    <a:pt x="212" y="417"/>
                  </a:lnTo>
                  <a:lnTo>
                    <a:pt x="208" y="419"/>
                  </a:lnTo>
                  <a:lnTo>
                    <a:pt x="205" y="419"/>
                  </a:lnTo>
                  <a:lnTo>
                    <a:pt x="201" y="414"/>
                  </a:lnTo>
                  <a:lnTo>
                    <a:pt x="198" y="408"/>
                  </a:lnTo>
                  <a:lnTo>
                    <a:pt x="195" y="400"/>
                  </a:lnTo>
                  <a:lnTo>
                    <a:pt x="193" y="393"/>
                  </a:lnTo>
                  <a:lnTo>
                    <a:pt x="188" y="378"/>
                  </a:lnTo>
                  <a:lnTo>
                    <a:pt x="183" y="363"/>
                  </a:lnTo>
                  <a:lnTo>
                    <a:pt x="181" y="355"/>
                  </a:lnTo>
                  <a:lnTo>
                    <a:pt x="178" y="349"/>
                  </a:lnTo>
                  <a:lnTo>
                    <a:pt x="175" y="343"/>
                  </a:lnTo>
                  <a:lnTo>
                    <a:pt x="170" y="337"/>
                  </a:lnTo>
                  <a:lnTo>
                    <a:pt x="165" y="332"/>
                  </a:lnTo>
                  <a:lnTo>
                    <a:pt x="159" y="328"/>
                  </a:lnTo>
                  <a:lnTo>
                    <a:pt x="153" y="325"/>
                  </a:lnTo>
                  <a:lnTo>
                    <a:pt x="144" y="324"/>
                  </a:lnTo>
                  <a:lnTo>
                    <a:pt x="144" y="321"/>
                  </a:lnTo>
                  <a:lnTo>
                    <a:pt x="144" y="320"/>
                  </a:lnTo>
                  <a:lnTo>
                    <a:pt x="135" y="324"/>
                  </a:lnTo>
                  <a:lnTo>
                    <a:pt x="125" y="327"/>
                  </a:lnTo>
                  <a:lnTo>
                    <a:pt x="117" y="331"/>
                  </a:lnTo>
                  <a:lnTo>
                    <a:pt x="108" y="335"/>
                  </a:lnTo>
                  <a:lnTo>
                    <a:pt x="99" y="339"/>
                  </a:lnTo>
                  <a:lnTo>
                    <a:pt x="89" y="343"/>
                  </a:lnTo>
                  <a:lnTo>
                    <a:pt x="80" y="345"/>
                  </a:lnTo>
                  <a:lnTo>
                    <a:pt x="68" y="346"/>
                  </a:lnTo>
                  <a:lnTo>
                    <a:pt x="61" y="338"/>
                  </a:lnTo>
                  <a:lnTo>
                    <a:pt x="56" y="331"/>
                  </a:lnTo>
                  <a:lnTo>
                    <a:pt x="49" y="321"/>
                  </a:lnTo>
                  <a:lnTo>
                    <a:pt x="44" y="313"/>
                  </a:lnTo>
                  <a:lnTo>
                    <a:pt x="38" y="306"/>
                  </a:lnTo>
                  <a:lnTo>
                    <a:pt x="30" y="298"/>
                  </a:lnTo>
                  <a:lnTo>
                    <a:pt x="26" y="295"/>
                  </a:lnTo>
                  <a:lnTo>
                    <a:pt x="22" y="292"/>
                  </a:lnTo>
                  <a:lnTo>
                    <a:pt x="18" y="290"/>
                  </a:lnTo>
                  <a:lnTo>
                    <a:pt x="13" y="288"/>
                  </a:lnTo>
                  <a:lnTo>
                    <a:pt x="18" y="285"/>
                  </a:lnTo>
                  <a:lnTo>
                    <a:pt x="24" y="281"/>
                  </a:lnTo>
                  <a:lnTo>
                    <a:pt x="28" y="277"/>
                  </a:lnTo>
                  <a:lnTo>
                    <a:pt x="33" y="272"/>
                  </a:lnTo>
                  <a:lnTo>
                    <a:pt x="47" y="264"/>
                  </a:lnTo>
                  <a:lnTo>
                    <a:pt x="61" y="254"/>
                  </a:lnTo>
                  <a:lnTo>
                    <a:pt x="59" y="249"/>
                  </a:lnTo>
                  <a:lnTo>
                    <a:pt x="56" y="244"/>
                  </a:lnTo>
                  <a:lnTo>
                    <a:pt x="53" y="238"/>
                  </a:lnTo>
                  <a:lnTo>
                    <a:pt x="48" y="234"/>
                  </a:lnTo>
                  <a:lnTo>
                    <a:pt x="41" y="225"/>
                  </a:lnTo>
                  <a:lnTo>
                    <a:pt x="36" y="214"/>
                  </a:lnTo>
                  <a:lnTo>
                    <a:pt x="23" y="214"/>
                  </a:lnTo>
                  <a:lnTo>
                    <a:pt x="13" y="216"/>
                  </a:lnTo>
                  <a:lnTo>
                    <a:pt x="13" y="212"/>
                  </a:lnTo>
                  <a:lnTo>
                    <a:pt x="11" y="208"/>
                  </a:lnTo>
                  <a:lnTo>
                    <a:pt x="9" y="206"/>
                  </a:lnTo>
                  <a:lnTo>
                    <a:pt x="7" y="203"/>
                  </a:lnTo>
                  <a:lnTo>
                    <a:pt x="3" y="197"/>
                  </a:lnTo>
                  <a:lnTo>
                    <a:pt x="0" y="191"/>
                  </a:lnTo>
                  <a:lnTo>
                    <a:pt x="6" y="184"/>
                  </a:lnTo>
                  <a:lnTo>
                    <a:pt x="13" y="176"/>
                  </a:lnTo>
                  <a:lnTo>
                    <a:pt x="15" y="173"/>
                  </a:lnTo>
                  <a:lnTo>
                    <a:pt x="17" y="171"/>
                  </a:lnTo>
                  <a:lnTo>
                    <a:pt x="19" y="169"/>
                  </a:lnTo>
                  <a:lnTo>
                    <a:pt x="22" y="168"/>
                  </a:lnTo>
                  <a:lnTo>
                    <a:pt x="28" y="166"/>
                  </a:lnTo>
                  <a:lnTo>
                    <a:pt x="36" y="165"/>
                  </a:lnTo>
                  <a:lnTo>
                    <a:pt x="42" y="165"/>
                  </a:lnTo>
                  <a:lnTo>
                    <a:pt x="48" y="164"/>
                  </a:lnTo>
                  <a:lnTo>
                    <a:pt x="55" y="161"/>
                  </a:lnTo>
                  <a:lnTo>
                    <a:pt x="61" y="158"/>
                  </a:lnTo>
                  <a:lnTo>
                    <a:pt x="69" y="151"/>
                  </a:lnTo>
                  <a:lnTo>
                    <a:pt x="78" y="144"/>
                  </a:lnTo>
                  <a:lnTo>
                    <a:pt x="86" y="136"/>
                  </a:lnTo>
                  <a:lnTo>
                    <a:pt x="94" y="128"/>
                  </a:lnTo>
                  <a:lnTo>
                    <a:pt x="95" y="124"/>
                  </a:lnTo>
                  <a:lnTo>
                    <a:pt x="97" y="120"/>
                  </a:lnTo>
                  <a:lnTo>
                    <a:pt x="98" y="118"/>
                  </a:lnTo>
                  <a:lnTo>
                    <a:pt x="100" y="117"/>
                  </a:lnTo>
                  <a:lnTo>
                    <a:pt x="105" y="117"/>
                  </a:lnTo>
                  <a:lnTo>
                    <a:pt x="109" y="119"/>
                  </a:lnTo>
                  <a:lnTo>
                    <a:pt x="118" y="125"/>
                  </a:lnTo>
                  <a:lnTo>
                    <a:pt x="122" y="128"/>
                  </a:lnTo>
                  <a:lnTo>
                    <a:pt x="124" y="128"/>
                  </a:lnTo>
                  <a:lnTo>
                    <a:pt x="127" y="127"/>
                  </a:lnTo>
                  <a:lnTo>
                    <a:pt x="128" y="125"/>
                  </a:lnTo>
                  <a:lnTo>
                    <a:pt x="130" y="124"/>
                  </a:lnTo>
                  <a:lnTo>
                    <a:pt x="133" y="118"/>
                  </a:lnTo>
                  <a:lnTo>
                    <a:pt x="134" y="113"/>
                  </a:lnTo>
                  <a:lnTo>
                    <a:pt x="135" y="100"/>
                  </a:lnTo>
                  <a:lnTo>
                    <a:pt x="137" y="90"/>
                  </a:lnTo>
                  <a:lnTo>
                    <a:pt x="147" y="87"/>
                  </a:lnTo>
                  <a:lnTo>
                    <a:pt x="157" y="85"/>
                  </a:lnTo>
                  <a:lnTo>
                    <a:pt x="160" y="81"/>
                  </a:lnTo>
                  <a:lnTo>
                    <a:pt x="164" y="78"/>
                  </a:lnTo>
                  <a:lnTo>
                    <a:pt x="167" y="75"/>
                  </a:lnTo>
                  <a:lnTo>
                    <a:pt x="169" y="69"/>
                  </a:lnTo>
                  <a:lnTo>
                    <a:pt x="173" y="66"/>
                  </a:lnTo>
                  <a:lnTo>
                    <a:pt x="176" y="64"/>
                  </a:lnTo>
                  <a:lnTo>
                    <a:pt x="179" y="61"/>
                  </a:lnTo>
                  <a:lnTo>
                    <a:pt x="182" y="59"/>
                  </a:lnTo>
                  <a:lnTo>
                    <a:pt x="185" y="56"/>
                  </a:lnTo>
                  <a:lnTo>
                    <a:pt x="188" y="53"/>
                  </a:lnTo>
                  <a:lnTo>
                    <a:pt x="189" y="49"/>
                  </a:lnTo>
                  <a:lnTo>
                    <a:pt x="190" y="44"/>
                  </a:lnTo>
                  <a:lnTo>
                    <a:pt x="206" y="44"/>
                  </a:lnTo>
                  <a:lnTo>
                    <a:pt x="220" y="44"/>
                  </a:lnTo>
                  <a:lnTo>
                    <a:pt x="226" y="44"/>
                  </a:lnTo>
                  <a:lnTo>
                    <a:pt x="232" y="41"/>
                  </a:lnTo>
                  <a:lnTo>
                    <a:pt x="234" y="40"/>
                  </a:lnTo>
                  <a:lnTo>
                    <a:pt x="236" y="38"/>
                  </a:lnTo>
                  <a:lnTo>
                    <a:pt x="237" y="36"/>
                  </a:lnTo>
                  <a:lnTo>
                    <a:pt x="238" y="34"/>
                  </a:lnTo>
                  <a:lnTo>
                    <a:pt x="247" y="38"/>
                  </a:lnTo>
                  <a:lnTo>
                    <a:pt x="256" y="41"/>
                  </a:lnTo>
                  <a:lnTo>
                    <a:pt x="262" y="41"/>
                  </a:lnTo>
                  <a:lnTo>
                    <a:pt x="266" y="41"/>
                  </a:lnTo>
                  <a:lnTo>
                    <a:pt x="271" y="40"/>
                  </a:lnTo>
                  <a:lnTo>
                    <a:pt x="274" y="38"/>
                  </a:lnTo>
                  <a:lnTo>
                    <a:pt x="279" y="34"/>
                  </a:lnTo>
                  <a:lnTo>
                    <a:pt x="286" y="31"/>
                  </a:lnTo>
                  <a:lnTo>
                    <a:pt x="286" y="25"/>
                  </a:lnTo>
                  <a:lnTo>
                    <a:pt x="286" y="17"/>
                  </a:lnTo>
                  <a:lnTo>
                    <a:pt x="287" y="11"/>
                  </a:lnTo>
                  <a:lnTo>
                    <a:pt x="289" y="6"/>
                  </a:lnTo>
                  <a:lnTo>
                    <a:pt x="313" y="5"/>
                  </a:lnTo>
                  <a:lnTo>
                    <a:pt x="336" y="5"/>
                  </a:lnTo>
                  <a:lnTo>
                    <a:pt x="358" y="2"/>
                  </a:lnTo>
                  <a:lnTo>
                    <a:pt x="381" y="0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40" name="Hørsholm"/>
            <p:cNvSpPr>
              <a:spLocks/>
            </p:cNvSpPr>
            <p:nvPr/>
          </p:nvSpPr>
          <p:spPr bwMode="auto">
            <a:xfrm>
              <a:off x="3868738" y="4633914"/>
              <a:ext cx="119062" cy="78576"/>
            </a:xfrm>
            <a:custGeom>
              <a:avLst/>
              <a:gdLst>
                <a:gd name="T0" fmla="*/ 92075 w 225"/>
                <a:gd name="T1" fmla="*/ 5821 h 126"/>
                <a:gd name="T2" fmla="*/ 100541 w 225"/>
                <a:gd name="T3" fmla="*/ 21167 h 126"/>
                <a:gd name="T4" fmla="*/ 111654 w 225"/>
                <a:gd name="T5" fmla="*/ 45508 h 126"/>
                <a:gd name="T6" fmla="*/ 118533 w 225"/>
                <a:gd name="T7" fmla="*/ 62971 h 126"/>
                <a:gd name="T8" fmla="*/ 115887 w 225"/>
                <a:gd name="T9" fmla="*/ 64558 h 126"/>
                <a:gd name="T10" fmla="*/ 111125 w 225"/>
                <a:gd name="T11" fmla="*/ 65617 h 126"/>
                <a:gd name="T12" fmla="*/ 101070 w 225"/>
                <a:gd name="T13" fmla="*/ 65088 h 126"/>
                <a:gd name="T14" fmla="*/ 91016 w 225"/>
                <a:gd name="T15" fmla="*/ 61913 h 126"/>
                <a:gd name="T16" fmla="*/ 83079 w 225"/>
                <a:gd name="T17" fmla="*/ 59796 h 126"/>
                <a:gd name="T18" fmla="*/ 77258 w 225"/>
                <a:gd name="T19" fmla="*/ 56621 h 126"/>
                <a:gd name="T20" fmla="*/ 75141 w 225"/>
                <a:gd name="T21" fmla="*/ 52917 h 126"/>
                <a:gd name="T22" fmla="*/ 73025 w 225"/>
                <a:gd name="T23" fmla="*/ 51858 h 126"/>
                <a:gd name="T24" fmla="*/ 70908 w 225"/>
                <a:gd name="T25" fmla="*/ 49742 h 126"/>
                <a:gd name="T26" fmla="*/ 68791 w 225"/>
                <a:gd name="T27" fmla="*/ 46567 h 126"/>
                <a:gd name="T28" fmla="*/ 62971 w 225"/>
                <a:gd name="T29" fmla="*/ 43921 h 126"/>
                <a:gd name="T30" fmla="*/ 53975 w 225"/>
                <a:gd name="T31" fmla="*/ 43921 h 126"/>
                <a:gd name="T32" fmla="*/ 49212 w 225"/>
                <a:gd name="T33" fmla="*/ 46567 h 126"/>
                <a:gd name="T34" fmla="*/ 49212 w 225"/>
                <a:gd name="T35" fmla="*/ 51858 h 126"/>
                <a:gd name="T36" fmla="*/ 48683 w 225"/>
                <a:gd name="T37" fmla="*/ 53975 h 126"/>
                <a:gd name="T38" fmla="*/ 46037 w 225"/>
                <a:gd name="T39" fmla="*/ 55033 h 126"/>
                <a:gd name="T40" fmla="*/ 44979 w 225"/>
                <a:gd name="T41" fmla="*/ 56621 h 126"/>
                <a:gd name="T42" fmla="*/ 42333 w 225"/>
                <a:gd name="T43" fmla="*/ 57150 h 126"/>
                <a:gd name="T44" fmla="*/ 33867 w 225"/>
                <a:gd name="T45" fmla="*/ 57150 h 126"/>
                <a:gd name="T46" fmla="*/ 24871 w 225"/>
                <a:gd name="T47" fmla="*/ 57150 h 126"/>
                <a:gd name="T48" fmla="*/ 16933 w 225"/>
                <a:gd name="T49" fmla="*/ 56092 h 126"/>
                <a:gd name="T50" fmla="*/ 7408 w 225"/>
                <a:gd name="T51" fmla="*/ 54504 h 126"/>
                <a:gd name="T52" fmla="*/ 2646 w 225"/>
                <a:gd name="T53" fmla="*/ 51858 h 126"/>
                <a:gd name="T54" fmla="*/ 1058 w 225"/>
                <a:gd name="T55" fmla="*/ 42333 h 126"/>
                <a:gd name="T56" fmla="*/ 0 w 225"/>
                <a:gd name="T57" fmla="*/ 33338 h 126"/>
                <a:gd name="T58" fmla="*/ 2646 w 225"/>
                <a:gd name="T59" fmla="*/ 29104 h 126"/>
                <a:gd name="T60" fmla="*/ 8467 w 225"/>
                <a:gd name="T61" fmla="*/ 28575 h 126"/>
                <a:gd name="T62" fmla="*/ 15346 w 225"/>
                <a:gd name="T63" fmla="*/ 30692 h 126"/>
                <a:gd name="T64" fmla="*/ 22754 w 225"/>
                <a:gd name="T65" fmla="*/ 28046 h 126"/>
                <a:gd name="T66" fmla="*/ 25400 w 225"/>
                <a:gd name="T67" fmla="*/ 23813 h 126"/>
                <a:gd name="T68" fmla="*/ 28046 w 225"/>
                <a:gd name="T69" fmla="*/ 21696 h 126"/>
                <a:gd name="T70" fmla="*/ 32808 w 225"/>
                <a:gd name="T71" fmla="*/ 21696 h 126"/>
                <a:gd name="T72" fmla="*/ 38100 w 225"/>
                <a:gd name="T73" fmla="*/ 22754 h 126"/>
                <a:gd name="T74" fmla="*/ 40746 w 225"/>
                <a:gd name="T75" fmla="*/ 21696 h 126"/>
                <a:gd name="T76" fmla="*/ 46566 w 225"/>
                <a:gd name="T77" fmla="*/ 18521 h 126"/>
                <a:gd name="T78" fmla="*/ 53975 w 225"/>
                <a:gd name="T79" fmla="*/ 14288 h 126"/>
                <a:gd name="T80" fmla="*/ 59266 w 225"/>
                <a:gd name="T81" fmla="*/ 12171 h 126"/>
                <a:gd name="T82" fmla="*/ 66675 w 225"/>
                <a:gd name="T83" fmla="*/ 11113 h 126"/>
                <a:gd name="T84" fmla="*/ 72496 w 225"/>
                <a:gd name="T85" fmla="*/ 7938 h 126"/>
                <a:gd name="T86" fmla="*/ 78316 w 225"/>
                <a:gd name="T87" fmla="*/ 4233 h 126"/>
                <a:gd name="T88" fmla="*/ 83079 w 225"/>
                <a:gd name="T89" fmla="*/ 1058 h 12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connsiteX0" fmla="*/ 7289 w 10000"/>
                <a:gd name="connsiteY0" fmla="*/ 0 h 10000"/>
                <a:gd name="connsiteX1" fmla="*/ 7733 w 10000"/>
                <a:gd name="connsiteY1" fmla="*/ 873 h 10000"/>
                <a:gd name="connsiteX2" fmla="*/ 8133 w 10000"/>
                <a:gd name="connsiteY2" fmla="*/ 1984 h 10000"/>
                <a:gd name="connsiteX3" fmla="*/ 8444 w 10000"/>
                <a:gd name="connsiteY3" fmla="*/ 3175 h 10000"/>
                <a:gd name="connsiteX4" fmla="*/ 8756 w 10000"/>
                <a:gd name="connsiteY4" fmla="*/ 4286 h 10000"/>
                <a:gd name="connsiteX5" fmla="*/ 9378 w 10000"/>
                <a:gd name="connsiteY5" fmla="*/ 6825 h 10000"/>
                <a:gd name="connsiteX6" fmla="*/ 10000 w 10000"/>
                <a:gd name="connsiteY6" fmla="*/ 9286 h 10000"/>
                <a:gd name="connsiteX7" fmla="*/ 9956 w 10000"/>
                <a:gd name="connsiteY7" fmla="*/ 9444 h 10000"/>
                <a:gd name="connsiteX8" fmla="*/ 9911 w 10000"/>
                <a:gd name="connsiteY8" fmla="*/ 9603 h 10000"/>
                <a:gd name="connsiteX9" fmla="*/ 9733 w 10000"/>
                <a:gd name="connsiteY9" fmla="*/ 9683 h 10000"/>
                <a:gd name="connsiteX10" fmla="*/ 9600 w 10000"/>
                <a:gd name="connsiteY10" fmla="*/ 9762 h 10000"/>
                <a:gd name="connsiteX11" fmla="*/ 9333 w 10000"/>
                <a:gd name="connsiteY11" fmla="*/ 9841 h 10000"/>
                <a:gd name="connsiteX12" fmla="*/ 9111 w 10000"/>
                <a:gd name="connsiteY12" fmla="*/ 10000 h 10000"/>
                <a:gd name="connsiteX13" fmla="*/ 8489 w 10000"/>
                <a:gd name="connsiteY13" fmla="*/ 9762 h 10000"/>
                <a:gd name="connsiteX14" fmla="*/ 7911 w 10000"/>
                <a:gd name="connsiteY14" fmla="*/ 9444 h 10000"/>
                <a:gd name="connsiteX15" fmla="*/ 7644 w 10000"/>
                <a:gd name="connsiteY15" fmla="*/ 9286 h 10000"/>
                <a:gd name="connsiteX16" fmla="*/ 7333 w 10000"/>
                <a:gd name="connsiteY16" fmla="*/ 9048 h 10000"/>
                <a:gd name="connsiteX17" fmla="*/ 6978 w 10000"/>
                <a:gd name="connsiteY17" fmla="*/ 8968 h 10000"/>
                <a:gd name="connsiteX18" fmla="*/ 6622 w 10000"/>
                <a:gd name="connsiteY18" fmla="*/ 8968 h 10000"/>
                <a:gd name="connsiteX19" fmla="*/ 6489 w 10000"/>
                <a:gd name="connsiteY19" fmla="*/ 8492 h 10000"/>
                <a:gd name="connsiteX20" fmla="*/ 6311 w 10000"/>
                <a:gd name="connsiteY20" fmla="*/ 8016 h 10000"/>
                <a:gd name="connsiteX21" fmla="*/ 6311 w 10000"/>
                <a:gd name="connsiteY21" fmla="*/ 7937 h 10000"/>
                <a:gd name="connsiteX22" fmla="*/ 6311 w 10000"/>
                <a:gd name="connsiteY22" fmla="*/ 7857 h 10000"/>
                <a:gd name="connsiteX23" fmla="*/ 6133 w 10000"/>
                <a:gd name="connsiteY23" fmla="*/ 7778 h 10000"/>
                <a:gd name="connsiteX24" fmla="*/ 6044 w 10000"/>
                <a:gd name="connsiteY24" fmla="*/ 7619 h 10000"/>
                <a:gd name="connsiteX25" fmla="*/ 5956 w 10000"/>
                <a:gd name="connsiteY25" fmla="*/ 7460 h 10000"/>
                <a:gd name="connsiteX26" fmla="*/ 5911 w 10000"/>
                <a:gd name="connsiteY26" fmla="*/ 7302 h 10000"/>
                <a:gd name="connsiteX27" fmla="*/ 5778 w 10000"/>
                <a:gd name="connsiteY27" fmla="*/ 6984 h 10000"/>
                <a:gd name="connsiteX28" fmla="*/ 5733 w 10000"/>
                <a:gd name="connsiteY28" fmla="*/ 6587 h 10000"/>
                <a:gd name="connsiteX29" fmla="*/ 5289 w 10000"/>
                <a:gd name="connsiteY29" fmla="*/ 6587 h 10000"/>
                <a:gd name="connsiteX30" fmla="*/ 4933 w 10000"/>
                <a:gd name="connsiteY30" fmla="*/ 6587 h 10000"/>
                <a:gd name="connsiteX31" fmla="*/ 4533 w 10000"/>
                <a:gd name="connsiteY31" fmla="*/ 6587 h 10000"/>
                <a:gd name="connsiteX32" fmla="*/ 4133 w 10000"/>
                <a:gd name="connsiteY32" fmla="*/ 6587 h 10000"/>
                <a:gd name="connsiteX33" fmla="*/ 4133 w 10000"/>
                <a:gd name="connsiteY33" fmla="*/ 6984 h 10000"/>
                <a:gd name="connsiteX34" fmla="*/ 4133 w 10000"/>
                <a:gd name="connsiteY34" fmla="*/ 7460 h 10000"/>
                <a:gd name="connsiteX35" fmla="*/ 4133 w 10000"/>
                <a:gd name="connsiteY35" fmla="*/ 7778 h 10000"/>
                <a:gd name="connsiteX36" fmla="*/ 4133 w 10000"/>
                <a:gd name="connsiteY36" fmla="*/ 7937 h 10000"/>
                <a:gd name="connsiteX37" fmla="*/ 4089 w 10000"/>
                <a:gd name="connsiteY37" fmla="*/ 8095 h 10000"/>
                <a:gd name="connsiteX38" fmla="*/ 4000 w 10000"/>
                <a:gd name="connsiteY38" fmla="*/ 8175 h 10000"/>
                <a:gd name="connsiteX39" fmla="*/ 3867 w 10000"/>
                <a:gd name="connsiteY39" fmla="*/ 8254 h 10000"/>
                <a:gd name="connsiteX40" fmla="*/ 3822 w 10000"/>
                <a:gd name="connsiteY40" fmla="*/ 8413 h 10000"/>
                <a:gd name="connsiteX41" fmla="*/ 3778 w 10000"/>
                <a:gd name="connsiteY41" fmla="*/ 8492 h 10000"/>
                <a:gd name="connsiteX42" fmla="*/ 3689 w 10000"/>
                <a:gd name="connsiteY42" fmla="*/ 8571 h 10000"/>
                <a:gd name="connsiteX43" fmla="*/ 3556 w 10000"/>
                <a:gd name="connsiteY43" fmla="*/ 8571 h 10000"/>
                <a:gd name="connsiteX44" fmla="*/ 3422 w 10000"/>
                <a:gd name="connsiteY44" fmla="*/ 8571 h 10000"/>
                <a:gd name="connsiteX45" fmla="*/ 2844 w 10000"/>
                <a:gd name="connsiteY45" fmla="*/ 8571 h 10000"/>
                <a:gd name="connsiteX46" fmla="*/ 2222 w 10000"/>
                <a:gd name="connsiteY46" fmla="*/ 8571 h 10000"/>
                <a:gd name="connsiteX47" fmla="*/ 2089 w 10000"/>
                <a:gd name="connsiteY47" fmla="*/ 8571 h 10000"/>
                <a:gd name="connsiteX48" fmla="*/ 2000 w 10000"/>
                <a:gd name="connsiteY48" fmla="*/ 8571 h 10000"/>
                <a:gd name="connsiteX49" fmla="*/ 2022 w 10000"/>
                <a:gd name="connsiteY49" fmla="*/ 9842 h 10000"/>
                <a:gd name="connsiteX50" fmla="*/ 844 w 10000"/>
                <a:gd name="connsiteY50" fmla="*/ 8254 h 10000"/>
                <a:gd name="connsiteX51" fmla="*/ 622 w 10000"/>
                <a:gd name="connsiteY51" fmla="*/ 8175 h 10000"/>
                <a:gd name="connsiteX52" fmla="*/ 400 w 10000"/>
                <a:gd name="connsiteY52" fmla="*/ 8016 h 10000"/>
                <a:gd name="connsiteX53" fmla="*/ 222 w 10000"/>
                <a:gd name="connsiteY53" fmla="*/ 7778 h 10000"/>
                <a:gd name="connsiteX54" fmla="*/ 89 w 10000"/>
                <a:gd name="connsiteY54" fmla="*/ 7381 h 10000"/>
                <a:gd name="connsiteX55" fmla="*/ 89 w 10000"/>
                <a:gd name="connsiteY55" fmla="*/ 6349 h 10000"/>
                <a:gd name="connsiteX56" fmla="*/ 0 w 10000"/>
                <a:gd name="connsiteY56" fmla="*/ 5397 h 10000"/>
                <a:gd name="connsiteX57" fmla="*/ 0 w 10000"/>
                <a:gd name="connsiteY57" fmla="*/ 5000 h 10000"/>
                <a:gd name="connsiteX58" fmla="*/ 89 w 10000"/>
                <a:gd name="connsiteY58" fmla="*/ 4683 h 10000"/>
                <a:gd name="connsiteX59" fmla="*/ 222 w 10000"/>
                <a:gd name="connsiteY59" fmla="*/ 4365 h 10000"/>
                <a:gd name="connsiteX60" fmla="*/ 400 w 10000"/>
                <a:gd name="connsiteY60" fmla="*/ 4127 h 10000"/>
                <a:gd name="connsiteX61" fmla="*/ 711 w 10000"/>
                <a:gd name="connsiteY61" fmla="*/ 4286 h 10000"/>
                <a:gd name="connsiteX62" fmla="*/ 1022 w 10000"/>
                <a:gd name="connsiteY62" fmla="*/ 4365 h 10000"/>
                <a:gd name="connsiteX63" fmla="*/ 1289 w 10000"/>
                <a:gd name="connsiteY63" fmla="*/ 4603 h 10000"/>
                <a:gd name="connsiteX64" fmla="*/ 1644 w 10000"/>
                <a:gd name="connsiteY64" fmla="*/ 4603 h 10000"/>
                <a:gd name="connsiteX65" fmla="*/ 1911 w 10000"/>
                <a:gd name="connsiteY65" fmla="*/ 4206 h 10000"/>
                <a:gd name="connsiteX66" fmla="*/ 2044 w 10000"/>
                <a:gd name="connsiteY66" fmla="*/ 3810 h 10000"/>
                <a:gd name="connsiteX67" fmla="*/ 2133 w 10000"/>
                <a:gd name="connsiteY67" fmla="*/ 3571 h 10000"/>
                <a:gd name="connsiteX68" fmla="*/ 2222 w 10000"/>
                <a:gd name="connsiteY68" fmla="*/ 3413 h 10000"/>
                <a:gd name="connsiteX69" fmla="*/ 2356 w 10000"/>
                <a:gd name="connsiteY69" fmla="*/ 3254 h 10000"/>
                <a:gd name="connsiteX70" fmla="*/ 2533 w 10000"/>
                <a:gd name="connsiteY70" fmla="*/ 3175 h 10000"/>
                <a:gd name="connsiteX71" fmla="*/ 2756 w 10000"/>
                <a:gd name="connsiteY71" fmla="*/ 3254 h 10000"/>
                <a:gd name="connsiteX72" fmla="*/ 2978 w 10000"/>
                <a:gd name="connsiteY72" fmla="*/ 3333 h 10000"/>
                <a:gd name="connsiteX73" fmla="*/ 3200 w 10000"/>
                <a:gd name="connsiteY73" fmla="*/ 3413 h 10000"/>
                <a:gd name="connsiteX74" fmla="*/ 3422 w 10000"/>
                <a:gd name="connsiteY74" fmla="*/ 3413 h 10000"/>
                <a:gd name="connsiteX75" fmla="*/ 3422 w 10000"/>
                <a:gd name="connsiteY75" fmla="*/ 3254 h 10000"/>
                <a:gd name="connsiteX76" fmla="*/ 3422 w 10000"/>
                <a:gd name="connsiteY76" fmla="*/ 3175 h 10000"/>
                <a:gd name="connsiteX77" fmla="*/ 3911 w 10000"/>
                <a:gd name="connsiteY77" fmla="*/ 2778 h 10000"/>
                <a:gd name="connsiteX78" fmla="*/ 4311 w 10000"/>
                <a:gd name="connsiteY78" fmla="*/ 2381 h 10000"/>
                <a:gd name="connsiteX79" fmla="*/ 4533 w 10000"/>
                <a:gd name="connsiteY79" fmla="*/ 2143 h 10000"/>
                <a:gd name="connsiteX80" fmla="*/ 4756 w 10000"/>
                <a:gd name="connsiteY80" fmla="*/ 1984 h 10000"/>
                <a:gd name="connsiteX81" fmla="*/ 4978 w 10000"/>
                <a:gd name="connsiteY81" fmla="*/ 1825 h 10000"/>
                <a:gd name="connsiteX82" fmla="*/ 5244 w 10000"/>
                <a:gd name="connsiteY82" fmla="*/ 1746 h 10000"/>
                <a:gd name="connsiteX83" fmla="*/ 5600 w 10000"/>
                <a:gd name="connsiteY83" fmla="*/ 1667 h 10000"/>
                <a:gd name="connsiteX84" fmla="*/ 5867 w 10000"/>
                <a:gd name="connsiteY84" fmla="*/ 1508 h 10000"/>
                <a:gd name="connsiteX85" fmla="*/ 6089 w 10000"/>
                <a:gd name="connsiteY85" fmla="*/ 1190 h 10000"/>
                <a:gd name="connsiteX86" fmla="*/ 6356 w 10000"/>
                <a:gd name="connsiteY86" fmla="*/ 952 h 10000"/>
                <a:gd name="connsiteX87" fmla="*/ 6578 w 10000"/>
                <a:gd name="connsiteY87" fmla="*/ 635 h 10000"/>
                <a:gd name="connsiteX88" fmla="*/ 6756 w 10000"/>
                <a:gd name="connsiteY88" fmla="*/ 397 h 10000"/>
                <a:gd name="connsiteX89" fmla="*/ 6978 w 10000"/>
                <a:gd name="connsiteY89" fmla="*/ 159 h 10000"/>
                <a:gd name="connsiteX90" fmla="*/ 7289 w 10000"/>
                <a:gd name="connsiteY90" fmla="*/ 0 h 10000"/>
                <a:gd name="connsiteX0" fmla="*/ 7289 w 10000"/>
                <a:gd name="connsiteY0" fmla="*/ 0 h 11785"/>
                <a:gd name="connsiteX1" fmla="*/ 7733 w 10000"/>
                <a:gd name="connsiteY1" fmla="*/ 873 h 11785"/>
                <a:gd name="connsiteX2" fmla="*/ 8133 w 10000"/>
                <a:gd name="connsiteY2" fmla="*/ 1984 h 11785"/>
                <a:gd name="connsiteX3" fmla="*/ 8444 w 10000"/>
                <a:gd name="connsiteY3" fmla="*/ 3175 h 11785"/>
                <a:gd name="connsiteX4" fmla="*/ 8756 w 10000"/>
                <a:gd name="connsiteY4" fmla="*/ 4286 h 11785"/>
                <a:gd name="connsiteX5" fmla="*/ 9378 w 10000"/>
                <a:gd name="connsiteY5" fmla="*/ 6825 h 11785"/>
                <a:gd name="connsiteX6" fmla="*/ 10000 w 10000"/>
                <a:gd name="connsiteY6" fmla="*/ 9286 h 11785"/>
                <a:gd name="connsiteX7" fmla="*/ 9956 w 10000"/>
                <a:gd name="connsiteY7" fmla="*/ 9444 h 11785"/>
                <a:gd name="connsiteX8" fmla="*/ 9911 w 10000"/>
                <a:gd name="connsiteY8" fmla="*/ 9603 h 11785"/>
                <a:gd name="connsiteX9" fmla="*/ 9733 w 10000"/>
                <a:gd name="connsiteY9" fmla="*/ 9683 h 11785"/>
                <a:gd name="connsiteX10" fmla="*/ 9600 w 10000"/>
                <a:gd name="connsiteY10" fmla="*/ 9762 h 11785"/>
                <a:gd name="connsiteX11" fmla="*/ 9333 w 10000"/>
                <a:gd name="connsiteY11" fmla="*/ 9841 h 11785"/>
                <a:gd name="connsiteX12" fmla="*/ 9111 w 10000"/>
                <a:gd name="connsiteY12" fmla="*/ 10000 h 11785"/>
                <a:gd name="connsiteX13" fmla="*/ 8489 w 10000"/>
                <a:gd name="connsiteY13" fmla="*/ 9762 h 11785"/>
                <a:gd name="connsiteX14" fmla="*/ 7911 w 10000"/>
                <a:gd name="connsiteY14" fmla="*/ 9444 h 11785"/>
                <a:gd name="connsiteX15" fmla="*/ 7644 w 10000"/>
                <a:gd name="connsiteY15" fmla="*/ 9286 h 11785"/>
                <a:gd name="connsiteX16" fmla="*/ 7333 w 10000"/>
                <a:gd name="connsiteY16" fmla="*/ 9048 h 11785"/>
                <a:gd name="connsiteX17" fmla="*/ 6978 w 10000"/>
                <a:gd name="connsiteY17" fmla="*/ 8968 h 11785"/>
                <a:gd name="connsiteX18" fmla="*/ 6622 w 10000"/>
                <a:gd name="connsiteY18" fmla="*/ 8968 h 11785"/>
                <a:gd name="connsiteX19" fmla="*/ 6489 w 10000"/>
                <a:gd name="connsiteY19" fmla="*/ 8492 h 11785"/>
                <a:gd name="connsiteX20" fmla="*/ 6311 w 10000"/>
                <a:gd name="connsiteY20" fmla="*/ 8016 h 11785"/>
                <a:gd name="connsiteX21" fmla="*/ 6311 w 10000"/>
                <a:gd name="connsiteY21" fmla="*/ 7937 h 11785"/>
                <a:gd name="connsiteX22" fmla="*/ 6311 w 10000"/>
                <a:gd name="connsiteY22" fmla="*/ 7857 h 11785"/>
                <a:gd name="connsiteX23" fmla="*/ 6133 w 10000"/>
                <a:gd name="connsiteY23" fmla="*/ 7778 h 11785"/>
                <a:gd name="connsiteX24" fmla="*/ 6044 w 10000"/>
                <a:gd name="connsiteY24" fmla="*/ 7619 h 11785"/>
                <a:gd name="connsiteX25" fmla="*/ 5956 w 10000"/>
                <a:gd name="connsiteY25" fmla="*/ 7460 h 11785"/>
                <a:gd name="connsiteX26" fmla="*/ 5911 w 10000"/>
                <a:gd name="connsiteY26" fmla="*/ 7302 h 11785"/>
                <a:gd name="connsiteX27" fmla="*/ 5778 w 10000"/>
                <a:gd name="connsiteY27" fmla="*/ 6984 h 11785"/>
                <a:gd name="connsiteX28" fmla="*/ 5733 w 10000"/>
                <a:gd name="connsiteY28" fmla="*/ 6587 h 11785"/>
                <a:gd name="connsiteX29" fmla="*/ 5289 w 10000"/>
                <a:gd name="connsiteY29" fmla="*/ 6587 h 11785"/>
                <a:gd name="connsiteX30" fmla="*/ 4933 w 10000"/>
                <a:gd name="connsiteY30" fmla="*/ 6587 h 11785"/>
                <a:gd name="connsiteX31" fmla="*/ 4533 w 10000"/>
                <a:gd name="connsiteY31" fmla="*/ 6587 h 11785"/>
                <a:gd name="connsiteX32" fmla="*/ 4133 w 10000"/>
                <a:gd name="connsiteY32" fmla="*/ 6587 h 11785"/>
                <a:gd name="connsiteX33" fmla="*/ 4133 w 10000"/>
                <a:gd name="connsiteY33" fmla="*/ 6984 h 11785"/>
                <a:gd name="connsiteX34" fmla="*/ 4133 w 10000"/>
                <a:gd name="connsiteY34" fmla="*/ 7460 h 11785"/>
                <a:gd name="connsiteX35" fmla="*/ 4133 w 10000"/>
                <a:gd name="connsiteY35" fmla="*/ 7778 h 11785"/>
                <a:gd name="connsiteX36" fmla="*/ 4133 w 10000"/>
                <a:gd name="connsiteY36" fmla="*/ 7937 h 11785"/>
                <a:gd name="connsiteX37" fmla="*/ 4089 w 10000"/>
                <a:gd name="connsiteY37" fmla="*/ 8095 h 11785"/>
                <a:gd name="connsiteX38" fmla="*/ 4000 w 10000"/>
                <a:gd name="connsiteY38" fmla="*/ 8175 h 11785"/>
                <a:gd name="connsiteX39" fmla="*/ 3867 w 10000"/>
                <a:gd name="connsiteY39" fmla="*/ 8254 h 11785"/>
                <a:gd name="connsiteX40" fmla="*/ 3822 w 10000"/>
                <a:gd name="connsiteY40" fmla="*/ 8413 h 11785"/>
                <a:gd name="connsiteX41" fmla="*/ 3778 w 10000"/>
                <a:gd name="connsiteY41" fmla="*/ 8492 h 11785"/>
                <a:gd name="connsiteX42" fmla="*/ 3689 w 10000"/>
                <a:gd name="connsiteY42" fmla="*/ 8571 h 11785"/>
                <a:gd name="connsiteX43" fmla="*/ 3556 w 10000"/>
                <a:gd name="connsiteY43" fmla="*/ 8571 h 11785"/>
                <a:gd name="connsiteX44" fmla="*/ 3422 w 10000"/>
                <a:gd name="connsiteY44" fmla="*/ 8571 h 11785"/>
                <a:gd name="connsiteX45" fmla="*/ 3044 w 10000"/>
                <a:gd name="connsiteY45" fmla="*/ 11785 h 11785"/>
                <a:gd name="connsiteX46" fmla="*/ 2222 w 10000"/>
                <a:gd name="connsiteY46" fmla="*/ 8571 h 11785"/>
                <a:gd name="connsiteX47" fmla="*/ 2089 w 10000"/>
                <a:gd name="connsiteY47" fmla="*/ 8571 h 11785"/>
                <a:gd name="connsiteX48" fmla="*/ 2000 w 10000"/>
                <a:gd name="connsiteY48" fmla="*/ 8571 h 11785"/>
                <a:gd name="connsiteX49" fmla="*/ 2022 w 10000"/>
                <a:gd name="connsiteY49" fmla="*/ 9842 h 11785"/>
                <a:gd name="connsiteX50" fmla="*/ 844 w 10000"/>
                <a:gd name="connsiteY50" fmla="*/ 8254 h 11785"/>
                <a:gd name="connsiteX51" fmla="*/ 622 w 10000"/>
                <a:gd name="connsiteY51" fmla="*/ 8175 h 11785"/>
                <a:gd name="connsiteX52" fmla="*/ 400 w 10000"/>
                <a:gd name="connsiteY52" fmla="*/ 8016 h 11785"/>
                <a:gd name="connsiteX53" fmla="*/ 222 w 10000"/>
                <a:gd name="connsiteY53" fmla="*/ 7778 h 11785"/>
                <a:gd name="connsiteX54" fmla="*/ 89 w 10000"/>
                <a:gd name="connsiteY54" fmla="*/ 7381 h 11785"/>
                <a:gd name="connsiteX55" fmla="*/ 89 w 10000"/>
                <a:gd name="connsiteY55" fmla="*/ 6349 h 11785"/>
                <a:gd name="connsiteX56" fmla="*/ 0 w 10000"/>
                <a:gd name="connsiteY56" fmla="*/ 5397 h 11785"/>
                <a:gd name="connsiteX57" fmla="*/ 0 w 10000"/>
                <a:gd name="connsiteY57" fmla="*/ 5000 h 11785"/>
                <a:gd name="connsiteX58" fmla="*/ 89 w 10000"/>
                <a:gd name="connsiteY58" fmla="*/ 4683 h 11785"/>
                <a:gd name="connsiteX59" fmla="*/ 222 w 10000"/>
                <a:gd name="connsiteY59" fmla="*/ 4365 h 11785"/>
                <a:gd name="connsiteX60" fmla="*/ 400 w 10000"/>
                <a:gd name="connsiteY60" fmla="*/ 4127 h 11785"/>
                <a:gd name="connsiteX61" fmla="*/ 711 w 10000"/>
                <a:gd name="connsiteY61" fmla="*/ 4286 h 11785"/>
                <a:gd name="connsiteX62" fmla="*/ 1022 w 10000"/>
                <a:gd name="connsiteY62" fmla="*/ 4365 h 11785"/>
                <a:gd name="connsiteX63" fmla="*/ 1289 w 10000"/>
                <a:gd name="connsiteY63" fmla="*/ 4603 h 11785"/>
                <a:gd name="connsiteX64" fmla="*/ 1644 w 10000"/>
                <a:gd name="connsiteY64" fmla="*/ 4603 h 11785"/>
                <a:gd name="connsiteX65" fmla="*/ 1911 w 10000"/>
                <a:gd name="connsiteY65" fmla="*/ 4206 h 11785"/>
                <a:gd name="connsiteX66" fmla="*/ 2044 w 10000"/>
                <a:gd name="connsiteY66" fmla="*/ 3810 h 11785"/>
                <a:gd name="connsiteX67" fmla="*/ 2133 w 10000"/>
                <a:gd name="connsiteY67" fmla="*/ 3571 h 11785"/>
                <a:gd name="connsiteX68" fmla="*/ 2222 w 10000"/>
                <a:gd name="connsiteY68" fmla="*/ 3413 h 11785"/>
                <a:gd name="connsiteX69" fmla="*/ 2356 w 10000"/>
                <a:gd name="connsiteY69" fmla="*/ 3254 h 11785"/>
                <a:gd name="connsiteX70" fmla="*/ 2533 w 10000"/>
                <a:gd name="connsiteY70" fmla="*/ 3175 h 11785"/>
                <a:gd name="connsiteX71" fmla="*/ 2756 w 10000"/>
                <a:gd name="connsiteY71" fmla="*/ 3254 h 11785"/>
                <a:gd name="connsiteX72" fmla="*/ 2978 w 10000"/>
                <a:gd name="connsiteY72" fmla="*/ 3333 h 11785"/>
                <a:gd name="connsiteX73" fmla="*/ 3200 w 10000"/>
                <a:gd name="connsiteY73" fmla="*/ 3413 h 11785"/>
                <a:gd name="connsiteX74" fmla="*/ 3422 w 10000"/>
                <a:gd name="connsiteY74" fmla="*/ 3413 h 11785"/>
                <a:gd name="connsiteX75" fmla="*/ 3422 w 10000"/>
                <a:gd name="connsiteY75" fmla="*/ 3254 h 11785"/>
                <a:gd name="connsiteX76" fmla="*/ 3422 w 10000"/>
                <a:gd name="connsiteY76" fmla="*/ 3175 h 11785"/>
                <a:gd name="connsiteX77" fmla="*/ 3911 w 10000"/>
                <a:gd name="connsiteY77" fmla="*/ 2778 h 11785"/>
                <a:gd name="connsiteX78" fmla="*/ 4311 w 10000"/>
                <a:gd name="connsiteY78" fmla="*/ 2381 h 11785"/>
                <a:gd name="connsiteX79" fmla="*/ 4533 w 10000"/>
                <a:gd name="connsiteY79" fmla="*/ 2143 h 11785"/>
                <a:gd name="connsiteX80" fmla="*/ 4756 w 10000"/>
                <a:gd name="connsiteY80" fmla="*/ 1984 h 11785"/>
                <a:gd name="connsiteX81" fmla="*/ 4978 w 10000"/>
                <a:gd name="connsiteY81" fmla="*/ 1825 h 11785"/>
                <a:gd name="connsiteX82" fmla="*/ 5244 w 10000"/>
                <a:gd name="connsiteY82" fmla="*/ 1746 h 11785"/>
                <a:gd name="connsiteX83" fmla="*/ 5600 w 10000"/>
                <a:gd name="connsiteY83" fmla="*/ 1667 h 11785"/>
                <a:gd name="connsiteX84" fmla="*/ 5867 w 10000"/>
                <a:gd name="connsiteY84" fmla="*/ 1508 h 11785"/>
                <a:gd name="connsiteX85" fmla="*/ 6089 w 10000"/>
                <a:gd name="connsiteY85" fmla="*/ 1190 h 11785"/>
                <a:gd name="connsiteX86" fmla="*/ 6356 w 10000"/>
                <a:gd name="connsiteY86" fmla="*/ 952 h 11785"/>
                <a:gd name="connsiteX87" fmla="*/ 6578 w 10000"/>
                <a:gd name="connsiteY87" fmla="*/ 635 h 11785"/>
                <a:gd name="connsiteX88" fmla="*/ 6756 w 10000"/>
                <a:gd name="connsiteY88" fmla="*/ 397 h 11785"/>
                <a:gd name="connsiteX89" fmla="*/ 6978 w 10000"/>
                <a:gd name="connsiteY89" fmla="*/ 159 h 11785"/>
                <a:gd name="connsiteX90" fmla="*/ 7289 w 10000"/>
                <a:gd name="connsiteY90" fmla="*/ 0 h 117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</a:cxnLst>
              <a:rect l="l" t="t" r="r" b="b"/>
              <a:pathLst>
                <a:path w="10000" h="11785">
                  <a:moveTo>
                    <a:pt x="7289" y="0"/>
                  </a:moveTo>
                  <a:lnTo>
                    <a:pt x="7733" y="873"/>
                  </a:lnTo>
                  <a:lnTo>
                    <a:pt x="8133" y="1984"/>
                  </a:lnTo>
                  <a:cubicBezTo>
                    <a:pt x="8237" y="2381"/>
                    <a:pt x="8340" y="2778"/>
                    <a:pt x="8444" y="3175"/>
                  </a:cubicBezTo>
                  <a:lnTo>
                    <a:pt x="8756" y="4286"/>
                  </a:lnTo>
                  <a:lnTo>
                    <a:pt x="9378" y="6825"/>
                  </a:lnTo>
                  <a:lnTo>
                    <a:pt x="10000" y="9286"/>
                  </a:lnTo>
                  <a:cubicBezTo>
                    <a:pt x="9985" y="9339"/>
                    <a:pt x="9971" y="9391"/>
                    <a:pt x="9956" y="9444"/>
                  </a:cubicBezTo>
                  <a:lnTo>
                    <a:pt x="9911" y="9603"/>
                  </a:lnTo>
                  <a:lnTo>
                    <a:pt x="9733" y="9683"/>
                  </a:lnTo>
                  <a:lnTo>
                    <a:pt x="9600" y="9762"/>
                  </a:lnTo>
                  <a:lnTo>
                    <a:pt x="9333" y="9841"/>
                  </a:lnTo>
                  <a:lnTo>
                    <a:pt x="9111" y="10000"/>
                  </a:lnTo>
                  <a:lnTo>
                    <a:pt x="8489" y="9762"/>
                  </a:lnTo>
                  <a:lnTo>
                    <a:pt x="7911" y="9444"/>
                  </a:lnTo>
                  <a:lnTo>
                    <a:pt x="7644" y="9286"/>
                  </a:lnTo>
                  <a:lnTo>
                    <a:pt x="7333" y="9048"/>
                  </a:lnTo>
                  <a:lnTo>
                    <a:pt x="6978" y="8968"/>
                  </a:lnTo>
                  <a:lnTo>
                    <a:pt x="6622" y="8968"/>
                  </a:lnTo>
                  <a:cubicBezTo>
                    <a:pt x="6578" y="8809"/>
                    <a:pt x="6533" y="8651"/>
                    <a:pt x="6489" y="8492"/>
                  </a:cubicBezTo>
                  <a:cubicBezTo>
                    <a:pt x="6430" y="8333"/>
                    <a:pt x="6370" y="8175"/>
                    <a:pt x="6311" y="8016"/>
                  </a:cubicBezTo>
                  <a:lnTo>
                    <a:pt x="6311" y="7937"/>
                  </a:lnTo>
                  <a:lnTo>
                    <a:pt x="6311" y="7857"/>
                  </a:lnTo>
                  <a:lnTo>
                    <a:pt x="6133" y="7778"/>
                  </a:lnTo>
                  <a:cubicBezTo>
                    <a:pt x="6103" y="7725"/>
                    <a:pt x="6074" y="7672"/>
                    <a:pt x="6044" y="7619"/>
                  </a:cubicBezTo>
                  <a:cubicBezTo>
                    <a:pt x="6015" y="7566"/>
                    <a:pt x="5985" y="7513"/>
                    <a:pt x="5956" y="7460"/>
                  </a:cubicBezTo>
                  <a:cubicBezTo>
                    <a:pt x="5941" y="7407"/>
                    <a:pt x="5926" y="7355"/>
                    <a:pt x="5911" y="7302"/>
                  </a:cubicBezTo>
                  <a:cubicBezTo>
                    <a:pt x="5867" y="7196"/>
                    <a:pt x="5822" y="7090"/>
                    <a:pt x="5778" y="6984"/>
                  </a:cubicBezTo>
                  <a:cubicBezTo>
                    <a:pt x="5763" y="6852"/>
                    <a:pt x="5748" y="6719"/>
                    <a:pt x="5733" y="6587"/>
                  </a:cubicBezTo>
                  <a:lnTo>
                    <a:pt x="5289" y="6587"/>
                  </a:lnTo>
                  <a:lnTo>
                    <a:pt x="4933" y="6587"/>
                  </a:lnTo>
                  <a:lnTo>
                    <a:pt x="4533" y="6587"/>
                  </a:lnTo>
                  <a:lnTo>
                    <a:pt x="4133" y="6587"/>
                  </a:lnTo>
                  <a:lnTo>
                    <a:pt x="4133" y="6984"/>
                  </a:lnTo>
                  <a:lnTo>
                    <a:pt x="4133" y="7460"/>
                  </a:lnTo>
                  <a:lnTo>
                    <a:pt x="4133" y="7778"/>
                  </a:lnTo>
                  <a:lnTo>
                    <a:pt x="4133" y="7937"/>
                  </a:lnTo>
                  <a:cubicBezTo>
                    <a:pt x="4118" y="7990"/>
                    <a:pt x="4104" y="8042"/>
                    <a:pt x="4089" y="8095"/>
                  </a:cubicBezTo>
                  <a:lnTo>
                    <a:pt x="4000" y="8175"/>
                  </a:lnTo>
                  <a:lnTo>
                    <a:pt x="3867" y="8254"/>
                  </a:lnTo>
                  <a:lnTo>
                    <a:pt x="3822" y="8413"/>
                  </a:lnTo>
                  <a:cubicBezTo>
                    <a:pt x="3807" y="8439"/>
                    <a:pt x="3793" y="8466"/>
                    <a:pt x="3778" y="8492"/>
                  </a:cubicBezTo>
                  <a:cubicBezTo>
                    <a:pt x="3748" y="8518"/>
                    <a:pt x="3719" y="8545"/>
                    <a:pt x="3689" y="8571"/>
                  </a:cubicBezTo>
                  <a:lnTo>
                    <a:pt x="3556" y="8571"/>
                  </a:lnTo>
                  <a:lnTo>
                    <a:pt x="3422" y="8571"/>
                  </a:lnTo>
                  <a:lnTo>
                    <a:pt x="3044" y="11785"/>
                  </a:lnTo>
                  <a:lnTo>
                    <a:pt x="2222" y="8571"/>
                  </a:lnTo>
                  <a:lnTo>
                    <a:pt x="2089" y="8571"/>
                  </a:lnTo>
                  <a:lnTo>
                    <a:pt x="2000" y="8571"/>
                  </a:lnTo>
                  <a:cubicBezTo>
                    <a:pt x="2007" y="8995"/>
                    <a:pt x="2015" y="9418"/>
                    <a:pt x="2022" y="9842"/>
                  </a:cubicBezTo>
                  <a:lnTo>
                    <a:pt x="844" y="8254"/>
                  </a:lnTo>
                  <a:lnTo>
                    <a:pt x="622" y="8175"/>
                  </a:lnTo>
                  <a:lnTo>
                    <a:pt x="400" y="8016"/>
                  </a:lnTo>
                  <a:lnTo>
                    <a:pt x="222" y="7778"/>
                  </a:lnTo>
                  <a:cubicBezTo>
                    <a:pt x="178" y="7646"/>
                    <a:pt x="133" y="7513"/>
                    <a:pt x="89" y="7381"/>
                  </a:cubicBezTo>
                  <a:lnTo>
                    <a:pt x="89" y="6349"/>
                  </a:lnTo>
                  <a:cubicBezTo>
                    <a:pt x="59" y="6032"/>
                    <a:pt x="30" y="5714"/>
                    <a:pt x="0" y="5397"/>
                  </a:cubicBezTo>
                  <a:lnTo>
                    <a:pt x="0" y="5000"/>
                  </a:lnTo>
                  <a:cubicBezTo>
                    <a:pt x="30" y="4894"/>
                    <a:pt x="59" y="4789"/>
                    <a:pt x="89" y="4683"/>
                  </a:cubicBezTo>
                  <a:cubicBezTo>
                    <a:pt x="133" y="4577"/>
                    <a:pt x="178" y="4471"/>
                    <a:pt x="222" y="4365"/>
                  </a:cubicBezTo>
                  <a:lnTo>
                    <a:pt x="400" y="4127"/>
                  </a:lnTo>
                  <a:lnTo>
                    <a:pt x="711" y="4286"/>
                  </a:lnTo>
                  <a:lnTo>
                    <a:pt x="1022" y="4365"/>
                  </a:lnTo>
                  <a:lnTo>
                    <a:pt x="1289" y="4603"/>
                  </a:lnTo>
                  <a:lnTo>
                    <a:pt x="1644" y="4603"/>
                  </a:lnTo>
                  <a:lnTo>
                    <a:pt x="1911" y="4206"/>
                  </a:lnTo>
                  <a:cubicBezTo>
                    <a:pt x="1955" y="4074"/>
                    <a:pt x="2000" y="3942"/>
                    <a:pt x="2044" y="3810"/>
                  </a:cubicBezTo>
                  <a:cubicBezTo>
                    <a:pt x="2074" y="3730"/>
                    <a:pt x="2103" y="3651"/>
                    <a:pt x="2133" y="3571"/>
                  </a:cubicBezTo>
                  <a:lnTo>
                    <a:pt x="2222" y="3413"/>
                  </a:lnTo>
                  <a:lnTo>
                    <a:pt x="2356" y="3254"/>
                  </a:lnTo>
                  <a:lnTo>
                    <a:pt x="2533" y="3175"/>
                  </a:lnTo>
                  <a:lnTo>
                    <a:pt x="2756" y="3254"/>
                  </a:lnTo>
                  <a:lnTo>
                    <a:pt x="2978" y="3333"/>
                  </a:lnTo>
                  <a:lnTo>
                    <a:pt x="3200" y="3413"/>
                  </a:lnTo>
                  <a:lnTo>
                    <a:pt x="3422" y="3413"/>
                  </a:lnTo>
                  <a:lnTo>
                    <a:pt x="3422" y="3254"/>
                  </a:lnTo>
                  <a:lnTo>
                    <a:pt x="3422" y="3175"/>
                  </a:lnTo>
                  <a:lnTo>
                    <a:pt x="3911" y="2778"/>
                  </a:lnTo>
                  <a:lnTo>
                    <a:pt x="4311" y="2381"/>
                  </a:lnTo>
                  <a:lnTo>
                    <a:pt x="4533" y="2143"/>
                  </a:lnTo>
                  <a:lnTo>
                    <a:pt x="4756" y="1984"/>
                  </a:lnTo>
                  <a:lnTo>
                    <a:pt x="4978" y="1825"/>
                  </a:lnTo>
                  <a:lnTo>
                    <a:pt x="5244" y="1746"/>
                  </a:lnTo>
                  <a:lnTo>
                    <a:pt x="5600" y="1667"/>
                  </a:lnTo>
                  <a:lnTo>
                    <a:pt x="5867" y="1508"/>
                  </a:lnTo>
                  <a:lnTo>
                    <a:pt x="6089" y="1190"/>
                  </a:lnTo>
                  <a:lnTo>
                    <a:pt x="6356" y="952"/>
                  </a:lnTo>
                  <a:lnTo>
                    <a:pt x="6578" y="635"/>
                  </a:lnTo>
                  <a:lnTo>
                    <a:pt x="6756" y="397"/>
                  </a:lnTo>
                  <a:lnTo>
                    <a:pt x="6978" y="159"/>
                  </a:lnTo>
                  <a:lnTo>
                    <a:pt x="7289" y="0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41" name="Hørsholm kant"/>
            <p:cNvSpPr>
              <a:spLocks/>
            </p:cNvSpPr>
            <p:nvPr/>
          </p:nvSpPr>
          <p:spPr bwMode="auto">
            <a:xfrm>
              <a:off x="3868738" y="4633914"/>
              <a:ext cx="119062" cy="76196"/>
            </a:xfrm>
            <a:custGeom>
              <a:avLst/>
              <a:gdLst>
                <a:gd name="T0" fmla="*/ 92075 w 225"/>
                <a:gd name="T1" fmla="*/ 5821 h 126"/>
                <a:gd name="T2" fmla="*/ 100541 w 225"/>
                <a:gd name="T3" fmla="*/ 21167 h 126"/>
                <a:gd name="T4" fmla="*/ 111654 w 225"/>
                <a:gd name="T5" fmla="*/ 45508 h 126"/>
                <a:gd name="T6" fmla="*/ 118533 w 225"/>
                <a:gd name="T7" fmla="*/ 62971 h 126"/>
                <a:gd name="T8" fmla="*/ 115887 w 225"/>
                <a:gd name="T9" fmla="*/ 64558 h 126"/>
                <a:gd name="T10" fmla="*/ 111125 w 225"/>
                <a:gd name="T11" fmla="*/ 65617 h 126"/>
                <a:gd name="T12" fmla="*/ 101070 w 225"/>
                <a:gd name="T13" fmla="*/ 65088 h 126"/>
                <a:gd name="T14" fmla="*/ 91016 w 225"/>
                <a:gd name="T15" fmla="*/ 61913 h 126"/>
                <a:gd name="T16" fmla="*/ 83079 w 225"/>
                <a:gd name="T17" fmla="*/ 59796 h 126"/>
                <a:gd name="T18" fmla="*/ 77258 w 225"/>
                <a:gd name="T19" fmla="*/ 56621 h 126"/>
                <a:gd name="T20" fmla="*/ 75141 w 225"/>
                <a:gd name="T21" fmla="*/ 52917 h 126"/>
                <a:gd name="T22" fmla="*/ 73025 w 225"/>
                <a:gd name="T23" fmla="*/ 51858 h 126"/>
                <a:gd name="T24" fmla="*/ 70908 w 225"/>
                <a:gd name="T25" fmla="*/ 49742 h 126"/>
                <a:gd name="T26" fmla="*/ 68791 w 225"/>
                <a:gd name="T27" fmla="*/ 46567 h 126"/>
                <a:gd name="T28" fmla="*/ 62971 w 225"/>
                <a:gd name="T29" fmla="*/ 43921 h 126"/>
                <a:gd name="T30" fmla="*/ 53975 w 225"/>
                <a:gd name="T31" fmla="*/ 43921 h 126"/>
                <a:gd name="T32" fmla="*/ 49212 w 225"/>
                <a:gd name="T33" fmla="*/ 46567 h 126"/>
                <a:gd name="T34" fmla="*/ 49212 w 225"/>
                <a:gd name="T35" fmla="*/ 51858 h 126"/>
                <a:gd name="T36" fmla="*/ 48683 w 225"/>
                <a:gd name="T37" fmla="*/ 53975 h 126"/>
                <a:gd name="T38" fmla="*/ 46037 w 225"/>
                <a:gd name="T39" fmla="*/ 55033 h 126"/>
                <a:gd name="T40" fmla="*/ 44979 w 225"/>
                <a:gd name="T41" fmla="*/ 56621 h 126"/>
                <a:gd name="T42" fmla="*/ 42333 w 225"/>
                <a:gd name="T43" fmla="*/ 57150 h 126"/>
                <a:gd name="T44" fmla="*/ 33867 w 225"/>
                <a:gd name="T45" fmla="*/ 57150 h 126"/>
                <a:gd name="T46" fmla="*/ 24871 w 225"/>
                <a:gd name="T47" fmla="*/ 57150 h 126"/>
                <a:gd name="T48" fmla="*/ 16933 w 225"/>
                <a:gd name="T49" fmla="*/ 56092 h 126"/>
                <a:gd name="T50" fmla="*/ 7408 w 225"/>
                <a:gd name="T51" fmla="*/ 54504 h 126"/>
                <a:gd name="T52" fmla="*/ 2646 w 225"/>
                <a:gd name="T53" fmla="*/ 51858 h 126"/>
                <a:gd name="T54" fmla="*/ 1058 w 225"/>
                <a:gd name="T55" fmla="*/ 42333 h 126"/>
                <a:gd name="T56" fmla="*/ 0 w 225"/>
                <a:gd name="T57" fmla="*/ 33338 h 126"/>
                <a:gd name="T58" fmla="*/ 2646 w 225"/>
                <a:gd name="T59" fmla="*/ 29104 h 126"/>
                <a:gd name="T60" fmla="*/ 8467 w 225"/>
                <a:gd name="T61" fmla="*/ 28575 h 126"/>
                <a:gd name="T62" fmla="*/ 15346 w 225"/>
                <a:gd name="T63" fmla="*/ 30692 h 126"/>
                <a:gd name="T64" fmla="*/ 22754 w 225"/>
                <a:gd name="T65" fmla="*/ 28046 h 126"/>
                <a:gd name="T66" fmla="*/ 25400 w 225"/>
                <a:gd name="T67" fmla="*/ 23813 h 126"/>
                <a:gd name="T68" fmla="*/ 28046 w 225"/>
                <a:gd name="T69" fmla="*/ 21696 h 126"/>
                <a:gd name="T70" fmla="*/ 32808 w 225"/>
                <a:gd name="T71" fmla="*/ 21696 h 126"/>
                <a:gd name="T72" fmla="*/ 38100 w 225"/>
                <a:gd name="T73" fmla="*/ 22754 h 126"/>
                <a:gd name="T74" fmla="*/ 40746 w 225"/>
                <a:gd name="T75" fmla="*/ 21696 h 126"/>
                <a:gd name="T76" fmla="*/ 46566 w 225"/>
                <a:gd name="T77" fmla="*/ 18521 h 126"/>
                <a:gd name="T78" fmla="*/ 53975 w 225"/>
                <a:gd name="T79" fmla="*/ 14288 h 126"/>
                <a:gd name="T80" fmla="*/ 59266 w 225"/>
                <a:gd name="T81" fmla="*/ 12171 h 126"/>
                <a:gd name="T82" fmla="*/ 66675 w 225"/>
                <a:gd name="T83" fmla="*/ 11113 h 126"/>
                <a:gd name="T84" fmla="*/ 72496 w 225"/>
                <a:gd name="T85" fmla="*/ 7938 h 126"/>
                <a:gd name="T86" fmla="*/ 78316 w 225"/>
                <a:gd name="T87" fmla="*/ 4233 h 126"/>
                <a:gd name="T88" fmla="*/ 83079 w 225"/>
                <a:gd name="T89" fmla="*/ 1058 h 12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connsiteX0" fmla="*/ 7289 w 10000"/>
                <a:gd name="connsiteY0" fmla="*/ 0 h 10000"/>
                <a:gd name="connsiteX1" fmla="*/ 7733 w 10000"/>
                <a:gd name="connsiteY1" fmla="*/ 873 h 10000"/>
                <a:gd name="connsiteX2" fmla="*/ 8133 w 10000"/>
                <a:gd name="connsiteY2" fmla="*/ 1984 h 10000"/>
                <a:gd name="connsiteX3" fmla="*/ 8444 w 10000"/>
                <a:gd name="connsiteY3" fmla="*/ 3175 h 10000"/>
                <a:gd name="connsiteX4" fmla="*/ 8756 w 10000"/>
                <a:gd name="connsiteY4" fmla="*/ 4286 h 10000"/>
                <a:gd name="connsiteX5" fmla="*/ 9378 w 10000"/>
                <a:gd name="connsiteY5" fmla="*/ 6825 h 10000"/>
                <a:gd name="connsiteX6" fmla="*/ 10000 w 10000"/>
                <a:gd name="connsiteY6" fmla="*/ 9286 h 10000"/>
                <a:gd name="connsiteX7" fmla="*/ 9956 w 10000"/>
                <a:gd name="connsiteY7" fmla="*/ 9444 h 10000"/>
                <a:gd name="connsiteX8" fmla="*/ 9911 w 10000"/>
                <a:gd name="connsiteY8" fmla="*/ 9603 h 10000"/>
                <a:gd name="connsiteX9" fmla="*/ 9733 w 10000"/>
                <a:gd name="connsiteY9" fmla="*/ 9683 h 10000"/>
                <a:gd name="connsiteX10" fmla="*/ 9600 w 10000"/>
                <a:gd name="connsiteY10" fmla="*/ 9762 h 10000"/>
                <a:gd name="connsiteX11" fmla="*/ 9333 w 10000"/>
                <a:gd name="connsiteY11" fmla="*/ 9841 h 10000"/>
                <a:gd name="connsiteX12" fmla="*/ 9111 w 10000"/>
                <a:gd name="connsiteY12" fmla="*/ 10000 h 10000"/>
                <a:gd name="connsiteX13" fmla="*/ 8489 w 10000"/>
                <a:gd name="connsiteY13" fmla="*/ 9762 h 10000"/>
                <a:gd name="connsiteX14" fmla="*/ 7911 w 10000"/>
                <a:gd name="connsiteY14" fmla="*/ 9444 h 10000"/>
                <a:gd name="connsiteX15" fmla="*/ 7644 w 10000"/>
                <a:gd name="connsiteY15" fmla="*/ 9286 h 10000"/>
                <a:gd name="connsiteX16" fmla="*/ 7333 w 10000"/>
                <a:gd name="connsiteY16" fmla="*/ 9048 h 10000"/>
                <a:gd name="connsiteX17" fmla="*/ 6978 w 10000"/>
                <a:gd name="connsiteY17" fmla="*/ 8968 h 10000"/>
                <a:gd name="connsiteX18" fmla="*/ 6622 w 10000"/>
                <a:gd name="connsiteY18" fmla="*/ 8968 h 10000"/>
                <a:gd name="connsiteX19" fmla="*/ 6489 w 10000"/>
                <a:gd name="connsiteY19" fmla="*/ 8492 h 10000"/>
                <a:gd name="connsiteX20" fmla="*/ 6311 w 10000"/>
                <a:gd name="connsiteY20" fmla="*/ 8016 h 10000"/>
                <a:gd name="connsiteX21" fmla="*/ 6311 w 10000"/>
                <a:gd name="connsiteY21" fmla="*/ 7937 h 10000"/>
                <a:gd name="connsiteX22" fmla="*/ 6311 w 10000"/>
                <a:gd name="connsiteY22" fmla="*/ 7857 h 10000"/>
                <a:gd name="connsiteX23" fmla="*/ 6133 w 10000"/>
                <a:gd name="connsiteY23" fmla="*/ 7778 h 10000"/>
                <a:gd name="connsiteX24" fmla="*/ 6044 w 10000"/>
                <a:gd name="connsiteY24" fmla="*/ 7619 h 10000"/>
                <a:gd name="connsiteX25" fmla="*/ 5956 w 10000"/>
                <a:gd name="connsiteY25" fmla="*/ 7460 h 10000"/>
                <a:gd name="connsiteX26" fmla="*/ 5911 w 10000"/>
                <a:gd name="connsiteY26" fmla="*/ 7302 h 10000"/>
                <a:gd name="connsiteX27" fmla="*/ 5778 w 10000"/>
                <a:gd name="connsiteY27" fmla="*/ 6984 h 10000"/>
                <a:gd name="connsiteX28" fmla="*/ 5733 w 10000"/>
                <a:gd name="connsiteY28" fmla="*/ 6587 h 10000"/>
                <a:gd name="connsiteX29" fmla="*/ 5289 w 10000"/>
                <a:gd name="connsiteY29" fmla="*/ 6587 h 10000"/>
                <a:gd name="connsiteX30" fmla="*/ 4933 w 10000"/>
                <a:gd name="connsiteY30" fmla="*/ 6587 h 10000"/>
                <a:gd name="connsiteX31" fmla="*/ 4533 w 10000"/>
                <a:gd name="connsiteY31" fmla="*/ 6587 h 10000"/>
                <a:gd name="connsiteX32" fmla="*/ 4133 w 10000"/>
                <a:gd name="connsiteY32" fmla="*/ 6587 h 10000"/>
                <a:gd name="connsiteX33" fmla="*/ 4133 w 10000"/>
                <a:gd name="connsiteY33" fmla="*/ 6984 h 10000"/>
                <a:gd name="connsiteX34" fmla="*/ 4133 w 10000"/>
                <a:gd name="connsiteY34" fmla="*/ 7460 h 10000"/>
                <a:gd name="connsiteX35" fmla="*/ 4133 w 10000"/>
                <a:gd name="connsiteY35" fmla="*/ 7778 h 10000"/>
                <a:gd name="connsiteX36" fmla="*/ 4133 w 10000"/>
                <a:gd name="connsiteY36" fmla="*/ 7937 h 10000"/>
                <a:gd name="connsiteX37" fmla="*/ 4089 w 10000"/>
                <a:gd name="connsiteY37" fmla="*/ 8095 h 10000"/>
                <a:gd name="connsiteX38" fmla="*/ 4000 w 10000"/>
                <a:gd name="connsiteY38" fmla="*/ 8175 h 10000"/>
                <a:gd name="connsiteX39" fmla="*/ 3867 w 10000"/>
                <a:gd name="connsiteY39" fmla="*/ 8254 h 10000"/>
                <a:gd name="connsiteX40" fmla="*/ 3822 w 10000"/>
                <a:gd name="connsiteY40" fmla="*/ 8413 h 10000"/>
                <a:gd name="connsiteX41" fmla="*/ 3778 w 10000"/>
                <a:gd name="connsiteY41" fmla="*/ 8492 h 10000"/>
                <a:gd name="connsiteX42" fmla="*/ 3689 w 10000"/>
                <a:gd name="connsiteY42" fmla="*/ 8571 h 10000"/>
                <a:gd name="connsiteX43" fmla="*/ 3556 w 10000"/>
                <a:gd name="connsiteY43" fmla="*/ 8571 h 10000"/>
                <a:gd name="connsiteX44" fmla="*/ 3422 w 10000"/>
                <a:gd name="connsiteY44" fmla="*/ 8571 h 10000"/>
                <a:gd name="connsiteX45" fmla="*/ 2844 w 10000"/>
                <a:gd name="connsiteY45" fmla="*/ 8571 h 10000"/>
                <a:gd name="connsiteX46" fmla="*/ 2222 w 10000"/>
                <a:gd name="connsiteY46" fmla="*/ 8571 h 10000"/>
                <a:gd name="connsiteX47" fmla="*/ 2089 w 10000"/>
                <a:gd name="connsiteY47" fmla="*/ 8571 h 10000"/>
                <a:gd name="connsiteX48" fmla="*/ 2000 w 10000"/>
                <a:gd name="connsiteY48" fmla="*/ 8571 h 10000"/>
                <a:gd name="connsiteX49" fmla="*/ 2022 w 10000"/>
                <a:gd name="connsiteY49" fmla="*/ 9842 h 10000"/>
                <a:gd name="connsiteX50" fmla="*/ 844 w 10000"/>
                <a:gd name="connsiteY50" fmla="*/ 8254 h 10000"/>
                <a:gd name="connsiteX51" fmla="*/ 622 w 10000"/>
                <a:gd name="connsiteY51" fmla="*/ 8175 h 10000"/>
                <a:gd name="connsiteX52" fmla="*/ 400 w 10000"/>
                <a:gd name="connsiteY52" fmla="*/ 8016 h 10000"/>
                <a:gd name="connsiteX53" fmla="*/ 222 w 10000"/>
                <a:gd name="connsiteY53" fmla="*/ 7778 h 10000"/>
                <a:gd name="connsiteX54" fmla="*/ 89 w 10000"/>
                <a:gd name="connsiteY54" fmla="*/ 7381 h 10000"/>
                <a:gd name="connsiteX55" fmla="*/ 89 w 10000"/>
                <a:gd name="connsiteY55" fmla="*/ 6349 h 10000"/>
                <a:gd name="connsiteX56" fmla="*/ 0 w 10000"/>
                <a:gd name="connsiteY56" fmla="*/ 5397 h 10000"/>
                <a:gd name="connsiteX57" fmla="*/ 0 w 10000"/>
                <a:gd name="connsiteY57" fmla="*/ 5000 h 10000"/>
                <a:gd name="connsiteX58" fmla="*/ 89 w 10000"/>
                <a:gd name="connsiteY58" fmla="*/ 4683 h 10000"/>
                <a:gd name="connsiteX59" fmla="*/ 222 w 10000"/>
                <a:gd name="connsiteY59" fmla="*/ 4365 h 10000"/>
                <a:gd name="connsiteX60" fmla="*/ 400 w 10000"/>
                <a:gd name="connsiteY60" fmla="*/ 4127 h 10000"/>
                <a:gd name="connsiteX61" fmla="*/ 711 w 10000"/>
                <a:gd name="connsiteY61" fmla="*/ 4286 h 10000"/>
                <a:gd name="connsiteX62" fmla="*/ 1022 w 10000"/>
                <a:gd name="connsiteY62" fmla="*/ 4365 h 10000"/>
                <a:gd name="connsiteX63" fmla="*/ 1289 w 10000"/>
                <a:gd name="connsiteY63" fmla="*/ 4603 h 10000"/>
                <a:gd name="connsiteX64" fmla="*/ 1644 w 10000"/>
                <a:gd name="connsiteY64" fmla="*/ 4603 h 10000"/>
                <a:gd name="connsiteX65" fmla="*/ 1911 w 10000"/>
                <a:gd name="connsiteY65" fmla="*/ 4206 h 10000"/>
                <a:gd name="connsiteX66" fmla="*/ 2044 w 10000"/>
                <a:gd name="connsiteY66" fmla="*/ 3810 h 10000"/>
                <a:gd name="connsiteX67" fmla="*/ 2133 w 10000"/>
                <a:gd name="connsiteY67" fmla="*/ 3571 h 10000"/>
                <a:gd name="connsiteX68" fmla="*/ 2222 w 10000"/>
                <a:gd name="connsiteY68" fmla="*/ 3413 h 10000"/>
                <a:gd name="connsiteX69" fmla="*/ 2356 w 10000"/>
                <a:gd name="connsiteY69" fmla="*/ 3254 h 10000"/>
                <a:gd name="connsiteX70" fmla="*/ 2533 w 10000"/>
                <a:gd name="connsiteY70" fmla="*/ 3175 h 10000"/>
                <a:gd name="connsiteX71" fmla="*/ 2756 w 10000"/>
                <a:gd name="connsiteY71" fmla="*/ 3254 h 10000"/>
                <a:gd name="connsiteX72" fmla="*/ 2978 w 10000"/>
                <a:gd name="connsiteY72" fmla="*/ 3333 h 10000"/>
                <a:gd name="connsiteX73" fmla="*/ 3200 w 10000"/>
                <a:gd name="connsiteY73" fmla="*/ 3413 h 10000"/>
                <a:gd name="connsiteX74" fmla="*/ 3422 w 10000"/>
                <a:gd name="connsiteY74" fmla="*/ 3413 h 10000"/>
                <a:gd name="connsiteX75" fmla="*/ 3422 w 10000"/>
                <a:gd name="connsiteY75" fmla="*/ 3254 h 10000"/>
                <a:gd name="connsiteX76" fmla="*/ 3422 w 10000"/>
                <a:gd name="connsiteY76" fmla="*/ 3175 h 10000"/>
                <a:gd name="connsiteX77" fmla="*/ 3911 w 10000"/>
                <a:gd name="connsiteY77" fmla="*/ 2778 h 10000"/>
                <a:gd name="connsiteX78" fmla="*/ 4311 w 10000"/>
                <a:gd name="connsiteY78" fmla="*/ 2381 h 10000"/>
                <a:gd name="connsiteX79" fmla="*/ 4533 w 10000"/>
                <a:gd name="connsiteY79" fmla="*/ 2143 h 10000"/>
                <a:gd name="connsiteX80" fmla="*/ 4756 w 10000"/>
                <a:gd name="connsiteY80" fmla="*/ 1984 h 10000"/>
                <a:gd name="connsiteX81" fmla="*/ 4978 w 10000"/>
                <a:gd name="connsiteY81" fmla="*/ 1825 h 10000"/>
                <a:gd name="connsiteX82" fmla="*/ 5244 w 10000"/>
                <a:gd name="connsiteY82" fmla="*/ 1746 h 10000"/>
                <a:gd name="connsiteX83" fmla="*/ 5600 w 10000"/>
                <a:gd name="connsiteY83" fmla="*/ 1667 h 10000"/>
                <a:gd name="connsiteX84" fmla="*/ 5867 w 10000"/>
                <a:gd name="connsiteY84" fmla="*/ 1508 h 10000"/>
                <a:gd name="connsiteX85" fmla="*/ 6089 w 10000"/>
                <a:gd name="connsiteY85" fmla="*/ 1190 h 10000"/>
                <a:gd name="connsiteX86" fmla="*/ 6356 w 10000"/>
                <a:gd name="connsiteY86" fmla="*/ 952 h 10000"/>
                <a:gd name="connsiteX87" fmla="*/ 6578 w 10000"/>
                <a:gd name="connsiteY87" fmla="*/ 635 h 10000"/>
                <a:gd name="connsiteX88" fmla="*/ 6756 w 10000"/>
                <a:gd name="connsiteY88" fmla="*/ 397 h 10000"/>
                <a:gd name="connsiteX89" fmla="*/ 6978 w 10000"/>
                <a:gd name="connsiteY89" fmla="*/ 159 h 10000"/>
                <a:gd name="connsiteX90" fmla="*/ 7289 w 10000"/>
                <a:gd name="connsiteY90" fmla="*/ 0 h 10000"/>
                <a:gd name="connsiteX0" fmla="*/ 7289 w 10000"/>
                <a:gd name="connsiteY0" fmla="*/ 0 h 11428"/>
                <a:gd name="connsiteX1" fmla="*/ 7733 w 10000"/>
                <a:gd name="connsiteY1" fmla="*/ 873 h 11428"/>
                <a:gd name="connsiteX2" fmla="*/ 8133 w 10000"/>
                <a:gd name="connsiteY2" fmla="*/ 1984 h 11428"/>
                <a:gd name="connsiteX3" fmla="*/ 8444 w 10000"/>
                <a:gd name="connsiteY3" fmla="*/ 3175 h 11428"/>
                <a:gd name="connsiteX4" fmla="*/ 8756 w 10000"/>
                <a:gd name="connsiteY4" fmla="*/ 4286 h 11428"/>
                <a:gd name="connsiteX5" fmla="*/ 9378 w 10000"/>
                <a:gd name="connsiteY5" fmla="*/ 6825 h 11428"/>
                <a:gd name="connsiteX6" fmla="*/ 10000 w 10000"/>
                <a:gd name="connsiteY6" fmla="*/ 9286 h 11428"/>
                <a:gd name="connsiteX7" fmla="*/ 9956 w 10000"/>
                <a:gd name="connsiteY7" fmla="*/ 9444 h 11428"/>
                <a:gd name="connsiteX8" fmla="*/ 9911 w 10000"/>
                <a:gd name="connsiteY8" fmla="*/ 9603 h 11428"/>
                <a:gd name="connsiteX9" fmla="*/ 9733 w 10000"/>
                <a:gd name="connsiteY9" fmla="*/ 9683 h 11428"/>
                <a:gd name="connsiteX10" fmla="*/ 9600 w 10000"/>
                <a:gd name="connsiteY10" fmla="*/ 9762 h 11428"/>
                <a:gd name="connsiteX11" fmla="*/ 9333 w 10000"/>
                <a:gd name="connsiteY11" fmla="*/ 9841 h 11428"/>
                <a:gd name="connsiteX12" fmla="*/ 9111 w 10000"/>
                <a:gd name="connsiteY12" fmla="*/ 10000 h 11428"/>
                <a:gd name="connsiteX13" fmla="*/ 8489 w 10000"/>
                <a:gd name="connsiteY13" fmla="*/ 9762 h 11428"/>
                <a:gd name="connsiteX14" fmla="*/ 7911 w 10000"/>
                <a:gd name="connsiteY14" fmla="*/ 9444 h 11428"/>
                <a:gd name="connsiteX15" fmla="*/ 7644 w 10000"/>
                <a:gd name="connsiteY15" fmla="*/ 9286 h 11428"/>
                <a:gd name="connsiteX16" fmla="*/ 7333 w 10000"/>
                <a:gd name="connsiteY16" fmla="*/ 9048 h 11428"/>
                <a:gd name="connsiteX17" fmla="*/ 6978 w 10000"/>
                <a:gd name="connsiteY17" fmla="*/ 8968 h 11428"/>
                <a:gd name="connsiteX18" fmla="*/ 6622 w 10000"/>
                <a:gd name="connsiteY18" fmla="*/ 8968 h 11428"/>
                <a:gd name="connsiteX19" fmla="*/ 6489 w 10000"/>
                <a:gd name="connsiteY19" fmla="*/ 8492 h 11428"/>
                <a:gd name="connsiteX20" fmla="*/ 6311 w 10000"/>
                <a:gd name="connsiteY20" fmla="*/ 8016 h 11428"/>
                <a:gd name="connsiteX21" fmla="*/ 6311 w 10000"/>
                <a:gd name="connsiteY21" fmla="*/ 7937 h 11428"/>
                <a:gd name="connsiteX22" fmla="*/ 6311 w 10000"/>
                <a:gd name="connsiteY22" fmla="*/ 7857 h 11428"/>
                <a:gd name="connsiteX23" fmla="*/ 6133 w 10000"/>
                <a:gd name="connsiteY23" fmla="*/ 7778 h 11428"/>
                <a:gd name="connsiteX24" fmla="*/ 6044 w 10000"/>
                <a:gd name="connsiteY24" fmla="*/ 7619 h 11428"/>
                <a:gd name="connsiteX25" fmla="*/ 5956 w 10000"/>
                <a:gd name="connsiteY25" fmla="*/ 7460 h 11428"/>
                <a:gd name="connsiteX26" fmla="*/ 5911 w 10000"/>
                <a:gd name="connsiteY26" fmla="*/ 7302 h 11428"/>
                <a:gd name="connsiteX27" fmla="*/ 5778 w 10000"/>
                <a:gd name="connsiteY27" fmla="*/ 6984 h 11428"/>
                <a:gd name="connsiteX28" fmla="*/ 5733 w 10000"/>
                <a:gd name="connsiteY28" fmla="*/ 6587 h 11428"/>
                <a:gd name="connsiteX29" fmla="*/ 5289 w 10000"/>
                <a:gd name="connsiteY29" fmla="*/ 6587 h 11428"/>
                <a:gd name="connsiteX30" fmla="*/ 4933 w 10000"/>
                <a:gd name="connsiteY30" fmla="*/ 6587 h 11428"/>
                <a:gd name="connsiteX31" fmla="*/ 4533 w 10000"/>
                <a:gd name="connsiteY31" fmla="*/ 6587 h 11428"/>
                <a:gd name="connsiteX32" fmla="*/ 4133 w 10000"/>
                <a:gd name="connsiteY32" fmla="*/ 6587 h 11428"/>
                <a:gd name="connsiteX33" fmla="*/ 4133 w 10000"/>
                <a:gd name="connsiteY33" fmla="*/ 6984 h 11428"/>
                <a:gd name="connsiteX34" fmla="*/ 4133 w 10000"/>
                <a:gd name="connsiteY34" fmla="*/ 7460 h 11428"/>
                <a:gd name="connsiteX35" fmla="*/ 4133 w 10000"/>
                <a:gd name="connsiteY35" fmla="*/ 7778 h 11428"/>
                <a:gd name="connsiteX36" fmla="*/ 4133 w 10000"/>
                <a:gd name="connsiteY36" fmla="*/ 7937 h 11428"/>
                <a:gd name="connsiteX37" fmla="*/ 4089 w 10000"/>
                <a:gd name="connsiteY37" fmla="*/ 8095 h 11428"/>
                <a:gd name="connsiteX38" fmla="*/ 4000 w 10000"/>
                <a:gd name="connsiteY38" fmla="*/ 8175 h 11428"/>
                <a:gd name="connsiteX39" fmla="*/ 3867 w 10000"/>
                <a:gd name="connsiteY39" fmla="*/ 8254 h 11428"/>
                <a:gd name="connsiteX40" fmla="*/ 3822 w 10000"/>
                <a:gd name="connsiteY40" fmla="*/ 8413 h 11428"/>
                <a:gd name="connsiteX41" fmla="*/ 3778 w 10000"/>
                <a:gd name="connsiteY41" fmla="*/ 8492 h 11428"/>
                <a:gd name="connsiteX42" fmla="*/ 3689 w 10000"/>
                <a:gd name="connsiteY42" fmla="*/ 8571 h 11428"/>
                <a:gd name="connsiteX43" fmla="*/ 3556 w 10000"/>
                <a:gd name="connsiteY43" fmla="*/ 8571 h 11428"/>
                <a:gd name="connsiteX44" fmla="*/ 3422 w 10000"/>
                <a:gd name="connsiteY44" fmla="*/ 8571 h 11428"/>
                <a:gd name="connsiteX45" fmla="*/ 2844 w 10000"/>
                <a:gd name="connsiteY45" fmla="*/ 8571 h 11428"/>
                <a:gd name="connsiteX46" fmla="*/ 2222 w 10000"/>
                <a:gd name="connsiteY46" fmla="*/ 8571 h 11428"/>
                <a:gd name="connsiteX47" fmla="*/ 2689 w 10000"/>
                <a:gd name="connsiteY47" fmla="*/ 11428 h 11428"/>
                <a:gd name="connsiteX48" fmla="*/ 2000 w 10000"/>
                <a:gd name="connsiteY48" fmla="*/ 8571 h 11428"/>
                <a:gd name="connsiteX49" fmla="*/ 2022 w 10000"/>
                <a:gd name="connsiteY49" fmla="*/ 9842 h 11428"/>
                <a:gd name="connsiteX50" fmla="*/ 844 w 10000"/>
                <a:gd name="connsiteY50" fmla="*/ 8254 h 11428"/>
                <a:gd name="connsiteX51" fmla="*/ 622 w 10000"/>
                <a:gd name="connsiteY51" fmla="*/ 8175 h 11428"/>
                <a:gd name="connsiteX52" fmla="*/ 400 w 10000"/>
                <a:gd name="connsiteY52" fmla="*/ 8016 h 11428"/>
                <a:gd name="connsiteX53" fmla="*/ 222 w 10000"/>
                <a:gd name="connsiteY53" fmla="*/ 7778 h 11428"/>
                <a:gd name="connsiteX54" fmla="*/ 89 w 10000"/>
                <a:gd name="connsiteY54" fmla="*/ 7381 h 11428"/>
                <a:gd name="connsiteX55" fmla="*/ 89 w 10000"/>
                <a:gd name="connsiteY55" fmla="*/ 6349 h 11428"/>
                <a:gd name="connsiteX56" fmla="*/ 0 w 10000"/>
                <a:gd name="connsiteY56" fmla="*/ 5397 h 11428"/>
                <a:gd name="connsiteX57" fmla="*/ 0 w 10000"/>
                <a:gd name="connsiteY57" fmla="*/ 5000 h 11428"/>
                <a:gd name="connsiteX58" fmla="*/ 89 w 10000"/>
                <a:gd name="connsiteY58" fmla="*/ 4683 h 11428"/>
                <a:gd name="connsiteX59" fmla="*/ 222 w 10000"/>
                <a:gd name="connsiteY59" fmla="*/ 4365 h 11428"/>
                <a:gd name="connsiteX60" fmla="*/ 400 w 10000"/>
                <a:gd name="connsiteY60" fmla="*/ 4127 h 11428"/>
                <a:gd name="connsiteX61" fmla="*/ 711 w 10000"/>
                <a:gd name="connsiteY61" fmla="*/ 4286 h 11428"/>
                <a:gd name="connsiteX62" fmla="*/ 1022 w 10000"/>
                <a:gd name="connsiteY62" fmla="*/ 4365 h 11428"/>
                <a:gd name="connsiteX63" fmla="*/ 1289 w 10000"/>
                <a:gd name="connsiteY63" fmla="*/ 4603 h 11428"/>
                <a:gd name="connsiteX64" fmla="*/ 1644 w 10000"/>
                <a:gd name="connsiteY64" fmla="*/ 4603 h 11428"/>
                <a:gd name="connsiteX65" fmla="*/ 1911 w 10000"/>
                <a:gd name="connsiteY65" fmla="*/ 4206 h 11428"/>
                <a:gd name="connsiteX66" fmla="*/ 2044 w 10000"/>
                <a:gd name="connsiteY66" fmla="*/ 3810 h 11428"/>
                <a:gd name="connsiteX67" fmla="*/ 2133 w 10000"/>
                <a:gd name="connsiteY67" fmla="*/ 3571 h 11428"/>
                <a:gd name="connsiteX68" fmla="*/ 2222 w 10000"/>
                <a:gd name="connsiteY68" fmla="*/ 3413 h 11428"/>
                <a:gd name="connsiteX69" fmla="*/ 2356 w 10000"/>
                <a:gd name="connsiteY69" fmla="*/ 3254 h 11428"/>
                <a:gd name="connsiteX70" fmla="*/ 2533 w 10000"/>
                <a:gd name="connsiteY70" fmla="*/ 3175 h 11428"/>
                <a:gd name="connsiteX71" fmla="*/ 2756 w 10000"/>
                <a:gd name="connsiteY71" fmla="*/ 3254 h 11428"/>
                <a:gd name="connsiteX72" fmla="*/ 2978 w 10000"/>
                <a:gd name="connsiteY72" fmla="*/ 3333 h 11428"/>
                <a:gd name="connsiteX73" fmla="*/ 3200 w 10000"/>
                <a:gd name="connsiteY73" fmla="*/ 3413 h 11428"/>
                <a:gd name="connsiteX74" fmla="*/ 3422 w 10000"/>
                <a:gd name="connsiteY74" fmla="*/ 3413 h 11428"/>
                <a:gd name="connsiteX75" fmla="*/ 3422 w 10000"/>
                <a:gd name="connsiteY75" fmla="*/ 3254 h 11428"/>
                <a:gd name="connsiteX76" fmla="*/ 3422 w 10000"/>
                <a:gd name="connsiteY76" fmla="*/ 3175 h 11428"/>
                <a:gd name="connsiteX77" fmla="*/ 3911 w 10000"/>
                <a:gd name="connsiteY77" fmla="*/ 2778 h 11428"/>
                <a:gd name="connsiteX78" fmla="*/ 4311 w 10000"/>
                <a:gd name="connsiteY78" fmla="*/ 2381 h 11428"/>
                <a:gd name="connsiteX79" fmla="*/ 4533 w 10000"/>
                <a:gd name="connsiteY79" fmla="*/ 2143 h 11428"/>
                <a:gd name="connsiteX80" fmla="*/ 4756 w 10000"/>
                <a:gd name="connsiteY80" fmla="*/ 1984 h 11428"/>
                <a:gd name="connsiteX81" fmla="*/ 4978 w 10000"/>
                <a:gd name="connsiteY81" fmla="*/ 1825 h 11428"/>
                <a:gd name="connsiteX82" fmla="*/ 5244 w 10000"/>
                <a:gd name="connsiteY82" fmla="*/ 1746 h 11428"/>
                <a:gd name="connsiteX83" fmla="*/ 5600 w 10000"/>
                <a:gd name="connsiteY83" fmla="*/ 1667 h 11428"/>
                <a:gd name="connsiteX84" fmla="*/ 5867 w 10000"/>
                <a:gd name="connsiteY84" fmla="*/ 1508 h 11428"/>
                <a:gd name="connsiteX85" fmla="*/ 6089 w 10000"/>
                <a:gd name="connsiteY85" fmla="*/ 1190 h 11428"/>
                <a:gd name="connsiteX86" fmla="*/ 6356 w 10000"/>
                <a:gd name="connsiteY86" fmla="*/ 952 h 11428"/>
                <a:gd name="connsiteX87" fmla="*/ 6578 w 10000"/>
                <a:gd name="connsiteY87" fmla="*/ 635 h 11428"/>
                <a:gd name="connsiteX88" fmla="*/ 6756 w 10000"/>
                <a:gd name="connsiteY88" fmla="*/ 397 h 11428"/>
                <a:gd name="connsiteX89" fmla="*/ 6978 w 10000"/>
                <a:gd name="connsiteY89" fmla="*/ 159 h 11428"/>
                <a:gd name="connsiteX90" fmla="*/ 7289 w 10000"/>
                <a:gd name="connsiteY90" fmla="*/ 0 h 11428"/>
                <a:gd name="connsiteX0" fmla="*/ 7289 w 10000"/>
                <a:gd name="connsiteY0" fmla="*/ 0 h 11428"/>
                <a:gd name="connsiteX1" fmla="*/ 7733 w 10000"/>
                <a:gd name="connsiteY1" fmla="*/ 873 h 11428"/>
                <a:gd name="connsiteX2" fmla="*/ 8133 w 10000"/>
                <a:gd name="connsiteY2" fmla="*/ 1984 h 11428"/>
                <a:gd name="connsiteX3" fmla="*/ 8444 w 10000"/>
                <a:gd name="connsiteY3" fmla="*/ 3175 h 11428"/>
                <a:gd name="connsiteX4" fmla="*/ 8756 w 10000"/>
                <a:gd name="connsiteY4" fmla="*/ 4286 h 11428"/>
                <a:gd name="connsiteX5" fmla="*/ 9378 w 10000"/>
                <a:gd name="connsiteY5" fmla="*/ 6825 h 11428"/>
                <a:gd name="connsiteX6" fmla="*/ 10000 w 10000"/>
                <a:gd name="connsiteY6" fmla="*/ 9286 h 11428"/>
                <a:gd name="connsiteX7" fmla="*/ 9956 w 10000"/>
                <a:gd name="connsiteY7" fmla="*/ 9444 h 11428"/>
                <a:gd name="connsiteX8" fmla="*/ 9911 w 10000"/>
                <a:gd name="connsiteY8" fmla="*/ 9603 h 11428"/>
                <a:gd name="connsiteX9" fmla="*/ 9733 w 10000"/>
                <a:gd name="connsiteY9" fmla="*/ 9683 h 11428"/>
                <a:gd name="connsiteX10" fmla="*/ 9600 w 10000"/>
                <a:gd name="connsiteY10" fmla="*/ 9762 h 11428"/>
                <a:gd name="connsiteX11" fmla="*/ 9333 w 10000"/>
                <a:gd name="connsiteY11" fmla="*/ 9841 h 11428"/>
                <a:gd name="connsiteX12" fmla="*/ 9111 w 10000"/>
                <a:gd name="connsiteY12" fmla="*/ 10000 h 11428"/>
                <a:gd name="connsiteX13" fmla="*/ 8489 w 10000"/>
                <a:gd name="connsiteY13" fmla="*/ 9762 h 11428"/>
                <a:gd name="connsiteX14" fmla="*/ 7911 w 10000"/>
                <a:gd name="connsiteY14" fmla="*/ 9444 h 11428"/>
                <a:gd name="connsiteX15" fmla="*/ 7644 w 10000"/>
                <a:gd name="connsiteY15" fmla="*/ 9286 h 11428"/>
                <a:gd name="connsiteX16" fmla="*/ 7333 w 10000"/>
                <a:gd name="connsiteY16" fmla="*/ 9048 h 11428"/>
                <a:gd name="connsiteX17" fmla="*/ 6978 w 10000"/>
                <a:gd name="connsiteY17" fmla="*/ 8968 h 11428"/>
                <a:gd name="connsiteX18" fmla="*/ 6622 w 10000"/>
                <a:gd name="connsiteY18" fmla="*/ 8968 h 11428"/>
                <a:gd name="connsiteX19" fmla="*/ 6489 w 10000"/>
                <a:gd name="connsiteY19" fmla="*/ 8492 h 11428"/>
                <a:gd name="connsiteX20" fmla="*/ 6311 w 10000"/>
                <a:gd name="connsiteY20" fmla="*/ 8016 h 11428"/>
                <a:gd name="connsiteX21" fmla="*/ 6311 w 10000"/>
                <a:gd name="connsiteY21" fmla="*/ 7937 h 11428"/>
                <a:gd name="connsiteX22" fmla="*/ 6311 w 10000"/>
                <a:gd name="connsiteY22" fmla="*/ 7857 h 11428"/>
                <a:gd name="connsiteX23" fmla="*/ 6133 w 10000"/>
                <a:gd name="connsiteY23" fmla="*/ 7778 h 11428"/>
                <a:gd name="connsiteX24" fmla="*/ 6044 w 10000"/>
                <a:gd name="connsiteY24" fmla="*/ 7619 h 11428"/>
                <a:gd name="connsiteX25" fmla="*/ 5956 w 10000"/>
                <a:gd name="connsiteY25" fmla="*/ 7460 h 11428"/>
                <a:gd name="connsiteX26" fmla="*/ 5911 w 10000"/>
                <a:gd name="connsiteY26" fmla="*/ 7302 h 11428"/>
                <a:gd name="connsiteX27" fmla="*/ 5778 w 10000"/>
                <a:gd name="connsiteY27" fmla="*/ 6984 h 11428"/>
                <a:gd name="connsiteX28" fmla="*/ 5733 w 10000"/>
                <a:gd name="connsiteY28" fmla="*/ 6587 h 11428"/>
                <a:gd name="connsiteX29" fmla="*/ 5289 w 10000"/>
                <a:gd name="connsiteY29" fmla="*/ 6587 h 11428"/>
                <a:gd name="connsiteX30" fmla="*/ 4933 w 10000"/>
                <a:gd name="connsiteY30" fmla="*/ 6587 h 11428"/>
                <a:gd name="connsiteX31" fmla="*/ 4533 w 10000"/>
                <a:gd name="connsiteY31" fmla="*/ 6587 h 11428"/>
                <a:gd name="connsiteX32" fmla="*/ 4133 w 10000"/>
                <a:gd name="connsiteY32" fmla="*/ 6587 h 11428"/>
                <a:gd name="connsiteX33" fmla="*/ 4133 w 10000"/>
                <a:gd name="connsiteY33" fmla="*/ 6984 h 11428"/>
                <a:gd name="connsiteX34" fmla="*/ 4133 w 10000"/>
                <a:gd name="connsiteY34" fmla="*/ 7460 h 11428"/>
                <a:gd name="connsiteX35" fmla="*/ 4133 w 10000"/>
                <a:gd name="connsiteY35" fmla="*/ 7778 h 11428"/>
                <a:gd name="connsiteX36" fmla="*/ 4133 w 10000"/>
                <a:gd name="connsiteY36" fmla="*/ 7937 h 11428"/>
                <a:gd name="connsiteX37" fmla="*/ 4089 w 10000"/>
                <a:gd name="connsiteY37" fmla="*/ 8095 h 11428"/>
                <a:gd name="connsiteX38" fmla="*/ 4000 w 10000"/>
                <a:gd name="connsiteY38" fmla="*/ 8175 h 11428"/>
                <a:gd name="connsiteX39" fmla="*/ 3867 w 10000"/>
                <a:gd name="connsiteY39" fmla="*/ 8254 h 11428"/>
                <a:gd name="connsiteX40" fmla="*/ 3822 w 10000"/>
                <a:gd name="connsiteY40" fmla="*/ 8413 h 11428"/>
                <a:gd name="connsiteX41" fmla="*/ 3778 w 10000"/>
                <a:gd name="connsiteY41" fmla="*/ 8492 h 11428"/>
                <a:gd name="connsiteX42" fmla="*/ 3689 w 10000"/>
                <a:gd name="connsiteY42" fmla="*/ 8571 h 11428"/>
                <a:gd name="connsiteX43" fmla="*/ 3556 w 10000"/>
                <a:gd name="connsiteY43" fmla="*/ 8571 h 11428"/>
                <a:gd name="connsiteX44" fmla="*/ 3422 w 10000"/>
                <a:gd name="connsiteY44" fmla="*/ 8571 h 11428"/>
                <a:gd name="connsiteX45" fmla="*/ 3044 w 10000"/>
                <a:gd name="connsiteY45" fmla="*/ 10714 h 11428"/>
                <a:gd name="connsiteX46" fmla="*/ 2222 w 10000"/>
                <a:gd name="connsiteY46" fmla="*/ 8571 h 11428"/>
                <a:gd name="connsiteX47" fmla="*/ 2689 w 10000"/>
                <a:gd name="connsiteY47" fmla="*/ 11428 h 11428"/>
                <a:gd name="connsiteX48" fmla="*/ 2000 w 10000"/>
                <a:gd name="connsiteY48" fmla="*/ 8571 h 11428"/>
                <a:gd name="connsiteX49" fmla="*/ 2022 w 10000"/>
                <a:gd name="connsiteY49" fmla="*/ 9842 h 11428"/>
                <a:gd name="connsiteX50" fmla="*/ 844 w 10000"/>
                <a:gd name="connsiteY50" fmla="*/ 8254 h 11428"/>
                <a:gd name="connsiteX51" fmla="*/ 622 w 10000"/>
                <a:gd name="connsiteY51" fmla="*/ 8175 h 11428"/>
                <a:gd name="connsiteX52" fmla="*/ 400 w 10000"/>
                <a:gd name="connsiteY52" fmla="*/ 8016 h 11428"/>
                <a:gd name="connsiteX53" fmla="*/ 222 w 10000"/>
                <a:gd name="connsiteY53" fmla="*/ 7778 h 11428"/>
                <a:gd name="connsiteX54" fmla="*/ 89 w 10000"/>
                <a:gd name="connsiteY54" fmla="*/ 7381 h 11428"/>
                <a:gd name="connsiteX55" fmla="*/ 89 w 10000"/>
                <a:gd name="connsiteY55" fmla="*/ 6349 h 11428"/>
                <a:gd name="connsiteX56" fmla="*/ 0 w 10000"/>
                <a:gd name="connsiteY56" fmla="*/ 5397 h 11428"/>
                <a:gd name="connsiteX57" fmla="*/ 0 w 10000"/>
                <a:gd name="connsiteY57" fmla="*/ 5000 h 11428"/>
                <a:gd name="connsiteX58" fmla="*/ 89 w 10000"/>
                <a:gd name="connsiteY58" fmla="*/ 4683 h 11428"/>
                <a:gd name="connsiteX59" fmla="*/ 222 w 10000"/>
                <a:gd name="connsiteY59" fmla="*/ 4365 h 11428"/>
                <a:gd name="connsiteX60" fmla="*/ 400 w 10000"/>
                <a:gd name="connsiteY60" fmla="*/ 4127 h 11428"/>
                <a:gd name="connsiteX61" fmla="*/ 711 w 10000"/>
                <a:gd name="connsiteY61" fmla="*/ 4286 h 11428"/>
                <a:gd name="connsiteX62" fmla="*/ 1022 w 10000"/>
                <a:gd name="connsiteY62" fmla="*/ 4365 h 11428"/>
                <a:gd name="connsiteX63" fmla="*/ 1289 w 10000"/>
                <a:gd name="connsiteY63" fmla="*/ 4603 h 11428"/>
                <a:gd name="connsiteX64" fmla="*/ 1644 w 10000"/>
                <a:gd name="connsiteY64" fmla="*/ 4603 h 11428"/>
                <a:gd name="connsiteX65" fmla="*/ 1911 w 10000"/>
                <a:gd name="connsiteY65" fmla="*/ 4206 h 11428"/>
                <a:gd name="connsiteX66" fmla="*/ 2044 w 10000"/>
                <a:gd name="connsiteY66" fmla="*/ 3810 h 11428"/>
                <a:gd name="connsiteX67" fmla="*/ 2133 w 10000"/>
                <a:gd name="connsiteY67" fmla="*/ 3571 h 11428"/>
                <a:gd name="connsiteX68" fmla="*/ 2222 w 10000"/>
                <a:gd name="connsiteY68" fmla="*/ 3413 h 11428"/>
                <a:gd name="connsiteX69" fmla="*/ 2356 w 10000"/>
                <a:gd name="connsiteY69" fmla="*/ 3254 h 11428"/>
                <a:gd name="connsiteX70" fmla="*/ 2533 w 10000"/>
                <a:gd name="connsiteY70" fmla="*/ 3175 h 11428"/>
                <a:gd name="connsiteX71" fmla="*/ 2756 w 10000"/>
                <a:gd name="connsiteY71" fmla="*/ 3254 h 11428"/>
                <a:gd name="connsiteX72" fmla="*/ 2978 w 10000"/>
                <a:gd name="connsiteY72" fmla="*/ 3333 h 11428"/>
                <a:gd name="connsiteX73" fmla="*/ 3200 w 10000"/>
                <a:gd name="connsiteY73" fmla="*/ 3413 h 11428"/>
                <a:gd name="connsiteX74" fmla="*/ 3422 w 10000"/>
                <a:gd name="connsiteY74" fmla="*/ 3413 h 11428"/>
                <a:gd name="connsiteX75" fmla="*/ 3422 w 10000"/>
                <a:gd name="connsiteY75" fmla="*/ 3254 h 11428"/>
                <a:gd name="connsiteX76" fmla="*/ 3422 w 10000"/>
                <a:gd name="connsiteY76" fmla="*/ 3175 h 11428"/>
                <a:gd name="connsiteX77" fmla="*/ 3911 w 10000"/>
                <a:gd name="connsiteY77" fmla="*/ 2778 h 11428"/>
                <a:gd name="connsiteX78" fmla="*/ 4311 w 10000"/>
                <a:gd name="connsiteY78" fmla="*/ 2381 h 11428"/>
                <a:gd name="connsiteX79" fmla="*/ 4533 w 10000"/>
                <a:gd name="connsiteY79" fmla="*/ 2143 h 11428"/>
                <a:gd name="connsiteX80" fmla="*/ 4756 w 10000"/>
                <a:gd name="connsiteY80" fmla="*/ 1984 h 11428"/>
                <a:gd name="connsiteX81" fmla="*/ 4978 w 10000"/>
                <a:gd name="connsiteY81" fmla="*/ 1825 h 11428"/>
                <a:gd name="connsiteX82" fmla="*/ 5244 w 10000"/>
                <a:gd name="connsiteY82" fmla="*/ 1746 h 11428"/>
                <a:gd name="connsiteX83" fmla="*/ 5600 w 10000"/>
                <a:gd name="connsiteY83" fmla="*/ 1667 h 11428"/>
                <a:gd name="connsiteX84" fmla="*/ 5867 w 10000"/>
                <a:gd name="connsiteY84" fmla="*/ 1508 h 11428"/>
                <a:gd name="connsiteX85" fmla="*/ 6089 w 10000"/>
                <a:gd name="connsiteY85" fmla="*/ 1190 h 11428"/>
                <a:gd name="connsiteX86" fmla="*/ 6356 w 10000"/>
                <a:gd name="connsiteY86" fmla="*/ 952 h 11428"/>
                <a:gd name="connsiteX87" fmla="*/ 6578 w 10000"/>
                <a:gd name="connsiteY87" fmla="*/ 635 h 11428"/>
                <a:gd name="connsiteX88" fmla="*/ 6756 w 10000"/>
                <a:gd name="connsiteY88" fmla="*/ 397 h 11428"/>
                <a:gd name="connsiteX89" fmla="*/ 6978 w 10000"/>
                <a:gd name="connsiteY89" fmla="*/ 159 h 11428"/>
                <a:gd name="connsiteX90" fmla="*/ 7289 w 10000"/>
                <a:gd name="connsiteY90" fmla="*/ 0 h 114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</a:cxnLst>
              <a:rect l="l" t="t" r="r" b="b"/>
              <a:pathLst>
                <a:path w="10000" h="11428">
                  <a:moveTo>
                    <a:pt x="7289" y="0"/>
                  </a:moveTo>
                  <a:lnTo>
                    <a:pt x="7733" y="873"/>
                  </a:lnTo>
                  <a:lnTo>
                    <a:pt x="8133" y="1984"/>
                  </a:lnTo>
                  <a:cubicBezTo>
                    <a:pt x="8237" y="2381"/>
                    <a:pt x="8340" y="2778"/>
                    <a:pt x="8444" y="3175"/>
                  </a:cubicBezTo>
                  <a:lnTo>
                    <a:pt x="8756" y="4286"/>
                  </a:lnTo>
                  <a:lnTo>
                    <a:pt x="9378" y="6825"/>
                  </a:lnTo>
                  <a:lnTo>
                    <a:pt x="10000" y="9286"/>
                  </a:lnTo>
                  <a:cubicBezTo>
                    <a:pt x="9985" y="9339"/>
                    <a:pt x="9971" y="9391"/>
                    <a:pt x="9956" y="9444"/>
                  </a:cubicBezTo>
                  <a:lnTo>
                    <a:pt x="9911" y="9603"/>
                  </a:lnTo>
                  <a:lnTo>
                    <a:pt x="9733" y="9683"/>
                  </a:lnTo>
                  <a:lnTo>
                    <a:pt x="9600" y="9762"/>
                  </a:lnTo>
                  <a:lnTo>
                    <a:pt x="9333" y="9841"/>
                  </a:lnTo>
                  <a:lnTo>
                    <a:pt x="9111" y="10000"/>
                  </a:lnTo>
                  <a:lnTo>
                    <a:pt x="8489" y="9762"/>
                  </a:lnTo>
                  <a:lnTo>
                    <a:pt x="7911" y="9444"/>
                  </a:lnTo>
                  <a:lnTo>
                    <a:pt x="7644" y="9286"/>
                  </a:lnTo>
                  <a:lnTo>
                    <a:pt x="7333" y="9048"/>
                  </a:lnTo>
                  <a:lnTo>
                    <a:pt x="6978" y="8968"/>
                  </a:lnTo>
                  <a:lnTo>
                    <a:pt x="6622" y="8968"/>
                  </a:lnTo>
                  <a:cubicBezTo>
                    <a:pt x="6578" y="8809"/>
                    <a:pt x="6533" y="8651"/>
                    <a:pt x="6489" y="8492"/>
                  </a:cubicBezTo>
                  <a:cubicBezTo>
                    <a:pt x="6430" y="8333"/>
                    <a:pt x="6370" y="8175"/>
                    <a:pt x="6311" y="8016"/>
                  </a:cubicBezTo>
                  <a:lnTo>
                    <a:pt x="6311" y="7937"/>
                  </a:lnTo>
                  <a:lnTo>
                    <a:pt x="6311" y="7857"/>
                  </a:lnTo>
                  <a:lnTo>
                    <a:pt x="6133" y="7778"/>
                  </a:lnTo>
                  <a:cubicBezTo>
                    <a:pt x="6103" y="7725"/>
                    <a:pt x="6074" y="7672"/>
                    <a:pt x="6044" y="7619"/>
                  </a:cubicBezTo>
                  <a:cubicBezTo>
                    <a:pt x="6015" y="7566"/>
                    <a:pt x="5985" y="7513"/>
                    <a:pt x="5956" y="7460"/>
                  </a:cubicBezTo>
                  <a:cubicBezTo>
                    <a:pt x="5941" y="7407"/>
                    <a:pt x="5926" y="7355"/>
                    <a:pt x="5911" y="7302"/>
                  </a:cubicBezTo>
                  <a:cubicBezTo>
                    <a:pt x="5867" y="7196"/>
                    <a:pt x="5822" y="7090"/>
                    <a:pt x="5778" y="6984"/>
                  </a:cubicBezTo>
                  <a:cubicBezTo>
                    <a:pt x="5763" y="6852"/>
                    <a:pt x="5748" y="6719"/>
                    <a:pt x="5733" y="6587"/>
                  </a:cubicBezTo>
                  <a:lnTo>
                    <a:pt x="5289" y="6587"/>
                  </a:lnTo>
                  <a:lnTo>
                    <a:pt x="4933" y="6587"/>
                  </a:lnTo>
                  <a:lnTo>
                    <a:pt x="4533" y="6587"/>
                  </a:lnTo>
                  <a:lnTo>
                    <a:pt x="4133" y="6587"/>
                  </a:lnTo>
                  <a:lnTo>
                    <a:pt x="4133" y="6984"/>
                  </a:lnTo>
                  <a:lnTo>
                    <a:pt x="4133" y="7460"/>
                  </a:lnTo>
                  <a:lnTo>
                    <a:pt x="4133" y="7778"/>
                  </a:lnTo>
                  <a:lnTo>
                    <a:pt x="4133" y="7937"/>
                  </a:lnTo>
                  <a:cubicBezTo>
                    <a:pt x="4118" y="7990"/>
                    <a:pt x="4104" y="8042"/>
                    <a:pt x="4089" y="8095"/>
                  </a:cubicBezTo>
                  <a:lnTo>
                    <a:pt x="4000" y="8175"/>
                  </a:lnTo>
                  <a:lnTo>
                    <a:pt x="3867" y="8254"/>
                  </a:lnTo>
                  <a:lnTo>
                    <a:pt x="3822" y="8413"/>
                  </a:lnTo>
                  <a:cubicBezTo>
                    <a:pt x="3807" y="8439"/>
                    <a:pt x="3793" y="8466"/>
                    <a:pt x="3778" y="8492"/>
                  </a:cubicBezTo>
                  <a:cubicBezTo>
                    <a:pt x="3748" y="8518"/>
                    <a:pt x="3719" y="8545"/>
                    <a:pt x="3689" y="8571"/>
                  </a:cubicBezTo>
                  <a:lnTo>
                    <a:pt x="3556" y="8571"/>
                  </a:lnTo>
                  <a:lnTo>
                    <a:pt x="3422" y="8571"/>
                  </a:lnTo>
                  <a:lnTo>
                    <a:pt x="3044" y="10714"/>
                  </a:lnTo>
                  <a:lnTo>
                    <a:pt x="2222" y="8571"/>
                  </a:lnTo>
                  <a:cubicBezTo>
                    <a:pt x="2378" y="9523"/>
                    <a:pt x="2533" y="10476"/>
                    <a:pt x="2689" y="11428"/>
                  </a:cubicBezTo>
                  <a:lnTo>
                    <a:pt x="2000" y="8571"/>
                  </a:lnTo>
                  <a:cubicBezTo>
                    <a:pt x="2007" y="8995"/>
                    <a:pt x="2015" y="9418"/>
                    <a:pt x="2022" y="9842"/>
                  </a:cubicBezTo>
                  <a:lnTo>
                    <a:pt x="844" y="8254"/>
                  </a:lnTo>
                  <a:lnTo>
                    <a:pt x="622" y="8175"/>
                  </a:lnTo>
                  <a:lnTo>
                    <a:pt x="400" y="8016"/>
                  </a:lnTo>
                  <a:lnTo>
                    <a:pt x="222" y="7778"/>
                  </a:lnTo>
                  <a:cubicBezTo>
                    <a:pt x="178" y="7646"/>
                    <a:pt x="133" y="7513"/>
                    <a:pt x="89" y="7381"/>
                  </a:cubicBezTo>
                  <a:lnTo>
                    <a:pt x="89" y="6349"/>
                  </a:lnTo>
                  <a:cubicBezTo>
                    <a:pt x="59" y="6032"/>
                    <a:pt x="30" y="5714"/>
                    <a:pt x="0" y="5397"/>
                  </a:cubicBezTo>
                  <a:lnTo>
                    <a:pt x="0" y="5000"/>
                  </a:lnTo>
                  <a:cubicBezTo>
                    <a:pt x="30" y="4894"/>
                    <a:pt x="59" y="4789"/>
                    <a:pt x="89" y="4683"/>
                  </a:cubicBezTo>
                  <a:cubicBezTo>
                    <a:pt x="133" y="4577"/>
                    <a:pt x="178" y="4471"/>
                    <a:pt x="222" y="4365"/>
                  </a:cubicBezTo>
                  <a:lnTo>
                    <a:pt x="400" y="4127"/>
                  </a:lnTo>
                  <a:lnTo>
                    <a:pt x="711" y="4286"/>
                  </a:lnTo>
                  <a:lnTo>
                    <a:pt x="1022" y="4365"/>
                  </a:lnTo>
                  <a:lnTo>
                    <a:pt x="1289" y="4603"/>
                  </a:lnTo>
                  <a:lnTo>
                    <a:pt x="1644" y="4603"/>
                  </a:lnTo>
                  <a:lnTo>
                    <a:pt x="1911" y="4206"/>
                  </a:lnTo>
                  <a:cubicBezTo>
                    <a:pt x="1955" y="4074"/>
                    <a:pt x="2000" y="3942"/>
                    <a:pt x="2044" y="3810"/>
                  </a:cubicBezTo>
                  <a:cubicBezTo>
                    <a:pt x="2074" y="3730"/>
                    <a:pt x="2103" y="3651"/>
                    <a:pt x="2133" y="3571"/>
                  </a:cubicBezTo>
                  <a:lnTo>
                    <a:pt x="2222" y="3413"/>
                  </a:lnTo>
                  <a:lnTo>
                    <a:pt x="2356" y="3254"/>
                  </a:lnTo>
                  <a:lnTo>
                    <a:pt x="2533" y="3175"/>
                  </a:lnTo>
                  <a:lnTo>
                    <a:pt x="2756" y="3254"/>
                  </a:lnTo>
                  <a:lnTo>
                    <a:pt x="2978" y="3333"/>
                  </a:lnTo>
                  <a:lnTo>
                    <a:pt x="3200" y="3413"/>
                  </a:lnTo>
                  <a:lnTo>
                    <a:pt x="3422" y="3413"/>
                  </a:lnTo>
                  <a:lnTo>
                    <a:pt x="3422" y="3254"/>
                  </a:lnTo>
                  <a:lnTo>
                    <a:pt x="3422" y="3175"/>
                  </a:lnTo>
                  <a:lnTo>
                    <a:pt x="3911" y="2778"/>
                  </a:lnTo>
                  <a:lnTo>
                    <a:pt x="4311" y="2381"/>
                  </a:lnTo>
                  <a:lnTo>
                    <a:pt x="4533" y="2143"/>
                  </a:lnTo>
                  <a:lnTo>
                    <a:pt x="4756" y="1984"/>
                  </a:lnTo>
                  <a:lnTo>
                    <a:pt x="4978" y="1825"/>
                  </a:lnTo>
                  <a:lnTo>
                    <a:pt x="5244" y="1746"/>
                  </a:lnTo>
                  <a:lnTo>
                    <a:pt x="5600" y="1667"/>
                  </a:lnTo>
                  <a:lnTo>
                    <a:pt x="5867" y="1508"/>
                  </a:lnTo>
                  <a:lnTo>
                    <a:pt x="6089" y="1190"/>
                  </a:lnTo>
                  <a:lnTo>
                    <a:pt x="6356" y="952"/>
                  </a:lnTo>
                  <a:lnTo>
                    <a:pt x="6578" y="635"/>
                  </a:lnTo>
                  <a:lnTo>
                    <a:pt x="6756" y="397"/>
                  </a:lnTo>
                  <a:lnTo>
                    <a:pt x="6978" y="159"/>
                  </a:lnTo>
                  <a:lnTo>
                    <a:pt x="7289" y="0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42" name="Rudersdal"/>
            <p:cNvSpPr>
              <a:spLocks/>
            </p:cNvSpPr>
            <p:nvPr/>
          </p:nvSpPr>
          <p:spPr bwMode="auto">
            <a:xfrm>
              <a:off x="3867150" y="4679950"/>
              <a:ext cx="134938" cy="104775"/>
            </a:xfrm>
            <a:custGeom>
              <a:avLst/>
              <a:gdLst>
                <a:gd name="T0" fmla="*/ 125942 w 255"/>
                <a:gd name="T1" fmla="*/ 24871 h 198"/>
                <a:gd name="T2" fmla="*/ 128588 w 255"/>
                <a:gd name="T3" fmla="*/ 31221 h 198"/>
                <a:gd name="T4" fmla="*/ 130705 w 255"/>
                <a:gd name="T5" fmla="*/ 42333 h 198"/>
                <a:gd name="T6" fmla="*/ 131234 w 255"/>
                <a:gd name="T7" fmla="*/ 59796 h 198"/>
                <a:gd name="T8" fmla="*/ 131763 w 255"/>
                <a:gd name="T9" fmla="*/ 71967 h 198"/>
                <a:gd name="T10" fmla="*/ 133350 w 255"/>
                <a:gd name="T11" fmla="*/ 78317 h 198"/>
                <a:gd name="T12" fmla="*/ 125413 w 255"/>
                <a:gd name="T13" fmla="*/ 85725 h 198"/>
                <a:gd name="T14" fmla="*/ 105305 w 255"/>
                <a:gd name="T15" fmla="*/ 92604 h 198"/>
                <a:gd name="T16" fmla="*/ 73554 w 255"/>
                <a:gd name="T17" fmla="*/ 100542 h 198"/>
                <a:gd name="T18" fmla="*/ 54504 w 255"/>
                <a:gd name="T19" fmla="*/ 103188 h 198"/>
                <a:gd name="T20" fmla="*/ 53446 w 255"/>
                <a:gd name="T21" fmla="*/ 101071 h 198"/>
                <a:gd name="T22" fmla="*/ 51329 w 255"/>
                <a:gd name="T23" fmla="*/ 99483 h 198"/>
                <a:gd name="T24" fmla="*/ 48154 w 255"/>
                <a:gd name="T25" fmla="*/ 99483 h 198"/>
                <a:gd name="T26" fmla="*/ 42333 w 255"/>
                <a:gd name="T27" fmla="*/ 102129 h 198"/>
                <a:gd name="T28" fmla="*/ 35454 w 255"/>
                <a:gd name="T29" fmla="*/ 102658 h 198"/>
                <a:gd name="T30" fmla="*/ 28575 w 255"/>
                <a:gd name="T31" fmla="*/ 102129 h 198"/>
                <a:gd name="T32" fmla="*/ 25929 w 255"/>
                <a:gd name="T33" fmla="*/ 100542 h 198"/>
                <a:gd name="T34" fmla="*/ 24871 w 255"/>
                <a:gd name="T35" fmla="*/ 95779 h 198"/>
                <a:gd name="T36" fmla="*/ 24342 w 255"/>
                <a:gd name="T37" fmla="*/ 93133 h 198"/>
                <a:gd name="T38" fmla="*/ 21696 w 255"/>
                <a:gd name="T39" fmla="*/ 92604 h 198"/>
                <a:gd name="T40" fmla="*/ 19579 w 255"/>
                <a:gd name="T41" fmla="*/ 92075 h 198"/>
                <a:gd name="T42" fmla="*/ 18521 w 255"/>
                <a:gd name="T43" fmla="*/ 90488 h 198"/>
                <a:gd name="T44" fmla="*/ 21167 w 255"/>
                <a:gd name="T45" fmla="*/ 88371 h 198"/>
                <a:gd name="T46" fmla="*/ 25400 w 255"/>
                <a:gd name="T47" fmla="*/ 88371 h 198"/>
                <a:gd name="T48" fmla="*/ 26988 w 255"/>
                <a:gd name="T49" fmla="*/ 87842 h 198"/>
                <a:gd name="T50" fmla="*/ 34396 w 255"/>
                <a:gd name="T51" fmla="*/ 85196 h 198"/>
                <a:gd name="T52" fmla="*/ 40746 w 255"/>
                <a:gd name="T53" fmla="*/ 79904 h 198"/>
                <a:gd name="T54" fmla="*/ 38629 w 255"/>
                <a:gd name="T55" fmla="*/ 74613 h 198"/>
                <a:gd name="T56" fmla="*/ 33867 w 255"/>
                <a:gd name="T57" fmla="*/ 74083 h 198"/>
                <a:gd name="T58" fmla="*/ 26458 w 255"/>
                <a:gd name="T59" fmla="*/ 75142 h 198"/>
                <a:gd name="T60" fmla="*/ 19050 w 255"/>
                <a:gd name="T61" fmla="*/ 76200 h 198"/>
                <a:gd name="T62" fmla="*/ 14817 w 255"/>
                <a:gd name="T63" fmla="*/ 72496 h 198"/>
                <a:gd name="T64" fmla="*/ 11113 w 255"/>
                <a:gd name="T65" fmla="*/ 67204 h 198"/>
                <a:gd name="T66" fmla="*/ 6879 w 255"/>
                <a:gd name="T67" fmla="*/ 62971 h 198"/>
                <a:gd name="T68" fmla="*/ 2646 w 255"/>
                <a:gd name="T69" fmla="*/ 59796 h 198"/>
                <a:gd name="T70" fmla="*/ 0 w 255"/>
                <a:gd name="T71" fmla="*/ 54504 h 198"/>
                <a:gd name="T72" fmla="*/ 529 w 255"/>
                <a:gd name="T73" fmla="*/ 49742 h 198"/>
                <a:gd name="T74" fmla="*/ 2646 w 255"/>
                <a:gd name="T75" fmla="*/ 43921 h 198"/>
                <a:gd name="T76" fmla="*/ 6879 w 255"/>
                <a:gd name="T77" fmla="*/ 35983 h 198"/>
                <a:gd name="T78" fmla="*/ 14817 w 255"/>
                <a:gd name="T79" fmla="*/ 27517 h 198"/>
                <a:gd name="T80" fmla="*/ 21167 w 255"/>
                <a:gd name="T81" fmla="*/ 23813 h 198"/>
                <a:gd name="T82" fmla="*/ 26458 w 255"/>
                <a:gd name="T83" fmla="*/ 24342 h 198"/>
                <a:gd name="T84" fmla="*/ 30692 w 255"/>
                <a:gd name="T85" fmla="*/ 25929 h 198"/>
                <a:gd name="T86" fmla="*/ 36513 w 255"/>
                <a:gd name="T87" fmla="*/ 26988 h 198"/>
                <a:gd name="T88" fmla="*/ 40217 w 255"/>
                <a:gd name="T89" fmla="*/ 24342 h 198"/>
                <a:gd name="T90" fmla="*/ 45509 w 255"/>
                <a:gd name="T91" fmla="*/ 22225 h 198"/>
                <a:gd name="T92" fmla="*/ 50800 w 255"/>
                <a:gd name="T93" fmla="*/ 19579 h 198"/>
                <a:gd name="T94" fmla="*/ 53446 w 255"/>
                <a:gd name="T95" fmla="*/ 13229 h 198"/>
                <a:gd name="T96" fmla="*/ 52917 w 255"/>
                <a:gd name="T97" fmla="*/ 8467 h 198"/>
                <a:gd name="T98" fmla="*/ 51859 w 255"/>
                <a:gd name="T99" fmla="*/ 6879 h 198"/>
                <a:gd name="T100" fmla="*/ 51329 w 255"/>
                <a:gd name="T101" fmla="*/ 2646 h 198"/>
                <a:gd name="T102" fmla="*/ 59796 w 255"/>
                <a:gd name="T103" fmla="*/ 0 h 198"/>
                <a:gd name="T104" fmla="*/ 68792 w 255"/>
                <a:gd name="T105" fmla="*/ 1588 h 198"/>
                <a:gd name="T106" fmla="*/ 69850 w 255"/>
                <a:gd name="T107" fmla="*/ 4763 h 198"/>
                <a:gd name="T108" fmla="*/ 71438 w 255"/>
                <a:gd name="T109" fmla="*/ 6879 h 198"/>
                <a:gd name="T110" fmla="*/ 76200 w 255"/>
                <a:gd name="T111" fmla="*/ 11113 h 198"/>
                <a:gd name="T112" fmla="*/ 83079 w 255"/>
                <a:gd name="T113" fmla="*/ 15346 h 198"/>
                <a:gd name="T114" fmla="*/ 91546 w 255"/>
                <a:gd name="T115" fmla="*/ 17992 h 198"/>
                <a:gd name="T116" fmla="*/ 99484 w 255"/>
                <a:gd name="T117" fmla="*/ 20638 h 198"/>
                <a:gd name="T118" fmla="*/ 105834 w 255"/>
                <a:gd name="T119" fmla="*/ 22754 h 198"/>
                <a:gd name="T120" fmla="*/ 113242 w 255"/>
                <a:gd name="T121" fmla="*/ 21696 h 198"/>
                <a:gd name="T122" fmla="*/ 119592 w 255"/>
                <a:gd name="T123" fmla="*/ 20108 h 198"/>
                <a:gd name="T124" fmla="*/ 122767 w 255"/>
                <a:gd name="T125" fmla="*/ 21167 h 19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255" h="198">
                  <a:moveTo>
                    <a:pt x="234" y="43"/>
                  </a:moveTo>
                  <a:lnTo>
                    <a:pt x="238" y="47"/>
                  </a:lnTo>
                  <a:lnTo>
                    <a:pt x="240" y="53"/>
                  </a:lnTo>
                  <a:lnTo>
                    <a:pt x="243" y="59"/>
                  </a:lnTo>
                  <a:lnTo>
                    <a:pt x="245" y="65"/>
                  </a:lnTo>
                  <a:lnTo>
                    <a:pt x="247" y="80"/>
                  </a:lnTo>
                  <a:lnTo>
                    <a:pt x="247" y="96"/>
                  </a:lnTo>
                  <a:lnTo>
                    <a:pt x="248" y="113"/>
                  </a:lnTo>
                  <a:lnTo>
                    <a:pt x="248" y="128"/>
                  </a:lnTo>
                  <a:lnTo>
                    <a:pt x="249" y="136"/>
                  </a:lnTo>
                  <a:lnTo>
                    <a:pt x="251" y="142"/>
                  </a:lnTo>
                  <a:lnTo>
                    <a:pt x="252" y="148"/>
                  </a:lnTo>
                  <a:lnTo>
                    <a:pt x="255" y="155"/>
                  </a:lnTo>
                  <a:lnTo>
                    <a:pt x="237" y="162"/>
                  </a:lnTo>
                  <a:lnTo>
                    <a:pt x="219" y="168"/>
                  </a:lnTo>
                  <a:lnTo>
                    <a:pt x="199" y="175"/>
                  </a:lnTo>
                  <a:lnTo>
                    <a:pt x="179" y="180"/>
                  </a:lnTo>
                  <a:lnTo>
                    <a:pt x="139" y="190"/>
                  </a:lnTo>
                  <a:lnTo>
                    <a:pt x="103" y="198"/>
                  </a:lnTo>
                  <a:lnTo>
                    <a:pt x="103" y="195"/>
                  </a:lnTo>
                  <a:lnTo>
                    <a:pt x="103" y="193"/>
                  </a:lnTo>
                  <a:lnTo>
                    <a:pt x="101" y="191"/>
                  </a:lnTo>
                  <a:lnTo>
                    <a:pt x="100" y="190"/>
                  </a:lnTo>
                  <a:lnTo>
                    <a:pt x="97" y="188"/>
                  </a:lnTo>
                  <a:lnTo>
                    <a:pt x="94" y="187"/>
                  </a:lnTo>
                  <a:lnTo>
                    <a:pt x="91" y="188"/>
                  </a:lnTo>
                  <a:lnTo>
                    <a:pt x="88" y="190"/>
                  </a:lnTo>
                  <a:lnTo>
                    <a:pt x="80" y="193"/>
                  </a:lnTo>
                  <a:lnTo>
                    <a:pt x="74" y="195"/>
                  </a:lnTo>
                  <a:lnTo>
                    <a:pt x="67" y="194"/>
                  </a:lnTo>
                  <a:lnTo>
                    <a:pt x="58" y="194"/>
                  </a:lnTo>
                  <a:lnTo>
                    <a:pt x="54" y="193"/>
                  </a:lnTo>
                  <a:lnTo>
                    <a:pt x="51" y="192"/>
                  </a:lnTo>
                  <a:lnTo>
                    <a:pt x="49" y="190"/>
                  </a:lnTo>
                  <a:lnTo>
                    <a:pt x="47" y="185"/>
                  </a:lnTo>
                  <a:lnTo>
                    <a:pt x="47" y="181"/>
                  </a:lnTo>
                  <a:lnTo>
                    <a:pt x="47" y="177"/>
                  </a:lnTo>
                  <a:lnTo>
                    <a:pt x="46" y="176"/>
                  </a:lnTo>
                  <a:lnTo>
                    <a:pt x="44" y="175"/>
                  </a:lnTo>
                  <a:lnTo>
                    <a:pt x="41" y="175"/>
                  </a:lnTo>
                  <a:lnTo>
                    <a:pt x="39" y="175"/>
                  </a:lnTo>
                  <a:lnTo>
                    <a:pt x="37" y="174"/>
                  </a:lnTo>
                  <a:lnTo>
                    <a:pt x="36" y="173"/>
                  </a:lnTo>
                  <a:lnTo>
                    <a:pt x="35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46" y="167"/>
                  </a:lnTo>
                  <a:lnTo>
                    <a:pt x="48" y="167"/>
                  </a:lnTo>
                  <a:lnTo>
                    <a:pt x="50" y="167"/>
                  </a:lnTo>
                  <a:lnTo>
                    <a:pt x="51" y="166"/>
                  </a:lnTo>
                  <a:lnTo>
                    <a:pt x="52" y="164"/>
                  </a:lnTo>
                  <a:lnTo>
                    <a:pt x="65" y="161"/>
                  </a:lnTo>
                  <a:lnTo>
                    <a:pt x="77" y="157"/>
                  </a:lnTo>
                  <a:lnTo>
                    <a:pt x="77" y="151"/>
                  </a:lnTo>
                  <a:lnTo>
                    <a:pt x="77" y="144"/>
                  </a:lnTo>
                  <a:lnTo>
                    <a:pt x="73" y="141"/>
                  </a:lnTo>
                  <a:lnTo>
                    <a:pt x="69" y="140"/>
                  </a:lnTo>
                  <a:lnTo>
                    <a:pt x="64" y="140"/>
                  </a:lnTo>
                  <a:lnTo>
                    <a:pt x="58" y="140"/>
                  </a:lnTo>
                  <a:lnTo>
                    <a:pt x="50" y="142"/>
                  </a:lnTo>
                  <a:lnTo>
                    <a:pt x="41" y="146"/>
                  </a:lnTo>
                  <a:lnTo>
                    <a:pt x="36" y="144"/>
                  </a:lnTo>
                  <a:lnTo>
                    <a:pt x="32" y="141"/>
                  </a:lnTo>
                  <a:lnTo>
                    <a:pt x="28" y="137"/>
                  </a:lnTo>
                  <a:lnTo>
                    <a:pt x="25" y="133"/>
                  </a:lnTo>
                  <a:lnTo>
                    <a:pt x="21" y="127"/>
                  </a:lnTo>
                  <a:lnTo>
                    <a:pt x="17" y="123"/>
                  </a:lnTo>
                  <a:lnTo>
                    <a:pt x="13" y="119"/>
                  </a:lnTo>
                  <a:lnTo>
                    <a:pt x="9" y="116"/>
                  </a:lnTo>
                  <a:lnTo>
                    <a:pt x="5" y="113"/>
                  </a:lnTo>
                  <a:lnTo>
                    <a:pt x="2" y="107"/>
                  </a:lnTo>
                  <a:lnTo>
                    <a:pt x="0" y="103"/>
                  </a:lnTo>
                  <a:lnTo>
                    <a:pt x="0" y="98"/>
                  </a:lnTo>
                  <a:lnTo>
                    <a:pt x="1" y="94"/>
                  </a:lnTo>
                  <a:lnTo>
                    <a:pt x="2" y="88"/>
                  </a:lnTo>
                  <a:lnTo>
                    <a:pt x="5" y="83"/>
                  </a:lnTo>
                  <a:lnTo>
                    <a:pt x="7" y="79"/>
                  </a:lnTo>
                  <a:lnTo>
                    <a:pt x="13" y="68"/>
                  </a:lnTo>
                  <a:lnTo>
                    <a:pt x="20" y="60"/>
                  </a:lnTo>
                  <a:lnTo>
                    <a:pt x="28" y="52"/>
                  </a:lnTo>
                  <a:lnTo>
                    <a:pt x="34" y="45"/>
                  </a:lnTo>
                  <a:lnTo>
                    <a:pt x="40" y="45"/>
                  </a:lnTo>
                  <a:lnTo>
                    <a:pt x="45" y="45"/>
                  </a:lnTo>
                  <a:lnTo>
                    <a:pt x="50" y="46"/>
                  </a:lnTo>
                  <a:lnTo>
                    <a:pt x="54" y="48"/>
                  </a:lnTo>
                  <a:lnTo>
                    <a:pt x="58" y="49"/>
                  </a:lnTo>
                  <a:lnTo>
                    <a:pt x="64" y="51"/>
                  </a:lnTo>
                  <a:lnTo>
                    <a:pt x="69" y="51"/>
                  </a:lnTo>
                  <a:lnTo>
                    <a:pt x="74" y="51"/>
                  </a:lnTo>
                  <a:lnTo>
                    <a:pt x="76" y="46"/>
                  </a:lnTo>
                  <a:lnTo>
                    <a:pt x="80" y="43"/>
                  </a:lnTo>
                  <a:lnTo>
                    <a:pt x="86" y="42"/>
                  </a:lnTo>
                  <a:lnTo>
                    <a:pt x="92" y="43"/>
                  </a:lnTo>
                  <a:lnTo>
                    <a:pt x="96" y="37"/>
                  </a:lnTo>
                  <a:lnTo>
                    <a:pt x="98" y="32"/>
                  </a:lnTo>
                  <a:lnTo>
                    <a:pt x="101" y="25"/>
                  </a:lnTo>
                  <a:lnTo>
                    <a:pt x="103" y="17"/>
                  </a:lnTo>
                  <a:lnTo>
                    <a:pt x="100" y="16"/>
                  </a:lnTo>
                  <a:lnTo>
                    <a:pt x="99" y="15"/>
                  </a:lnTo>
                  <a:lnTo>
                    <a:pt x="98" y="13"/>
                  </a:lnTo>
                  <a:lnTo>
                    <a:pt x="97" y="10"/>
                  </a:lnTo>
                  <a:lnTo>
                    <a:pt x="97" y="5"/>
                  </a:lnTo>
                  <a:lnTo>
                    <a:pt x="97" y="0"/>
                  </a:lnTo>
                  <a:lnTo>
                    <a:pt x="113" y="0"/>
                  </a:lnTo>
                  <a:lnTo>
                    <a:pt x="128" y="0"/>
                  </a:lnTo>
                  <a:lnTo>
                    <a:pt x="130" y="3"/>
                  </a:lnTo>
                  <a:lnTo>
                    <a:pt x="131" y="8"/>
                  </a:lnTo>
                  <a:lnTo>
                    <a:pt x="132" y="9"/>
                  </a:lnTo>
                  <a:lnTo>
                    <a:pt x="133" y="12"/>
                  </a:lnTo>
                  <a:lnTo>
                    <a:pt x="135" y="13"/>
                  </a:lnTo>
                  <a:lnTo>
                    <a:pt x="138" y="13"/>
                  </a:lnTo>
                  <a:lnTo>
                    <a:pt x="144" y="21"/>
                  </a:lnTo>
                  <a:lnTo>
                    <a:pt x="148" y="31"/>
                  </a:lnTo>
                  <a:lnTo>
                    <a:pt x="157" y="29"/>
                  </a:lnTo>
                  <a:lnTo>
                    <a:pt x="166" y="31"/>
                  </a:lnTo>
                  <a:lnTo>
                    <a:pt x="173" y="34"/>
                  </a:lnTo>
                  <a:lnTo>
                    <a:pt x="180" y="36"/>
                  </a:lnTo>
                  <a:lnTo>
                    <a:pt x="188" y="39"/>
                  </a:lnTo>
                  <a:lnTo>
                    <a:pt x="194" y="41"/>
                  </a:lnTo>
                  <a:lnTo>
                    <a:pt x="200" y="43"/>
                  </a:lnTo>
                  <a:lnTo>
                    <a:pt x="207" y="43"/>
                  </a:lnTo>
                  <a:lnTo>
                    <a:pt x="214" y="41"/>
                  </a:lnTo>
                  <a:lnTo>
                    <a:pt x="223" y="39"/>
                  </a:lnTo>
                  <a:lnTo>
                    <a:pt x="226" y="38"/>
                  </a:lnTo>
                  <a:lnTo>
                    <a:pt x="230" y="39"/>
                  </a:lnTo>
                  <a:lnTo>
                    <a:pt x="232" y="40"/>
                  </a:lnTo>
                  <a:lnTo>
                    <a:pt x="234" y="43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43" name="Rudersdal kant"/>
            <p:cNvSpPr>
              <a:spLocks/>
            </p:cNvSpPr>
            <p:nvPr/>
          </p:nvSpPr>
          <p:spPr bwMode="auto">
            <a:xfrm>
              <a:off x="3867150" y="4679950"/>
              <a:ext cx="134938" cy="104775"/>
            </a:xfrm>
            <a:custGeom>
              <a:avLst/>
              <a:gdLst>
                <a:gd name="T0" fmla="*/ 125942 w 255"/>
                <a:gd name="T1" fmla="*/ 24871 h 198"/>
                <a:gd name="T2" fmla="*/ 128588 w 255"/>
                <a:gd name="T3" fmla="*/ 31221 h 198"/>
                <a:gd name="T4" fmla="*/ 130705 w 255"/>
                <a:gd name="T5" fmla="*/ 42333 h 198"/>
                <a:gd name="T6" fmla="*/ 131234 w 255"/>
                <a:gd name="T7" fmla="*/ 59796 h 198"/>
                <a:gd name="T8" fmla="*/ 131763 w 255"/>
                <a:gd name="T9" fmla="*/ 71967 h 198"/>
                <a:gd name="T10" fmla="*/ 133350 w 255"/>
                <a:gd name="T11" fmla="*/ 78317 h 198"/>
                <a:gd name="T12" fmla="*/ 125413 w 255"/>
                <a:gd name="T13" fmla="*/ 85725 h 198"/>
                <a:gd name="T14" fmla="*/ 105305 w 255"/>
                <a:gd name="T15" fmla="*/ 92604 h 198"/>
                <a:gd name="T16" fmla="*/ 73554 w 255"/>
                <a:gd name="T17" fmla="*/ 100542 h 198"/>
                <a:gd name="T18" fmla="*/ 54504 w 255"/>
                <a:gd name="T19" fmla="*/ 103188 h 198"/>
                <a:gd name="T20" fmla="*/ 53446 w 255"/>
                <a:gd name="T21" fmla="*/ 101071 h 198"/>
                <a:gd name="T22" fmla="*/ 51329 w 255"/>
                <a:gd name="T23" fmla="*/ 99483 h 198"/>
                <a:gd name="T24" fmla="*/ 48154 w 255"/>
                <a:gd name="T25" fmla="*/ 99483 h 198"/>
                <a:gd name="T26" fmla="*/ 42333 w 255"/>
                <a:gd name="T27" fmla="*/ 102129 h 198"/>
                <a:gd name="T28" fmla="*/ 35454 w 255"/>
                <a:gd name="T29" fmla="*/ 102658 h 198"/>
                <a:gd name="T30" fmla="*/ 28575 w 255"/>
                <a:gd name="T31" fmla="*/ 102129 h 198"/>
                <a:gd name="T32" fmla="*/ 25929 w 255"/>
                <a:gd name="T33" fmla="*/ 100542 h 198"/>
                <a:gd name="T34" fmla="*/ 24871 w 255"/>
                <a:gd name="T35" fmla="*/ 95779 h 198"/>
                <a:gd name="T36" fmla="*/ 24342 w 255"/>
                <a:gd name="T37" fmla="*/ 93133 h 198"/>
                <a:gd name="T38" fmla="*/ 21696 w 255"/>
                <a:gd name="T39" fmla="*/ 92604 h 198"/>
                <a:gd name="T40" fmla="*/ 19579 w 255"/>
                <a:gd name="T41" fmla="*/ 92075 h 198"/>
                <a:gd name="T42" fmla="*/ 18521 w 255"/>
                <a:gd name="T43" fmla="*/ 90488 h 198"/>
                <a:gd name="T44" fmla="*/ 21167 w 255"/>
                <a:gd name="T45" fmla="*/ 88371 h 198"/>
                <a:gd name="T46" fmla="*/ 25400 w 255"/>
                <a:gd name="T47" fmla="*/ 88371 h 198"/>
                <a:gd name="T48" fmla="*/ 26988 w 255"/>
                <a:gd name="T49" fmla="*/ 87842 h 198"/>
                <a:gd name="T50" fmla="*/ 34396 w 255"/>
                <a:gd name="T51" fmla="*/ 85196 h 198"/>
                <a:gd name="T52" fmla="*/ 40746 w 255"/>
                <a:gd name="T53" fmla="*/ 79904 h 198"/>
                <a:gd name="T54" fmla="*/ 38629 w 255"/>
                <a:gd name="T55" fmla="*/ 74613 h 198"/>
                <a:gd name="T56" fmla="*/ 33867 w 255"/>
                <a:gd name="T57" fmla="*/ 74083 h 198"/>
                <a:gd name="T58" fmla="*/ 26458 w 255"/>
                <a:gd name="T59" fmla="*/ 75142 h 198"/>
                <a:gd name="T60" fmla="*/ 19050 w 255"/>
                <a:gd name="T61" fmla="*/ 76200 h 198"/>
                <a:gd name="T62" fmla="*/ 14817 w 255"/>
                <a:gd name="T63" fmla="*/ 72496 h 198"/>
                <a:gd name="T64" fmla="*/ 11113 w 255"/>
                <a:gd name="T65" fmla="*/ 67204 h 198"/>
                <a:gd name="T66" fmla="*/ 6879 w 255"/>
                <a:gd name="T67" fmla="*/ 62971 h 198"/>
                <a:gd name="T68" fmla="*/ 2646 w 255"/>
                <a:gd name="T69" fmla="*/ 59796 h 198"/>
                <a:gd name="T70" fmla="*/ 0 w 255"/>
                <a:gd name="T71" fmla="*/ 54504 h 198"/>
                <a:gd name="T72" fmla="*/ 529 w 255"/>
                <a:gd name="T73" fmla="*/ 49742 h 198"/>
                <a:gd name="T74" fmla="*/ 2646 w 255"/>
                <a:gd name="T75" fmla="*/ 43921 h 198"/>
                <a:gd name="T76" fmla="*/ 6879 w 255"/>
                <a:gd name="T77" fmla="*/ 35983 h 198"/>
                <a:gd name="T78" fmla="*/ 14817 w 255"/>
                <a:gd name="T79" fmla="*/ 27517 h 198"/>
                <a:gd name="T80" fmla="*/ 21167 w 255"/>
                <a:gd name="T81" fmla="*/ 23813 h 198"/>
                <a:gd name="T82" fmla="*/ 26458 w 255"/>
                <a:gd name="T83" fmla="*/ 24342 h 198"/>
                <a:gd name="T84" fmla="*/ 30692 w 255"/>
                <a:gd name="T85" fmla="*/ 25929 h 198"/>
                <a:gd name="T86" fmla="*/ 36513 w 255"/>
                <a:gd name="T87" fmla="*/ 26988 h 198"/>
                <a:gd name="T88" fmla="*/ 40217 w 255"/>
                <a:gd name="T89" fmla="*/ 24342 h 198"/>
                <a:gd name="T90" fmla="*/ 45509 w 255"/>
                <a:gd name="T91" fmla="*/ 22225 h 198"/>
                <a:gd name="T92" fmla="*/ 50800 w 255"/>
                <a:gd name="T93" fmla="*/ 19579 h 198"/>
                <a:gd name="T94" fmla="*/ 53446 w 255"/>
                <a:gd name="T95" fmla="*/ 13229 h 198"/>
                <a:gd name="T96" fmla="*/ 52917 w 255"/>
                <a:gd name="T97" fmla="*/ 8467 h 198"/>
                <a:gd name="T98" fmla="*/ 51859 w 255"/>
                <a:gd name="T99" fmla="*/ 6879 h 198"/>
                <a:gd name="T100" fmla="*/ 51329 w 255"/>
                <a:gd name="T101" fmla="*/ 2646 h 198"/>
                <a:gd name="T102" fmla="*/ 59796 w 255"/>
                <a:gd name="T103" fmla="*/ 0 h 198"/>
                <a:gd name="T104" fmla="*/ 68792 w 255"/>
                <a:gd name="T105" fmla="*/ 1588 h 198"/>
                <a:gd name="T106" fmla="*/ 69850 w 255"/>
                <a:gd name="T107" fmla="*/ 4763 h 198"/>
                <a:gd name="T108" fmla="*/ 71438 w 255"/>
                <a:gd name="T109" fmla="*/ 6879 h 198"/>
                <a:gd name="T110" fmla="*/ 76200 w 255"/>
                <a:gd name="T111" fmla="*/ 11113 h 198"/>
                <a:gd name="T112" fmla="*/ 83079 w 255"/>
                <a:gd name="T113" fmla="*/ 15346 h 198"/>
                <a:gd name="T114" fmla="*/ 91546 w 255"/>
                <a:gd name="T115" fmla="*/ 17992 h 198"/>
                <a:gd name="T116" fmla="*/ 99484 w 255"/>
                <a:gd name="T117" fmla="*/ 20638 h 198"/>
                <a:gd name="T118" fmla="*/ 105834 w 255"/>
                <a:gd name="T119" fmla="*/ 22754 h 198"/>
                <a:gd name="T120" fmla="*/ 113242 w 255"/>
                <a:gd name="T121" fmla="*/ 21696 h 198"/>
                <a:gd name="T122" fmla="*/ 119592 w 255"/>
                <a:gd name="T123" fmla="*/ 20108 h 198"/>
                <a:gd name="T124" fmla="*/ 122767 w 255"/>
                <a:gd name="T125" fmla="*/ 21167 h 19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255" h="198">
                  <a:moveTo>
                    <a:pt x="234" y="43"/>
                  </a:moveTo>
                  <a:lnTo>
                    <a:pt x="238" y="47"/>
                  </a:lnTo>
                  <a:lnTo>
                    <a:pt x="240" y="53"/>
                  </a:lnTo>
                  <a:lnTo>
                    <a:pt x="243" y="59"/>
                  </a:lnTo>
                  <a:lnTo>
                    <a:pt x="245" y="65"/>
                  </a:lnTo>
                  <a:lnTo>
                    <a:pt x="247" y="80"/>
                  </a:lnTo>
                  <a:lnTo>
                    <a:pt x="247" y="96"/>
                  </a:lnTo>
                  <a:lnTo>
                    <a:pt x="248" y="113"/>
                  </a:lnTo>
                  <a:lnTo>
                    <a:pt x="248" y="128"/>
                  </a:lnTo>
                  <a:lnTo>
                    <a:pt x="249" y="136"/>
                  </a:lnTo>
                  <a:lnTo>
                    <a:pt x="251" y="142"/>
                  </a:lnTo>
                  <a:lnTo>
                    <a:pt x="252" y="148"/>
                  </a:lnTo>
                  <a:lnTo>
                    <a:pt x="255" y="155"/>
                  </a:lnTo>
                  <a:lnTo>
                    <a:pt x="237" y="162"/>
                  </a:lnTo>
                  <a:lnTo>
                    <a:pt x="219" y="168"/>
                  </a:lnTo>
                  <a:lnTo>
                    <a:pt x="199" y="175"/>
                  </a:lnTo>
                  <a:lnTo>
                    <a:pt x="179" y="180"/>
                  </a:lnTo>
                  <a:lnTo>
                    <a:pt x="139" y="190"/>
                  </a:lnTo>
                  <a:lnTo>
                    <a:pt x="103" y="198"/>
                  </a:lnTo>
                  <a:lnTo>
                    <a:pt x="103" y="195"/>
                  </a:lnTo>
                  <a:lnTo>
                    <a:pt x="103" y="193"/>
                  </a:lnTo>
                  <a:lnTo>
                    <a:pt x="101" y="191"/>
                  </a:lnTo>
                  <a:lnTo>
                    <a:pt x="100" y="190"/>
                  </a:lnTo>
                  <a:lnTo>
                    <a:pt x="97" y="188"/>
                  </a:lnTo>
                  <a:lnTo>
                    <a:pt x="94" y="187"/>
                  </a:lnTo>
                  <a:lnTo>
                    <a:pt x="91" y="188"/>
                  </a:lnTo>
                  <a:lnTo>
                    <a:pt x="88" y="190"/>
                  </a:lnTo>
                  <a:lnTo>
                    <a:pt x="80" y="193"/>
                  </a:lnTo>
                  <a:lnTo>
                    <a:pt x="74" y="195"/>
                  </a:lnTo>
                  <a:lnTo>
                    <a:pt x="67" y="194"/>
                  </a:lnTo>
                  <a:lnTo>
                    <a:pt x="58" y="194"/>
                  </a:lnTo>
                  <a:lnTo>
                    <a:pt x="54" y="193"/>
                  </a:lnTo>
                  <a:lnTo>
                    <a:pt x="51" y="192"/>
                  </a:lnTo>
                  <a:lnTo>
                    <a:pt x="49" y="190"/>
                  </a:lnTo>
                  <a:lnTo>
                    <a:pt x="47" y="185"/>
                  </a:lnTo>
                  <a:lnTo>
                    <a:pt x="47" y="181"/>
                  </a:lnTo>
                  <a:lnTo>
                    <a:pt x="47" y="177"/>
                  </a:lnTo>
                  <a:lnTo>
                    <a:pt x="46" y="176"/>
                  </a:lnTo>
                  <a:lnTo>
                    <a:pt x="44" y="175"/>
                  </a:lnTo>
                  <a:lnTo>
                    <a:pt x="41" y="175"/>
                  </a:lnTo>
                  <a:lnTo>
                    <a:pt x="39" y="175"/>
                  </a:lnTo>
                  <a:lnTo>
                    <a:pt x="37" y="174"/>
                  </a:lnTo>
                  <a:lnTo>
                    <a:pt x="36" y="173"/>
                  </a:lnTo>
                  <a:lnTo>
                    <a:pt x="35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46" y="167"/>
                  </a:lnTo>
                  <a:lnTo>
                    <a:pt x="48" y="167"/>
                  </a:lnTo>
                  <a:lnTo>
                    <a:pt x="50" y="167"/>
                  </a:lnTo>
                  <a:lnTo>
                    <a:pt x="51" y="166"/>
                  </a:lnTo>
                  <a:lnTo>
                    <a:pt x="52" y="164"/>
                  </a:lnTo>
                  <a:lnTo>
                    <a:pt x="65" y="161"/>
                  </a:lnTo>
                  <a:lnTo>
                    <a:pt x="77" y="157"/>
                  </a:lnTo>
                  <a:lnTo>
                    <a:pt x="77" y="151"/>
                  </a:lnTo>
                  <a:lnTo>
                    <a:pt x="77" y="144"/>
                  </a:lnTo>
                  <a:lnTo>
                    <a:pt x="73" y="141"/>
                  </a:lnTo>
                  <a:lnTo>
                    <a:pt x="69" y="140"/>
                  </a:lnTo>
                  <a:lnTo>
                    <a:pt x="64" y="140"/>
                  </a:lnTo>
                  <a:lnTo>
                    <a:pt x="58" y="140"/>
                  </a:lnTo>
                  <a:lnTo>
                    <a:pt x="50" y="142"/>
                  </a:lnTo>
                  <a:lnTo>
                    <a:pt x="41" y="146"/>
                  </a:lnTo>
                  <a:lnTo>
                    <a:pt x="36" y="144"/>
                  </a:lnTo>
                  <a:lnTo>
                    <a:pt x="32" y="141"/>
                  </a:lnTo>
                  <a:lnTo>
                    <a:pt x="28" y="137"/>
                  </a:lnTo>
                  <a:lnTo>
                    <a:pt x="25" y="133"/>
                  </a:lnTo>
                  <a:lnTo>
                    <a:pt x="21" y="127"/>
                  </a:lnTo>
                  <a:lnTo>
                    <a:pt x="17" y="123"/>
                  </a:lnTo>
                  <a:lnTo>
                    <a:pt x="13" y="119"/>
                  </a:lnTo>
                  <a:lnTo>
                    <a:pt x="9" y="116"/>
                  </a:lnTo>
                  <a:lnTo>
                    <a:pt x="5" y="113"/>
                  </a:lnTo>
                  <a:lnTo>
                    <a:pt x="2" y="107"/>
                  </a:lnTo>
                  <a:lnTo>
                    <a:pt x="0" y="103"/>
                  </a:lnTo>
                  <a:lnTo>
                    <a:pt x="0" y="98"/>
                  </a:lnTo>
                  <a:lnTo>
                    <a:pt x="1" y="94"/>
                  </a:lnTo>
                  <a:lnTo>
                    <a:pt x="2" y="88"/>
                  </a:lnTo>
                  <a:lnTo>
                    <a:pt x="5" y="83"/>
                  </a:lnTo>
                  <a:lnTo>
                    <a:pt x="7" y="79"/>
                  </a:lnTo>
                  <a:lnTo>
                    <a:pt x="13" y="68"/>
                  </a:lnTo>
                  <a:lnTo>
                    <a:pt x="20" y="60"/>
                  </a:lnTo>
                  <a:lnTo>
                    <a:pt x="28" y="52"/>
                  </a:lnTo>
                  <a:lnTo>
                    <a:pt x="34" y="45"/>
                  </a:lnTo>
                  <a:lnTo>
                    <a:pt x="40" y="45"/>
                  </a:lnTo>
                  <a:lnTo>
                    <a:pt x="45" y="45"/>
                  </a:lnTo>
                  <a:lnTo>
                    <a:pt x="50" y="46"/>
                  </a:lnTo>
                  <a:lnTo>
                    <a:pt x="54" y="48"/>
                  </a:lnTo>
                  <a:lnTo>
                    <a:pt x="58" y="49"/>
                  </a:lnTo>
                  <a:lnTo>
                    <a:pt x="64" y="51"/>
                  </a:lnTo>
                  <a:lnTo>
                    <a:pt x="69" y="51"/>
                  </a:lnTo>
                  <a:lnTo>
                    <a:pt x="74" y="51"/>
                  </a:lnTo>
                  <a:lnTo>
                    <a:pt x="76" y="46"/>
                  </a:lnTo>
                  <a:lnTo>
                    <a:pt x="80" y="43"/>
                  </a:lnTo>
                  <a:lnTo>
                    <a:pt x="86" y="42"/>
                  </a:lnTo>
                  <a:lnTo>
                    <a:pt x="92" y="43"/>
                  </a:lnTo>
                  <a:lnTo>
                    <a:pt x="96" y="37"/>
                  </a:lnTo>
                  <a:lnTo>
                    <a:pt x="98" y="32"/>
                  </a:lnTo>
                  <a:lnTo>
                    <a:pt x="101" y="25"/>
                  </a:lnTo>
                  <a:lnTo>
                    <a:pt x="103" y="17"/>
                  </a:lnTo>
                  <a:lnTo>
                    <a:pt x="100" y="16"/>
                  </a:lnTo>
                  <a:lnTo>
                    <a:pt x="99" y="15"/>
                  </a:lnTo>
                  <a:lnTo>
                    <a:pt x="98" y="13"/>
                  </a:lnTo>
                  <a:lnTo>
                    <a:pt x="97" y="10"/>
                  </a:lnTo>
                  <a:lnTo>
                    <a:pt x="97" y="5"/>
                  </a:lnTo>
                  <a:lnTo>
                    <a:pt x="97" y="0"/>
                  </a:lnTo>
                  <a:lnTo>
                    <a:pt x="113" y="0"/>
                  </a:lnTo>
                  <a:lnTo>
                    <a:pt x="128" y="0"/>
                  </a:lnTo>
                  <a:lnTo>
                    <a:pt x="130" y="3"/>
                  </a:lnTo>
                  <a:lnTo>
                    <a:pt x="131" y="8"/>
                  </a:lnTo>
                  <a:lnTo>
                    <a:pt x="132" y="9"/>
                  </a:lnTo>
                  <a:lnTo>
                    <a:pt x="133" y="12"/>
                  </a:lnTo>
                  <a:lnTo>
                    <a:pt x="135" y="13"/>
                  </a:lnTo>
                  <a:lnTo>
                    <a:pt x="138" y="13"/>
                  </a:lnTo>
                  <a:lnTo>
                    <a:pt x="144" y="21"/>
                  </a:lnTo>
                  <a:lnTo>
                    <a:pt x="148" y="31"/>
                  </a:lnTo>
                  <a:lnTo>
                    <a:pt x="157" y="29"/>
                  </a:lnTo>
                  <a:lnTo>
                    <a:pt x="166" y="31"/>
                  </a:lnTo>
                  <a:lnTo>
                    <a:pt x="173" y="34"/>
                  </a:lnTo>
                  <a:lnTo>
                    <a:pt x="180" y="36"/>
                  </a:lnTo>
                  <a:lnTo>
                    <a:pt x="188" y="39"/>
                  </a:lnTo>
                  <a:lnTo>
                    <a:pt x="194" y="41"/>
                  </a:lnTo>
                  <a:lnTo>
                    <a:pt x="200" y="43"/>
                  </a:lnTo>
                  <a:lnTo>
                    <a:pt x="207" y="43"/>
                  </a:lnTo>
                  <a:lnTo>
                    <a:pt x="214" y="41"/>
                  </a:lnTo>
                  <a:lnTo>
                    <a:pt x="223" y="39"/>
                  </a:lnTo>
                  <a:lnTo>
                    <a:pt x="226" y="38"/>
                  </a:lnTo>
                  <a:lnTo>
                    <a:pt x="230" y="39"/>
                  </a:lnTo>
                  <a:lnTo>
                    <a:pt x="232" y="40"/>
                  </a:lnTo>
                  <a:lnTo>
                    <a:pt x="234" y="43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44" name="Fredrikssund"/>
            <p:cNvSpPr>
              <a:spLocks/>
            </p:cNvSpPr>
            <p:nvPr/>
          </p:nvSpPr>
          <p:spPr bwMode="auto">
            <a:xfrm>
              <a:off x="3595688" y="4668838"/>
              <a:ext cx="133350" cy="155575"/>
            </a:xfrm>
            <a:custGeom>
              <a:avLst/>
              <a:gdLst>
                <a:gd name="T0" fmla="*/ 20720 w 251"/>
                <a:gd name="T1" fmla="*/ 110221 h 295"/>
                <a:gd name="T2" fmla="*/ 24439 w 251"/>
                <a:gd name="T3" fmla="*/ 117604 h 295"/>
                <a:gd name="T4" fmla="*/ 27095 w 251"/>
                <a:gd name="T5" fmla="*/ 126042 h 295"/>
                <a:gd name="T6" fmla="*/ 24439 w 251"/>
                <a:gd name="T7" fmla="*/ 135535 h 295"/>
                <a:gd name="T8" fmla="*/ 28158 w 251"/>
                <a:gd name="T9" fmla="*/ 142918 h 295"/>
                <a:gd name="T10" fmla="*/ 44627 w 251"/>
                <a:gd name="T11" fmla="*/ 150829 h 295"/>
                <a:gd name="T12" fmla="*/ 62159 w 251"/>
                <a:gd name="T13" fmla="*/ 138699 h 295"/>
                <a:gd name="T14" fmla="*/ 66941 w 251"/>
                <a:gd name="T15" fmla="*/ 119186 h 295"/>
                <a:gd name="T16" fmla="*/ 67472 w 251"/>
                <a:gd name="T17" fmla="*/ 105475 h 295"/>
                <a:gd name="T18" fmla="*/ 62159 w 251"/>
                <a:gd name="T19" fmla="*/ 92290 h 295"/>
                <a:gd name="T20" fmla="*/ 71191 w 251"/>
                <a:gd name="T21" fmla="*/ 91763 h 295"/>
                <a:gd name="T22" fmla="*/ 86598 w 251"/>
                <a:gd name="T23" fmla="*/ 89126 h 295"/>
                <a:gd name="T24" fmla="*/ 100942 w 251"/>
                <a:gd name="T25" fmla="*/ 88071 h 295"/>
                <a:gd name="T26" fmla="*/ 117943 w 251"/>
                <a:gd name="T27" fmla="*/ 90708 h 295"/>
                <a:gd name="T28" fmla="*/ 122725 w 251"/>
                <a:gd name="T29" fmla="*/ 87017 h 295"/>
                <a:gd name="T30" fmla="*/ 124318 w 251"/>
                <a:gd name="T31" fmla="*/ 83325 h 295"/>
                <a:gd name="T32" fmla="*/ 125381 w 251"/>
                <a:gd name="T33" fmla="*/ 80161 h 295"/>
                <a:gd name="T34" fmla="*/ 129100 w 251"/>
                <a:gd name="T35" fmla="*/ 76469 h 295"/>
                <a:gd name="T36" fmla="*/ 133350 w 251"/>
                <a:gd name="T37" fmla="*/ 71195 h 295"/>
                <a:gd name="T38" fmla="*/ 128569 w 251"/>
                <a:gd name="T39" fmla="*/ 67504 h 295"/>
                <a:gd name="T40" fmla="*/ 125381 w 251"/>
                <a:gd name="T41" fmla="*/ 56429 h 295"/>
                <a:gd name="T42" fmla="*/ 122725 w 251"/>
                <a:gd name="T43" fmla="*/ 45354 h 295"/>
                <a:gd name="T44" fmla="*/ 119006 w 251"/>
                <a:gd name="T45" fmla="*/ 41662 h 295"/>
                <a:gd name="T46" fmla="*/ 119006 w 251"/>
                <a:gd name="T47" fmla="*/ 33752 h 295"/>
                <a:gd name="T48" fmla="*/ 113693 w 251"/>
                <a:gd name="T49" fmla="*/ 25841 h 295"/>
                <a:gd name="T50" fmla="*/ 95629 w 251"/>
                <a:gd name="T51" fmla="*/ 20040 h 295"/>
                <a:gd name="T52" fmla="*/ 81816 w 251"/>
                <a:gd name="T53" fmla="*/ 25841 h 295"/>
                <a:gd name="T54" fmla="*/ 66941 w 251"/>
                <a:gd name="T55" fmla="*/ 30588 h 295"/>
                <a:gd name="T56" fmla="*/ 56846 w 251"/>
                <a:gd name="T57" fmla="*/ 28478 h 295"/>
                <a:gd name="T58" fmla="*/ 50471 w 251"/>
                <a:gd name="T59" fmla="*/ 20040 h 295"/>
                <a:gd name="T60" fmla="*/ 39846 w 251"/>
                <a:gd name="T61" fmla="*/ 5274 h 295"/>
                <a:gd name="T62" fmla="*/ 32939 w 251"/>
                <a:gd name="T63" fmla="*/ 1055 h 295"/>
                <a:gd name="T64" fmla="*/ 26564 w 251"/>
                <a:gd name="T65" fmla="*/ 1055 h 295"/>
                <a:gd name="T66" fmla="*/ 24439 w 251"/>
                <a:gd name="T67" fmla="*/ 4746 h 295"/>
                <a:gd name="T68" fmla="*/ 24439 w 251"/>
                <a:gd name="T69" fmla="*/ 11075 h 295"/>
                <a:gd name="T70" fmla="*/ 19657 w 251"/>
                <a:gd name="T71" fmla="*/ 15821 h 295"/>
                <a:gd name="T72" fmla="*/ 18595 w 251"/>
                <a:gd name="T73" fmla="*/ 20040 h 295"/>
                <a:gd name="T74" fmla="*/ 16470 w 251"/>
                <a:gd name="T75" fmla="*/ 32170 h 295"/>
                <a:gd name="T76" fmla="*/ 12219 w 251"/>
                <a:gd name="T77" fmla="*/ 46936 h 295"/>
                <a:gd name="T78" fmla="*/ 0 w 251"/>
                <a:gd name="T79" fmla="*/ 47464 h 295"/>
                <a:gd name="T80" fmla="*/ 0 w 251"/>
                <a:gd name="T81" fmla="*/ 64339 h 295"/>
                <a:gd name="T82" fmla="*/ 4781 w 251"/>
                <a:gd name="T83" fmla="*/ 73305 h 295"/>
                <a:gd name="T84" fmla="*/ 5313 w 251"/>
                <a:gd name="T85" fmla="*/ 80688 h 295"/>
                <a:gd name="T86" fmla="*/ 10094 w 251"/>
                <a:gd name="T87" fmla="*/ 81743 h 295"/>
                <a:gd name="T88" fmla="*/ 9032 w 251"/>
                <a:gd name="T89" fmla="*/ 85962 h 295"/>
                <a:gd name="T90" fmla="*/ 12219 w 251"/>
                <a:gd name="T91" fmla="*/ 88071 h 295"/>
                <a:gd name="T92" fmla="*/ 13282 w 251"/>
                <a:gd name="T93" fmla="*/ 89653 h 295"/>
                <a:gd name="T94" fmla="*/ 15938 w 251"/>
                <a:gd name="T95" fmla="*/ 89126 h 295"/>
                <a:gd name="T96" fmla="*/ 18063 w 251"/>
                <a:gd name="T97" fmla="*/ 91236 h 295"/>
                <a:gd name="T98" fmla="*/ 18595 w 251"/>
                <a:gd name="T99" fmla="*/ 96509 h 295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</a:gdLst>
              <a:ahLst/>
              <a:cxnLst>
                <a:cxn ang="T100">
                  <a:pos x="T0" y="T1"/>
                </a:cxn>
                <a:cxn ang="T101">
                  <a:pos x="T2" y="T3"/>
                </a:cxn>
                <a:cxn ang="T102">
                  <a:pos x="T4" y="T5"/>
                </a:cxn>
                <a:cxn ang="T103">
                  <a:pos x="T6" y="T7"/>
                </a:cxn>
                <a:cxn ang="T104">
                  <a:pos x="T8" y="T9"/>
                </a:cxn>
                <a:cxn ang="T105">
                  <a:pos x="T10" y="T11"/>
                </a:cxn>
                <a:cxn ang="T106">
                  <a:pos x="T12" y="T13"/>
                </a:cxn>
                <a:cxn ang="T107">
                  <a:pos x="T14" y="T15"/>
                </a:cxn>
                <a:cxn ang="T108">
                  <a:pos x="T16" y="T17"/>
                </a:cxn>
                <a:cxn ang="T109">
                  <a:pos x="T18" y="T19"/>
                </a:cxn>
                <a:cxn ang="T110">
                  <a:pos x="T20" y="T21"/>
                </a:cxn>
                <a:cxn ang="T111">
                  <a:pos x="T22" y="T23"/>
                </a:cxn>
                <a:cxn ang="T112">
                  <a:pos x="T24" y="T25"/>
                </a:cxn>
                <a:cxn ang="T113">
                  <a:pos x="T26" y="T27"/>
                </a:cxn>
                <a:cxn ang="T114">
                  <a:pos x="T28" y="T29"/>
                </a:cxn>
                <a:cxn ang="T115">
                  <a:pos x="T30" y="T31"/>
                </a:cxn>
                <a:cxn ang="T116">
                  <a:pos x="T32" y="T33"/>
                </a:cxn>
                <a:cxn ang="T117">
                  <a:pos x="T34" y="T35"/>
                </a:cxn>
                <a:cxn ang="T118">
                  <a:pos x="T36" y="T37"/>
                </a:cxn>
                <a:cxn ang="T119">
                  <a:pos x="T38" y="T39"/>
                </a:cxn>
                <a:cxn ang="T120">
                  <a:pos x="T40" y="T41"/>
                </a:cxn>
                <a:cxn ang="T121">
                  <a:pos x="T42" y="T43"/>
                </a:cxn>
                <a:cxn ang="T122">
                  <a:pos x="T44" y="T45"/>
                </a:cxn>
                <a:cxn ang="T123">
                  <a:pos x="T46" y="T47"/>
                </a:cxn>
                <a:cxn ang="T124">
                  <a:pos x="T48" y="T49"/>
                </a:cxn>
                <a:cxn ang="T125">
                  <a:pos x="T50" y="T51"/>
                </a:cxn>
                <a:cxn ang="T126">
                  <a:pos x="T52" y="T53"/>
                </a:cxn>
                <a:cxn ang="T127">
                  <a:pos x="T54" y="T55"/>
                </a:cxn>
                <a:cxn ang="T128">
                  <a:pos x="T56" y="T57"/>
                </a:cxn>
                <a:cxn ang="T129">
                  <a:pos x="T58" y="T59"/>
                </a:cxn>
                <a:cxn ang="T130">
                  <a:pos x="T60" y="T61"/>
                </a:cxn>
                <a:cxn ang="T131">
                  <a:pos x="T62" y="T63"/>
                </a:cxn>
                <a:cxn ang="T132">
                  <a:pos x="T64" y="T65"/>
                </a:cxn>
                <a:cxn ang="T133">
                  <a:pos x="T66" y="T67"/>
                </a:cxn>
                <a:cxn ang="T134">
                  <a:pos x="T68" y="T69"/>
                </a:cxn>
                <a:cxn ang="T135">
                  <a:pos x="T70" y="T71"/>
                </a:cxn>
                <a:cxn ang="T136">
                  <a:pos x="T72" y="T73"/>
                </a:cxn>
                <a:cxn ang="T137">
                  <a:pos x="T74" y="T75"/>
                </a:cxn>
                <a:cxn ang="T138">
                  <a:pos x="T76" y="T77"/>
                </a:cxn>
                <a:cxn ang="T139">
                  <a:pos x="T78" y="T79"/>
                </a:cxn>
                <a:cxn ang="T140">
                  <a:pos x="T80" y="T81"/>
                </a:cxn>
                <a:cxn ang="T141">
                  <a:pos x="T82" y="T83"/>
                </a:cxn>
                <a:cxn ang="T142">
                  <a:pos x="T84" y="T85"/>
                </a:cxn>
                <a:cxn ang="T143">
                  <a:pos x="T86" y="T87"/>
                </a:cxn>
                <a:cxn ang="T144">
                  <a:pos x="T88" y="T89"/>
                </a:cxn>
                <a:cxn ang="T145">
                  <a:pos x="T90" y="T91"/>
                </a:cxn>
                <a:cxn ang="T146">
                  <a:pos x="T92" y="T93"/>
                </a:cxn>
                <a:cxn ang="T147">
                  <a:pos x="T94" y="T95"/>
                </a:cxn>
                <a:cxn ang="T148">
                  <a:pos x="T96" y="T97"/>
                </a:cxn>
                <a:cxn ang="T149">
                  <a:pos x="T98" y="T99"/>
                </a:cxn>
              </a:cxnLst>
              <a:rect l="0" t="0" r="r" b="b"/>
              <a:pathLst>
                <a:path w="251" h="295">
                  <a:moveTo>
                    <a:pt x="35" y="198"/>
                  </a:moveTo>
                  <a:lnTo>
                    <a:pt x="36" y="204"/>
                  </a:lnTo>
                  <a:lnTo>
                    <a:pt x="39" y="209"/>
                  </a:lnTo>
                  <a:lnTo>
                    <a:pt x="41" y="215"/>
                  </a:lnTo>
                  <a:lnTo>
                    <a:pt x="43" y="219"/>
                  </a:lnTo>
                  <a:lnTo>
                    <a:pt x="46" y="223"/>
                  </a:lnTo>
                  <a:lnTo>
                    <a:pt x="48" y="228"/>
                  </a:lnTo>
                  <a:lnTo>
                    <a:pt x="50" y="233"/>
                  </a:lnTo>
                  <a:lnTo>
                    <a:pt x="51" y="239"/>
                  </a:lnTo>
                  <a:lnTo>
                    <a:pt x="48" y="245"/>
                  </a:lnTo>
                  <a:lnTo>
                    <a:pt x="46" y="252"/>
                  </a:lnTo>
                  <a:lnTo>
                    <a:pt x="46" y="257"/>
                  </a:lnTo>
                  <a:lnTo>
                    <a:pt x="47" y="262"/>
                  </a:lnTo>
                  <a:lnTo>
                    <a:pt x="50" y="266"/>
                  </a:lnTo>
                  <a:lnTo>
                    <a:pt x="53" y="271"/>
                  </a:lnTo>
                  <a:lnTo>
                    <a:pt x="56" y="274"/>
                  </a:lnTo>
                  <a:lnTo>
                    <a:pt x="62" y="277"/>
                  </a:lnTo>
                  <a:lnTo>
                    <a:pt x="84" y="286"/>
                  </a:lnTo>
                  <a:lnTo>
                    <a:pt x="104" y="295"/>
                  </a:lnTo>
                  <a:lnTo>
                    <a:pt x="111" y="278"/>
                  </a:lnTo>
                  <a:lnTo>
                    <a:pt x="117" y="263"/>
                  </a:lnTo>
                  <a:lnTo>
                    <a:pt x="122" y="249"/>
                  </a:lnTo>
                  <a:lnTo>
                    <a:pt x="125" y="237"/>
                  </a:lnTo>
                  <a:lnTo>
                    <a:pt x="126" y="226"/>
                  </a:lnTo>
                  <a:lnTo>
                    <a:pt x="127" y="216"/>
                  </a:lnTo>
                  <a:lnTo>
                    <a:pt x="127" y="207"/>
                  </a:lnTo>
                  <a:lnTo>
                    <a:pt x="127" y="200"/>
                  </a:lnTo>
                  <a:lnTo>
                    <a:pt x="124" y="187"/>
                  </a:lnTo>
                  <a:lnTo>
                    <a:pt x="121" y="179"/>
                  </a:lnTo>
                  <a:lnTo>
                    <a:pt x="117" y="175"/>
                  </a:lnTo>
                  <a:lnTo>
                    <a:pt x="116" y="173"/>
                  </a:lnTo>
                  <a:lnTo>
                    <a:pt x="126" y="174"/>
                  </a:lnTo>
                  <a:lnTo>
                    <a:pt x="134" y="174"/>
                  </a:lnTo>
                  <a:lnTo>
                    <a:pt x="144" y="173"/>
                  </a:lnTo>
                  <a:lnTo>
                    <a:pt x="153" y="170"/>
                  </a:lnTo>
                  <a:lnTo>
                    <a:pt x="163" y="169"/>
                  </a:lnTo>
                  <a:lnTo>
                    <a:pt x="172" y="168"/>
                  </a:lnTo>
                  <a:lnTo>
                    <a:pt x="182" y="167"/>
                  </a:lnTo>
                  <a:lnTo>
                    <a:pt x="190" y="167"/>
                  </a:lnTo>
                  <a:lnTo>
                    <a:pt x="203" y="170"/>
                  </a:lnTo>
                  <a:lnTo>
                    <a:pt x="215" y="172"/>
                  </a:lnTo>
                  <a:lnTo>
                    <a:pt x="222" y="172"/>
                  </a:lnTo>
                  <a:lnTo>
                    <a:pt x="227" y="169"/>
                  </a:lnTo>
                  <a:lnTo>
                    <a:pt x="229" y="167"/>
                  </a:lnTo>
                  <a:lnTo>
                    <a:pt x="231" y="165"/>
                  </a:lnTo>
                  <a:lnTo>
                    <a:pt x="232" y="162"/>
                  </a:lnTo>
                  <a:lnTo>
                    <a:pt x="233" y="158"/>
                  </a:lnTo>
                  <a:lnTo>
                    <a:pt x="234" y="158"/>
                  </a:lnTo>
                  <a:lnTo>
                    <a:pt x="235" y="158"/>
                  </a:lnTo>
                  <a:lnTo>
                    <a:pt x="235" y="155"/>
                  </a:lnTo>
                  <a:lnTo>
                    <a:pt x="236" y="152"/>
                  </a:lnTo>
                  <a:lnTo>
                    <a:pt x="238" y="149"/>
                  </a:lnTo>
                  <a:lnTo>
                    <a:pt x="239" y="148"/>
                  </a:lnTo>
                  <a:lnTo>
                    <a:pt x="243" y="145"/>
                  </a:lnTo>
                  <a:lnTo>
                    <a:pt x="246" y="142"/>
                  </a:lnTo>
                  <a:lnTo>
                    <a:pt x="248" y="138"/>
                  </a:lnTo>
                  <a:lnTo>
                    <a:pt x="251" y="135"/>
                  </a:lnTo>
                  <a:lnTo>
                    <a:pt x="247" y="134"/>
                  </a:lnTo>
                  <a:lnTo>
                    <a:pt x="245" y="132"/>
                  </a:lnTo>
                  <a:lnTo>
                    <a:pt x="242" y="128"/>
                  </a:lnTo>
                  <a:lnTo>
                    <a:pt x="241" y="125"/>
                  </a:lnTo>
                  <a:lnTo>
                    <a:pt x="238" y="117"/>
                  </a:lnTo>
                  <a:lnTo>
                    <a:pt x="236" y="107"/>
                  </a:lnTo>
                  <a:lnTo>
                    <a:pt x="235" y="99"/>
                  </a:lnTo>
                  <a:lnTo>
                    <a:pt x="233" y="90"/>
                  </a:lnTo>
                  <a:lnTo>
                    <a:pt x="231" y="86"/>
                  </a:lnTo>
                  <a:lnTo>
                    <a:pt x="229" y="83"/>
                  </a:lnTo>
                  <a:lnTo>
                    <a:pt x="227" y="81"/>
                  </a:lnTo>
                  <a:lnTo>
                    <a:pt x="224" y="79"/>
                  </a:lnTo>
                  <a:lnTo>
                    <a:pt x="224" y="74"/>
                  </a:lnTo>
                  <a:lnTo>
                    <a:pt x="225" y="68"/>
                  </a:lnTo>
                  <a:lnTo>
                    <a:pt x="224" y="64"/>
                  </a:lnTo>
                  <a:lnTo>
                    <a:pt x="223" y="60"/>
                  </a:lnTo>
                  <a:lnTo>
                    <a:pt x="220" y="55"/>
                  </a:lnTo>
                  <a:lnTo>
                    <a:pt x="214" y="49"/>
                  </a:lnTo>
                  <a:lnTo>
                    <a:pt x="203" y="43"/>
                  </a:lnTo>
                  <a:lnTo>
                    <a:pt x="190" y="36"/>
                  </a:lnTo>
                  <a:lnTo>
                    <a:pt x="180" y="38"/>
                  </a:lnTo>
                  <a:lnTo>
                    <a:pt x="171" y="41"/>
                  </a:lnTo>
                  <a:lnTo>
                    <a:pt x="163" y="45"/>
                  </a:lnTo>
                  <a:lnTo>
                    <a:pt x="154" y="49"/>
                  </a:lnTo>
                  <a:lnTo>
                    <a:pt x="146" y="53"/>
                  </a:lnTo>
                  <a:lnTo>
                    <a:pt x="136" y="56"/>
                  </a:lnTo>
                  <a:lnTo>
                    <a:pt x="126" y="58"/>
                  </a:lnTo>
                  <a:lnTo>
                    <a:pt x="114" y="59"/>
                  </a:lnTo>
                  <a:lnTo>
                    <a:pt x="110" y="57"/>
                  </a:lnTo>
                  <a:lnTo>
                    <a:pt x="107" y="54"/>
                  </a:lnTo>
                  <a:lnTo>
                    <a:pt x="104" y="50"/>
                  </a:lnTo>
                  <a:lnTo>
                    <a:pt x="101" y="46"/>
                  </a:lnTo>
                  <a:lnTo>
                    <a:pt x="95" y="38"/>
                  </a:lnTo>
                  <a:lnTo>
                    <a:pt x="89" y="28"/>
                  </a:lnTo>
                  <a:lnTo>
                    <a:pt x="83" y="19"/>
                  </a:lnTo>
                  <a:lnTo>
                    <a:pt x="75" y="10"/>
                  </a:lnTo>
                  <a:lnTo>
                    <a:pt x="71" y="7"/>
                  </a:lnTo>
                  <a:lnTo>
                    <a:pt x="66" y="4"/>
                  </a:lnTo>
                  <a:lnTo>
                    <a:pt x="62" y="2"/>
                  </a:lnTo>
                  <a:lnTo>
                    <a:pt x="55" y="0"/>
                  </a:lnTo>
                  <a:lnTo>
                    <a:pt x="53" y="1"/>
                  </a:lnTo>
                  <a:lnTo>
                    <a:pt x="50" y="2"/>
                  </a:lnTo>
                  <a:lnTo>
                    <a:pt x="48" y="4"/>
                  </a:lnTo>
                  <a:lnTo>
                    <a:pt x="47" y="6"/>
                  </a:lnTo>
                  <a:lnTo>
                    <a:pt x="46" y="9"/>
                  </a:lnTo>
                  <a:lnTo>
                    <a:pt x="45" y="13"/>
                  </a:lnTo>
                  <a:lnTo>
                    <a:pt x="45" y="17"/>
                  </a:lnTo>
                  <a:lnTo>
                    <a:pt x="46" y="21"/>
                  </a:lnTo>
                  <a:lnTo>
                    <a:pt x="40" y="22"/>
                  </a:lnTo>
                  <a:lnTo>
                    <a:pt x="35" y="25"/>
                  </a:lnTo>
                  <a:lnTo>
                    <a:pt x="37" y="30"/>
                  </a:lnTo>
                  <a:lnTo>
                    <a:pt x="37" y="34"/>
                  </a:lnTo>
                  <a:lnTo>
                    <a:pt x="36" y="36"/>
                  </a:lnTo>
                  <a:lnTo>
                    <a:pt x="35" y="38"/>
                  </a:lnTo>
                  <a:lnTo>
                    <a:pt x="32" y="42"/>
                  </a:lnTo>
                  <a:lnTo>
                    <a:pt x="30" y="48"/>
                  </a:lnTo>
                  <a:lnTo>
                    <a:pt x="31" y="61"/>
                  </a:lnTo>
                  <a:lnTo>
                    <a:pt x="30" y="72"/>
                  </a:lnTo>
                  <a:lnTo>
                    <a:pt x="27" y="81"/>
                  </a:lnTo>
                  <a:lnTo>
                    <a:pt x="23" y="89"/>
                  </a:lnTo>
                  <a:lnTo>
                    <a:pt x="11" y="89"/>
                  </a:lnTo>
                  <a:lnTo>
                    <a:pt x="0" y="89"/>
                  </a:lnTo>
                  <a:lnTo>
                    <a:pt x="0" y="90"/>
                  </a:lnTo>
                  <a:lnTo>
                    <a:pt x="0" y="92"/>
                  </a:lnTo>
                  <a:lnTo>
                    <a:pt x="0" y="107"/>
                  </a:lnTo>
                  <a:lnTo>
                    <a:pt x="0" y="122"/>
                  </a:lnTo>
                  <a:lnTo>
                    <a:pt x="4" y="128"/>
                  </a:lnTo>
                  <a:lnTo>
                    <a:pt x="7" y="135"/>
                  </a:lnTo>
                  <a:lnTo>
                    <a:pt x="9" y="139"/>
                  </a:lnTo>
                  <a:lnTo>
                    <a:pt x="9" y="143"/>
                  </a:lnTo>
                  <a:lnTo>
                    <a:pt x="10" y="147"/>
                  </a:lnTo>
                  <a:lnTo>
                    <a:pt x="10" y="153"/>
                  </a:lnTo>
                  <a:lnTo>
                    <a:pt x="15" y="153"/>
                  </a:lnTo>
                  <a:lnTo>
                    <a:pt x="21" y="153"/>
                  </a:lnTo>
                  <a:lnTo>
                    <a:pt x="19" y="155"/>
                  </a:lnTo>
                  <a:lnTo>
                    <a:pt x="17" y="159"/>
                  </a:lnTo>
                  <a:lnTo>
                    <a:pt x="17" y="161"/>
                  </a:lnTo>
                  <a:lnTo>
                    <a:pt x="17" y="163"/>
                  </a:lnTo>
                  <a:lnTo>
                    <a:pt x="19" y="164"/>
                  </a:lnTo>
                  <a:lnTo>
                    <a:pt x="21" y="165"/>
                  </a:lnTo>
                  <a:lnTo>
                    <a:pt x="23" y="167"/>
                  </a:lnTo>
                  <a:lnTo>
                    <a:pt x="24" y="169"/>
                  </a:lnTo>
                  <a:lnTo>
                    <a:pt x="24" y="170"/>
                  </a:lnTo>
                  <a:lnTo>
                    <a:pt x="25" y="170"/>
                  </a:lnTo>
                  <a:lnTo>
                    <a:pt x="27" y="170"/>
                  </a:lnTo>
                  <a:lnTo>
                    <a:pt x="29" y="169"/>
                  </a:lnTo>
                  <a:lnTo>
                    <a:pt x="30" y="169"/>
                  </a:lnTo>
                  <a:lnTo>
                    <a:pt x="32" y="169"/>
                  </a:lnTo>
                  <a:lnTo>
                    <a:pt x="33" y="170"/>
                  </a:lnTo>
                  <a:lnTo>
                    <a:pt x="34" y="173"/>
                  </a:lnTo>
                  <a:lnTo>
                    <a:pt x="35" y="176"/>
                  </a:lnTo>
                  <a:lnTo>
                    <a:pt x="35" y="179"/>
                  </a:lnTo>
                  <a:lnTo>
                    <a:pt x="35" y="183"/>
                  </a:lnTo>
                  <a:lnTo>
                    <a:pt x="35" y="190"/>
                  </a:lnTo>
                  <a:lnTo>
                    <a:pt x="35" y="198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45" name="Fredrikssund kant"/>
            <p:cNvSpPr>
              <a:spLocks/>
            </p:cNvSpPr>
            <p:nvPr/>
          </p:nvSpPr>
          <p:spPr bwMode="auto">
            <a:xfrm>
              <a:off x="3595688" y="4668838"/>
              <a:ext cx="133350" cy="155575"/>
            </a:xfrm>
            <a:custGeom>
              <a:avLst/>
              <a:gdLst>
                <a:gd name="T0" fmla="*/ 20720 w 251"/>
                <a:gd name="T1" fmla="*/ 110221 h 295"/>
                <a:gd name="T2" fmla="*/ 24439 w 251"/>
                <a:gd name="T3" fmla="*/ 117604 h 295"/>
                <a:gd name="T4" fmla="*/ 27095 w 251"/>
                <a:gd name="T5" fmla="*/ 126042 h 295"/>
                <a:gd name="T6" fmla="*/ 24439 w 251"/>
                <a:gd name="T7" fmla="*/ 135535 h 295"/>
                <a:gd name="T8" fmla="*/ 28158 w 251"/>
                <a:gd name="T9" fmla="*/ 142918 h 295"/>
                <a:gd name="T10" fmla="*/ 44627 w 251"/>
                <a:gd name="T11" fmla="*/ 150829 h 295"/>
                <a:gd name="T12" fmla="*/ 62159 w 251"/>
                <a:gd name="T13" fmla="*/ 138699 h 295"/>
                <a:gd name="T14" fmla="*/ 66941 w 251"/>
                <a:gd name="T15" fmla="*/ 119186 h 295"/>
                <a:gd name="T16" fmla="*/ 67472 w 251"/>
                <a:gd name="T17" fmla="*/ 105475 h 295"/>
                <a:gd name="T18" fmla="*/ 62159 w 251"/>
                <a:gd name="T19" fmla="*/ 92290 h 295"/>
                <a:gd name="T20" fmla="*/ 71191 w 251"/>
                <a:gd name="T21" fmla="*/ 91763 h 295"/>
                <a:gd name="T22" fmla="*/ 86598 w 251"/>
                <a:gd name="T23" fmla="*/ 89126 h 295"/>
                <a:gd name="T24" fmla="*/ 100942 w 251"/>
                <a:gd name="T25" fmla="*/ 88071 h 295"/>
                <a:gd name="T26" fmla="*/ 117943 w 251"/>
                <a:gd name="T27" fmla="*/ 90708 h 295"/>
                <a:gd name="T28" fmla="*/ 122725 w 251"/>
                <a:gd name="T29" fmla="*/ 87017 h 295"/>
                <a:gd name="T30" fmla="*/ 124318 w 251"/>
                <a:gd name="T31" fmla="*/ 83325 h 295"/>
                <a:gd name="T32" fmla="*/ 125381 w 251"/>
                <a:gd name="T33" fmla="*/ 80161 h 295"/>
                <a:gd name="T34" fmla="*/ 129100 w 251"/>
                <a:gd name="T35" fmla="*/ 76469 h 295"/>
                <a:gd name="T36" fmla="*/ 133350 w 251"/>
                <a:gd name="T37" fmla="*/ 71195 h 295"/>
                <a:gd name="T38" fmla="*/ 128569 w 251"/>
                <a:gd name="T39" fmla="*/ 67504 h 295"/>
                <a:gd name="T40" fmla="*/ 125381 w 251"/>
                <a:gd name="T41" fmla="*/ 56429 h 295"/>
                <a:gd name="T42" fmla="*/ 122725 w 251"/>
                <a:gd name="T43" fmla="*/ 45354 h 295"/>
                <a:gd name="T44" fmla="*/ 119006 w 251"/>
                <a:gd name="T45" fmla="*/ 41662 h 295"/>
                <a:gd name="T46" fmla="*/ 119006 w 251"/>
                <a:gd name="T47" fmla="*/ 33752 h 295"/>
                <a:gd name="T48" fmla="*/ 113693 w 251"/>
                <a:gd name="T49" fmla="*/ 25841 h 295"/>
                <a:gd name="T50" fmla="*/ 95629 w 251"/>
                <a:gd name="T51" fmla="*/ 20040 h 295"/>
                <a:gd name="T52" fmla="*/ 81816 w 251"/>
                <a:gd name="T53" fmla="*/ 25841 h 295"/>
                <a:gd name="T54" fmla="*/ 66941 w 251"/>
                <a:gd name="T55" fmla="*/ 30588 h 295"/>
                <a:gd name="T56" fmla="*/ 56846 w 251"/>
                <a:gd name="T57" fmla="*/ 28478 h 295"/>
                <a:gd name="T58" fmla="*/ 50471 w 251"/>
                <a:gd name="T59" fmla="*/ 20040 h 295"/>
                <a:gd name="T60" fmla="*/ 39846 w 251"/>
                <a:gd name="T61" fmla="*/ 5274 h 295"/>
                <a:gd name="T62" fmla="*/ 32939 w 251"/>
                <a:gd name="T63" fmla="*/ 1055 h 295"/>
                <a:gd name="T64" fmla="*/ 26564 w 251"/>
                <a:gd name="T65" fmla="*/ 1055 h 295"/>
                <a:gd name="T66" fmla="*/ 24439 w 251"/>
                <a:gd name="T67" fmla="*/ 4746 h 295"/>
                <a:gd name="T68" fmla="*/ 24439 w 251"/>
                <a:gd name="T69" fmla="*/ 11075 h 295"/>
                <a:gd name="T70" fmla="*/ 19657 w 251"/>
                <a:gd name="T71" fmla="*/ 15821 h 295"/>
                <a:gd name="T72" fmla="*/ 18595 w 251"/>
                <a:gd name="T73" fmla="*/ 20040 h 295"/>
                <a:gd name="T74" fmla="*/ 16470 w 251"/>
                <a:gd name="T75" fmla="*/ 32170 h 295"/>
                <a:gd name="T76" fmla="*/ 12219 w 251"/>
                <a:gd name="T77" fmla="*/ 46936 h 295"/>
                <a:gd name="T78" fmla="*/ 0 w 251"/>
                <a:gd name="T79" fmla="*/ 47464 h 295"/>
                <a:gd name="T80" fmla="*/ 0 w 251"/>
                <a:gd name="T81" fmla="*/ 64339 h 295"/>
                <a:gd name="T82" fmla="*/ 4781 w 251"/>
                <a:gd name="T83" fmla="*/ 73305 h 295"/>
                <a:gd name="T84" fmla="*/ 5313 w 251"/>
                <a:gd name="T85" fmla="*/ 80688 h 295"/>
                <a:gd name="T86" fmla="*/ 10094 w 251"/>
                <a:gd name="T87" fmla="*/ 81743 h 295"/>
                <a:gd name="T88" fmla="*/ 9032 w 251"/>
                <a:gd name="T89" fmla="*/ 85962 h 295"/>
                <a:gd name="T90" fmla="*/ 12219 w 251"/>
                <a:gd name="T91" fmla="*/ 88071 h 295"/>
                <a:gd name="T92" fmla="*/ 13282 w 251"/>
                <a:gd name="T93" fmla="*/ 89653 h 295"/>
                <a:gd name="T94" fmla="*/ 15938 w 251"/>
                <a:gd name="T95" fmla="*/ 89126 h 295"/>
                <a:gd name="T96" fmla="*/ 18063 w 251"/>
                <a:gd name="T97" fmla="*/ 91236 h 295"/>
                <a:gd name="T98" fmla="*/ 18595 w 251"/>
                <a:gd name="T99" fmla="*/ 96509 h 295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</a:gdLst>
              <a:ahLst/>
              <a:cxnLst>
                <a:cxn ang="T100">
                  <a:pos x="T0" y="T1"/>
                </a:cxn>
                <a:cxn ang="T101">
                  <a:pos x="T2" y="T3"/>
                </a:cxn>
                <a:cxn ang="T102">
                  <a:pos x="T4" y="T5"/>
                </a:cxn>
                <a:cxn ang="T103">
                  <a:pos x="T6" y="T7"/>
                </a:cxn>
                <a:cxn ang="T104">
                  <a:pos x="T8" y="T9"/>
                </a:cxn>
                <a:cxn ang="T105">
                  <a:pos x="T10" y="T11"/>
                </a:cxn>
                <a:cxn ang="T106">
                  <a:pos x="T12" y="T13"/>
                </a:cxn>
                <a:cxn ang="T107">
                  <a:pos x="T14" y="T15"/>
                </a:cxn>
                <a:cxn ang="T108">
                  <a:pos x="T16" y="T17"/>
                </a:cxn>
                <a:cxn ang="T109">
                  <a:pos x="T18" y="T19"/>
                </a:cxn>
                <a:cxn ang="T110">
                  <a:pos x="T20" y="T21"/>
                </a:cxn>
                <a:cxn ang="T111">
                  <a:pos x="T22" y="T23"/>
                </a:cxn>
                <a:cxn ang="T112">
                  <a:pos x="T24" y="T25"/>
                </a:cxn>
                <a:cxn ang="T113">
                  <a:pos x="T26" y="T27"/>
                </a:cxn>
                <a:cxn ang="T114">
                  <a:pos x="T28" y="T29"/>
                </a:cxn>
                <a:cxn ang="T115">
                  <a:pos x="T30" y="T31"/>
                </a:cxn>
                <a:cxn ang="T116">
                  <a:pos x="T32" y="T33"/>
                </a:cxn>
                <a:cxn ang="T117">
                  <a:pos x="T34" y="T35"/>
                </a:cxn>
                <a:cxn ang="T118">
                  <a:pos x="T36" y="T37"/>
                </a:cxn>
                <a:cxn ang="T119">
                  <a:pos x="T38" y="T39"/>
                </a:cxn>
                <a:cxn ang="T120">
                  <a:pos x="T40" y="T41"/>
                </a:cxn>
                <a:cxn ang="T121">
                  <a:pos x="T42" y="T43"/>
                </a:cxn>
                <a:cxn ang="T122">
                  <a:pos x="T44" y="T45"/>
                </a:cxn>
                <a:cxn ang="T123">
                  <a:pos x="T46" y="T47"/>
                </a:cxn>
                <a:cxn ang="T124">
                  <a:pos x="T48" y="T49"/>
                </a:cxn>
                <a:cxn ang="T125">
                  <a:pos x="T50" y="T51"/>
                </a:cxn>
                <a:cxn ang="T126">
                  <a:pos x="T52" y="T53"/>
                </a:cxn>
                <a:cxn ang="T127">
                  <a:pos x="T54" y="T55"/>
                </a:cxn>
                <a:cxn ang="T128">
                  <a:pos x="T56" y="T57"/>
                </a:cxn>
                <a:cxn ang="T129">
                  <a:pos x="T58" y="T59"/>
                </a:cxn>
                <a:cxn ang="T130">
                  <a:pos x="T60" y="T61"/>
                </a:cxn>
                <a:cxn ang="T131">
                  <a:pos x="T62" y="T63"/>
                </a:cxn>
                <a:cxn ang="T132">
                  <a:pos x="T64" y="T65"/>
                </a:cxn>
                <a:cxn ang="T133">
                  <a:pos x="T66" y="T67"/>
                </a:cxn>
                <a:cxn ang="T134">
                  <a:pos x="T68" y="T69"/>
                </a:cxn>
                <a:cxn ang="T135">
                  <a:pos x="T70" y="T71"/>
                </a:cxn>
                <a:cxn ang="T136">
                  <a:pos x="T72" y="T73"/>
                </a:cxn>
                <a:cxn ang="T137">
                  <a:pos x="T74" y="T75"/>
                </a:cxn>
                <a:cxn ang="T138">
                  <a:pos x="T76" y="T77"/>
                </a:cxn>
                <a:cxn ang="T139">
                  <a:pos x="T78" y="T79"/>
                </a:cxn>
                <a:cxn ang="T140">
                  <a:pos x="T80" y="T81"/>
                </a:cxn>
                <a:cxn ang="T141">
                  <a:pos x="T82" y="T83"/>
                </a:cxn>
                <a:cxn ang="T142">
                  <a:pos x="T84" y="T85"/>
                </a:cxn>
                <a:cxn ang="T143">
                  <a:pos x="T86" y="T87"/>
                </a:cxn>
                <a:cxn ang="T144">
                  <a:pos x="T88" y="T89"/>
                </a:cxn>
                <a:cxn ang="T145">
                  <a:pos x="T90" y="T91"/>
                </a:cxn>
                <a:cxn ang="T146">
                  <a:pos x="T92" y="T93"/>
                </a:cxn>
                <a:cxn ang="T147">
                  <a:pos x="T94" y="T95"/>
                </a:cxn>
                <a:cxn ang="T148">
                  <a:pos x="T96" y="T97"/>
                </a:cxn>
                <a:cxn ang="T149">
                  <a:pos x="T98" y="T99"/>
                </a:cxn>
              </a:cxnLst>
              <a:rect l="0" t="0" r="r" b="b"/>
              <a:pathLst>
                <a:path w="251" h="295">
                  <a:moveTo>
                    <a:pt x="35" y="198"/>
                  </a:moveTo>
                  <a:lnTo>
                    <a:pt x="36" y="204"/>
                  </a:lnTo>
                  <a:lnTo>
                    <a:pt x="39" y="209"/>
                  </a:lnTo>
                  <a:lnTo>
                    <a:pt x="41" y="215"/>
                  </a:lnTo>
                  <a:lnTo>
                    <a:pt x="43" y="219"/>
                  </a:lnTo>
                  <a:lnTo>
                    <a:pt x="46" y="223"/>
                  </a:lnTo>
                  <a:lnTo>
                    <a:pt x="48" y="228"/>
                  </a:lnTo>
                  <a:lnTo>
                    <a:pt x="50" y="233"/>
                  </a:lnTo>
                  <a:lnTo>
                    <a:pt x="51" y="239"/>
                  </a:lnTo>
                  <a:lnTo>
                    <a:pt x="48" y="245"/>
                  </a:lnTo>
                  <a:lnTo>
                    <a:pt x="46" y="252"/>
                  </a:lnTo>
                  <a:lnTo>
                    <a:pt x="46" y="257"/>
                  </a:lnTo>
                  <a:lnTo>
                    <a:pt x="47" y="262"/>
                  </a:lnTo>
                  <a:lnTo>
                    <a:pt x="50" y="266"/>
                  </a:lnTo>
                  <a:lnTo>
                    <a:pt x="53" y="271"/>
                  </a:lnTo>
                  <a:lnTo>
                    <a:pt x="56" y="274"/>
                  </a:lnTo>
                  <a:lnTo>
                    <a:pt x="62" y="277"/>
                  </a:lnTo>
                  <a:lnTo>
                    <a:pt x="84" y="286"/>
                  </a:lnTo>
                  <a:lnTo>
                    <a:pt x="104" y="295"/>
                  </a:lnTo>
                  <a:lnTo>
                    <a:pt x="111" y="278"/>
                  </a:lnTo>
                  <a:lnTo>
                    <a:pt x="117" y="263"/>
                  </a:lnTo>
                  <a:lnTo>
                    <a:pt x="122" y="249"/>
                  </a:lnTo>
                  <a:lnTo>
                    <a:pt x="125" y="237"/>
                  </a:lnTo>
                  <a:lnTo>
                    <a:pt x="126" y="226"/>
                  </a:lnTo>
                  <a:lnTo>
                    <a:pt x="127" y="216"/>
                  </a:lnTo>
                  <a:lnTo>
                    <a:pt x="127" y="207"/>
                  </a:lnTo>
                  <a:lnTo>
                    <a:pt x="127" y="200"/>
                  </a:lnTo>
                  <a:lnTo>
                    <a:pt x="124" y="187"/>
                  </a:lnTo>
                  <a:lnTo>
                    <a:pt x="121" y="179"/>
                  </a:lnTo>
                  <a:lnTo>
                    <a:pt x="117" y="175"/>
                  </a:lnTo>
                  <a:lnTo>
                    <a:pt x="116" y="173"/>
                  </a:lnTo>
                  <a:lnTo>
                    <a:pt x="126" y="174"/>
                  </a:lnTo>
                  <a:lnTo>
                    <a:pt x="134" y="174"/>
                  </a:lnTo>
                  <a:lnTo>
                    <a:pt x="144" y="173"/>
                  </a:lnTo>
                  <a:lnTo>
                    <a:pt x="153" y="170"/>
                  </a:lnTo>
                  <a:lnTo>
                    <a:pt x="163" y="169"/>
                  </a:lnTo>
                  <a:lnTo>
                    <a:pt x="172" y="168"/>
                  </a:lnTo>
                  <a:lnTo>
                    <a:pt x="182" y="167"/>
                  </a:lnTo>
                  <a:lnTo>
                    <a:pt x="190" y="167"/>
                  </a:lnTo>
                  <a:lnTo>
                    <a:pt x="203" y="170"/>
                  </a:lnTo>
                  <a:lnTo>
                    <a:pt x="215" y="172"/>
                  </a:lnTo>
                  <a:lnTo>
                    <a:pt x="222" y="172"/>
                  </a:lnTo>
                  <a:lnTo>
                    <a:pt x="227" y="169"/>
                  </a:lnTo>
                  <a:lnTo>
                    <a:pt x="229" y="167"/>
                  </a:lnTo>
                  <a:lnTo>
                    <a:pt x="231" y="165"/>
                  </a:lnTo>
                  <a:lnTo>
                    <a:pt x="232" y="162"/>
                  </a:lnTo>
                  <a:lnTo>
                    <a:pt x="233" y="158"/>
                  </a:lnTo>
                  <a:lnTo>
                    <a:pt x="234" y="158"/>
                  </a:lnTo>
                  <a:lnTo>
                    <a:pt x="235" y="158"/>
                  </a:lnTo>
                  <a:lnTo>
                    <a:pt x="235" y="155"/>
                  </a:lnTo>
                  <a:lnTo>
                    <a:pt x="236" y="152"/>
                  </a:lnTo>
                  <a:lnTo>
                    <a:pt x="238" y="149"/>
                  </a:lnTo>
                  <a:lnTo>
                    <a:pt x="239" y="148"/>
                  </a:lnTo>
                  <a:lnTo>
                    <a:pt x="243" y="145"/>
                  </a:lnTo>
                  <a:lnTo>
                    <a:pt x="246" y="142"/>
                  </a:lnTo>
                  <a:lnTo>
                    <a:pt x="248" y="138"/>
                  </a:lnTo>
                  <a:lnTo>
                    <a:pt x="251" y="135"/>
                  </a:lnTo>
                  <a:lnTo>
                    <a:pt x="247" y="134"/>
                  </a:lnTo>
                  <a:lnTo>
                    <a:pt x="245" y="132"/>
                  </a:lnTo>
                  <a:lnTo>
                    <a:pt x="242" y="128"/>
                  </a:lnTo>
                  <a:lnTo>
                    <a:pt x="241" y="125"/>
                  </a:lnTo>
                  <a:lnTo>
                    <a:pt x="238" y="117"/>
                  </a:lnTo>
                  <a:lnTo>
                    <a:pt x="236" y="107"/>
                  </a:lnTo>
                  <a:lnTo>
                    <a:pt x="235" y="99"/>
                  </a:lnTo>
                  <a:lnTo>
                    <a:pt x="233" y="90"/>
                  </a:lnTo>
                  <a:lnTo>
                    <a:pt x="231" y="86"/>
                  </a:lnTo>
                  <a:lnTo>
                    <a:pt x="229" y="83"/>
                  </a:lnTo>
                  <a:lnTo>
                    <a:pt x="227" y="81"/>
                  </a:lnTo>
                  <a:lnTo>
                    <a:pt x="224" y="79"/>
                  </a:lnTo>
                  <a:lnTo>
                    <a:pt x="224" y="74"/>
                  </a:lnTo>
                  <a:lnTo>
                    <a:pt x="225" y="68"/>
                  </a:lnTo>
                  <a:lnTo>
                    <a:pt x="224" y="64"/>
                  </a:lnTo>
                  <a:lnTo>
                    <a:pt x="223" y="60"/>
                  </a:lnTo>
                  <a:lnTo>
                    <a:pt x="220" y="55"/>
                  </a:lnTo>
                  <a:lnTo>
                    <a:pt x="214" y="49"/>
                  </a:lnTo>
                  <a:lnTo>
                    <a:pt x="203" y="43"/>
                  </a:lnTo>
                  <a:lnTo>
                    <a:pt x="190" y="36"/>
                  </a:lnTo>
                  <a:lnTo>
                    <a:pt x="180" y="38"/>
                  </a:lnTo>
                  <a:lnTo>
                    <a:pt x="171" y="41"/>
                  </a:lnTo>
                  <a:lnTo>
                    <a:pt x="163" y="45"/>
                  </a:lnTo>
                  <a:lnTo>
                    <a:pt x="154" y="49"/>
                  </a:lnTo>
                  <a:lnTo>
                    <a:pt x="146" y="53"/>
                  </a:lnTo>
                  <a:lnTo>
                    <a:pt x="136" y="56"/>
                  </a:lnTo>
                  <a:lnTo>
                    <a:pt x="126" y="58"/>
                  </a:lnTo>
                  <a:lnTo>
                    <a:pt x="114" y="59"/>
                  </a:lnTo>
                  <a:lnTo>
                    <a:pt x="110" y="57"/>
                  </a:lnTo>
                  <a:lnTo>
                    <a:pt x="107" y="54"/>
                  </a:lnTo>
                  <a:lnTo>
                    <a:pt x="104" y="50"/>
                  </a:lnTo>
                  <a:lnTo>
                    <a:pt x="101" y="46"/>
                  </a:lnTo>
                  <a:lnTo>
                    <a:pt x="95" y="38"/>
                  </a:lnTo>
                  <a:lnTo>
                    <a:pt x="89" y="28"/>
                  </a:lnTo>
                  <a:lnTo>
                    <a:pt x="83" y="19"/>
                  </a:lnTo>
                  <a:lnTo>
                    <a:pt x="75" y="10"/>
                  </a:lnTo>
                  <a:lnTo>
                    <a:pt x="71" y="7"/>
                  </a:lnTo>
                  <a:lnTo>
                    <a:pt x="66" y="4"/>
                  </a:lnTo>
                  <a:lnTo>
                    <a:pt x="62" y="2"/>
                  </a:lnTo>
                  <a:lnTo>
                    <a:pt x="55" y="0"/>
                  </a:lnTo>
                  <a:lnTo>
                    <a:pt x="53" y="1"/>
                  </a:lnTo>
                  <a:lnTo>
                    <a:pt x="50" y="2"/>
                  </a:lnTo>
                  <a:lnTo>
                    <a:pt x="48" y="4"/>
                  </a:lnTo>
                  <a:lnTo>
                    <a:pt x="47" y="6"/>
                  </a:lnTo>
                  <a:lnTo>
                    <a:pt x="46" y="9"/>
                  </a:lnTo>
                  <a:lnTo>
                    <a:pt x="45" y="13"/>
                  </a:lnTo>
                  <a:lnTo>
                    <a:pt x="45" y="17"/>
                  </a:lnTo>
                  <a:lnTo>
                    <a:pt x="46" y="21"/>
                  </a:lnTo>
                  <a:lnTo>
                    <a:pt x="40" y="22"/>
                  </a:lnTo>
                  <a:lnTo>
                    <a:pt x="35" y="25"/>
                  </a:lnTo>
                  <a:lnTo>
                    <a:pt x="37" y="30"/>
                  </a:lnTo>
                  <a:lnTo>
                    <a:pt x="37" y="34"/>
                  </a:lnTo>
                  <a:lnTo>
                    <a:pt x="36" y="36"/>
                  </a:lnTo>
                  <a:lnTo>
                    <a:pt x="35" y="38"/>
                  </a:lnTo>
                  <a:lnTo>
                    <a:pt x="32" y="42"/>
                  </a:lnTo>
                  <a:lnTo>
                    <a:pt x="30" y="48"/>
                  </a:lnTo>
                  <a:lnTo>
                    <a:pt x="31" y="61"/>
                  </a:lnTo>
                  <a:lnTo>
                    <a:pt x="30" y="72"/>
                  </a:lnTo>
                  <a:lnTo>
                    <a:pt x="27" y="81"/>
                  </a:lnTo>
                  <a:lnTo>
                    <a:pt x="23" y="89"/>
                  </a:lnTo>
                  <a:lnTo>
                    <a:pt x="11" y="89"/>
                  </a:lnTo>
                  <a:lnTo>
                    <a:pt x="0" y="89"/>
                  </a:lnTo>
                  <a:lnTo>
                    <a:pt x="0" y="90"/>
                  </a:lnTo>
                  <a:lnTo>
                    <a:pt x="0" y="92"/>
                  </a:lnTo>
                  <a:lnTo>
                    <a:pt x="0" y="107"/>
                  </a:lnTo>
                  <a:lnTo>
                    <a:pt x="0" y="122"/>
                  </a:lnTo>
                  <a:lnTo>
                    <a:pt x="4" y="128"/>
                  </a:lnTo>
                  <a:lnTo>
                    <a:pt x="7" y="135"/>
                  </a:lnTo>
                  <a:lnTo>
                    <a:pt x="9" y="139"/>
                  </a:lnTo>
                  <a:lnTo>
                    <a:pt x="9" y="143"/>
                  </a:lnTo>
                  <a:lnTo>
                    <a:pt x="10" y="147"/>
                  </a:lnTo>
                  <a:lnTo>
                    <a:pt x="10" y="153"/>
                  </a:lnTo>
                  <a:lnTo>
                    <a:pt x="15" y="153"/>
                  </a:lnTo>
                  <a:lnTo>
                    <a:pt x="21" y="153"/>
                  </a:lnTo>
                  <a:lnTo>
                    <a:pt x="19" y="155"/>
                  </a:lnTo>
                  <a:lnTo>
                    <a:pt x="17" y="159"/>
                  </a:lnTo>
                  <a:lnTo>
                    <a:pt x="17" y="161"/>
                  </a:lnTo>
                  <a:lnTo>
                    <a:pt x="17" y="163"/>
                  </a:lnTo>
                  <a:lnTo>
                    <a:pt x="19" y="164"/>
                  </a:lnTo>
                  <a:lnTo>
                    <a:pt x="21" y="165"/>
                  </a:lnTo>
                  <a:lnTo>
                    <a:pt x="23" y="167"/>
                  </a:lnTo>
                  <a:lnTo>
                    <a:pt x="24" y="169"/>
                  </a:lnTo>
                  <a:lnTo>
                    <a:pt x="24" y="170"/>
                  </a:lnTo>
                  <a:lnTo>
                    <a:pt x="25" y="170"/>
                  </a:lnTo>
                  <a:lnTo>
                    <a:pt x="27" y="170"/>
                  </a:lnTo>
                  <a:lnTo>
                    <a:pt x="29" y="169"/>
                  </a:lnTo>
                  <a:lnTo>
                    <a:pt x="30" y="169"/>
                  </a:lnTo>
                  <a:lnTo>
                    <a:pt x="32" y="169"/>
                  </a:lnTo>
                  <a:lnTo>
                    <a:pt x="33" y="170"/>
                  </a:lnTo>
                  <a:lnTo>
                    <a:pt x="34" y="173"/>
                  </a:lnTo>
                  <a:lnTo>
                    <a:pt x="35" y="176"/>
                  </a:lnTo>
                  <a:lnTo>
                    <a:pt x="35" y="179"/>
                  </a:lnTo>
                  <a:lnTo>
                    <a:pt x="35" y="183"/>
                  </a:lnTo>
                  <a:lnTo>
                    <a:pt x="35" y="190"/>
                  </a:lnTo>
                  <a:lnTo>
                    <a:pt x="35" y="198"/>
                  </a:lnTo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46" name="Brøndby"/>
            <p:cNvSpPr>
              <a:spLocks/>
            </p:cNvSpPr>
            <p:nvPr/>
          </p:nvSpPr>
          <p:spPr bwMode="auto">
            <a:xfrm>
              <a:off x="3854450" y="4954588"/>
              <a:ext cx="65088" cy="74612"/>
            </a:xfrm>
            <a:custGeom>
              <a:avLst/>
              <a:gdLst>
                <a:gd name="T0" fmla="*/ 16663 w 125"/>
                <a:gd name="T1" fmla="*/ 52228 h 140"/>
                <a:gd name="T2" fmla="*/ 16142 w 125"/>
                <a:gd name="T3" fmla="*/ 50630 h 140"/>
                <a:gd name="T4" fmla="*/ 13018 w 125"/>
                <a:gd name="T5" fmla="*/ 45833 h 140"/>
                <a:gd name="T6" fmla="*/ 9373 w 125"/>
                <a:gd name="T7" fmla="*/ 38905 h 140"/>
                <a:gd name="T8" fmla="*/ 4686 w 125"/>
                <a:gd name="T9" fmla="*/ 31977 h 140"/>
                <a:gd name="T10" fmla="*/ 1041 w 125"/>
                <a:gd name="T11" fmla="*/ 23449 h 140"/>
                <a:gd name="T12" fmla="*/ 6248 w 125"/>
                <a:gd name="T13" fmla="*/ 17054 h 140"/>
                <a:gd name="T14" fmla="*/ 15621 w 125"/>
                <a:gd name="T15" fmla="*/ 15455 h 140"/>
                <a:gd name="T16" fmla="*/ 21349 w 125"/>
                <a:gd name="T17" fmla="*/ 16521 h 140"/>
                <a:gd name="T18" fmla="*/ 27597 w 125"/>
                <a:gd name="T19" fmla="*/ 17587 h 140"/>
                <a:gd name="T20" fmla="*/ 31242 w 125"/>
                <a:gd name="T21" fmla="*/ 14922 h 140"/>
                <a:gd name="T22" fmla="*/ 32804 w 125"/>
                <a:gd name="T23" fmla="*/ 10126 h 140"/>
                <a:gd name="T24" fmla="*/ 34887 w 125"/>
                <a:gd name="T25" fmla="*/ 5329 h 140"/>
                <a:gd name="T26" fmla="*/ 42698 w 125"/>
                <a:gd name="T27" fmla="*/ 1599 h 140"/>
                <a:gd name="T28" fmla="*/ 50508 w 125"/>
                <a:gd name="T29" fmla="*/ 1599 h 140"/>
                <a:gd name="T30" fmla="*/ 54153 w 125"/>
                <a:gd name="T31" fmla="*/ 3198 h 140"/>
                <a:gd name="T32" fmla="*/ 58319 w 125"/>
                <a:gd name="T33" fmla="*/ 5329 h 140"/>
                <a:gd name="T34" fmla="*/ 61443 w 125"/>
                <a:gd name="T35" fmla="*/ 7461 h 140"/>
                <a:gd name="T36" fmla="*/ 61443 w 125"/>
                <a:gd name="T37" fmla="*/ 11725 h 140"/>
                <a:gd name="T38" fmla="*/ 61443 w 125"/>
                <a:gd name="T39" fmla="*/ 17054 h 140"/>
                <a:gd name="T40" fmla="*/ 64047 w 125"/>
                <a:gd name="T41" fmla="*/ 23449 h 140"/>
                <a:gd name="T42" fmla="*/ 59360 w 125"/>
                <a:gd name="T43" fmla="*/ 30378 h 140"/>
                <a:gd name="T44" fmla="*/ 49467 w 125"/>
                <a:gd name="T45" fmla="*/ 34641 h 140"/>
                <a:gd name="T46" fmla="*/ 43218 w 125"/>
                <a:gd name="T47" fmla="*/ 39971 h 140"/>
                <a:gd name="T48" fmla="*/ 43218 w 125"/>
                <a:gd name="T49" fmla="*/ 45300 h 140"/>
                <a:gd name="T50" fmla="*/ 46343 w 125"/>
                <a:gd name="T51" fmla="*/ 52228 h 140"/>
                <a:gd name="T52" fmla="*/ 51550 w 125"/>
                <a:gd name="T53" fmla="*/ 61288 h 140"/>
                <a:gd name="T54" fmla="*/ 54674 w 125"/>
                <a:gd name="T55" fmla="*/ 67684 h 140"/>
                <a:gd name="T56" fmla="*/ 54674 w 125"/>
                <a:gd name="T57" fmla="*/ 71947 h 140"/>
                <a:gd name="T58" fmla="*/ 53633 w 125"/>
                <a:gd name="T59" fmla="*/ 74612 h 140"/>
                <a:gd name="T60" fmla="*/ 46343 w 125"/>
                <a:gd name="T61" fmla="*/ 74079 h 140"/>
                <a:gd name="T62" fmla="*/ 36970 w 125"/>
                <a:gd name="T63" fmla="*/ 72480 h 140"/>
                <a:gd name="T64" fmla="*/ 31242 w 125"/>
                <a:gd name="T65" fmla="*/ 72480 h 140"/>
                <a:gd name="T66" fmla="*/ 28118 w 125"/>
                <a:gd name="T67" fmla="*/ 70881 h 140"/>
                <a:gd name="T68" fmla="*/ 26035 w 125"/>
                <a:gd name="T69" fmla="*/ 66085 h 140"/>
                <a:gd name="T70" fmla="*/ 21870 w 125"/>
                <a:gd name="T71" fmla="*/ 61821 h 140"/>
                <a:gd name="T72" fmla="*/ 17183 w 125"/>
                <a:gd name="T73" fmla="*/ 53294 h 140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</a:gdLst>
              <a:ahLst/>
              <a:cxnLst>
                <a:cxn ang="T74">
                  <a:pos x="T0" y="T1"/>
                </a:cxn>
                <a:cxn ang="T75">
                  <a:pos x="T2" y="T3"/>
                </a:cxn>
                <a:cxn ang="T76">
                  <a:pos x="T4" y="T5"/>
                </a:cxn>
                <a:cxn ang="T77">
                  <a:pos x="T6" y="T7"/>
                </a:cxn>
                <a:cxn ang="T78">
                  <a:pos x="T8" y="T9"/>
                </a:cxn>
                <a:cxn ang="T79">
                  <a:pos x="T10" y="T11"/>
                </a:cxn>
                <a:cxn ang="T80">
                  <a:pos x="T12" y="T13"/>
                </a:cxn>
                <a:cxn ang="T81">
                  <a:pos x="T14" y="T15"/>
                </a:cxn>
                <a:cxn ang="T82">
                  <a:pos x="T16" y="T17"/>
                </a:cxn>
                <a:cxn ang="T83">
                  <a:pos x="T18" y="T19"/>
                </a:cxn>
                <a:cxn ang="T84">
                  <a:pos x="T20" y="T21"/>
                </a:cxn>
                <a:cxn ang="T85">
                  <a:pos x="T22" y="T23"/>
                </a:cxn>
                <a:cxn ang="T86">
                  <a:pos x="T24" y="T25"/>
                </a:cxn>
                <a:cxn ang="T87">
                  <a:pos x="T26" y="T27"/>
                </a:cxn>
                <a:cxn ang="T88">
                  <a:pos x="T28" y="T29"/>
                </a:cxn>
                <a:cxn ang="T89">
                  <a:pos x="T30" y="T31"/>
                </a:cxn>
                <a:cxn ang="T90">
                  <a:pos x="T32" y="T33"/>
                </a:cxn>
                <a:cxn ang="T91">
                  <a:pos x="T34" y="T35"/>
                </a:cxn>
                <a:cxn ang="T92">
                  <a:pos x="T36" y="T37"/>
                </a:cxn>
                <a:cxn ang="T93">
                  <a:pos x="T38" y="T39"/>
                </a:cxn>
                <a:cxn ang="T94">
                  <a:pos x="T40" y="T41"/>
                </a:cxn>
                <a:cxn ang="T95">
                  <a:pos x="T42" y="T43"/>
                </a:cxn>
                <a:cxn ang="T96">
                  <a:pos x="T44" y="T45"/>
                </a:cxn>
                <a:cxn ang="T97">
                  <a:pos x="T46" y="T47"/>
                </a:cxn>
                <a:cxn ang="T98">
                  <a:pos x="T48" y="T49"/>
                </a:cxn>
                <a:cxn ang="T99">
                  <a:pos x="T50" y="T51"/>
                </a:cxn>
                <a:cxn ang="T100">
                  <a:pos x="T52" y="T53"/>
                </a:cxn>
                <a:cxn ang="T101">
                  <a:pos x="T54" y="T55"/>
                </a:cxn>
                <a:cxn ang="T102">
                  <a:pos x="T56" y="T57"/>
                </a:cxn>
                <a:cxn ang="T103">
                  <a:pos x="T58" y="T59"/>
                </a:cxn>
                <a:cxn ang="T104">
                  <a:pos x="T60" y="T61"/>
                </a:cxn>
                <a:cxn ang="T105">
                  <a:pos x="T62" y="T63"/>
                </a:cxn>
                <a:cxn ang="T106">
                  <a:pos x="T64" y="T65"/>
                </a:cxn>
                <a:cxn ang="T107">
                  <a:pos x="T66" y="T67"/>
                </a:cxn>
                <a:cxn ang="T108">
                  <a:pos x="T68" y="T69"/>
                </a:cxn>
                <a:cxn ang="T109">
                  <a:pos x="T70" y="T71"/>
                </a:cxn>
                <a:cxn ang="T110">
                  <a:pos x="T72" y="T73"/>
                </a:cxn>
              </a:cxnLst>
              <a:rect l="0" t="0" r="r" b="b"/>
              <a:pathLst>
                <a:path w="125" h="140">
                  <a:moveTo>
                    <a:pt x="33" y="100"/>
                  </a:moveTo>
                  <a:lnTo>
                    <a:pt x="32" y="98"/>
                  </a:lnTo>
                  <a:lnTo>
                    <a:pt x="32" y="96"/>
                  </a:lnTo>
                  <a:lnTo>
                    <a:pt x="31" y="95"/>
                  </a:lnTo>
                  <a:lnTo>
                    <a:pt x="29" y="94"/>
                  </a:lnTo>
                  <a:lnTo>
                    <a:pt x="25" y="86"/>
                  </a:lnTo>
                  <a:lnTo>
                    <a:pt x="22" y="79"/>
                  </a:lnTo>
                  <a:lnTo>
                    <a:pt x="18" y="73"/>
                  </a:lnTo>
                  <a:lnTo>
                    <a:pt x="13" y="66"/>
                  </a:lnTo>
                  <a:lnTo>
                    <a:pt x="9" y="60"/>
                  </a:lnTo>
                  <a:lnTo>
                    <a:pt x="5" y="53"/>
                  </a:lnTo>
                  <a:lnTo>
                    <a:pt x="2" y="44"/>
                  </a:lnTo>
                  <a:lnTo>
                    <a:pt x="0" y="36"/>
                  </a:lnTo>
                  <a:lnTo>
                    <a:pt x="12" y="32"/>
                  </a:lnTo>
                  <a:lnTo>
                    <a:pt x="23" y="30"/>
                  </a:lnTo>
                  <a:lnTo>
                    <a:pt x="30" y="29"/>
                  </a:lnTo>
                  <a:lnTo>
                    <a:pt x="36" y="30"/>
                  </a:lnTo>
                  <a:lnTo>
                    <a:pt x="41" y="31"/>
                  </a:lnTo>
                  <a:lnTo>
                    <a:pt x="46" y="33"/>
                  </a:lnTo>
                  <a:lnTo>
                    <a:pt x="53" y="33"/>
                  </a:lnTo>
                  <a:lnTo>
                    <a:pt x="57" y="31"/>
                  </a:lnTo>
                  <a:lnTo>
                    <a:pt x="60" y="28"/>
                  </a:lnTo>
                  <a:lnTo>
                    <a:pt x="64" y="25"/>
                  </a:lnTo>
                  <a:lnTo>
                    <a:pt x="63" y="19"/>
                  </a:lnTo>
                  <a:lnTo>
                    <a:pt x="64" y="14"/>
                  </a:lnTo>
                  <a:lnTo>
                    <a:pt x="67" y="10"/>
                  </a:lnTo>
                  <a:lnTo>
                    <a:pt x="72" y="8"/>
                  </a:lnTo>
                  <a:lnTo>
                    <a:pt x="82" y="3"/>
                  </a:lnTo>
                  <a:lnTo>
                    <a:pt x="95" y="0"/>
                  </a:lnTo>
                  <a:lnTo>
                    <a:pt x="97" y="3"/>
                  </a:lnTo>
                  <a:lnTo>
                    <a:pt x="100" y="5"/>
                  </a:lnTo>
                  <a:lnTo>
                    <a:pt x="104" y="6"/>
                  </a:lnTo>
                  <a:lnTo>
                    <a:pt x="109" y="8"/>
                  </a:lnTo>
                  <a:lnTo>
                    <a:pt x="112" y="10"/>
                  </a:lnTo>
                  <a:lnTo>
                    <a:pt x="116" y="12"/>
                  </a:lnTo>
                  <a:lnTo>
                    <a:pt x="118" y="14"/>
                  </a:lnTo>
                  <a:lnTo>
                    <a:pt x="120" y="18"/>
                  </a:lnTo>
                  <a:lnTo>
                    <a:pt x="118" y="22"/>
                  </a:lnTo>
                  <a:lnTo>
                    <a:pt x="117" y="26"/>
                  </a:lnTo>
                  <a:lnTo>
                    <a:pt x="118" y="32"/>
                  </a:lnTo>
                  <a:lnTo>
                    <a:pt x="119" y="36"/>
                  </a:lnTo>
                  <a:lnTo>
                    <a:pt x="123" y="44"/>
                  </a:lnTo>
                  <a:lnTo>
                    <a:pt x="125" y="54"/>
                  </a:lnTo>
                  <a:lnTo>
                    <a:pt x="114" y="57"/>
                  </a:lnTo>
                  <a:lnTo>
                    <a:pt x="104" y="61"/>
                  </a:lnTo>
                  <a:lnTo>
                    <a:pt x="95" y="65"/>
                  </a:lnTo>
                  <a:lnTo>
                    <a:pt x="84" y="69"/>
                  </a:lnTo>
                  <a:lnTo>
                    <a:pt x="83" y="75"/>
                  </a:lnTo>
                  <a:lnTo>
                    <a:pt x="83" y="80"/>
                  </a:lnTo>
                  <a:lnTo>
                    <a:pt x="83" y="85"/>
                  </a:lnTo>
                  <a:lnTo>
                    <a:pt x="85" y="90"/>
                  </a:lnTo>
                  <a:lnTo>
                    <a:pt x="89" y="98"/>
                  </a:lnTo>
                  <a:lnTo>
                    <a:pt x="94" y="106"/>
                  </a:lnTo>
                  <a:lnTo>
                    <a:pt x="99" y="115"/>
                  </a:lnTo>
                  <a:lnTo>
                    <a:pt x="103" y="122"/>
                  </a:lnTo>
                  <a:lnTo>
                    <a:pt x="105" y="127"/>
                  </a:lnTo>
                  <a:lnTo>
                    <a:pt x="105" y="131"/>
                  </a:lnTo>
                  <a:lnTo>
                    <a:pt x="105" y="135"/>
                  </a:lnTo>
                  <a:lnTo>
                    <a:pt x="104" y="140"/>
                  </a:lnTo>
                  <a:lnTo>
                    <a:pt x="103" y="140"/>
                  </a:lnTo>
                  <a:lnTo>
                    <a:pt x="102" y="140"/>
                  </a:lnTo>
                  <a:lnTo>
                    <a:pt x="89" y="139"/>
                  </a:lnTo>
                  <a:lnTo>
                    <a:pt x="77" y="137"/>
                  </a:lnTo>
                  <a:lnTo>
                    <a:pt x="71" y="136"/>
                  </a:lnTo>
                  <a:lnTo>
                    <a:pt x="65" y="136"/>
                  </a:lnTo>
                  <a:lnTo>
                    <a:pt x="60" y="136"/>
                  </a:lnTo>
                  <a:lnTo>
                    <a:pt x="54" y="137"/>
                  </a:lnTo>
                  <a:lnTo>
                    <a:pt x="54" y="133"/>
                  </a:lnTo>
                  <a:lnTo>
                    <a:pt x="52" y="129"/>
                  </a:lnTo>
                  <a:lnTo>
                    <a:pt x="50" y="124"/>
                  </a:lnTo>
                  <a:lnTo>
                    <a:pt x="47" y="121"/>
                  </a:lnTo>
                  <a:lnTo>
                    <a:pt x="42" y="116"/>
                  </a:lnTo>
                  <a:lnTo>
                    <a:pt x="39" y="110"/>
                  </a:lnTo>
                  <a:lnTo>
                    <a:pt x="33" y="100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47" name="Brøndby kant"/>
            <p:cNvSpPr>
              <a:spLocks/>
            </p:cNvSpPr>
            <p:nvPr/>
          </p:nvSpPr>
          <p:spPr bwMode="auto">
            <a:xfrm>
              <a:off x="3854450" y="4954588"/>
              <a:ext cx="65088" cy="74612"/>
            </a:xfrm>
            <a:custGeom>
              <a:avLst/>
              <a:gdLst>
                <a:gd name="T0" fmla="*/ 16663 w 125"/>
                <a:gd name="T1" fmla="*/ 52228 h 140"/>
                <a:gd name="T2" fmla="*/ 16142 w 125"/>
                <a:gd name="T3" fmla="*/ 50630 h 140"/>
                <a:gd name="T4" fmla="*/ 13018 w 125"/>
                <a:gd name="T5" fmla="*/ 45833 h 140"/>
                <a:gd name="T6" fmla="*/ 9373 w 125"/>
                <a:gd name="T7" fmla="*/ 38905 h 140"/>
                <a:gd name="T8" fmla="*/ 4686 w 125"/>
                <a:gd name="T9" fmla="*/ 31977 h 140"/>
                <a:gd name="T10" fmla="*/ 1041 w 125"/>
                <a:gd name="T11" fmla="*/ 23449 h 140"/>
                <a:gd name="T12" fmla="*/ 6248 w 125"/>
                <a:gd name="T13" fmla="*/ 17054 h 140"/>
                <a:gd name="T14" fmla="*/ 15621 w 125"/>
                <a:gd name="T15" fmla="*/ 15455 h 140"/>
                <a:gd name="T16" fmla="*/ 21349 w 125"/>
                <a:gd name="T17" fmla="*/ 16521 h 140"/>
                <a:gd name="T18" fmla="*/ 27597 w 125"/>
                <a:gd name="T19" fmla="*/ 17587 h 140"/>
                <a:gd name="T20" fmla="*/ 31242 w 125"/>
                <a:gd name="T21" fmla="*/ 14922 h 140"/>
                <a:gd name="T22" fmla="*/ 32804 w 125"/>
                <a:gd name="T23" fmla="*/ 10126 h 140"/>
                <a:gd name="T24" fmla="*/ 34887 w 125"/>
                <a:gd name="T25" fmla="*/ 5329 h 140"/>
                <a:gd name="T26" fmla="*/ 42698 w 125"/>
                <a:gd name="T27" fmla="*/ 1599 h 140"/>
                <a:gd name="T28" fmla="*/ 50508 w 125"/>
                <a:gd name="T29" fmla="*/ 1599 h 140"/>
                <a:gd name="T30" fmla="*/ 54153 w 125"/>
                <a:gd name="T31" fmla="*/ 3198 h 140"/>
                <a:gd name="T32" fmla="*/ 58319 w 125"/>
                <a:gd name="T33" fmla="*/ 5329 h 140"/>
                <a:gd name="T34" fmla="*/ 61443 w 125"/>
                <a:gd name="T35" fmla="*/ 7461 h 140"/>
                <a:gd name="T36" fmla="*/ 61443 w 125"/>
                <a:gd name="T37" fmla="*/ 11725 h 140"/>
                <a:gd name="T38" fmla="*/ 61443 w 125"/>
                <a:gd name="T39" fmla="*/ 17054 h 140"/>
                <a:gd name="T40" fmla="*/ 64047 w 125"/>
                <a:gd name="T41" fmla="*/ 23449 h 140"/>
                <a:gd name="T42" fmla="*/ 59360 w 125"/>
                <a:gd name="T43" fmla="*/ 30378 h 140"/>
                <a:gd name="T44" fmla="*/ 49467 w 125"/>
                <a:gd name="T45" fmla="*/ 34641 h 140"/>
                <a:gd name="T46" fmla="*/ 43218 w 125"/>
                <a:gd name="T47" fmla="*/ 39971 h 140"/>
                <a:gd name="T48" fmla="*/ 43218 w 125"/>
                <a:gd name="T49" fmla="*/ 45300 h 140"/>
                <a:gd name="T50" fmla="*/ 46343 w 125"/>
                <a:gd name="T51" fmla="*/ 52228 h 140"/>
                <a:gd name="T52" fmla="*/ 51550 w 125"/>
                <a:gd name="T53" fmla="*/ 61288 h 140"/>
                <a:gd name="T54" fmla="*/ 54674 w 125"/>
                <a:gd name="T55" fmla="*/ 67684 h 140"/>
                <a:gd name="T56" fmla="*/ 54674 w 125"/>
                <a:gd name="T57" fmla="*/ 71947 h 140"/>
                <a:gd name="T58" fmla="*/ 53633 w 125"/>
                <a:gd name="T59" fmla="*/ 74612 h 140"/>
                <a:gd name="T60" fmla="*/ 46343 w 125"/>
                <a:gd name="T61" fmla="*/ 74079 h 140"/>
                <a:gd name="T62" fmla="*/ 36970 w 125"/>
                <a:gd name="T63" fmla="*/ 72480 h 140"/>
                <a:gd name="T64" fmla="*/ 31242 w 125"/>
                <a:gd name="T65" fmla="*/ 72480 h 140"/>
                <a:gd name="T66" fmla="*/ 28118 w 125"/>
                <a:gd name="T67" fmla="*/ 70881 h 140"/>
                <a:gd name="T68" fmla="*/ 26035 w 125"/>
                <a:gd name="T69" fmla="*/ 66085 h 140"/>
                <a:gd name="T70" fmla="*/ 21870 w 125"/>
                <a:gd name="T71" fmla="*/ 61821 h 140"/>
                <a:gd name="T72" fmla="*/ 17183 w 125"/>
                <a:gd name="T73" fmla="*/ 53294 h 140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</a:gdLst>
              <a:ahLst/>
              <a:cxnLst>
                <a:cxn ang="T74">
                  <a:pos x="T0" y="T1"/>
                </a:cxn>
                <a:cxn ang="T75">
                  <a:pos x="T2" y="T3"/>
                </a:cxn>
                <a:cxn ang="T76">
                  <a:pos x="T4" y="T5"/>
                </a:cxn>
                <a:cxn ang="T77">
                  <a:pos x="T6" y="T7"/>
                </a:cxn>
                <a:cxn ang="T78">
                  <a:pos x="T8" y="T9"/>
                </a:cxn>
                <a:cxn ang="T79">
                  <a:pos x="T10" y="T11"/>
                </a:cxn>
                <a:cxn ang="T80">
                  <a:pos x="T12" y="T13"/>
                </a:cxn>
                <a:cxn ang="T81">
                  <a:pos x="T14" y="T15"/>
                </a:cxn>
                <a:cxn ang="T82">
                  <a:pos x="T16" y="T17"/>
                </a:cxn>
                <a:cxn ang="T83">
                  <a:pos x="T18" y="T19"/>
                </a:cxn>
                <a:cxn ang="T84">
                  <a:pos x="T20" y="T21"/>
                </a:cxn>
                <a:cxn ang="T85">
                  <a:pos x="T22" y="T23"/>
                </a:cxn>
                <a:cxn ang="T86">
                  <a:pos x="T24" y="T25"/>
                </a:cxn>
                <a:cxn ang="T87">
                  <a:pos x="T26" y="T27"/>
                </a:cxn>
                <a:cxn ang="T88">
                  <a:pos x="T28" y="T29"/>
                </a:cxn>
                <a:cxn ang="T89">
                  <a:pos x="T30" y="T31"/>
                </a:cxn>
                <a:cxn ang="T90">
                  <a:pos x="T32" y="T33"/>
                </a:cxn>
                <a:cxn ang="T91">
                  <a:pos x="T34" y="T35"/>
                </a:cxn>
                <a:cxn ang="T92">
                  <a:pos x="T36" y="T37"/>
                </a:cxn>
                <a:cxn ang="T93">
                  <a:pos x="T38" y="T39"/>
                </a:cxn>
                <a:cxn ang="T94">
                  <a:pos x="T40" y="T41"/>
                </a:cxn>
                <a:cxn ang="T95">
                  <a:pos x="T42" y="T43"/>
                </a:cxn>
                <a:cxn ang="T96">
                  <a:pos x="T44" y="T45"/>
                </a:cxn>
                <a:cxn ang="T97">
                  <a:pos x="T46" y="T47"/>
                </a:cxn>
                <a:cxn ang="T98">
                  <a:pos x="T48" y="T49"/>
                </a:cxn>
                <a:cxn ang="T99">
                  <a:pos x="T50" y="T51"/>
                </a:cxn>
                <a:cxn ang="T100">
                  <a:pos x="T52" y="T53"/>
                </a:cxn>
                <a:cxn ang="T101">
                  <a:pos x="T54" y="T55"/>
                </a:cxn>
                <a:cxn ang="T102">
                  <a:pos x="T56" y="T57"/>
                </a:cxn>
                <a:cxn ang="T103">
                  <a:pos x="T58" y="T59"/>
                </a:cxn>
                <a:cxn ang="T104">
                  <a:pos x="T60" y="T61"/>
                </a:cxn>
                <a:cxn ang="T105">
                  <a:pos x="T62" y="T63"/>
                </a:cxn>
                <a:cxn ang="T106">
                  <a:pos x="T64" y="T65"/>
                </a:cxn>
                <a:cxn ang="T107">
                  <a:pos x="T66" y="T67"/>
                </a:cxn>
                <a:cxn ang="T108">
                  <a:pos x="T68" y="T69"/>
                </a:cxn>
                <a:cxn ang="T109">
                  <a:pos x="T70" y="T71"/>
                </a:cxn>
                <a:cxn ang="T110">
                  <a:pos x="T72" y="T73"/>
                </a:cxn>
              </a:cxnLst>
              <a:rect l="0" t="0" r="r" b="b"/>
              <a:pathLst>
                <a:path w="125" h="140">
                  <a:moveTo>
                    <a:pt x="33" y="100"/>
                  </a:moveTo>
                  <a:lnTo>
                    <a:pt x="32" y="98"/>
                  </a:lnTo>
                  <a:lnTo>
                    <a:pt x="32" y="96"/>
                  </a:lnTo>
                  <a:lnTo>
                    <a:pt x="31" y="95"/>
                  </a:lnTo>
                  <a:lnTo>
                    <a:pt x="29" y="94"/>
                  </a:lnTo>
                  <a:lnTo>
                    <a:pt x="25" y="86"/>
                  </a:lnTo>
                  <a:lnTo>
                    <a:pt x="22" y="79"/>
                  </a:lnTo>
                  <a:lnTo>
                    <a:pt x="18" y="73"/>
                  </a:lnTo>
                  <a:lnTo>
                    <a:pt x="13" y="66"/>
                  </a:lnTo>
                  <a:lnTo>
                    <a:pt x="9" y="60"/>
                  </a:lnTo>
                  <a:lnTo>
                    <a:pt x="5" y="53"/>
                  </a:lnTo>
                  <a:lnTo>
                    <a:pt x="2" y="44"/>
                  </a:lnTo>
                  <a:lnTo>
                    <a:pt x="0" y="36"/>
                  </a:lnTo>
                  <a:lnTo>
                    <a:pt x="12" y="32"/>
                  </a:lnTo>
                  <a:lnTo>
                    <a:pt x="23" y="30"/>
                  </a:lnTo>
                  <a:lnTo>
                    <a:pt x="30" y="29"/>
                  </a:lnTo>
                  <a:lnTo>
                    <a:pt x="36" y="30"/>
                  </a:lnTo>
                  <a:lnTo>
                    <a:pt x="41" y="31"/>
                  </a:lnTo>
                  <a:lnTo>
                    <a:pt x="46" y="33"/>
                  </a:lnTo>
                  <a:lnTo>
                    <a:pt x="53" y="33"/>
                  </a:lnTo>
                  <a:lnTo>
                    <a:pt x="57" y="31"/>
                  </a:lnTo>
                  <a:lnTo>
                    <a:pt x="60" y="28"/>
                  </a:lnTo>
                  <a:lnTo>
                    <a:pt x="64" y="25"/>
                  </a:lnTo>
                  <a:lnTo>
                    <a:pt x="63" y="19"/>
                  </a:lnTo>
                  <a:lnTo>
                    <a:pt x="64" y="14"/>
                  </a:lnTo>
                  <a:lnTo>
                    <a:pt x="67" y="10"/>
                  </a:lnTo>
                  <a:lnTo>
                    <a:pt x="72" y="8"/>
                  </a:lnTo>
                  <a:lnTo>
                    <a:pt x="82" y="3"/>
                  </a:lnTo>
                  <a:lnTo>
                    <a:pt x="95" y="0"/>
                  </a:lnTo>
                  <a:lnTo>
                    <a:pt x="97" y="3"/>
                  </a:lnTo>
                  <a:lnTo>
                    <a:pt x="100" y="5"/>
                  </a:lnTo>
                  <a:lnTo>
                    <a:pt x="104" y="6"/>
                  </a:lnTo>
                  <a:lnTo>
                    <a:pt x="109" y="8"/>
                  </a:lnTo>
                  <a:lnTo>
                    <a:pt x="112" y="10"/>
                  </a:lnTo>
                  <a:lnTo>
                    <a:pt x="116" y="12"/>
                  </a:lnTo>
                  <a:lnTo>
                    <a:pt x="118" y="14"/>
                  </a:lnTo>
                  <a:lnTo>
                    <a:pt x="120" y="18"/>
                  </a:lnTo>
                  <a:lnTo>
                    <a:pt x="118" y="22"/>
                  </a:lnTo>
                  <a:lnTo>
                    <a:pt x="117" y="26"/>
                  </a:lnTo>
                  <a:lnTo>
                    <a:pt x="118" y="32"/>
                  </a:lnTo>
                  <a:lnTo>
                    <a:pt x="119" y="36"/>
                  </a:lnTo>
                  <a:lnTo>
                    <a:pt x="123" y="44"/>
                  </a:lnTo>
                  <a:lnTo>
                    <a:pt x="125" y="54"/>
                  </a:lnTo>
                  <a:lnTo>
                    <a:pt x="114" y="57"/>
                  </a:lnTo>
                  <a:lnTo>
                    <a:pt x="104" y="61"/>
                  </a:lnTo>
                  <a:lnTo>
                    <a:pt x="95" y="65"/>
                  </a:lnTo>
                  <a:lnTo>
                    <a:pt x="84" y="69"/>
                  </a:lnTo>
                  <a:lnTo>
                    <a:pt x="83" y="75"/>
                  </a:lnTo>
                  <a:lnTo>
                    <a:pt x="83" y="80"/>
                  </a:lnTo>
                  <a:lnTo>
                    <a:pt x="83" y="85"/>
                  </a:lnTo>
                  <a:lnTo>
                    <a:pt x="85" y="90"/>
                  </a:lnTo>
                  <a:lnTo>
                    <a:pt x="89" y="98"/>
                  </a:lnTo>
                  <a:lnTo>
                    <a:pt x="94" y="106"/>
                  </a:lnTo>
                  <a:lnTo>
                    <a:pt x="99" y="115"/>
                  </a:lnTo>
                  <a:lnTo>
                    <a:pt x="103" y="122"/>
                  </a:lnTo>
                  <a:lnTo>
                    <a:pt x="105" y="127"/>
                  </a:lnTo>
                  <a:lnTo>
                    <a:pt x="105" y="131"/>
                  </a:lnTo>
                  <a:lnTo>
                    <a:pt x="105" y="135"/>
                  </a:lnTo>
                  <a:lnTo>
                    <a:pt x="104" y="140"/>
                  </a:lnTo>
                  <a:lnTo>
                    <a:pt x="103" y="140"/>
                  </a:lnTo>
                  <a:lnTo>
                    <a:pt x="102" y="140"/>
                  </a:lnTo>
                  <a:lnTo>
                    <a:pt x="89" y="139"/>
                  </a:lnTo>
                  <a:lnTo>
                    <a:pt x="77" y="137"/>
                  </a:lnTo>
                  <a:lnTo>
                    <a:pt x="71" y="136"/>
                  </a:lnTo>
                  <a:lnTo>
                    <a:pt x="65" y="136"/>
                  </a:lnTo>
                  <a:lnTo>
                    <a:pt x="60" y="136"/>
                  </a:lnTo>
                  <a:lnTo>
                    <a:pt x="54" y="137"/>
                  </a:lnTo>
                  <a:lnTo>
                    <a:pt x="54" y="133"/>
                  </a:lnTo>
                  <a:lnTo>
                    <a:pt x="52" y="129"/>
                  </a:lnTo>
                  <a:lnTo>
                    <a:pt x="50" y="124"/>
                  </a:lnTo>
                  <a:lnTo>
                    <a:pt x="47" y="121"/>
                  </a:lnTo>
                  <a:lnTo>
                    <a:pt x="42" y="116"/>
                  </a:lnTo>
                  <a:lnTo>
                    <a:pt x="39" y="110"/>
                  </a:lnTo>
                  <a:lnTo>
                    <a:pt x="33" y="100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48" name="Egedal"/>
            <p:cNvSpPr>
              <a:spLocks/>
            </p:cNvSpPr>
            <p:nvPr/>
          </p:nvSpPr>
          <p:spPr bwMode="auto">
            <a:xfrm>
              <a:off x="3654425" y="4754563"/>
              <a:ext cx="174625" cy="171450"/>
            </a:xfrm>
            <a:custGeom>
              <a:avLst/>
              <a:gdLst>
                <a:gd name="T0" fmla="*/ 85466 w 331"/>
                <a:gd name="T1" fmla="*/ 5308 h 323"/>
                <a:gd name="T2" fmla="*/ 74387 w 331"/>
                <a:gd name="T3" fmla="*/ 531 h 323"/>
                <a:gd name="T4" fmla="*/ 60670 w 331"/>
                <a:gd name="T5" fmla="*/ 6900 h 323"/>
                <a:gd name="T6" fmla="*/ 40623 w 331"/>
                <a:gd name="T7" fmla="*/ 5308 h 323"/>
                <a:gd name="T8" fmla="*/ 6858 w 331"/>
                <a:gd name="T9" fmla="*/ 6900 h 323"/>
                <a:gd name="T10" fmla="*/ 13717 w 331"/>
                <a:gd name="T11" fmla="*/ 18578 h 323"/>
                <a:gd name="T12" fmla="*/ 14244 w 331"/>
                <a:gd name="T13" fmla="*/ 30256 h 323"/>
                <a:gd name="T14" fmla="*/ 5803 w 331"/>
                <a:gd name="T15" fmla="*/ 55204 h 323"/>
                <a:gd name="T16" fmla="*/ 2638 w 331"/>
                <a:gd name="T17" fmla="*/ 78559 h 323"/>
                <a:gd name="T18" fmla="*/ 12134 w 331"/>
                <a:gd name="T19" fmla="*/ 85460 h 323"/>
                <a:gd name="T20" fmla="*/ 29016 w 331"/>
                <a:gd name="T21" fmla="*/ 94483 h 323"/>
                <a:gd name="T22" fmla="*/ 34819 w 331"/>
                <a:gd name="T23" fmla="*/ 100853 h 323"/>
                <a:gd name="T24" fmla="*/ 44843 w 331"/>
                <a:gd name="T25" fmla="*/ 104038 h 323"/>
                <a:gd name="T26" fmla="*/ 62253 w 331"/>
                <a:gd name="T27" fmla="*/ 101915 h 323"/>
                <a:gd name="T28" fmla="*/ 75970 w 331"/>
                <a:gd name="T29" fmla="*/ 101384 h 323"/>
                <a:gd name="T30" fmla="*/ 83356 w 331"/>
                <a:gd name="T31" fmla="*/ 105630 h 323"/>
                <a:gd name="T32" fmla="*/ 85466 w 331"/>
                <a:gd name="T33" fmla="*/ 118370 h 323"/>
                <a:gd name="T34" fmla="*/ 77552 w 331"/>
                <a:gd name="T35" fmla="*/ 127924 h 323"/>
                <a:gd name="T36" fmla="*/ 80718 w 331"/>
                <a:gd name="T37" fmla="*/ 131109 h 323"/>
                <a:gd name="T38" fmla="*/ 89159 w 331"/>
                <a:gd name="T39" fmla="*/ 136948 h 323"/>
                <a:gd name="T40" fmla="*/ 92324 w 331"/>
                <a:gd name="T41" fmla="*/ 142787 h 323"/>
                <a:gd name="T42" fmla="*/ 102876 w 331"/>
                <a:gd name="T43" fmla="*/ 155526 h 323"/>
                <a:gd name="T44" fmla="*/ 107096 w 331"/>
                <a:gd name="T45" fmla="*/ 159241 h 323"/>
                <a:gd name="T46" fmla="*/ 121868 w 331"/>
                <a:gd name="T47" fmla="*/ 163488 h 323"/>
                <a:gd name="T48" fmla="*/ 143498 w 331"/>
                <a:gd name="T49" fmla="*/ 170919 h 323"/>
                <a:gd name="T50" fmla="*/ 153522 w 331"/>
                <a:gd name="T51" fmla="*/ 171450 h 323"/>
                <a:gd name="T52" fmla="*/ 167239 w 331"/>
                <a:gd name="T53" fmla="*/ 164550 h 323"/>
                <a:gd name="T54" fmla="*/ 173570 w 331"/>
                <a:gd name="T55" fmla="*/ 158180 h 323"/>
                <a:gd name="T56" fmla="*/ 171460 w 331"/>
                <a:gd name="T57" fmla="*/ 150749 h 323"/>
                <a:gd name="T58" fmla="*/ 165129 w 331"/>
                <a:gd name="T59" fmla="*/ 147564 h 323"/>
                <a:gd name="T60" fmla="*/ 159326 w 331"/>
                <a:gd name="T61" fmla="*/ 144379 h 323"/>
                <a:gd name="T62" fmla="*/ 158270 w 331"/>
                <a:gd name="T63" fmla="*/ 132170 h 323"/>
                <a:gd name="T64" fmla="*/ 160381 w 331"/>
                <a:gd name="T65" fmla="*/ 123147 h 323"/>
                <a:gd name="T66" fmla="*/ 165129 w 331"/>
                <a:gd name="T67" fmla="*/ 114654 h 323"/>
                <a:gd name="T68" fmla="*/ 152995 w 331"/>
                <a:gd name="T69" fmla="*/ 113061 h 323"/>
                <a:gd name="T70" fmla="*/ 149829 w 331"/>
                <a:gd name="T71" fmla="*/ 104569 h 323"/>
                <a:gd name="T72" fmla="*/ 143498 w 331"/>
                <a:gd name="T73" fmla="*/ 101384 h 323"/>
                <a:gd name="T74" fmla="*/ 125561 w 331"/>
                <a:gd name="T75" fmla="*/ 104038 h 323"/>
                <a:gd name="T76" fmla="*/ 116593 w 331"/>
                <a:gd name="T77" fmla="*/ 99791 h 323"/>
                <a:gd name="T78" fmla="*/ 123978 w 331"/>
                <a:gd name="T79" fmla="*/ 88114 h 323"/>
                <a:gd name="T80" fmla="*/ 135585 w 331"/>
                <a:gd name="T81" fmla="*/ 90237 h 323"/>
                <a:gd name="T82" fmla="*/ 138750 w 331"/>
                <a:gd name="T83" fmla="*/ 84398 h 323"/>
                <a:gd name="T84" fmla="*/ 138750 w 331"/>
                <a:gd name="T85" fmla="*/ 75374 h 323"/>
                <a:gd name="T86" fmla="*/ 138223 w 331"/>
                <a:gd name="T87" fmla="*/ 65820 h 323"/>
                <a:gd name="T88" fmla="*/ 147191 w 331"/>
                <a:gd name="T89" fmla="*/ 60512 h 323"/>
                <a:gd name="T90" fmla="*/ 150357 w 331"/>
                <a:gd name="T91" fmla="*/ 53611 h 323"/>
                <a:gd name="T92" fmla="*/ 145081 w 331"/>
                <a:gd name="T93" fmla="*/ 45649 h 323"/>
                <a:gd name="T94" fmla="*/ 154050 w 331"/>
                <a:gd name="T95" fmla="*/ 38749 h 323"/>
                <a:gd name="T96" fmla="*/ 164601 w 331"/>
                <a:gd name="T97" fmla="*/ 32910 h 323"/>
                <a:gd name="T98" fmla="*/ 168294 w 331"/>
                <a:gd name="T99" fmla="*/ 28663 h 323"/>
                <a:gd name="T100" fmla="*/ 163546 w 331"/>
                <a:gd name="T101" fmla="*/ 20701 h 323"/>
                <a:gd name="T102" fmla="*/ 152995 w 331"/>
                <a:gd name="T103" fmla="*/ 14332 h 323"/>
                <a:gd name="T104" fmla="*/ 139278 w 331"/>
                <a:gd name="T105" fmla="*/ 11147 h 323"/>
                <a:gd name="T106" fmla="*/ 110262 w 331"/>
                <a:gd name="T107" fmla="*/ 10085 h 323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0" t="0" r="r" b="b"/>
              <a:pathLst>
                <a:path w="331" h="323">
                  <a:moveTo>
                    <a:pt x="173" y="22"/>
                  </a:moveTo>
                  <a:lnTo>
                    <a:pt x="167" y="16"/>
                  </a:lnTo>
                  <a:lnTo>
                    <a:pt x="162" y="10"/>
                  </a:lnTo>
                  <a:lnTo>
                    <a:pt x="155" y="7"/>
                  </a:lnTo>
                  <a:lnTo>
                    <a:pt x="149" y="4"/>
                  </a:lnTo>
                  <a:lnTo>
                    <a:pt x="141" y="1"/>
                  </a:lnTo>
                  <a:lnTo>
                    <a:pt x="132" y="0"/>
                  </a:lnTo>
                  <a:lnTo>
                    <a:pt x="123" y="6"/>
                  </a:lnTo>
                  <a:lnTo>
                    <a:pt x="115" y="13"/>
                  </a:lnTo>
                  <a:lnTo>
                    <a:pt x="101" y="11"/>
                  </a:lnTo>
                  <a:lnTo>
                    <a:pt x="89" y="10"/>
                  </a:lnTo>
                  <a:lnTo>
                    <a:pt x="77" y="10"/>
                  </a:lnTo>
                  <a:lnTo>
                    <a:pt x="65" y="10"/>
                  </a:lnTo>
                  <a:lnTo>
                    <a:pt x="40" y="11"/>
                  </a:lnTo>
                  <a:lnTo>
                    <a:pt x="13" y="13"/>
                  </a:lnTo>
                  <a:lnTo>
                    <a:pt x="19" y="20"/>
                  </a:lnTo>
                  <a:lnTo>
                    <a:pt x="23" y="26"/>
                  </a:lnTo>
                  <a:lnTo>
                    <a:pt x="26" y="35"/>
                  </a:lnTo>
                  <a:lnTo>
                    <a:pt x="27" y="42"/>
                  </a:lnTo>
                  <a:lnTo>
                    <a:pt x="27" y="50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23" y="73"/>
                  </a:lnTo>
                  <a:lnTo>
                    <a:pt x="11" y="104"/>
                  </a:lnTo>
                  <a:lnTo>
                    <a:pt x="0" y="137"/>
                  </a:lnTo>
                  <a:lnTo>
                    <a:pt x="2" y="142"/>
                  </a:lnTo>
                  <a:lnTo>
                    <a:pt x="5" y="148"/>
                  </a:lnTo>
                  <a:lnTo>
                    <a:pt x="10" y="152"/>
                  </a:lnTo>
                  <a:lnTo>
                    <a:pt x="14" y="156"/>
                  </a:lnTo>
                  <a:lnTo>
                    <a:pt x="23" y="161"/>
                  </a:lnTo>
                  <a:lnTo>
                    <a:pt x="34" y="166"/>
                  </a:lnTo>
                  <a:lnTo>
                    <a:pt x="44" y="172"/>
                  </a:lnTo>
                  <a:lnTo>
                    <a:pt x="55" y="178"/>
                  </a:lnTo>
                  <a:lnTo>
                    <a:pt x="59" y="181"/>
                  </a:lnTo>
                  <a:lnTo>
                    <a:pt x="63" y="185"/>
                  </a:lnTo>
                  <a:lnTo>
                    <a:pt x="66" y="190"/>
                  </a:lnTo>
                  <a:lnTo>
                    <a:pt x="69" y="195"/>
                  </a:lnTo>
                  <a:lnTo>
                    <a:pt x="77" y="196"/>
                  </a:lnTo>
                  <a:lnTo>
                    <a:pt x="85" y="196"/>
                  </a:lnTo>
                  <a:lnTo>
                    <a:pt x="94" y="195"/>
                  </a:lnTo>
                  <a:lnTo>
                    <a:pt x="102" y="194"/>
                  </a:lnTo>
                  <a:lnTo>
                    <a:pt x="118" y="192"/>
                  </a:lnTo>
                  <a:lnTo>
                    <a:pt x="133" y="190"/>
                  </a:lnTo>
                  <a:lnTo>
                    <a:pt x="139" y="190"/>
                  </a:lnTo>
                  <a:lnTo>
                    <a:pt x="144" y="191"/>
                  </a:lnTo>
                  <a:lnTo>
                    <a:pt x="150" y="193"/>
                  </a:lnTo>
                  <a:lnTo>
                    <a:pt x="155" y="195"/>
                  </a:lnTo>
                  <a:lnTo>
                    <a:pt x="158" y="199"/>
                  </a:lnTo>
                  <a:lnTo>
                    <a:pt x="161" y="205"/>
                  </a:lnTo>
                  <a:lnTo>
                    <a:pt x="162" y="214"/>
                  </a:lnTo>
                  <a:lnTo>
                    <a:pt x="162" y="223"/>
                  </a:lnTo>
                  <a:lnTo>
                    <a:pt x="155" y="230"/>
                  </a:lnTo>
                  <a:lnTo>
                    <a:pt x="147" y="238"/>
                  </a:lnTo>
                  <a:lnTo>
                    <a:pt x="147" y="241"/>
                  </a:lnTo>
                  <a:lnTo>
                    <a:pt x="149" y="243"/>
                  </a:lnTo>
                  <a:lnTo>
                    <a:pt x="151" y="245"/>
                  </a:lnTo>
                  <a:lnTo>
                    <a:pt x="153" y="247"/>
                  </a:lnTo>
                  <a:lnTo>
                    <a:pt x="159" y="251"/>
                  </a:lnTo>
                  <a:lnTo>
                    <a:pt x="165" y="256"/>
                  </a:lnTo>
                  <a:lnTo>
                    <a:pt x="169" y="258"/>
                  </a:lnTo>
                  <a:lnTo>
                    <a:pt x="172" y="261"/>
                  </a:lnTo>
                  <a:lnTo>
                    <a:pt x="174" y="265"/>
                  </a:lnTo>
                  <a:lnTo>
                    <a:pt x="175" y="269"/>
                  </a:lnTo>
                  <a:lnTo>
                    <a:pt x="187" y="277"/>
                  </a:lnTo>
                  <a:lnTo>
                    <a:pt x="198" y="287"/>
                  </a:lnTo>
                  <a:lnTo>
                    <a:pt x="195" y="293"/>
                  </a:lnTo>
                  <a:lnTo>
                    <a:pt x="191" y="299"/>
                  </a:lnTo>
                  <a:lnTo>
                    <a:pt x="197" y="299"/>
                  </a:lnTo>
                  <a:lnTo>
                    <a:pt x="203" y="300"/>
                  </a:lnTo>
                  <a:lnTo>
                    <a:pt x="211" y="301"/>
                  </a:lnTo>
                  <a:lnTo>
                    <a:pt x="217" y="303"/>
                  </a:lnTo>
                  <a:lnTo>
                    <a:pt x="231" y="308"/>
                  </a:lnTo>
                  <a:lnTo>
                    <a:pt x="244" y="314"/>
                  </a:lnTo>
                  <a:lnTo>
                    <a:pt x="258" y="318"/>
                  </a:lnTo>
                  <a:lnTo>
                    <a:pt x="272" y="322"/>
                  </a:lnTo>
                  <a:lnTo>
                    <a:pt x="278" y="323"/>
                  </a:lnTo>
                  <a:lnTo>
                    <a:pt x="284" y="323"/>
                  </a:lnTo>
                  <a:lnTo>
                    <a:pt x="291" y="323"/>
                  </a:lnTo>
                  <a:lnTo>
                    <a:pt x="297" y="322"/>
                  </a:lnTo>
                  <a:lnTo>
                    <a:pt x="306" y="316"/>
                  </a:lnTo>
                  <a:lnTo>
                    <a:pt x="317" y="310"/>
                  </a:lnTo>
                  <a:lnTo>
                    <a:pt x="321" y="307"/>
                  </a:lnTo>
                  <a:lnTo>
                    <a:pt x="325" y="302"/>
                  </a:lnTo>
                  <a:lnTo>
                    <a:pt x="329" y="298"/>
                  </a:lnTo>
                  <a:lnTo>
                    <a:pt x="331" y="292"/>
                  </a:lnTo>
                  <a:lnTo>
                    <a:pt x="329" y="288"/>
                  </a:lnTo>
                  <a:lnTo>
                    <a:pt x="325" y="284"/>
                  </a:lnTo>
                  <a:lnTo>
                    <a:pt x="322" y="282"/>
                  </a:lnTo>
                  <a:lnTo>
                    <a:pt x="318" y="280"/>
                  </a:lnTo>
                  <a:lnTo>
                    <a:pt x="313" y="278"/>
                  </a:lnTo>
                  <a:lnTo>
                    <a:pt x="309" y="277"/>
                  </a:lnTo>
                  <a:lnTo>
                    <a:pt x="305" y="275"/>
                  </a:lnTo>
                  <a:lnTo>
                    <a:pt x="302" y="272"/>
                  </a:lnTo>
                  <a:lnTo>
                    <a:pt x="301" y="262"/>
                  </a:lnTo>
                  <a:lnTo>
                    <a:pt x="300" y="255"/>
                  </a:lnTo>
                  <a:lnTo>
                    <a:pt x="300" y="249"/>
                  </a:lnTo>
                  <a:lnTo>
                    <a:pt x="300" y="242"/>
                  </a:lnTo>
                  <a:lnTo>
                    <a:pt x="302" y="237"/>
                  </a:lnTo>
                  <a:lnTo>
                    <a:pt x="304" y="232"/>
                  </a:lnTo>
                  <a:lnTo>
                    <a:pt x="310" y="228"/>
                  </a:lnTo>
                  <a:lnTo>
                    <a:pt x="315" y="223"/>
                  </a:lnTo>
                  <a:lnTo>
                    <a:pt x="313" y="216"/>
                  </a:lnTo>
                  <a:lnTo>
                    <a:pt x="310" y="211"/>
                  </a:lnTo>
                  <a:lnTo>
                    <a:pt x="299" y="211"/>
                  </a:lnTo>
                  <a:lnTo>
                    <a:pt x="290" y="213"/>
                  </a:lnTo>
                  <a:lnTo>
                    <a:pt x="289" y="207"/>
                  </a:lnTo>
                  <a:lnTo>
                    <a:pt x="286" y="201"/>
                  </a:lnTo>
                  <a:lnTo>
                    <a:pt x="284" y="197"/>
                  </a:lnTo>
                  <a:lnTo>
                    <a:pt x="280" y="194"/>
                  </a:lnTo>
                  <a:lnTo>
                    <a:pt x="276" y="192"/>
                  </a:lnTo>
                  <a:lnTo>
                    <a:pt x="272" y="191"/>
                  </a:lnTo>
                  <a:lnTo>
                    <a:pt x="266" y="191"/>
                  </a:lnTo>
                  <a:lnTo>
                    <a:pt x="261" y="191"/>
                  </a:lnTo>
                  <a:lnTo>
                    <a:pt x="238" y="196"/>
                  </a:lnTo>
                  <a:lnTo>
                    <a:pt x="218" y="203"/>
                  </a:lnTo>
                  <a:lnTo>
                    <a:pt x="220" y="196"/>
                  </a:lnTo>
                  <a:lnTo>
                    <a:pt x="221" y="188"/>
                  </a:lnTo>
                  <a:lnTo>
                    <a:pt x="224" y="178"/>
                  </a:lnTo>
                  <a:lnTo>
                    <a:pt x="229" y="164"/>
                  </a:lnTo>
                  <a:lnTo>
                    <a:pt x="235" y="166"/>
                  </a:lnTo>
                  <a:lnTo>
                    <a:pt x="242" y="169"/>
                  </a:lnTo>
                  <a:lnTo>
                    <a:pt x="249" y="170"/>
                  </a:lnTo>
                  <a:lnTo>
                    <a:pt x="257" y="170"/>
                  </a:lnTo>
                  <a:lnTo>
                    <a:pt x="258" y="166"/>
                  </a:lnTo>
                  <a:lnTo>
                    <a:pt x="261" y="164"/>
                  </a:lnTo>
                  <a:lnTo>
                    <a:pt x="263" y="159"/>
                  </a:lnTo>
                  <a:lnTo>
                    <a:pt x="264" y="154"/>
                  </a:lnTo>
                  <a:lnTo>
                    <a:pt x="264" y="149"/>
                  </a:lnTo>
                  <a:lnTo>
                    <a:pt x="263" y="142"/>
                  </a:lnTo>
                  <a:lnTo>
                    <a:pt x="262" y="136"/>
                  </a:lnTo>
                  <a:lnTo>
                    <a:pt x="261" y="130"/>
                  </a:lnTo>
                  <a:lnTo>
                    <a:pt x="262" y="124"/>
                  </a:lnTo>
                  <a:lnTo>
                    <a:pt x="264" y="119"/>
                  </a:lnTo>
                  <a:lnTo>
                    <a:pt x="273" y="117"/>
                  </a:lnTo>
                  <a:lnTo>
                    <a:pt x="279" y="114"/>
                  </a:lnTo>
                  <a:lnTo>
                    <a:pt x="283" y="110"/>
                  </a:lnTo>
                  <a:lnTo>
                    <a:pt x="285" y="105"/>
                  </a:lnTo>
                  <a:lnTo>
                    <a:pt x="285" y="101"/>
                  </a:lnTo>
                  <a:lnTo>
                    <a:pt x="284" y="96"/>
                  </a:lnTo>
                  <a:lnTo>
                    <a:pt x="280" y="91"/>
                  </a:lnTo>
                  <a:lnTo>
                    <a:pt x="275" y="86"/>
                  </a:lnTo>
                  <a:lnTo>
                    <a:pt x="279" y="80"/>
                  </a:lnTo>
                  <a:lnTo>
                    <a:pt x="284" y="76"/>
                  </a:lnTo>
                  <a:lnTo>
                    <a:pt x="292" y="73"/>
                  </a:lnTo>
                  <a:lnTo>
                    <a:pt x="299" y="70"/>
                  </a:lnTo>
                  <a:lnTo>
                    <a:pt x="305" y="66"/>
                  </a:lnTo>
                  <a:lnTo>
                    <a:pt x="312" y="62"/>
                  </a:lnTo>
                  <a:lnTo>
                    <a:pt x="315" y="60"/>
                  </a:lnTo>
                  <a:lnTo>
                    <a:pt x="317" y="57"/>
                  </a:lnTo>
                  <a:lnTo>
                    <a:pt x="319" y="54"/>
                  </a:lnTo>
                  <a:lnTo>
                    <a:pt x="320" y="51"/>
                  </a:lnTo>
                  <a:lnTo>
                    <a:pt x="315" y="44"/>
                  </a:lnTo>
                  <a:lnTo>
                    <a:pt x="310" y="39"/>
                  </a:lnTo>
                  <a:lnTo>
                    <a:pt x="303" y="35"/>
                  </a:lnTo>
                  <a:lnTo>
                    <a:pt x="297" y="31"/>
                  </a:lnTo>
                  <a:lnTo>
                    <a:pt x="290" y="27"/>
                  </a:lnTo>
                  <a:lnTo>
                    <a:pt x="281" y="24"/>
                  </a:lnTo>
                  <a:lnTo>
                    <a:pt x="274" y="22"/>
                  </a:lnTo>
                  <a:lnTo>
                    <a:pt x="264" y="21"/>
                  </a:lnTo>
                  <a:lnTo>
                    <a:pt x="246" y="19"/>
                  </a:lnTo>
                  <a:lnTo>
                    <a:pt x="228" y="19"/>
                  </a:lnTo>
                  <a:lnTo>
                    <a:pt x="209" y="19"/>
                  </a:lnTo>
                  <a:lnTo>
                    <a:pt x="191" y="20"/>
                  </a:lnTo>
                  <a:lnTo>
                    <a:pt x="173" y="22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49" name="Egedal kant"/>
            <p:cNvSpPr>
              <a:spLocks/>
            </p:cNvSpPr>
            <p:nvPr/>
          </p:nvSpPr>
          <p:spPr bwMode="auto">
            <a:xfrm>
              <a:off x="3654425" y="4754563"/>
              <a:ext cx="174625" cy="171450"/>
            </a:xfrm>
            <a:custGeom>
              <a:avLst/>
              <a:gdLst>
                <a:gd name="T0" fmla="*/ 85466 w 331"/>
                <a:gd name="T1" fmla="*/ 5308 h 323"/>
                <a:gd name="T2" fmla="*/ 74387 w 331"/>
                <a:gd name="T3" fmla="*/ 531 h 323"/>
                <a:gd name="T4" fmla="*/ 60670 w 331"/>
                <a:gd name="T5" fmla="*/ 6900 h 323"/>
                <a:gd name="T6" fmla="*/ 40623 w 331"/>
                <a:gd name="T7" fmla="*/ 5308 h 323"/>
                <a:gd name="T8" fmla="*/ 6858 w 331"/>
                <a:gd name="T9" fmla="*/ 6900 h 323"/>
                <a:gd name="T10" fmla="*/ 13717 w 331"/>
                <a:gd name="T11" fmla="*/ 18578 h 323"/>
                <a:gd name="T12" fmla="*/ 14244 w 331"/>
                <a:gd name="T13" fmla="*/ 30256 h 323"/>
                <a:gd name="T14" fmla="*/ 5803 w 331"/>
                <a:gd name="T15" fmla="*/ 55204 h 323"/>
                <a:gd name="T16" fmla="*/ 2638 w 331"/>
                <a:gd name="T17" fmla="*/ 78559 h 323"/>
                <a:gd name="T18" fmla="*/ 12134 w 331"/>
                <a:gd name="T19" fmla="*/ 85460 h 323"/>
                <a:gd name="T20" fmla="*/ 29016 w 331"/>
                <a:gd name="T21" fmla="*/ 94483 h 323"/>
                <a:gd name="T22" fmla="*/ 34819 w 331"/>
                <a:gd name="T23" fmla="*/ 100853 h 323"/>
                <a:gd name="T24" fmla="*/ 44843 w 331"/>
                <a:gd name="T25" fmla="*/ 104038 h 323"/>
                <a:gd name="T26" fmla="*/ 62253 w 331"/>
                <a:gd name="T27" fmla="*/ 101915 h 323"/>
                <a:gd name="T28" fmla="*/ 75970 w 331"/>
                <a:gd name="T29" fmla="*/ 101384 h 323"/>
                <a:gd name="T30" fmla="*/ 83356 w 331"/>
                <a:gd name="T31" fmla="*/ 105630 h 323"/>
                <a:gd name="T32" fmla="*/ 85466 w 331"/>
                <a:gd name="T33" fmla="*/ 118370 h 323"/>
                <a:gd name="T34" fmla="*/ 77552 w 331"/>
                <a:gd name="T35" fmla="*/ 127924 h 323"/>
                <a:gd name="T36" fmla="*/ 80718 w 331"/>
                <a:gd name="T37" fmla="*/ 131109 h 323"/>
                <a:gd name="T38" fmla="*/ 89159 w 331"/>
                <a:gd name="T39" fmla="*/ 136948 h 323"/>
                <a:gd name="T40" fmla="*/ 92324 w 331"/>
                <a:gd name="T41" fmla="*/ 142787 h 323"/>
                <a:gd name="T42" fmla="*/ 102876 w 331"/>
                <a:gd name="T43" fmla="*/ 155526 h 323"/>
                <a:gd name="T44" fmla="*/ 107096 w 331"/>
                <a:gd name="T45" fmla="*/ 159241 h 323"/>
                <a:gd name="T46" fmla="*/ 121868 w 331"/>
                <a:gd name="T47" fmla="*/ 163488 h 323"/>
                <a:gd name="T48" fmla="*/ 143498 w 331"/>
                <a:gd name="T49" fmla="*/ 170919 h 323"/>
                <a:gd name="T50" fmla="*/ 153522 w 331"/>
                <a:gd name="T51" fmla="*/ 171450 h 323"/>
                <a:gd name="T52" fmla="*/ 167239 w 331"/>
                <a:gd name="T53" fmla="*/ 164550 h 323"/>
                <a:gd name="T54" fmla="*/ 173570 w 331"/>
                <a:gd name="T55" fmla="*/ 158180 h 323"/>
                <a:gd name="T56" fmla="*/ 171460 w 331"/>
                <a:gd name="T57" fmla="*/ 150749 h 323"/>
                <a:gd name="T58" fmla="*/ 165129 w 331"/>
                <a:gd name="T59" fmla="*/ 147564 h 323"/>
                <a:gd name="T60" fmla="*/ 159326 w 331"/>
                <a:gd name="T61" fmla="*/ 144379 h 323"/>
                <a:gd name="T62" fmla="*/ 158270 w 331"/>
                <a:gd name="T63" fmla="*/ 132170 h 323"/>
                <a:gd name="T64" fmla="*/ 160381 w 331"/>
                <a:gd name="T65" fmla="*/ 123147 h 323"/>
                <a:gd name="T66" fmla="*/ 165129 w 331"/>
                <a:gd name="T67" fmla="*/ 114654 h 323"/>
                <a:gd name="T68" fmla="*/ 152995 w 331"/>
                <a:gd name="T69" fmla="*/ 113061 h 323"/>
                <a:gd name="T70" fmla="*/ 149829 w 331"/>
                <a:gd name="T71" fmla="*/ 104569 h 323"/>
                <a:gd name="T72" fmla="*/ 143498 w 331"/>
                <a:gd name="T73" fmla="*/ 101384 h 323"/>
                <a:gd name="T74" fmla="*/ 125561 w 331"/>
                <a:gd name="T75" fmla="*/ 104038 h 323"/>
                <a:gd name="T76" fmla="*/ 116593 w 331"/>
                <a:gd name="T77" fmla="*/ 99791 h 323"/>
                <a:gd name="T78" fmla="*/ 123978 w 331"/>
                <a:gd name="T79" fmla="*/ 88114 h 323"/>
                <a:gd name="T80" fmla="*/ 135585 w 331"/>
                <a:gd name="T81" fmla="*/ 90237 h 323"/>
                <a:gd name="T82" fmla="*/ 138750 w 331"/>
                <a:gd name="T83" fmla="*/ 84398 h 323"/>
                <a:gd name="T84" fmla="*/ 138750 w 331"/>
                <a:gd name="T85" fmla="*/ 75374 h 323"/>
                <a:gd name="T86" fmla="*/ 138223 w 331"/>
                <a:gd name="T87" fmla="*/ 65820 h 323"/>
                <a:gd name="T88" fmla="*/ 147191 w 331"/>
                <a:gd name="T89" fmla="*/ 60512 h 323"/>
                <a:gd name="T90" fmla="*/ 150357 w 331"/>
                <a:gd name="T91" fmla="*/ 53611 h 323"/>
                <a:gd name="T92" fmla="*/ 145081 w 331"/>
                <a:gd name="T93" fmla="*/ 45649 h 323"/>
                <a:gd name="T94" fmla="*/ 154050 w 331"/>
                <a:gd name="T95" fmla="*/ 38749 h 323"/>
                <a:gd name="T96" fmla="*/ 164601 w 331"/>
                <a:gd name="T97" fmla="*/ 32910 h 323"/>
                <a:gd name="T98" fmla="*/ 168294 w 331"/>
                <a:gd name="T99" fmla="*/ 28663 h 323"/>
                <a:gd name="T100" fmla="*/ 163546 w 331"/>
                <a:gd name="T101" fmla="*/ 20701 h 323"/>
                <a:gd name="T102" fmla="*/ 152995 w 331"/>
                <a:gd name="T103" fmla="*/ 14332 h 323"/>
                <a:gd name="T104" fmla="*/ 139278 w 331"/>
                <a:gd name="T105" fmla="*/ 11147 h 323"/>
                <a:gd name="T106" fmla="*/ 110262 w 331"/>
                <a:gd name="T107" fmla="*/ 10085 h 323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0" t="0" r="r" b="b"/>
              <a:pathLst>
                <a:path w="331" h="323">
                  <a:moveTo>
                    <a:pt x="173" y="22"/>
                  </a:moveTo>
                  <a:lnTo>
                    <a:pt x="167" y="16"/>
                  </a:lnTo>
                  <a:lnTo>
                    <a:pt x="162" y="10"/>
                  </a:lnTo>
                  <a:lnTo>
                    <a:pt x="155" y="7"/>
                  </a:lnTo>
                  <a:lnTo>
                    <a:pt x="149" y="4"/>
                  </a:lnTo>
                  <a:lnTo>
                    <a:pt x="141" y="1"/>
                  </a:lnTo>
                  <a:lnTo>
                    <a:pt x="132" y="0"/>
                  </a:lnTo>
                  <a:lnTo>
                    <a:pt x="123" y="6"/>
                  </a:lnTo>
                  <a:lnTo>
                    <a:pt x="115" y="13"/>
                  </a:lnTo>
                  <a:lnTo>
                    <a:pt x="101" y="11"/>
                  </a:lnTo>
                  <a:lnTo>
                    <a:pt x="89" y="10"/>
                  </a:lnTo>
                  <a:lnTo>
                    <a:pt x="77" y="10"/>
                  </a:lnTo>
                  <a:lnTo>
                    <a:pt x="65" y="10"/>
                  </a:lnTo>
                  <a:lnTo>
                    <a:pt x="40" y="11"/>
                  </a:lnTo>
                  <a:lnTo>
                    <a:pt x="13" y="13"/>
                  </a:lnTo>
                  <a:lnTo>
                    <a:pt x="19" y="20"/>
                  </a:lnTo>
                  <a:lnTo>
                    <a:pt x="23" y="26"/>
                  </a:lnTo>
                  <a:lnTo>
                    <a:pt x="26" y="35"/>
                  </a:lnTo>
                  <a:lnTo>
                    <a:pt x="27" y="42"/>
                  </a:lnTo>
                  <a:lnTo>
                    <a:pt x="27" y="50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23" y="73"/>
                  </a:lnTo>
                  <a:lnTo>
                    <a:pt x="11" y="104"/>
                  </a:lnTo>
                  <a:lnTo>
                    <a:pt x="0" y="137"/>
                  </a:lnTo>
                  <a:lnTo>
                    <a:pt x="2" y="142"/>
                  </a:lnTo>
                  <a:lnTo>
                    <a:pt x="5" y="148"/>
                  </a:lnTo>
                  <a:lnTo>
                    <a:pt x="10" y="152"/>
                  </a:lnTo>
                  <a:lnTo>
                    <a:pt x="14" y="156"/>
                  </a:lnTo>
                  <a:lnTo>
                    <a:pt x="23" y="161"/>
                  </a:lnTo>
                  <a:lnTo>
                    <a:pt x="34" y="166"/>
                  </a:lnTo>
                  <a:lnTo>
                    <a:pt x="44" y="172"/>
                  </a:lnTo>
                  <a:lnTo>
                    <a:pt x="55" y="178"/>
                  </a:lnTo>
                  <a:lnTo>
                    <a:pt x="59" y="181"/>
                  </a:lnTo>
                  <a:lnTo>
                    <a:pt x="63" y="185"/>
                  </a:lnTo>
                  <a:lnTo>
                    <a:pt x="66" y="190"/>
                  </a:lnTo>
                  <a:lnTo>
                    <a:pt x="69" y="195"/>
                  </a:lnTo>
                  <a:lnTo>
                    <a:pt x="77" y="196"/>
                  </a:lnTo>
                  <a:lnTo>
                    <a:pt x="85" y="196"/>
                  </a:lnTo>
                  <a:lnTo>
                    <a:pt x="94" y="195"/>
                  </a:lnTo>
                  <a:lnTo>
                    <a:pt x="102" y="194"/>
                  </a:lnTo>
                  <a:lnTo>
                    <a:pt x="118" y="192"/>
                  </a:lnTo>
                  <a:lnTo>
                    <a:pt x="133" y="190"/>
                  </a:lnTo>
                  <a:lnTo>
                    <a:pt x="139" y="190"/>
                  </a:lnTo>
                  <a:lnTo>
                    <a:pt x="144" y="191"/>
                  </a:lnTo>
                  <a:lnTo>
                    <a:pt x="150" y="193"/>
                  </a:lnTo>
                  <a:lnTo>
                    <a:pt x="155" y="195"/>
                  </a:lnTo>
                  <a:lnTo>
                    <a:pt x="158" y="199"/>
                  </a:lnTo>
                  <a:lnTo>
                    <a:pt x="161" y="205"/>
                  </a:lnTo>
                  <a:lnTo>
                    <a:pt x="162" y="214"/>
                  </a:lnTo>
                  <a:lnTo>
                    <a:pt x="162" y="223"/>
                  </a:lnTo>
                  <a:lnTo>
                    <a:pt x="155" y="230"/>
                  </a:lnTo>
                  <a:lnTo>
                    <a:pt x="147" y="238"/>
                  </a:lnTo>
                  <a:lnTo>
                    <a:pt x="147" y="241"/>
                  </a:lnTo>
                  <a:lnTo>
                    <a:pt x="149" y="243"/>
                  </a:lnTo>
                  <a:lnTo>
                    <a:pt x="151" y="245"/>
                  </a:lnTo>
                  <a:lnTo>
                    <a:pt x="153" y="247"/>
                  </a:lnTo>
                  <a:lnTo>
                    <a:pt x="159" y="251"/>
                  </a:lnTo>
                  <a:lnTo>
                    <a:pt x="165" y="256"/>
                  </a:lnTo>
                  <a:lnTo>
                    <a:pt x="169" y="258"/>
                  </a:lnTo>
                  <a:lnTo>
                    <a:pt x="172" y="261"/>
                  </a:lnTo>
                  <a:lnTo>
                    <a:pt x="174" y="265"/>
                  </a:lnTo>
                  <a:lnTo>
                    <a:pt x="175" y="269"/>
                  </a:lnTo>
                  <a:lnTo>
                    <a:pt x="187" y="277"/>
                  </a:lnTo>
                  <a:lnTo>
                    <a:pt x="198" y="287"/>
                  </a:lnTo>
                  <a:lnTo>
                    <a:pt x="195" y="293"/>
                  </a:lnTo>
                  <a:lnTo>
                    <a:pt x="191" y="299"/>
                  </a:lnTo>
                  <a:lnTo>
                    <a:pt x="197" y="299"/>
                  </a:lnTo>
                  <a:lnTo>
                    <a:pt x="203" y="300"/>
                  </a:lnTo>
                  <a:lnTo>
                    <a:pt x="211" y="301"/>
                  </a:lnTo>
                  <a:lnTo>
                    <a:pt x="217" y="303"/>
                  </a:lnTo>
                  <a:lnTo>
                    <a:pt x="231" y="308"/>
                  </a:lnTo>
                  <a:lnTo>
                    <a:pt x="244" y="314"/>
                  </a:lnTo>
                  <a:lnTo>
                    <a:pt x="258" y="318"/>
                  </a:lnTo>
                  <a:lnTo>
                    <a:pt x="272" y="322"/>
                  </a:lnTo>
                  <a:lnTo>
                    <a:pt x="278" y="323"/>
                  </a:lnTo>
                  <a:lnTo>
                    <a:pt x="284" y="323"/>
                  </a:lnTo>
                  <a:lnTo>
                    <a:pt x="291" y="323"/>
                  </a:lnTo>
                  <a:lnTo>
                    <a:pt x="297" y="322"/>
                  </a:lnTo>
                  <a:lnTo>
                    <a:pt x="306" y="316"/>
                  </a:lnTo>
                  <a:lnTo>
                    <a:pt x="317" y="310"/>
                  </a:lnTo>
                  <a:lnTo>
                    <a:pt x="321" y="307"/>
                  </a:lnTo>
                  <a:lnTo>
                    <a:pt x="325" y="302"/>
                  </a:lnTo>
                  <a:lnTo>
                    <a:pt x="329" y="298"/>
                  </a:lnTo>
                  <a:lnTo>
                    <a:pt x="331" y="292"/>
                  </a:lnTo>
                  <a:lnTo>
                    <a:pt x="329" y="288"/>
                  </a:lnTo>
                  <a:lnTo>
                    <a:pt x="325" y="284"/>
                  </a:lnTo>
                  <a:lnTo>
                    <a:pt x="322" y="282"/>
                  </a:lnTo>
                  <a:lnTo>
                    <a:pt x="318" y="280"/>
                  </a:lnTo>
                  <a:lnTo>
                    <a:pt x="313" y="278"/>
                  </a:lnTo>
                  <a:lnTo>
                    <a:pt x="309" y="277"/>
                  </a:lnTo>
                  <a:lnTo>
                    <a:pt x="305" y="275"/>
                  </a:lnTo>
                  <a:lnTo>
                    <a:pt x="302" y="272"/>
                  </a:lnTo>
                  <a:lnTo>
                    <a:pt x="301" y="262"/>
                  </a:lnTo>
                  <a:lnTo>
                    <a:pt x="300" y="255"/>
                  </a:lnTo>
                  <a:lnTo>
                    <a:pt x="300" y="249"/>
                  </a:lnTo>
                  <a:lnTo>
                    <a:pt x="300" y="242"/>
                  </a:lnTo>
                  <a:lnTo>
                    <a:pt x="302" y="237"/>
                  </a:lnTo>
                  <a:lnTo>
                    <a:pt x="304" y="232"/>
                  </a:lnTo>
                  <a:lnTo>
                    <a:pt x="310" y="228"/>
                  </a:lnTo>
                  <a:lnTo>
                    <a:pt x="315" y="223"/>
                  </a:lnTo>
                  <a:lnTo>
                    <a:pt x="313" y="216"/>
                  </a:lnTo>
                  <a:lnTo>
                    <a:pt x="310" y="211"/>
                  </a:lnTo>
                  <a:lnTo>
                    <a:pt x="299" y="211"/>
                  </a:lnTo>
                  <a:lnTo>
                    <a:pt x="290" y="213"/>
                  </a:lnTo>
                  <a:lnTo>
                    <a:pt x="289" y="207"/>
                  </a:lnTo>
                  <a:lnTo>
                    <a:pt x="286" y="201"/>
                  </a:lnTo>
                  <a:lnTo>
                    <a:pt x="284" y="197"/>
                  </a:lnTo>
                  <a:lnTo>
                    <a:pt x="280" y="194"/>
                  </a:lnTo>
                  <a:lnTo>
                    <a:pt x="276" y="192"/>
                  </a:lnTo>
                  <a:lnTo>
                    <a:pt x="272" y="191"/>
                  </a:lnTo>
                  <a:lnTo>
                    <a:pt x="266" y="191"/>
                  </a:lnTo>
                  <a:lnTo>
                    <a:pt x="261" y="191"/>
                  </a:lnTo>
                  <a:lnTo>
                    <a:pt x="238" y="196"/>
                  </a:lnTo>
                  <a:lnTo>
                    <a:pt x="218" y="203"/>
                  </a:lnTo>
                  <a:lnTo>
                    <a:pt x="220" y="196"/>
                  </a:lnTo>
                  <a:lnTo>
                    <a:pt x="221" y="188"/>
                  </a:lnTo>
                  <a:lnTo>
                    <a:pt x="224" y="178"/>
                  </a:lnTo>
                  <a:lnTo>
                    <a:pt x="229" y="164"/>
                  </a:lnTo>
                  <a:lnTo>
                    <a:pt x="235" y="166"/>
                  </a:lnTo>
                  <a:lnTo>
                    <a:pt x="242" y="169"/>
                  </a:lnTo>
                  <a:lnTo>
                    <a:pt x="249" y="170"/>
                  </a:lnTo>
                  <a:lnTo>
                    <a:pt x="257" y="170"/>
                  </a:lnTo>
                  <a:lnTo>
                    <a:pt x="258" y="166"/>
                  </a:lnTo>
                  <a:lnTo>
                    <a:pt x="261" y="164"/>
                  </a:lnTo>
                  <a:lnTo>
                    <a:pt x="263" y="159"/>
                  </a:lnTo>
                  <a:lnTo>
                    <a:pt x="264" y="154"/>
                  </a:lnTo>
                  <a:lnTo>
                    <a:pt x="264" y="149"/>
                  </a:lnTo>
                  <a:lnTo>
                    <a:pt x="263" y="142"/>
                  </a:lnTo>
                  <a:lnTo>
                    <a:pt x="262" y="136"/>
                  </a:lnTo>
                  <a:lnTo>
                    <a:pt x="261" y="130"/>
                  </a:lnTo>
                  <a:lnTo>
                    <a:pt x="262" y="124"/>
                  </a:lnTo>
                  <a:lnTo>
                    <a:pt x="264" y="119"/>
                  </a:lnTo>
                  <a:lnTo>
                    <a:pt x="273" y="117"/>
                  </a:lnTo>
                  <a:lnTo>
                    <a:pt x="279" y="114"/>
                  </a:lnTo>
                  <a:lnTo>
                    <a:pt x="283" y="110"/>
                  </a:lnTo>
                  <a:lnTo>
                    <a:pt x="285" y="105"/>
                  </a:lnTo>
                  <a:lnTo>
                    <a:pt x="285" y="101"/>
                  </a:lnTo>
                  <a:lnTo>
                    <a:pt x="284" y="96"/>
                  </a:lnTo>
                  <a:lnTo>
                    <a:pt x="280" y="91"/>
                  </a:lnTo>
                  <a:lnTo>
                    <a:pt x="275" y="86"/>
                  </a:lnTo>
                  <a:lnTo>
                    <a:pt x="279" y="80"/>
                  </a:lnTo>
                  <a:lnTo>
                    <a:pt x="284" y="76"/>
                  </a:lnTo>
                  <a:lnTo>
                    <a:pt x="292" y="73"/>
                  </a:lnTo>
                  <a:lnTo>
                    <a:pt x="299" y="70"/>
                  </a:lnTo>
                  <a:lnTo>
                    <a:pt x="305" y="66"/>
                  </a:lnTo>
                  <a:lnTo>
                    <a:pt x="312" y="62"/>
                  </a:lnTo>
                  <a:lnTo>
                    <a:pt x="315" y="60"/>
                  </a:lnTo>
                  <a:lnTo>
                    <a:pt x="317" y="57"/>
                  </a:lnTo>
                  <a:lnTo>
                    <a:pt x="319" y="54"/>
                  </a:lnTo>
                  <a:lnTo>
                    <a:pt x="320" y="51"/>
                  </a:lnTo>
                  <a:lnTo>
                    <a:pt x="315" y="44"/>
                  </a:lnTo>
                  <a:lnTo>
                    <a:pt x="310" y="39"/>
                  </a:lnTo>
                  <a:lnTo>
                    <a:pt x="303" y="35"/>
                  </a:lnTo>
                  <a:lnTo>
                    <a:pt x="297" y="31"/>
                  </a:lnTo>
                  <a:lnTo>
                    <a:pt x="290" y="27"/>
                  </a:lnTo>
                  <a:lnTo>
                    <a:pt x="281" y="24"/>
                  </a:lnTo>
                  <a:lnTo>
                    <a:pt x="274" y="22"/>
                  </a:lnTo>
                  <a:lnTo>
                    <a:pt x="264" y="21"/>
                  </a:lnTo>
                  <a:lnTo>
                    <a:pt x="246" y="19"/>
                  </a:lnTo>
                  <a:lnTo>
                    <a:pt x="228" y="19"/>
                  </a:lnTo>
                  <a:lnTo>
                    <a:pt x="209" y="19"/>
                  </a:lnTo>
                  <a:lnTo>
                    <a:pt x="191" y="20"/>
                  </a:lnTo>
                  <a:lnTo>
                    <a:pt x="173" y="22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</p:grpSp>
      <p:grpSp>
        <p:nvGrpSpPr>
          <p:cNvPr id="250" name="Midtjylland"/>
          <p:cNvGrpSpPr>
            <a:grpSpLocks/>
          </p:cNvGrpSpPr>
          <p:nvPr/>
        </p:nvGrpSpPr>
        <p:grpSpPr>
          <a:xfrm>
            <a:off x="712789" y="3418077"/>
            <a:ext cx="2290767" cy="1436690"/>
            <a:chOff x="515938" y="3471867"/>
            <a:chExt cx="2290767" cy="1436690"/>
          </a:xfrm>
          <a:solidFill>
            <a:schemeClr val="bg1"/>
          </a:solidFill>
        </p:grpSpPr>
        <p:sp>
          <p:nvSpPr>
            <p:cNvPr id="251" name="Lemvig"/>
            <p:cNvSpPr>
              <a:spLocks noEditPoints="1"/>
            </p:cNvSpPr>
            <p:nvPr/>
          </p:nvSpPr>
          <p:spPr bwMode="auto">
            <a:xfrm>
              <a:off x="539750" y="3633788"/>
              <a:ext cx="293688" cy="438150"/>
            </a:xfrm>
            <a:custGeom>
              <a:avLst/>
              <a:gdLst>
                <a:gd name="T0" fmla="*/ 51 w 555"/>
                <a:gd name="T1" fmla="*/ 13 h 828"/>
                <a:gd name="T2" fmla="*/ 50 w 555"/>
                <a:gd name="T3" fmla="*/ 3 h 828"/>
                <a:gd name="T4" fmla="*/ 46 w 555"/>
                <a:gd name="T5" fmla="*/ 4 h 828"/>
                <a:gd name="T6" fmla="*/ 39 w 555"/>
                <a:gd name="T7" fmla="*/ 11 h 828"/>
                <a:gd name="T8" fmla="*/ 39 w 555"/>
                <a:gd name="T9" fmla="*/ 17 h 828"/>
                <a:gd name="T10" fmla="*/ 35 w 555"/>
                <a:gd name="T11" fmla="*/ 19 h 828"/>
                <a:gd name="T12" fmla="*/ 38 w 555"/>
                <a:gd name="T13" fmla="*/ 21 h 828"/>
                <a:gd name="T14" fmla="*/ 36 w 555"/>
                <a:gd name="T15" fmla="*/ 26 h 828"/>
                <a:gd name="T16" fmla="*/ 32 w 555"/>
                <a:gd name="T17" fmla="*/ 31 h 828"/>
                <a:gd name="T18" fmla="*/ 25 w 555"/>
                <a:gd name="T19" fmla="*/ 42 h 828"/>
                <a:gd name="T20" fmla="*/ 26 w 555"/>
                <a:gd name="T21" fmla="*/ 47 h 828"/>
                <a:gd name="T22" fmla="*/ 38 w 555"/>
                <a:gd name="T23" fmla="*/ 42 h 828"/>
                <a:gd name="T24" fmla="*/ 47 w 555"/>
                <a:gd name="T25" fmla="*/ 37 h 828"/>
                <a:gd name="T26" fmla="*/ 39 w 555"/>
                <a:gd name="T27" fmla="*/ 35 h 828"/>
                <a:gd name="T28" fmla="*/ 35 w 555"/>
                <a:gd name="T29" fmla="*/ 31 h 828"/>
                <a:gd name="T30" fmla="*/ 41 w 555"/>
                <a:gd name="T31" fmla="*/ 22 h 828"/>
                <a:gd name="T32" fmla="*/ 41 w 555"/>
                <a:gd name="T33" fmla="*/ 22 h 828"/>
                <a:gd name="T34" fmla="*/ 41 w 555"/>
                <a:gd name="T35" fmla="*/ 16 h 828"/>
                <a:gd name="T36" fmla="*/ 140 w 555"/>
                <a:gd name="T37" fmla="*/ 213 h 828"/>
                <a:gd name="T38" fmla="*/ 135 w 555"/>
                <a:gd name="T39" fmla="*/ 221 h 828"/>
                <a:gd name="T40" fmla="*/ 132 w 555"/>
                <a:gd name="T41" fmla="*/ 228 h 828"/>
                <a:gd name="T42" fmla="*/ 141 w 555"/>
                <a:gd name="T43" fmla="*/ 236 h 828"/>
                <a:gd name="T44" fmla="*/ 145 w 555"/>
                <a:gd name="T45" fmla="*/ 241 h 828"/>
                <a:gd name="T46" fmla="*/ 120 w 555"/>
                <a:gd name="T47" fmla="*/ 250 h 828"/>
                <a:gd name="T48" fmla="*/ 104 w 555"/>
                <a:gd name="T49" fmla="*/ 260 h 828"/>
                <a:gd name="T50" fmla="*/ 92 w 555"/>
                <a:gd name="T51" fmla="*/ 262 h 828"/>
                <a:gd name="T52" fmla="*/ 85 w 555"/>
                <a:gd name="T53" fmla="*/ 253 h 828"/>
                <a:gd name="T54" fmla="*/ 78 w 555"/>
                <a:gd name="T55" fmla="*/ 266 h 828"/>
                <a:gd name="T56" fmla="*/ 67 w 555"/>
                <a:gd name="T57" fmla="*/ 275 h 828"/>
                <a:gd name="T58" fmla="*/ 47 w 555"/>
                <a:gd name="T59" fmla="*/ 268 h 828"/>
                <a:gd name="T60" fmla="*/ 29 w 555"/>
                <a:gd name="T61" fmla="*/ 249 h 828"/>
                <a:gd name="T62" fmla="*/ 21 w 555"/>
                <a:gd name="T63" fmla="*/ 227 h 828"/>
                <a:gd name="T64" fmla="*/ 18 w 555"/>
                <a:gd name="T65" fmla="*/ 210 h 828"/>
                <a:gd name="T66" fmla="*/ 10 w 555"/>
                <a:gd name="T67" fmla="*/ 213 h 828"/>
                <a:gd name="T68" fmla="*/ 0 w 555"/>
                <a:gd name="T69" fmla="*/ 171 h 828"/>
                <a:gd name="T70" fmla="*/ 3 w 555"/>
                <a:gd name="T71" fmla="*/ 123 h 828"/>
                <a:gd name="T72" fmla="*/ 20 w 555"/>
                <a:gd name="T73" fmla="*/ 57 h 828"/>
                <a:gd name="T74" fmla="*/ 41 w 555"/>
                <a:gd name="T75" fmla="*/ 61 h 828"/>
                <a:gd name="T76" fmla="*/ 54 w 555"/>
                <a:gd name="T77" fmla="*/ 71 h 828"/>
                <a:gd name="T78" fmla="*/ 62 w 555"/>
                <a:gd name="T79" fmla="*/ 83 h 828"/>
                <a:gd name="T80" fmla="*/ 78 w 555"/>
                <a:gd name="T81" fmla="*/ 88 h 828"/>
                <a:gd name="T82" fmla="*/ 90 w 555"/>
                <a:gd name="T83" fmla="*/ 93 h 828"/>
                <a:gd name="T84" fmla="*/ 81 w 555"/>
                <a:gd name="T85" fmla="*/ 95 h 828"/>
                <a:gd name="T86" fmla="*/ 81 w 555"/>
                <a:gd name="T87" fmla="*/ 100 h 828"/>
                <a:gd name="T88" fmla="*/ 85 w 555"/>
                <a:gd name="T89" fmla="*/ 117 h 828"/>
                <a:gd name="T90" fmla="*/ 90 w 555"/>
                <a:gd name="T91" fmla="*/ 120 h 828"/>
                <a:gd name="T92" fmla="*/ 94 w 555"/>
                <a:gd name="T93" fmla="*/ 107 h 828"/>
                <a:gd name="T94" fmla="*/ 104 w 555"/>
                <a:gd name="T95" fmla="*/ 103 h 828"/>
                <a:gd name="T96" fmla="*/ 132 w 555"/>
                <a:gd name="T97" fmla="*/ 105 h 828"/>
                <a:gd name="T98" fmla="*/ 158 w 555"/>
                <a:gd name="T99" fmla="*/ 114 h 828"/>
                <a:gd name="T100" fmla="*/ 185 w 555"/>
                <a:gd name="T101" fmla="*/ 128 h 828"/>
                <a:gd name="T102" fmla="*/ 180 w 555"/>
                <a:gd name="T103" fmla="*/ 133 h 828"/>
                <a:gd name="T104" fmla="*/ 179 w 555"/>
                <a:gd name="T105" fmla="*/ 163 h 828"/>
                <a:gd name="T106" fmla="*/ 170 w 555"/>
                <a:gd name="T107" fmla="*/ 191 h 828"/>
                <a:gd name="T108" fmla="*/ 161 w 555"/>
                <a:gd name="T109" fmla="*/ 203 h 828"/>
                <a:gd name="T110" fmla="*/ 147 w 555"/>
                <a:gd name="T111" fmla="*/ 211 h 828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555" h="828">
                  <a:moveTo>
                    <a:pt x="124" y="48"/>
                  </a:moveTo>
                  <a:lnTo>
                    <a:pt x="133" y="47"/>
                  </a:lnTo>
                  <a:lnTo>
                    <a:pt x="140" y="45"/>
                  </a:lnTo>
                  <a:lnTo>
                    <a:pt x="146" y="42"/>
                  </a:lnTo>
                  <a:lnTo>
                    <a:pt x="153" y="38"/>
                  </a:lnTo>
                  <a:lnTo>
                    <a:pt x="147" y="34"/>
                  </a:lnTo>
                  <a:lnTo>
                    <a:pt x="153" y="29"/>
                  </a:lnTo>
                  <a:lnTo>
                    <a:pt x="152" y="21"/>
                  </a:lnTo>
                  <a:lnTo>
                    <a:pt x="152" y="11"/>
                  </a:lnTo>
                  <a:lnTo>
                    <a:pt x="150" y="8"/>
                  </a:lnTo>
                  <a:lnTo>
                    <a:pt x="148" y="5"/>
                  </a:lnTo>
                  <a:lnTo>
                    <a:pt x="146" y="3"/>
                  </a:lnTo>
                  <a:lnTo>
                    <a:pt x="143" y="0"/>
                  </a:lnTo>
                  <a:lnTo>
                    <a:pt x="141" y="7"/>
                  </a:lnTo>
                  <a:lnTo>
                    <a:pt x="138" y="12"/>
                  </a:lnTo>
                  <a:lnTo>
                    <a:pt x="134" y="16"/>
                  </a:lnTo>
                  <a:lnTo>
                    <a:pt x="129" y="19"/>
                  </a:lnTo>
                  <a:lnTo>
                    <a:pt x="124" y="24"/>
                  </a:lnTo>
                  <a:lnTo>
                    <a:pt x="120" y="27"/>
                  </a:lnTo>
                  <a:lnTo>
                    <a:pt x="117" y="32"/>
                  </a:lnTo>
                  <a:lnTo>
                    <a:pt x="115" y="38"/>
                  </a:lnTo>
                  <a:lnTo>
                    <a:pt x="124" y="38"/>
                  </a:lnTo>
                  <a:lnTo>
                    <a:pt x="124" y="48"/>
                  </a:lnTo>
                  <a:close/>
                  <a:moveTo>
                    <a:pt x="124" y="38"/>
                  </a:moveTo>
                  <a:lnTo>
                    <a:pt x="118" y="52"/>
                  </a:lnTo>
                  <a:lnTo>
                    <a:pt x="115" y="62"/>
                  </a:lnTo>
                  <a:lnTo>
                    <a:pt x="124" y="38"/>
                  </a:lnTo>
                  <a:close/>
                  <a:moveTo>
                    <a:pt x="105" y="57"/>
                  </a:moveTo>
                  <a:lnTo>
                    <a:pt x="115" y="62"/>
                  </a:lnTo>
                  <a:lnTo>
                    <a:pt x="105" y="57"/>
                  </a:lnTo>
                  <a:close/>
                  <a:moveTo>
                    <a:pt x="105" y="67"/>
                  </a:moveTo>
                  <a:lnTo>
                    <a:pt x="105" y="62"/>
                  </a:lnTo>
                  <a:lnTo>
                    <a:pt x="105" y="57"/>
                  </a:lnTo>
                  <a:lnTo>
                    <a:pt x="105" y="67"/>
                  </a:lnTo>
                  <a:close/>
                  <a:moveTo>
                    <a:pt x="115" y="62"/>
                  </a:moveTo>
                  <a:lnTo>
                    <a:pt x="105" y="67"/>
                  </a:lnTo>
                  <a:lnTo>
                    <a:pt x="115" y="62"/>
                  </a:lnTo>
                  <a:close/>
                  <a:moveTo>
                    <a:pt x="96" y="94"/>
                  </a:moveTo>
                  <a:lnTo>
                    <a:pt x="102" y="86"/>
                  </a:lnTo>
                  <a:lnTo>
                    <a:pt x="107" y="77"/>
                  </a:lnTo>
                  <a:lnTo>
                    <a:pt x="112" y="70"/>
                  </a:lnTo>
                  <a:lnTo>
                    <a:pt x="115" y="62"/>
                  </a:lnTo>
                  <a:lnTo>
                    <a:pt x="96" y="94"/>
                  </a:lnTo>
                  <a:close/>
                  <a:moveTo>
                    <a:pt x="96" y="86"/>
                  </a:moveTo>
                  <a:lnTo>
                    <a:pt x="96" y="94"/>
                  </a:lnTo>
                  <a:lnTo>
                    <a:pt x="96" y="86"/>
                  </a:lnTo>
                  <a:close/>
                  <a:moveTo>
                    <a:pt x="96" y="86"/>
                  </a:moveTo>
                  <a:lnTo>
                    <a:pt x="88" y="98"/>
                  </a:lnTo>
                  <a:lnTo>
                    <a:pt x="78" y="116"/>
                  </a:lnTo>
                  <a:lnTo>
                    <a:pt x="75" y="126"/>
                  </a:lnTo>
                  <a:lnTo>
                    <a:pt x="73" y="133"/>
                  </a:lnTo>
                  <a:lnTo>
                    <a:pt x="73" y="136"/>
                  </a:lnTo>
                  <a:lnTo>
                    <a:pt x="74" y="138"/>
                  </a:lnTo>
                  <a:lnTo>
                    <a:pt x="75" y="141"/>
                  </a:lnTo>
                  <a:lnTo>
                    <a:pt x="78" y="142"/>
                  </a:lnTo>
                  <a:lnTo>
                    <a:pt x="81" y="138"/>
                  </a:lnTo>
                  <a:lnTo>
                    <a:pt x="87" y="136"/>
                  </a:lnTo>
                  <a:lnTo>
                    <a:pt x="96" y="133"/>
                  </a:lnTo>
                  <a:lnTo>
                    <a:pt x="104" y="131"/>
                  </a:lnTo>
                  <a:lnTo>
                    <a:pt x="114" y="127"/>
                  </a:lnTo>
                  <a:lnTo>
                    <a:pt x="124" y="124"/>
                  </a:lnTo>
                  <a:lnTo>
                    <a:pt x="134" y="118"/>
                  </a:lnTo>
                  <a:lnTo>
                    <a:pt x="143" y="113"/>
                  </a:lnTo>
                  <a:lnTo>
                    <a:pt x="142" y="111"/>
                  </a:lnTo>
                  <a:lnTo>
                    <a:pt x="140" y="110"/>
                  </a:lnTo>
                  <a:lnTo>
                    <a:pt x="138" y="108"/>
                  </a:lnTo>
                  <a:lnTo>
                    <a:pt x="135" y="108"/>
                  </a:lnTo>
                  <a:lnTo>
                    <a:pt x="129" y="106"/>
                  </a:lnTo>
                  <a:lnTo>
                    <a:pt x="123" y="106"/>
                  </a:lnTo>
                  <a:lnTo>
                    <a:pt x="117" y="105"/>
                  </a:lnTo>
                  <a:lnTo>
                    <a:pt x="112" y="103"/>
                  </a:lnTo>
                  <a:lnTo>
                    <a:pt x="109" y="102"/>
                  </a:lnTo>
                  <a:lnTo>
                    <a:pt x="107" y="99"/>
                  </a:lnTo>
                  <a:lnTo>
                    <a:pt x="106" y="97"/>
                  </a:lnTo>
                  <a:lnTo>
                    <a:pt x="105" y="94"/>
                  </a:lnTo>
                  <a:lnTo>
                    <a:pt x="96" y="86"/>
                  </a:lnTo>
                  <a:close/>
                  <a:moveTo>
                    <a:pt x="96" y="94"/>
                  </a:moveTo>
                  <a:lnTo>
                    <a:pt x="105" y="94"/>
                  </a:lnTo>
                  <a:lnTo>
                    <a:pt x="96" y="94"/>
                  </a:lnTo>
                  <a:close/>
                  <a:moveTo>
                    <a:pt x="124" y="67"/>
                  </a:moveTo>
                  <a:lnTo>
                    <a:pt x="115" y="62"/>
                  </a:lnTo>
                  <a:lnTo>
                    <a:pt x="124" y="67"/>
                  </a:lnTo>
                  <a:close/>
                  <a:moveTo>
                    <a:pt x="124" y="57"/>
                  </a:moveTo>
                  <a:lnTo>
                    <a:pt x="124" y="62"/>
                  </a:lnTo>
                  <a:lnTo>
                    <a:pt x="124" y="67"/>
                  </a:lnTo>
                  <a:lnTo>
                    <a:pt x="124" y="57"/>
                  </a:lnTo>
                  <a:close/>
                  <a:moveTo>
                    <a:pt x="115" y="62"/>
                  </a:moveTo>
                  <a:lnTo>
                    <a:pt x="124" y="57"/>
                  </a:lnTo>
                  <a:lnTo>
                    <a:pt x="115" y="62"/>
                  </a:lnTo>
                  <a:close/>
                  <a:moveTo>
                    <a:pt x="124" y="48"/>
                  </a:moveTo>
                  <a:lnTo>
                    <a:pt x="124" y="38"/>
                  </a:lnTo>
                  <a:lnTo>
                    <a:pt x="124" y="48"/>
                  </a:lnTo>
                  <a:close/>
                  <a:moveTo>
                    <a:pt x="431" y="638"/>
                  </a:moveTo>
                  <a:lnTo>
                    <a:pt x="425" y="639"/>
                  </a:lnTo>
                  <a:lnTo>
                    <a:pt x="421" y="640"/>
                  </a:lnTo>
                  <a:lnTo>
                    <a:pt x="417" y="641"/>
                  </a:lnTo>
                  <a:lnTo>
                    <a:pt x="415" y="644"/>
                  </a:lnTo>
                  <a:lnTo>
                    <a:pt x="411" y="649"/>
                  </a:lnTo>
                  <a:lnTo>
                    <a:pt x="408" y="657"/>
                  </a:lnTo>
                  <a:lnTo>
                    <a:pt x="406" y="664"/>
                  </a:lnTo>
                  <a:lnTo>
                    <a:pt x="404" y="672"/>
                  </a:lnTo>
                  <a:lnTo>
                    <a:pt x="403" y="675"/>
                  </a:lnTo>
                  <a:lnTo>
                    <a:pt x="401" y="679"/>
                  </a:lnTo>
                  <a:lnTo>
                    <a:pt x="399" y="682"/>
                  </a:lnTo>
                  <a:lnTo>
                    <a:pt x="396" y="685"/>
                  </a:lnTo>
                  <a:lnTo>
                    <a:pt x="399" y="691"/>
                  </a:lnTo>
                  <a:lnTo>
                    <a:pt x="404" y="698"/>
                  </a:lnTo>
                  <a:lnTo>
                    <a:pt x="410" y="702"/>
                  </a:lnTo>
                  <a:lnTo>
                    <a:pt x="417" y="706"/>
                  </a:lnTo>
                  <a:lnTo>
                    <a:pt x="424" y="709"/>
                  </a:lnTo>
                  <a:lnTo>
                    <a:pt x="433" y="711"/>
                  </a:lnTo>
                  <a:lnTo>
                    <a:pt x="442" y="712"/>
                  </a:lnTo>
                  <a:lnTo>
                    <a:pt x="452" y="712"/>
                  </a:lnTo>
                  <a:lnTo>
                    <a:pt x="443" y="719"/>
                  </a:lnTo>
                  <a:lnTo>
                    <a:pt x="434" y="724"/>
                  </a:lnTo>
                  <a:lnTo>
                    <a:pt x="423" y="729"/>
                  </a:lnTo>
                  <a:lnTo>
                    <a:pt x="414" y="733"/>
                  </a:lnTo>
                  <a:lnTo>
                    <a:pt x="393" y="741"/>
                  </a:lnTo>
                  <a:lnTo>
                    <a:pt x="372" y="747"/>
                  </a:lnTo>
                  <a:lnTo>
                    <a:pt x="361" y="751"/>
                  </a:lnTo>
                  <a:lnTo>
                    <a:pt x="351" y="755"/>
                  </a:lnTo>
                  <a:lnTo>
                    <a:pt x="340" y="761"/>
                  </a:lnTo>
                  <a:lnTo>
                    <a:pt x="331" y="766"/>
                  </a:lnTo>
                  <a:lnTo>
                    <a:pt x="320" y="772"/>
                  </a:lnTo>
                  <a:lnTo>
                    <a:pt x="311" y="779"/>
                  </a:lnTo>
                  <a:lnTo>
                    <a:pt x="301" y="787"/>
                  </a:lnTo>
                  <a:lnTo>
                    <a:pt x="293" y="797"/>
                  </a:lnTo>
                  <a:lnTo>
                    <a:pt x="286" y="793"/>
                  </a:lnTo>
                  <a:lnTo>
                    <a:pt x="281" y="790"/>
                  </a:lnTo>
                  <a:lnTo>
                    <a:pt x="276" y="786"/>
                  </a:lnTo>
                  <a:lnTo>
                    <a:pt x="271" y="781"/>
                  </a:lnTo>
                  <a:lnTo>
                    <a:pt x="266" y="777"/>
                  </a:lnTo>
                  <a:lnTo>
                    <a:pt x="262" y="771"/>
                  </a:lnTo>
                  <a:lnTo>
                    <a:pt x="259" y="766"/>
                  </a:lnTo>
                  <a:lnTo>
                    <a:pt x="256" y="760"/>
                  </a:lnTo>
                  <a:lnTo>
                    <a:pt x="251" y="765"/>
                  </a:lnTo>
                  <a:lnTo>
                    <a:pt x="246" y="770"/>
                  </a:lnTo>
                  <a:lnTo>
                    <a:pt x="243" y="777"/>
                  </a:lnTo>
                  <a:lnTo>
                    <a:pt x="239" y="783"/>
                  </a:lnTo>
                  <a:lnTo>
                    <a:pt x="233" y="797"/>
                  </a:lnTo>
                  <a:lnTo>
                    <a:pt x="224" y="808"/>
                  </a:lnTo>
                  <a:lnTo>
                    <a:pt x="220" y="813"/>
                  </a:lnTo>
                  <a:lnTo>
                    <a:pt x="215" y="819"/>
                  </a:lnTo>
                  <a:lnTo>
                    <a:pt x="208" y="823"/>
                  </a:lnTo>
                  <a:lnTo>
                    <a:pt x="202" y="826"/>
                  </a:lnTo>
                  <a:lnTo>
                    <a:pt x="194" y="827"/>
                  </a:lnTo>
                  <a:lnTo>
                    <a:pt x="184" y="828"/>
                  </a:lnTo>
                  <a:lnTo>
                    <a:pt x="174" y="827"/>
                  </a:lnTo>
                  <a:lnTo>
                    <a:pt x="162" y="825"/>
                  </a:lnTo>
                  <a:lnTo>
                    <a:pt x="142" y="805"/>
                  </a:lnTo>
                  <a:lnTo>
                    <a:pt x="122" y="786"/>
                  </a:lnTo>
                  <a:lnTo>
                    <a:pt x="113" y="777"/>
                  </a:lnTo>
                  <a:lnTo>
                    <a:pt x="103" y="767"/>
                  </a:lnTo>
                  <a:lnTo>
                    <a:pt x="94" y="757"/>
                  </a:lnTo>
                  <a:lnTo>
                    <a:pt x="86" y="746"/>
                  </a:lnTo>
                  <a:lnTo>
                    <a:pt x="79" y="735"/>
                  </a:lnTo>
                  <a:lnTo>
                    <a:pt x="73" y="724"/>
                  </a:lnTo>
                  <a:lnTo>
                    <a:pt x="67" y="710"/>
                  </a:lnTo>
                  <a:lnTo>
                    <a:pt x="64" y="697"/>
                  </a:lnTo>
                  <a:lnTo>
                    <a:pt x="62" y="682"/>
                  </a:lnTo>
                  <a:lnTo>
                    <a:pt x="62" y="666"/>
                  </a:lnTo>
                  <a:lnTo>
                    <a:pt x="64" y="648"/>
                  </a:lnTo>
                  <a:lnTo>
                    <a:pt x="68" y="628"/>
                  </a:lnTo>
                  <a:lnTo>
                    <a:pt x="61" y="628"/>
                  </a:lnTo>
                  <a:lnTo>
                    <a:pt x="55" y="629"/>
                  </a:lnTo>
                  <a:lnTo>
                    <a:pt x="50" y="631"/>
                  </a:lnTo>
                  <a:lnTo>
                    <a:pt x="46" y="634"/>
                  </a:lnTo>
                  <a:lnTo>
                    <a:pt x="42" y="638"/>
                  </a:lnTo>
                  <a:lnTo>
                    <a:pt x="37" y="639"/>
                  </a:lnTo>
                  <a:lnTo>
                    <a:pt x="29" y="640"/>
                  </a:lnTo>
                  <a:lnTo>
                    <a:pt x="21" y="638"/>
                  </a:lnTo>
                  <a:lnTo>
                    <a:pt x="14" y="607"/>
                  </a:lnTo>
                  <a:lnTo>
                    <a:pt x="7" y="575"/>
                  </a:lnTo>
                  <a:lnTo>
                    <a:pt x="3" y="545"/>
                  </a:lnTo>
                  <a:lnTo>
                    <a:pt x="1" y="514"/>
                  </a:lnTo>
                  <a:lnTo>
                    <a:pt x="0" y="485"/>
                  </a:lnTo>
                  <a:lnTo>
                    <a:pt x="0" y="455"/>
                  </a:lnTo>
                  <a:lnTo>
                    <a:pt x="1" y="426"/>
                  </a:lnTo>
                  <a:lnTo>
                    <a:pt x="4" y="396"/>
                  </a:lnTo>
                  <a:lnTo>
                    <a:pt x="8" y="368"/>
                  </a:lnTo>
                  <a:lnTo>
                    <a:pt x="14" y="339"/>
                  </a:lnTo>
                  <a:lnTo>
                    <a:pt x="19" y="310"/>
                  </a:lnTo>
                  <a:lnTo>
                    <a:pt x="26" y="282"/>
                  </a:lnTo>
                  <a:lnTo>
                    <a:pt x="41" y="226"/>
                  </a:lnTo>
                  <a:lnTo>
                    <a:pt x="59" y="170"/>
                  </a:lnTo>
                  <a:lnTo>
                    <a:pt x="69" y="174"/>
                  </a:lnTo>
                  <a:lnTo>
                    <a:pt x="82" y="177"/>
                  </a:lnTo>
                  <a:lnTo>
                    <a:pt x="95" y="180"/>
                  </a:lnTo>
                  <a:lnTo>
                    <a:pt x="108" y="181"/>
                  </a:lnTo>
                  <a:lnTo>
                    <a:pt x="122" y="182"/>
                  </a:lnTo>
                  <a:lnTo>
                    <a:pt x="137" y="184"/>
                  </a:lnTo>
                  <a:lnTo>
                    <a:pt x="149" y="185"/>
                  </a:lnTo>
                  <a:lnTo>
                    <a:pt x="162" y="188"/>
                  </a:lnTo>
                  <a:lnTo>
                    <a:pt x="161" y="202"/>
                  </a:lnTo>
                  <a:lnTo>
                    <a:pt x="161" y="213"/>
                  </a:lnTo>
                  <a:lnTo>
                    <a:pt x="164" y="223"/>
                  </a:lnTo>
                  <a:lnTo>
                    <a:pt x="167" y="231"/>
                  </a:lnTo>
                  <a:lnTo>
                    <a:pt x="173" y="238"/>
                  </a:lnTo>
                  <a:lnTo>
                    <a:pt x="179" y="245"/>
                  </a:lnTo>
                  <a:lnTo>
                    <a:pt x="186" y="250"/>
                  </a:lnTo>
                  <a:lnTo>
                    <a:pt x="195" y="254"/>
                  </a:lnTo>
                  <a:lnTo>
                    <a:pt x="203" y="257"/>
                  </a:lnTo>
                  <a:lnTo>
                    <a:pt x="213" y="261"/>
                  </a:lnTo>
                  <a:lnTo>
                    <a:pt x="222" y="263"/>
                  </a:lnTo>
                  <a:lnTo>
                    <a:pt x="233" y="265"/>
                  </a:lnTo>
                  <a:lnTo>
                    <a:pt x="254" y="268"/>
                  </a:lnTo>
                  <a:lnTo>
                    <a:pt x="274" y="272"/>
                  </a:lnTo>
                  <a:lnTo>
                    <a:pt x="274" y="275"/>
                  </a:lnTo>
                  <a:lnTo>
                    <a:pt x="273" y="277"/>
                  </a:lnTo>
                  <a:lnTo>
                    <a:pt x="271" y="280"/>
                  </a:lnTo>
                  <a:lnTo>
                    <a:pt x="268" y="281"/>
                  </a:lnTo>
                  <a:lnTo>
                    <a:pt x="263" y="283"/>
                  </a:lnTo>
                  <a:lnTo>
                    <a:pt x="257" y="284"/>
                  </a:lnTo>
                  <a:lnTo>
                    <a:pt x="251" y="284"/>
                  </a:lnTo>
                  <a:lnTo>
                    <a:pt x="244" y="286"/>
                  </a:lnTo>
                  <a:lnTo>
                    <a:pt x="242" y="286"/>
                  </a:lnTo>
                  <a:lnTo>
                    <a:pt x="240" y="288"/>
                  </a:lnTo>
                  <a:lnTo>
                    <a:pt x="238" y="289"/>
                  </a:lnTo>
                  <a:lnTo>
                    <a:pt x="237" y="291"/>
                  </a:lnTo>
                  <a:lnTo>
                    <a:pt x="242" y="300"/>
                  </a:lnTo>
                  <a:lnTo>
                    <a:pt x="245" y="308"/>
                  </a:lnTo>
                  <a:lnTo>
                    <a:pt x="248" y="319"/>
                  </a:lnTo>
                  <a:lnTo>
                    <a:pt x="251" y="329"/>
                  </a:lnTo>
                  <a:lnTo>
                    <a:pt x="253" y="340"/>
                  </a:lnTo>
                  <a:lnTo>
                    <a:pt x="255" y="350"/>
                  </a:lnTo>
                  <a:lnTo>
                    <a:pt x="257" y="354"/>
                  </a:lnTo>
                  <a:lnTo>
                    <a:pt x="259" y="359"/>
                  </a:lnTo>
                  <a:lnTo>
                    <a:pt x="262" y="363"/>
                  </a:lnTo>
                  <a:lnTo>
                    <a:pt x="264" y="366"/>
                  </a:lnTo>
                  <a:lnTo>
                    <a:pt x="269" y="361"/>
                  </a:lnTo>
                  <a:lnTo>
                    <a:pt x="273" y="353"/>
                  </a:lnTo>
                  <a:lnTo>
                    <a:pt x="276" y="345"/>
                  </a:lnTo>
                  <a:lnTo>
                    <a:pt x="278" y="337"/>
                  </a:lnTo>
                  <a:lnTo>
                    <a:pt x="280" y="329"/>
                  </a:lnTo>
                  <a:lnTo>
                    <a:pt x="283" y="322"/>
                  </a:lnTo>
                  <a:lnTo>
                    <a:pt x="285" y="317"/>
                  </a:lnTo>
                  <a:lnTo>
                    <a:pt x="287" y="314"/>
                  </a:lnTo>
                  <a:lnTo>
                    <a:pt x="289" y="312"/>
                  </a:lnTo>
                  <a:lnTo>
                    <a:pt x="293" y="310"/>
                  </a:lnTo>
                  <a:lnTo>
                    <a:pt x="311" y="309"/>
                  </a:lnTo>
                  <a:lnTo>
                    <a:pt x="328" y="309"/>
                  </a:lnTo>
                  <a:lnTo>
                    <a:pt x="346" y="310"/>
                  </a:lnTo>
                  <a:lnTo>
                    <a:pt x="363" y="311"/>
                  </a:lnTo>
                  <a:lnTo>
                    <a:pt x="380" y="313"/>
                  </a:lnTo>
                  <a:lnTo>
                    <a:pt x="397" y="316"/>
                  </a:lnTo>
                  <a:lnTo>
                    <a:pt x="413" y="320"/>
                  </a:lnTo>
                  <a:lnTo>
                    <a:pt x="428" y="324"/>
                  </a:lnTo>
                  <a:lnTo>
                    <a:pt x="444" y="329"/>
                  </a:lnTo>
                  <a:lnTo>
                    <a:pt x="460" y="334"/>
                  </a:lnTo>
                  <a:lnTo>
                    <a:pt x="475" y="341"/>
                  </a:lnTo>
                  <a:lnTo>
                    <a:pt x="490" y="346"/>
                  </a:lnTo>
                  <a:lnTo>
                    <a:pt x="518" y="361"/>
                  </a:lnTo>
                  <a:lnTo>
                    <a:pt x="545" y="375"/>
                  </a:lnTo>
                  <a:lnTo>
                    <a:pt x="551" y="382"/>
                  </a:lnTo>
                  <a:lnTo>
                    <a:pt x="555" y="385"/>
                  </a:lnTo>
                  <a:lnTo>
                    <a:pt x="551" y="385"/>
                  </a:lnTo>
                  <a:lnTo>
                    <a:pt x="545" y="385"/>
                  </a:lnTo>
                  <a:lnTo>
                    <a:pt x="541" y="385"/>
                  </a:lnTo>
                  <a:lnTo>
                    <a:pt x="536" y="385"/>
                  </a:lnTo>
                  <a:lnTo>
                    <a:pt x="539" y="400"/>
                  </a:lnTo>
                  <a:lnTo>
                    <a:pt x="540" y="415"/>
                  </a:lnTo>
                  <a:lnTo>
                    <a:pt x="541" y="432"/>
                  </a:lnTo>
                  <a:lnTo>
                    <a:pt x="541" y="451"/>
                  </a:lnTo>
                  <a:lnTo>
                    <a:pt x="540" y="469"/>
                  </a:lnTo>
                  <a:lnTo>
                    <a:pt x="538" y="489"/>
                  </a:lnTo>
                  <a:lnTo>
                    <a:pt x="534" y="508"/>
                  </a:lnTo>
                  <a:lnTo>
                    <a:pt x="530" y="527"/>
                  </a:lnTo>
                  <a:lnTo>
                    <a:pt x="523" y="546"/>
                  </a:lnTo>
                  <a:lnTo>
                    <a:pt x="515" y="564"/>
                  </a:lnTo>
                  <a:lnTo>
                    <a:pt x="511" y="572"/>
                  </a:lnTo>
                  <a:lnTo>
                    <a:pt x="505" y="581"/>
                  </a:lnTo>
                  <a:lnTo>
                    <a:pt x="500" y="588"/>
                  </a:lnTo>
                  <a:lnTo>
                    <a:pt x="495" y="596"/>
                  </a:lnTo>
                  <a:lnTo>
                    <a:pt x="488" y="603"/>
                  </a:lnTo>
                  <a:lnTo>
                    <a:pt x="482" y="610"/>
                  </a:lnTo>
                  <a:lnTo>
                    <a:pt x="475" y="615"/>
                  </a:lnTo>
                  <a:lnTo>
                    <a:pt x="467" y="622"/>
                  </a:lnTo>
                  <a:lnTo>
                    <a:pt x="460" y="626"/>
                  </a:lnTo>
                  <a:lnTo>
                    <a:pt x="452" y="631"/>
                  </a:lnTo>
                  <a:lnTo>
                    <a:pt x="442" y="634"/>
                  </a:lnTo>
                  <a:lnTo>
                    <a:pt x="434" y="638"/>
                  </a:lnTo>
                  <a:lnTo>
                    <a:pt x="431" y="638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grpSp>
          <p:nvGrpSpPr>
            <p:cNvPr id="252" name="Struer"/>
            <p:cNvGrpSpPr/>
            <p:nvPr/>
          </p:nvGrpSpPr>
          <p:grpSpPr>
            <a:xfrm>
              <a:off x="754063" y="3663950"/>
              <a:ext cx="233363" cy="347668"/>
              <a:chOff x="754063" y="3663950"/>
              <a:chExt cx="233363" cy="347668"/>
            </a:xfrm>
            <a:grpFill/>
          </p:grpSpPr>
          <p:sp>
            <p:nvSpPr>
              <p:cNvPr id="353" name="Struer kant 3"/>
              <p:cNvSpPr>
                <a:spLocks/>
              </p:cNvSpPr>
              <p:nvPr/>
            </p:nvSpPr>
            <p:spPr bwMode="auto">
              <a:xfrm>
                <a:off x="909638" y="3694113"/>
                <a:ext cx="33338" cy="44450"/>
              </a:xfrm>
              <a:custGeom>
                <a:avLst/>
                <a:gdLst>
                  <a:gd name="T0" fmla="*/ 2 w 64"/>
                  <a:gd name="T1" fmla="*/ 19 h 84"/>
                  <a:gd name="T2" fmla="*/ 3 w 64"/>
                  <a:gd name="T3" fmla="*/ 15 h 84"/>
                  <a:gd name="T4" fmla="*/ 2 w 64"/>
                  <a:gd name="T5" fmla="*/ 13 h 84"/>
                  <a:gd name="T6" fmla="*/ 1 w 64"/>
                  <a:gd name="T7" fmla="*/ 10 h 84"/>
                  <a:gd name="T8" fmla="*/ 1 w 64"/>
                  <a:gd name="T9" fmla="*/ 8 h 84"/>
                  <a:gd name="T10" fmla="*/ 0 w 64"/>
                  <a:gd name="T11" fmla="*/ 6 h 84"/>
                  <a:gd name="T12" fmla="*/ 0 w 64"/>
                  <a:gd name="T13" fmla="*/ 4 h 84"/>
                  <a:gd name="T14" fmla="*/ 0 w 64"/>
                  <a:gd name="T15" fmla="*/ 4 h 84"/>
                  <a:gd name="T16" fmla="*/ 1 w 64"/>
                  <a:gd name="T17" fmla="*/ 3 h 84"/>
                  <a:gd name="T18" fmla="*/ 1 w 64"/>
                  <a:gd name="T19" fmla="*/ 1 h 84"/>
                  <a:gd name="T20" fmla="*/ 2 w 64"/>
                  <a:gd name="T21" fmla="*/ 0 h 84"/>
                  <a:gd name="T22" fmla="*/ 5 w 64"/>
                  <a:gd name="T23" fmla="*/ 0 h 84"/>
                  <a:gd name="T24" fmla="*/ 7 w 64"/>
                  <a:gd name="T25" fmla="*/ 1 h 84"/>
                  <a:gd name="T26" fmla="*/ 9 w 64"/>
                  <a:gd name="T27" fmla="*/ 2 h 84"/>
                  <a:gd name="T28" fmla="*/ 11 w 64"/>
                  <a:gd name="T29" fmla="*/ 3 h 84"/>
                  <a:gd name="T30" fmla="*/ 13 w 64"/>
                  <a:gd name="T31" fmla="*/ 3 h 84"/>
                  <a:gd name="T32" fmla="*/ 15 w 64"/>
                  <a:gd name="T33" fmla="*/ 4 h 84"/>
                  <a:gd name="T34" fmla="*/ 18 w 64"/>
                  <a:gd name="T35" fmla="*/ 4 h 84"/>
                  <a:gd name="T36" fmla="*/ 21 w 64"/>
                  <a:gd name="T37" fmla="*/ 3 h 84"/>
                  <a:gd name="T38" fmla="*/ 18 w 64"/>
                  <a:gd name="T39" fmla="*/ 10 h 84"/>
                  <a:gd name="T40" fmla="*/ 17 w 64"/>
                  <a:gd name="T41" fmla="*/ 14 h 84"/>
                  <a:gd name="T42" fmla="*/ 17 w 64"/>
                  <a:gd name="T43" fmla="*/ 17 h 84"/>
                  <a:gd name="T44" fmla="*/ 17 w 64"/>
                  <a:gd name="T45" fmla="*/ 19 h 84"/>
                  <a:gd name="T46" fmla="*/ 17 w 64"/>
                  <a:gd name="T47" fmla="*/ 23 h 84"/>
                  <a:gd name="T48" fmla="*/ 18 w 64"/>
                  <a:gd name="T49" fmla="*/ 28 h 84"/>
                  <a:gd name="T50" fmla="*/ 15 w 64"/>
                  <a:gd name="T51" fmla="*/ 27 h 84"/>
                  <a:gd name="T52" fmla="*/ 13 w 64"/>
                  <a:gd name="T53" fmla="*/ 26 h 84"/>
                  <a:gd name="T54" fmla="*/ 12 w 64"/>
                  <a:gd name="T55" fmla="*/ 25 h 84"/>
                  <a:gd name="T56" fmla="*/ 10 w 64"/>
                  <a:gd name="T57" fmla="*/ 24 h 84"/>
                  <a:gd name="T58" fmla="*/ 6 w 64"/>
                  <a:gd name="T59" fmla="*/ 21 h 84"/>
                  <a:gd name="T60" fmla="*/ 2 w 64"/>
                  <a:gd name="T61" fmla="*/ 19 h 84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64" h="84">
                    <a:moveTo>
                      <a:pt x="7" y="57"/>
                    </a:moveTo>
                    <a:lnTo>
                      <a:pt x="8" y="46"/>
                    </a:lnTo>
                    <a:lnTo>
                      <a:pt x="7" y="38"/>
                    </a:lnTo>
                    <a:lnTo>
                      <a:pt x="4" y="31"/>
                    </a:lnTo>
                    <a:lnTo>
                      <a:pt x="2" y="24"/>
                    </a:lnTo>
                    <a:lnTo>
                      <a:pt x="0" y="19"/>
                    </a:lnTo>
                    <a:lnTo>
                      <a:pt x="0" y="13"/>
                    </a:lnTo>
                    <a:lnTo>
                      <a:pt x="1" y="11"/>
                    </a:lnTo>
                    <a:lnTo>
                      <a:pt x="2" y="8"/>
                    </a:lnTo>
                    <a:lnTo>
                      <a:pt x="4" y="4"/>
                    </a:lnTo>
                    <a:lnTo>
                      <a:pt x="7" y="0"/>
                    </a:lnTo>
                    <a:lnTo>
                      <a:pt x="16" y="1"/>
                    </a:lnTo>
                    <a:lnTo>
                      <a:pt x="22" y="2"/>
                    </a:lnTo>
                    <a:lnTo>
                      <a:pt x="27" y="5"/>
                    </a:lnTo>
                    <a:lnTo>
                      <a:pt x="34" y="8"/>
                    </a:lnTo>
                    <a:lnTo>
                      <a:pt x="39" y="10"/>
                    </a:lnTo>
                    <a:lnTo>
                      <a:pt x="46" y="11"/>
                    </a:lnTo>
                    <a:lnTo>
                      <a:pt x="55" y="12"/>
                    </a:lnTo>
                    <a:lnTo>
                      <a:pt x="64" y="10"/>
                    </a:lnTo>
                    <a:lnTo>
                      <a:pt x="56" y="30"/>
                    </a:lnTo>
                    <a:lnTo>
                      <a:pt x="52" y="43"/>
                    </a:lnTo>
                    <a:lnTo>
                      <a:pt x="52" y="50"/>
                    </a:lnTo>
                    <a:lnTo>
                      <a:pt x="52" y="58"/>
                    </a:lnTo>
                    <a:lnTo>
                      <a:pt x="53" y="70"/>
                    </a:lnTo>
                    <a:lnTo>
                      <a:pt x="55" y="84"/>
                    </a:lnTo>
                    <a:lnTo>
                      <a:pt x="47" y="82"/>
                    </a:lnTo>
                    <a:lnTo>
                      <a:pt x="41" y="79"/>
                    </a:lnTo>
                    <a:lnTo>
                      <a:pt x="36" y="76"/>
                    </a:lnTo>
                    <a:lnTo>
                      <a:pt x="31" y="72"/>
                    </a:lnTo>
                    <a:lnTo>
                      <a:pt x="19" y="63"/>
                    </a:lnTo>
                    <a:lnTo>
                      <a:pt x="7" y="57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54" name="Struer 3"/>
              <p:cNvSpPr>
                <a:spLocks/>
              </p:cNvSpPr>
              <p:nvPr/>
            </p:nvSpPr>
            <p:spPr bwMode="auto">
              <a:xfrm>
                <a:off x="909638" y="3694113"/>
                <a:ext cx="33338" cy="44450"/>
              </a:xfrm>
              <a:custGeom>
                <a:avLst/>
                <a:gdLst>
                  <a:gd name="T0" fmla="*/ 2 w 64"/>
                  <a:gd name="T1" fmla="*/ 19 h 84"/>
                  <a:gd name="T2" fmla="*/ 3 w 64"/>
                  <a:gd name="T3" fmla="*/ 15 h 84"/>
                  <a:gd name="T4" fmla="*/ 2 w 64"/>
                  <a:gd name="T5" fmla="*/ 13 h 84"/>
                  <a:gd name="T6" fmla="*/ 1 w 64"/>
                  <a:gd name="T7" fmla="*/ 10 h 84"/>
                  <a:gd name="T8" fmla="*/ 1 w 64"/>
                  <a:gd name="T9" fmla="*/ 8 h 84"/>
                  <a:gd name="T10" fmla="*/ 0 w 64"/>
                  <a:gd name="T11" fmla="*/ 6 h 84"/>
                  <a:gd name="T12" fmla="*/ 0 w 64"/>
                  <a:gd name="T13" fmla="*/ 4 h 84"/>
                  <a:gd name="T14" fmla="*/ 0 w 64"/>
                  <a:gd name="T15" fmla="*/ 4 h 84"/>
                  <a:gd name="T16" fmla="*/ 1 w 64"/>
                  <a:gd name="T17" fmla="*/ 3 h 84"/>
                  <a:gd name="T18" fmla="*/ 1 w 64"/>
                  <a:gd name="T19" fmla="*/ 1 h 84"/>
                  <a:gd name="T20" fmla="*/ 2 w 64"/>
                  <a:gd name="T21" fmla="*/ 0 h 84"/>
                  <a:gd name="T22" fmla="*/ 5 w 64"/>
                  <a:gd name="T23" fmla="*/ 0 h 84"/>
                  <a:gd name="T24" fmla="*/ 7 w 64"/>
                  <a:gd name="T25" fmla="*/ 1 h 84"/>
                  <a:gd name="T26" fmla="*/ 9 w 64"/>
                  <a:gd name="T27" fmla="*/ 2 h 84"/>
                  <a:gd name="T28" fmla="*/ 11 w 64"/>
                  <a:gd name="T29" fmla="*/ 3 h 84"/>
                  <a:gd name="T30" fmla="*/ 13 w 64"/>
                  <a:gd name="T31" fmla="*/ 3 h 84"/>
                  <a:gd name="T32" fmla="*/ 15 w 64"/>
                  <a:gd name="T33" fmla="*/ 4 h 84"/>
                  <a:gd name="T34" fmla="*/ 18 w 64"/>
                  <a:gd name="T35" fmla="*/ 4 h 84"/>
                  <a:gd name="T36" fmla="*/ 21 w 64"/>
                  <a:gd name="T37" fmla="*/ 3 h 84"/>
                  <a:gd name="T38" fmla="*/ 18 w 64"/>
                  <a:gd name="T39" fmla="*/ 10 h 84"/>
                  <a:gd name="T40" fmla="*/ 17 w 64"/>
                  <a:gd name="T41" fmla="*/ 14 h 84"/>
                  <a:gd name="T42" fmla="*/ 17 w 64"/>
                  <a:gd name="T43" fmla="*/ 17 h 84"/>
                  <a:gd name="T44" fmla="*/ 17 w 64"/>
                  <a:gd name="T45" fmla="*/ 19 h 84"/>
                  <a:gd name="T46" fmla="*/ 17 w 64"/>
                  <a:gd name="T47" fmla="*/ 23 h 84"/>
                  <a:gd name="T48" fmla="*/ 18 w 64"/>
                  <a:gd name="T49" fmla="*/ 28 h 84"/>
                  <a:gd name="T50" fmla="*/ 15 w 64"/>
                  <a:gd name="T51" fmla="*/ 27 h 84"/>
                  <a:gd name="T52" fmla="*/ 13 w 64"/>
                  <a:gd name="T53" fmla="*/ 26 h 84"/>
                  <a:gd name="T54" fmla="*/ 12 w 64"/>
                  <a:gd name="T55" fmla="*/ 25 h 84"/>
                  <a:gd name="T56" fmla="*/ 10 w 64"/>
                  <a:gd name="T57" fmla="*/ 24 h 84"/>
                  <a:gd name="T58" fmla="*/ 6 w 64"/>
                  <a:gd name="T59" fmla="*/ 21 h 84"/>
                  <a:gd name="T60" fmla="*/ 2 w 64"/>
                  <a:gd name="T61" fmla="*/ 19 h 84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64" h="84">
                    <a:moveTo>
                      <a:pt x="7" y="57"/>
                    </a:moveTo>
                    <a:lnTo>
                      <a:pt x="8" y="46"/>
                    </a:lnTo>
                    <a:lnTo>
                      <a:pt x="7" y="38"/>
                    </a:lnTo>
                    <a:lnTo>
                      <a:pt x="4" y="31"/>
                    </a:lnTo>
                    <a:lnTo>
                      <a:pt x="2" y="24"/>
                    </a:lnTo>
                    <a:lnTo>
                      <a:pt x="0" y="19"/>
                    </a:lnTo>
                    <a:lnTo>
                      <a:pt x="0" y="13"/>
                    </a:lnTo>
                    <a:lnTo>
                      <a:pt x="1" y="11"/>
                    </a:lnTo>
                    <a:lnTo>
                      <a:pt x="2" y="8"/>
                    </a:lnTo>
                    <a:lnTo>
                      <a:pt x="4" y="4"/>
                    </a:lnTo>
                    <a:lnTo>
                      <a:pt x="7" y="0"/>
                    </a:lnTo>
                    <a:lnTo>
                      <a:pt x="16" y="1"/>
                    </a:lnTo>
                    <a:lnTo>
                      <a:pt x="22" y="2"/>
                    </a:lnTo>
                    <a:lnTo>
                      <a:pt x="27" y="5"/>
                    </a:lnTo>
                    <a:lnTo>
                      <a:pt x="34" y="8"/>
                    </a:lnTo>
                    <a:lnTo>
                      <a:pt x="39" y="10"/>
                    </a:lnTo>
                    <a:lnTo>
                      <a:pt x="46" y="11"/>
                    </a:lnTo>
                    <a:lnTo>
                      <a:pt x="55" y="12"/>
                    </a:lnTo>
                    <a:lnTo>
                      <a:pt x="64" y="10"/>
                    </a:lnTo>
                    <a:lnTo>
                      <a:pt x="56" y="30"/>
                    </a:lnTo>
                    <a:lnTo>
                      <a:pt x="52" y="43"/>
                    </a:lnTo>
                    <a:lnTo>
                      <a:pt x="52" y="50"/>
                    </a:lnTo>
                    <a:lnTo>
                      <a:pt x="52" y="58"/>
                    </a:lnTo>
                    <a:lnTo>
                      <a:pt x="53" y="70"/>
                    </a:lnTo>
                    <a:lnTo>
                      <a:pt x="55" y="84"/>
                    </a:lnTo>
                    <a:lnTo>
                      <a:pt x="47" y="82"/>
                    </a:lnTo>
                    <a:lnTo>
                      <a:pt x="41" y="79"/>
                    </a:lnTo>
                    <a:lnTo>
                      <a:pt x="36" y="76"/>
                    </a:lnTo>
                    <a:lnTo>
                      <a:pt x="31" y="72"/>
                    </a:lnTo>
                    <a:lnTo>
                      <a:pt x="19" y="63"/>
                    </a:lnTo>
                    <a:lnTo>
                      <a:pt x="7" y="57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55" name="Struer kant 2"/>
              <p:cNvSpPr>
                <a:spLocks/>
              </p:cNvSpPr>
              <p:nvPr/>
            </p:nvSpPr>
            <p:spPr bwMode="auto">
              <a:xfrm>
                <a:off x="769938" y="3663950"/>
                <a:ext cx="139700" cy="133350"/>
              </a:xfrm>
              <a:custGeom>
                <a:avLst/>
                <a:gdLst>
                  <a:gd name="T0" fmla="*/ 88 w 265"/>
                  <a:gd name="T1" fmla="*/ 48 h 253"/>
                  <a:gd name="T2" fmla="*/ 88 w 265"/>
                  <a:gd name="T3" fmla="*/ 54 h 253"/>
                  <a:gd name="T4" fmla="*/ 86 w 265"/>
                  <a:gd name="T5" fmla="*/ 59 h 253"/>
                  <a:gd name="T6" fmla="*/ 82 w 265"/>
                  <a:gd name="T7" fmla="*/ 62 h 253"/>
                  <a:gd name="T8" fmla="*/ 69 w 265"/>
                  <a:gd name="T9" fmla="*/ 66 h 253"/>
                  <a:gd name="T10" fmla="*/ 59 w 265"/>
                  <a:gd name="T11" fmla="*/ 70 h 253"/>
                  <a:gd name="T12" fmla="*/ 59 w 265"/>
                  <a:gd name="T13" fmla="*/ 72 h 253"/>
                  <a:gd name="T14" fmla="*/ 60 w 265"/>
                  <a:gd name="T15" fmla="*/ 75 h 253"/>
                  <a:gd name="T16" fmla="*/ 63 w 265"/>
                  <a:gd name="T17" fmla="*/ 77 h 253"/>
                  <a:gd name="T18" fmla="*/ 65 w 265"/>
                  <a:gd name="T19" fmla="*/ 80 h 253"/>
                  <a:gd name="T20" fmla="*/ 65 w 265"/>
                  <a:gd name="T21" fmla="*/ 82 h 253"/>
                  <a:gd name="T22" fmla="*/ 60 w 265"/>
                  <a:gd name="T23" fmla="*/ 81 h 253"/>
                  <a:gd name="T24" fmla="*/ 52 w 265"/>
                  <a:gd name="T25" fmla="*/ 72 h 253"/>
                  <a:gd name="T26" fmla="*/ 41 w 265"/>
                  <a:gd name="T27" fmla="*/ 58 h 253"/>
                  <a:gd name="T28" fmla="*/ 31 w 265"/>
                  <a:gd name="T29" fmla="*/ 43 h 253"/>
                  <a:gd name="T30" fmla="*/ 24 w 265"/>
                  <a:gd name="T31" fmla="*/ 33 h 253"/>
                  <a:gd name="T32" fmla="*/ 16 w 265"/>
                  <a:gd name="T33" fmla="*/ 25 h 253"/>
                  <a:gd name="T34" fmla="*/ 8 w 265"/>
                  <a:gd name="T35" fmla="*/ 20 h 253"/>
                  <a:gd name="T36" fmla="*/ 3 w 265"/>
                  <a:gd name="T37" fmla="*/ 17 h 253"/>
                  <a:gd name="T38" fmla="*/ 0 w 265"/>
                  <a:gd name="T39" fmla="*/ 14 h 253"/>
                  <a:gd name="T40" fmla="*/ 2 w 265"/>
                  <a:gd name="T41" fmla="*/ 11 h 253"/>
                  <a:gd name="T42" fmla="*/ 5 w 265"/>
                  <a:gd name="T43" fmla="*/ 9 h 253"/>
                  <a:gd name="T44" fmla="*/ 9 w 265"/>
                  <a:gd name="T45" fmla="*/ 8 h 253"/>
                  <a:gd name="T46" fmla="*/ 15 w 265"/>
                  <a:gd name="T47" fmla="*/ 7 h 253"/>
                  <a:gd name="T48" fmla="*/ 21 w 265"/>
                  <a:gd name="T49" fmla="*/ 6 h 253"/>
                  <a:gd name="T50" fmla="*/ 23 w 265"/>
                  <a:gd name="T51" fmla="*/ 4 h 253"/>
                  <a:gd name="T52" fmla="*/ 27 w 265"/>
                  <a:gd name="T53" fmla="*/ 3 h 253"/>
                  <a:gd name="T54" fmla="*/ 30 w 265"/>
                  <a:gd name="T55" fmla="*/ 4 h 253"/>
                  <a:gd name="T56" fmla="*/ 33 w 265"/>
                  <a:gd name="T57" fmla="*/ 6 h 253"/>
                  <a:gd name="T58" fmla="*/ 35 w 265"/>
                  <a:gd name="T59" fmla="*/ 10 h 253"/>
                  <a:gd name="T60" fmla="*/ 38 w 265"/>
                  <a:gd name="T61" fmla="*/ 14 h 253"/>
                  <a:gd name="T62" fmla="*/ 43 w 265"/>
                  <a:gd name="T63" fmla="*/ 15 h 253"/>
                  <a:gd name="T64" fmla="*/ 49 w 265"/>
                  <a:gd name="T65" fmla="*/ 14 h 253"/>
                  <a:gd name="T66" fmla="*/ 56 w 265"/>
                  <a:gd name="T67" fmla="*/ 11 h 253"/>
                  <a:gd name="T68" fmla="*/ 65 w 265"/>
                  <a:gd name="T69" fmla="*/ 6 h 253"/>
                  <a:gd name="T70" fmla="*/ 72 w 265"/>
                  <a:gd name="T71" fmla="*/ 2 h 253"/>
                  <a:gd name="T72" fmla="*/ 77 w 265"/>
                  <a:gd name="T73" fmla="*/ 0 h 253"/>
                  <a:gd name="T74" fmla="*/ 81 w 265"/>
                  <a:gd name="T75" fmla="*/ 2 h 253"/>
                  <a:gd name="T76" fmla="*/ 81 w 265"/>
                  <a:gd name="T77" fmla="*/ 6 h 253"/>
                  <a:gd name="T78" fmla="*/ 79 w 265"/>
                  <a:gd name="T79" fmla="*/ 13 h 253"/>
                  <a:gd name="T80" fmla="*/ 77 w 265"/>
                  <a:gd name="T81" fmla="*/ 20 h 253"/>
                  <a:gd name="T82" fmla="*/ 75 w 265"/>
                  <a:gd name="T83" fmla="*/ 25 h 253"/>
                  <a:gd name="T84" fmla="*/ 76 w 265"/>
                  <a:gd name="T85" fmla="*/ 30 h 253"/>
                  <a:gd name="T86" fmla="*/ 78 w 265"/>
                  <a:gd name="T87" fmla="*/ 35 h 253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0" t="0" r="r" b="b"/>
                <a:pathLst>
                  <a:path w="265" h="253">
                    <a:moveTo>
                      <a:pt x="262" y="131"/>
                    </a:moveTo>
                    <a:lnTo>
                      <a:pt x="264" y="144"/>
                    </a:lnTo>
                    <a:lnTo>
                      <a:pt x="265" y="154"/>
                    </a:lnTo>
                    <a:lnTo>
                      <a:pt x="264" y="164"/>
                    </a:lnTo>
                    <a:lnTo>
                      <a:pt x="262" y="171"/>
                    </a:lnTo>
                    <a:lnTo>
                      <a:pt x="258" y="177"/>
                    </a:lnTo>
                    <a:lnTo>
                      <a:pt x="254" y="183"/>
                    </a:lnTo>
                    <a:lnTo>
                      <a:pt x="247" y="187"/>
                    </a:lnTo>
                    <a:lnTo>
                      <a:pt x="241" y="190"/>
                    </a:lnTo>
                    <a:lnTo>
                      <a:pt x="209" y="198"/>
                    </a:lnTo>
                    <a:lnTo>
                      <a:pt x="178" y="206"/>
                    </a:lnTo>
                    <a:lnTo>
                      <a:pt x="177" y="211"/>
                    </a:lnTo>
                    <a:lnTo>
                      <a:pt x="177" y="215"/>
                    </a:lnTo>
                    <a:lnTo>
                      <a:pt x="177" y="218"/>
                    </a:lnTo>
                    <a:lnTo>
                      <a:pt x="178" y="221"/>
                    </a:lnTo>
                    <a:lnTo>
                      <a:pt x="182" y="226"/>
                    </a:lnTo>
                    <a:lnTo>
                      <a:pt x="186" y="230"/>
                    </a:lnTo>
                    <a:lnTo>
                      <a:pt x="191" y="233"/>
                    </a:lnTo>
                    <a:lnTo>
                      <a:pt x="195" y="237"/>
                    </a:lnTo>
                    <a:lnTo>
                      <a:pt x="197" y="240"/>
                    </a:lnTo>
                    <a:lnTo>
                      <a:pt x="197" y="244"/>
                    </a:lnTo>
                    <a:lnTo>
                      <a:pt x="197" y="248"/>
                    </a:lnTo>
                    <a:lnTo>
                      <a:pt x="196" y="253"/>
                    </a:lnTo>
                    <a:lnTo>
                      <a:pt x="181" y="243"/>
                    </a:lnTo>
                    <a:lnTo>
                      <a:pt x="168" y="231"/>
                    </a:lnTo>
                    <a:lnTo>
                      <a:pt x="156" y="217"/>
                    </a:lnTo>
                    <a:lnTo>
                      <a:pt x="144" y="204"/>
                    </a:lnTo>
                    <a:lnTo>
                      <a:pt x="124" y="174"/>
                    </a:lnTo>
                    <a:lnTo>
                      <a:pt x="104" y="144"/>
                    </a:lnTo>
                    <a:lnTo>
                      <a:pt x="93" y="129"/>
                    </a:lnTo>
                    <a:lnTo>
                      <a:pt x="83" y="114"/>
                    </a:lnTo>
                    <a:lnTo>
                      <a:pt x="72" y="100"/>
                    </a:lnTo>
                    <a:lnTo>
                      <a:pt x="60" y="87"/>
                    </a:lnTo>
                    <a:lnTo>
                      <a:pt x="47" y="75"/>
                    </a:lnTo>
                    <a:lnTo>
                      <a:pt x="32" y="64"/>
                    </a:lnTo>
                    <a:lnTo>
                      <a:pt x="25" y="59"/>
                    </a:lnTo>
                    <a:lnTo>
                      <a:pt x="17" y="54"/>
                    </a:lnTo>
                    <a:lnTo>
                      <a:pt x="8" y="51"/>
                    </a:lnTo>
                    <a:lnTo>
                      <a:pt x="0" y="47"/>
                    </a:lnTo>
                    <a:lnTo>
                      <a:pt x="1" y="41"/>
                    </a:lnTo>
                    <a:lnTo>
                      <a:pt x="3" y="36"/>
                    </a:lnTo>
                    <a:lnTo>
                      <a:pt x="6" y="33"/>
                    </a:lnTo>
                    <a:lnTo>
                      <a:pt x="10" y="30"/>
                    </a:lnTo>
                    <a:lnTo>
                      <a:pt x="14" y="28"/>
                    </a:lnTo>
                    <a:lnTo>
                      <a:pt x="20" y="26"/>
                    </a:lnTo>
                    <a:lnTo>
                      <a:pt x="26" y="25"/>
                    </a:lnTo>
                    <a:lnTo>
                      <a:pt x="31" y="24"/>
                    </a:lnTo>
                    <a:lnTo>
                      <a:pt x="44" y="21"/>
                    </a:lnTo>
                    <a:lnTo>
                      <a:pt x="56" y="19"/>
                    </a:lnTo>
                    <a:lnTo>
                      <a:pt x="62" y="18"/>
                    </a:lnTo>
                    <a:lnTo>
                      <a:pt x="66" y="16"/>
                    </a:lnTo>
                    <a:lnTo>
                      <a:pt x="70" y="13"/>
                    </a:lnTo>
                    <a:lnTo>
                      <a:pt x="74" y="10"/>
                    </a:lnTo>
                    <a:lnTo>
                      <a:pt x="80" y="9"/>
                    </a:lnTo>
                    <a:lnTo>
                      <a:pt x="85" y="10"/>
                    </a:lnTo>
                    <a:lnTo>
                      <a:pt x="89" y="11"/>
                    </a:lnTo>
                    <a:lnTo>
                      <a:pt x="92" y="12"/>
                    </a:lnTo>
                    <a:lnTo>
                      <a:pt x="98" y="17"/>
                    </a:lnTo>
                    <a:lnTo>
                      <a:pt x="103" y="24"/>
                    </a:lnTo>
                    <a:lnTo>
                      <a:pt x="106" y="30"/>
                    </a:lnTo>
                    <a:lnTo>
                      <a:pt x="110" y="36"/>
                    </a:lnTo>
                    <a:lnTo>
                      <a:pt x="115" y="42"/>
                    </a:lnTo>
                    <a:lnTo>
                      <a:pt x="121" y="47"/>
                    </a:lnTo>
                    <a:lnTo>
                      <a:pt x="130" y="46"/>
                    </a:lnTo>
                    <a:lnTo>
                      <a:pt x="139" y="44"/>
                    </a:lnTo>
                    <a:lnTo>
                      <a:pt x="147" y="41"/>
                    </a:lnTo>
                    <a:lnTo>
                      <a:pt x="155" y="38"/>
                    </a:lnTo>
                    <a:lnTo>
                      <a:pt x="169" y="32"/>
                    </a:lnTo>
                    <a:lnTo>
                      <a:pt x="183" y="25"/>
                    </a:lnTo>
                    <a:lnTo>
                      <a:pt x="196" y="17"/>
                    </a:lnTo>
                    <a:lnTo>
                      <a:pt x="210" y="10"/>
                    </a:lnTo>
                    <a:lnTo>
                      <a:pt x="218" y="7"/>
                    </a:lnTo>
                    <a:lnTo>
                      <a:pt x="225" y="5"/>
                    </a:lnTo>
                    <a:lnTo>
                      <a:pt x="233" y="1"/>
                    </a:lnTo>
                    <a:lnTo>
                      <a:pt x="243" y="0"/>
                    </a:lnTo>
                    <a:lnTo>
                      <a:pt x="245" y="6"/>
                    </a:lnTo>
                    <a:lnTo>
                      <a:pt x="246" y="12"/>
                    </a:lnTo>
                    <a:lnTo>
                      <a:pt x="245" y="19"/>
                    </a:lnTo>
                    <a:lnTo>
                      <a:pt x="244" y="26"/>
                    </a:lnTo>
                    <a:lnTo>
                      <a:pt x="239" y="39"/>
                    </a:lnTo>
                    <a:lnTo>
                      <a:pt x="233" y="54"/>
                    </a:lnTo>
                    <a:lnTo>
                      <a:pt x="231" y="61"/>
                    </a:lnTo>
                    <a:lnTo>
                      <a:pt x="229" y="69"/>
                    </a:lnTo>
                    <a:lnTo>
                      <a:pt x="227" y="76"/>
                    </a:lnTo>
                    <a:lnTo>
                      <a:pt x="227" y="84"/>
                    </a:lnTo>
                    <a:lnTo>
                      <a:pt x="228" y="91"/>
                    </a:lnTo>
                    <a:lnTo>
                      <a:pt x="231" y="98"/>
                    </a:lnTo>
                    <a:lnTo>
                      <a:pt x="236" y="106"/>
                    </a:lnTo>
                    <a:lnTo>
                      <a:pt x="243" y="113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56" name="Struer 2"/>
              <p:cNvSpPr>
                <a:spLocks/>
              </p:cNvSpPr>
              <p:nvPr/>
            </p:nvSpPr>
            <p:spPr bwMode="auto">
              <a:xfrm>
                <a:off x="769938" y="3663950"/>
                <a:ext cx="139700" cy="133350"/>
              </a:xfrm>
              <a:custGeom>
                <a:avLst/>
                <a:gdLst>
                  <a:gd name="T0" fmla="*/ 88 w 265"/>
                  <a:gd name="T1" fmla="*/ 48 h 253"/>
                  <a:gd name="T2" fmla="*/ 88 w 265"/>
                  <a:gd name="T3" fmla="*/ 54 h 253"/>
                  <a:gd name="T4" fmla="*/ 86 w 265"/>
                  <a:gd name="T5" fmla="*/ 59 h 253"/>
                  <a:gd name="T6" fmla="*/ 82 w 265"/>
                  <a:gd name="T7" fmla="*/ 62 h 253"/>
                  <a:gd name="T8" fmla="*/ 69 w 265"/>
                  <a:gd name="T9" fmla="*/ 66 h 253"/>
                  <a:gd name="T10" fmla="*/ 59 w 265"/>
                  <a:gd name="T11" fmla="*/ 70 h 253"/>
                  <a:gd name="T12" fmla="*/ 59 w 265"/>
                  <a:gd name="T13" fmla="*/ 72 h 253"/>
                  <a:gd name="T14" fmla="*/ 60 w 265"/>
                  <a:gd name="T15" fmla="*/ 75 h 253"/>
                  <a:gd name="T16" fmla="*/ 63 w 265"/>
                  <a:gd name="T17" fmla="*/ 77 h 253"/>
                  <a:gd name="T18" fmla="*/ 65 w 265"/>
                  <a:gd name="T19" fmla="*/ 80 h 253"/>
                  <a:gd name="T20" fmla="*/ 65 w 265"/>
                  <a:gd name="T21" fmla="*/ 82 h 253"/>
                  <a:gd name="T22" fmla="*/ 60 w 265"/>
                  <a:gd name="T23" fmla="*/ 81 h 253"/>
                  <a:gd name="T24" fmla="*/ 52 w 265"/>
                  <a:gd name="T25" fmla="*/ 72 h 253"/>
                  <a:gd name="T26" fmla="*/ 41 w 265"/>
                  <a:gd name="T27" fmla="*/ 58 h 253"/>
                  <a:gd name="T28" fmla="*/ 31 w 265"/>
                  <a:gd name="T29" fmla="*/ 43 h 253"/>
                  <a:gd name="T30" fmla="*/ 24 w 265"/>
                  <a:gd name="T31" fmla="*/ 33 h 253"/>
                  <a:gd name="T32" fmla="*/ 16 w 265"/>
                  <a:gd name="T33" fmla="*/ 25 h 253"/>
                  <a:gd name="T34" fmla="*/ 8 w 265"/>
                  <a:gd name="T35" fmla="*/ 20 h 253"/>
                  <a:gd name="T36" fmla="*/ 3 w 265"/>
                  <a:gd name="T37" fmla="*/ 17 h 253"/>
                  <a:gd name="T38" fmla="*/ 0 w 265"/>
                  <a:gd name="T39" fmla="*/ 14 h 253"/>
                  <a:gd name="T40" fmla="*/ 2 w 265"/>
                  <a:gd name="T41" fmla="*/ 11 h 253"/>
                  <a:gd name="T42" fmla="*/ 5 w 265"/>
                  <a:gd name="T43" fmla="*/ 9 h 253"/>
                  <a:gd name="T44" fmla="*/ 9 w 265"/>
                  <a:gd name="T45" fmla="*/ 8 h 253"/>
                  <a:gd name="T46" fmla="*/ 15 w 265"/>
                  <a:gd name="T47" fmla="*/ 7 h 253"/>
                  <a:gd name="T48" fmla="*/ 21 w 265"/>
                  <a:gd name="T49" fmla="*/ 6 h 253"/>
                  <a:gd name="T50" fmla="*/ 23 w 265"/>
                  <a:gd name="T51" fmla="*/ 4 h 253"/>
                  <a:gd name="T52" fmla="*/ 27 w 265"/>
                  <a:gd name="T53" fmla="*/ 3 h 253"/>
                  <a:gd name="T54" fmla="*/ 30 w 265"/>
                  <a:gd name="T55" fmla="*/ 4 h 253"/>
                  <a:gd name="T56" fmla="*/ 33 w 265"/>
                  <a:gd name="T57" fmla="*/ 6 h 253"/>
                  <a:gd name="T58" fmla="*/ 35 w 265"/>
                  <a:gd name="T59" fmla="*/ 10 h 253"/>
                  <a:gd name="T60" fmla="*/ 38 w 265"/>
                  <a:gd name="T61" fmla="*/ 14 h 253"/>
                  <a:gd name="T62" fmla="*/ 43 w 265"/>
                  <a:gd name="T63" fmla="*/ 15 h 253"/>
                  <a:gd name="T64" fmla="*/ 49 w 265"/>
                  <a:gd name="T65" fmla="*/ 14 h 253"/>
                  <a:gd name="T66" fmla="*/ 56 w 265"/>
                  <a:gd name="T67" fmla="*/ 11 h 253"/>
                  <a:gd name="T68" fmla="*/ 65 w 265"/>
                  <a:gd name="T69" fmla="*/ 6 h 253"/>
                  <a:gd name="T70" fmla="*/ 72 w 265"/>
                  <a:gd name="T71" fmla="*/ 2 h 253"/>
                  <a:gd name="T72" fmla="*/ 77 w 265"/>
                  <a:gd name="T73" fmla="*/ 0 h 253"/>
                  <a:gd name="T74" fmla="*/ 81 w 265"/>
                  <a:gd name="T75" fmla="*/ 2 h 253"/>
                  <a:gd name="T76" fmla="*/ 81 w 265"/>
                  <a:gd name="T77" fmla="*/ 6 h 253"/>
                  <a:gd name="T78" fmla="*/ 79 w 265"/>
                  <a:gd name="T79" fmla="*/ 13 h 253"/>
                  <a:gd name="T80" fmla="*/ 77 w 265"/>
                  <a:gd name="T81" fmla="*/ 20 h 253"/>
                  <a:gd name="T82" fmla="*/ 75 w 265"/>
                  <a:gd name="T83" fmla="*/ 25 h 253"/>
                  <a:gd name="T84" fmla="*/ 76 w 265"/>
                  <a:gd name="T85" fmla="*/ 30 h 253"/>
                  <a:gd name="T86" fmla="*/ 78 w 265"/>
                  <a:gd name="T87" fmla="*/ 35 h 253"/>
                  <a:gd name="T88" fmla="*/ 87 w 265"/>
                  <a:gd name="T89" fmla="*/ 43 h 253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0" t="0" r="r" b="b"/>
                <a:pathLst>
                  <a:path w="265" h="253">
                    <a:moveTo>
                      <a:pt x="262" y="131"/>
                    </a:moveTo>
                    <a:lnTo>
                      <a:pt x="264" y="144"/>
                    </a:lnTo>
                    <a:lnTo>
                      <a:pt x="265" y="154"/>
                    </a:lnTo>
                    <a:lnTo>
                      <a:pt x="264" y="164"/>
                    </a:lnTo>
                    <a:lnTo>
                      <a:pt x="262" y="171"/>
                    </a:lnTo>
                    <a:lnTo>
                      <a:pt x="258" y="177"/>
                    </a:lnTo>
                    <a:lnTo>
                      <a:pt x="254" y="183"/>
                    </a:lnTo>
                    <a:lnTo>
                      <a:pt x="247" y="187"/>
                    </a:lnTo>
                    <a:lnTo>
                      <a:pt x="241" y="190"/>
                    </a:lnTo>
                    <a:lnTo>
                      <a:pt x="209" y="198"/>
                    </a:lnTo>
                    <a:lnTo>
                      <a:pt x="178" y="206"/>
                    </a:lnTo>
                    <a:lnTo>
                      <a:pt x="177" y="211"/>
                    </a:lnTo>
                    <a:lnTo>
                      <a:pt x="177" y="215"/>
                    </a:lnTo>
                    <a:lnTo>
                      <a:pt x="177" y="218"/>
                    </a:lnTo>
                    <a:lnTo>
                      <a:pt x="178" y="221"/>
                    </a:lnTo>
                    <a:lnTo>
                      <a:pt x="182" y="226"/>
                    </a:lnTo>
                    <a:lnTo>
                      <a:pt x="186" y="230"/>
                    </a:lnTo>
                    <a:lnTo>
                      <a:pt x="191" y="233"/>
                    </a:lnTo>
                    <a:lnTo>
                      <a:pt x="195" y="237"/>
                    </a:lnTo>
                    <a:lnTo>
                      <a:pt x="197" y="240"/>
                    </a:lnTo>
                    <a:lnTo>
                      <a:pt x="197" y="244"/>
                    </a:lnTo>
                    <a:lnTo>
                      <a:pt x="197" y="248"/>
                    </a:lnTo>
                    <a:lnTo>
                      <a:pt x="196" y="253"/>
                    </a:lnTo>
                    <a:lnTo>
                      <a:pt x="181" y="243"/>
                    </a:lnTo>
                    <a:lnTo>
                      <a:pt x="168" y="231"/>
                    </a:lnTo>
                    <a:lnTo>
                      <a:pt x="156" y="217"/>
                    </a:lnTo>
                    <a:lnTo>
                      <a:pt x="144" y="204"/>
                    </a:lnTo>
                    <a:lnTo>
                      <a:pt x="124" y="174"/>
                    </a:lnTo>
                    <a:lnTo>
                      <a:pt x="104" y="144"/>
                    </a:lnTo>
                    <a:lnTo>
                      <a:pt x="93" y="129"/>
                    </a:lnTo>
                    <a:lnTo>
                      <a:pt x="83" y="114"/>
                    </a:lnTo>
                    <a:lnTo>
                      <a:pt x="72" y="100"/>
                    </a:lnTo>
                    <a:lnTo>
                      <a:pt x="60" y="87"/>
                    </a:lnTo>
                    <a:lnTo>
                      <a:pt x="47" y="75"/>
                    </a:lnTo>
                    <a:lnTo>
                      <a:pt x="32" y="64"/>
                    </a:lnTo>
                    <a:lnTo>
                      <a:pt x="25" y="59"/>
                    </a:lnTo>
                    <a:lnTo>
                      <a:pt x="17" y="54"/>
                    </a:lnTo>
                    <a:lnTo>
                      <a:pt x="8" y="51"/>
                    </a:lnTo>
                    <a:lnTo>
                      <a:pt x="0" y="47"/>
                    </a:lnTo>
                    <a:lnTo>
                      <a:pt x="1" y="41"/>
                    </a:lnTo>
                    <a:lnTo>
                      <a:pt x="3" y="36"/>
                    </a:lnTo>
                    <a:lnTo>
                      <a:pt x="6" y="33"/>
                    </a:lnTo>
                    <a:lnTo>
                      <a:pt x="10" y="30"/>
                    </a:lnTo>
                    <a:lnTo>
                      <a:pt x="14" y="28"/>
                    </a:lnTo>
                    <a:lnTo>
                      <a:pt x="20" y="26"/>
                    </a:lnTo>
                    <a:lnTo>
                      <a:pt x="26" y="25"/>
                    </a:lnTo>
                    <a:lnTo>
                      <a:pt x="31" y="24"/>
                    </a:lnTo>
                    <a:lnTo>
                      <a:pt x="44" y="21"/>
                    </a:lnTo>
                    <a:lnTo>
                      <a:pt x="56" y="19"/>
                    </a:lnTo>
                    <a:lnTo>
                      <a:pt x="62" y="18"/>
                    </a:lnTo>
                    <a:lnTo>
                      <a:pt x="66" y="16"/>
                    </a:lnTo>
                    <a:lnTo>
                      <a:pt x="70" y="13"/>
                    </a:lnTo>
                    <a:lnTo>
                      <a:pt x="74" y="10"/>
                    </a:lnTo>
                    <a:lnTo>
                      <a:pt x="80" y="9"/>
                    </a:lnTo>
                    <a:lnTo>
                      <a:pt x="85" y="10"/>
                    </a:lnTo>
                    <a:lnTo>
                      <a:pt x="89" y="11"/>
                    </a:lnTo>
                    <a:lnTo>
                      <a:pt x="92" y="12"/>
                    </a:lnTo>
                    <a:lnTo>
                      <a:pt x="98" y="17"/>
                    </a:lnTo>
                    <a:lnTo>
                      <a:pt x="103" y="24"/>
                    </a:lnTo>
                    <a:lnTo>
                      <a:pt x="106" y="30"/>
                    </a:lnTo>
                    <a:lnTo>
                      <a:pt x="110" y="36"/>
                    </a:lnTo>
                    <a:lnTo>
                      <a:pt x="115" y="42"/>
                    </a:lnTo>
                    <a:lnTo>
                      <a:pt x="121" y="47"/>
                    </a:lnTo>
                    <a:lnTo>
                      <a:pt x="130" y="46"/>
                    </a:lnTo>
                    <a:lnTo>
                      <a:pt x="139" y="44"/>
                    </a:lnTo>
                    <a:lnTo>
                      <a:pt x="147" y="41"/>
                    </a:lnTo>
                    <a:lnTo>
                      <a:pt x="155" y="38"/>
                    </a:lnTo>
                    <a:lnTo>
                      <a:pt x="169" y="32"/>
                    </a:lnTo>
                    <a:lnTo>
                      <a:pt x="183" y="25"/>
                    </a:lnTo>
                    <a:lnTo>
                      <a:pt x="196" y="17"/>
                    </a:lnTo>
                    <a:lnTo>
                      <a:pt x="210" y="10"/>
                    </a:lnTo>
                    <a:lnTo>
                      <a:pt x="218" y="7"/>
                    </a:lnTo>
                    <a:lnTo>
                      <a:pt x="225" y="5"/>
                    </a:lnTo>
                    <a:lnTo>
                      <a:pt x="233" y="1"/>
                    </a:lnTo>
                    <a:lnTo>
                      <a:pt x="243" y="0"/>
                    </a:lnTo>
                    <a:lnTo>
                      <a:pt x="245" y="6"/>
                    </a:lnTo>
                    <a:lnTo>
                      <a:pt x="246" y="12"/>
                    </a:lnTo>
                    <a:lnTo>
                      <a:pt x="245" y="19"/>
                    </a:lnTo>
                    <a:lnTo>
                      <a:pt x="244" y="26"/>
                    </a:lnTo>
                    <a:lnTo>
                      <a:pt x="239" y="39"/>
                    </a:lnTo>
                    <a:lnTo>
                      <a:pt x="233" y="54"/>
                    </a:lnTo>
                    <a:lnTo>
                      <a:pt x="231" y="61"/>
                    </a:lnTo>
                    <a:lnTo>
                      <a:pt x="229" y="69"/>
                    </a:lnTo>
                    <a:lnTo>
                      <a:pt x="227" y="76"/>
                    </a:lnTo>
                    <a:lnTo>
                      <a:pt x="227" y="84"/>
                    </a:lnTo>
                    <a:lnTo>
                      <a:pt x="228" y="91"/>
                    </a:lnTo>
                    <a:lnTo>
                      <a:pt x="231" y="98"/>
                    </a:lnTo>
                    <a:lnTo>
                      <a:pt x="236" y="106"/>
                    </a:lnTo>
                    <a:lnTo>
                      <a:pt x="243" y="113"/>
                    </a:lnTo>
                    <a:lnTo>
                      <a:pt x="262" y="131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57" name="Freeform 271"/>
              <p:cNvSpPr>
                <a:spLocks/>
              </p:cNvSpPr>
              <p:nvPr/>
            </p:nvSpPr>
            <p:spPr bwMode="auto">
              <a:xfrm>
                <a:off x="898525" y="3724275"/>
                <a:ext cx="1588" cy="1588"/>
              </a:xfrm>
              <a:custGeom>
                <a:avLst/>
                <a:gdLst>
                  <a:gd name="T0" fmla="*/ 0 w 4"/>
                  <a:gd name="T1" fmla="*/ 0 h 4"/>
                  <a:gd name="T2" fmla="*/ 1 w 4"/>
                  <a:gd name="T3" fmla="*/ 1 h 4"/>
                  <a:gd name="T4" fmla="*/ 0 w 4"/>
                  <a:gd name="T5" fmla="*/ 0 h 4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58" name="Line 272"/>
              <p:cNvSpPr>
                <a:spLocks noChangeShapeType="1"/>
              </p:cNvSpPr>
              <p:nvPr/>
            </p:nvSpPr>
            <p:spPr bwMode="auto">
              <a:xfrm>
                <a:off x="898525" y="3724275"/>
                <a:ext cx="1588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59" name="Freeform 273"/>
              <p:cNvSpPr>
                <a:spLocks/>
              </p:cNvSpPr>
              <p:nvPr/>
            </p:nvSpPr>
            <p:spPr bwMode="auto">
              <a:xfrm>
                <a:off x="903288" y="3724275"/>
                <a:ext cx="3175" cy="1588"/>
              </a:xfrm>
              <a:custGeom>
                <a:avLst/>
                <a:gdLst>
                  <a:gd name="T0" fmla="*/ 2 w 5"/>
                  <a:gd name="T1" fmla="*/ 1 h 4"/>
                  <a:gd name="T2" fmla="*/ 0 w 5"/>
                  <a:gd name="T3" fmla="*/ 0 h 4"/>
                  <a:gd name="T4" fmla="*/ 2 w 5"/>
                  <a:gd name="T5" fmla="*/ 1 h 4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5" h="4">
                    <a:moveTo>
                      <a:pt x="5" y="4"/>
                    </a:moveTo>
                    <a:lnTo>
                      <a:pt x="0" y="0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60" name="Freeform 276"/>
              <p:cNvSpPr>
                <a:spLocks/>
              </p:cNvSpPr>
              <p:nvPr/>
            </p:nvSpPr>
            <p:spPr bwMode="auto">
              <a:xfrm>
                <a:off x="903288" y="3724275"/>
                <a:ext cx="4763" cy="0"/>
              </a:xfrm>
              <a:custGeom>
                <a:avLst/>
                <a:gdLst>
                  <a:gd name="T0" fmla="*/ 0 w 10"/>
                  <a:gd name="T1" fmla="*/ 2 w 10"/>
                  <a:gd name="T2" fmla="*/ 3 w 10"/>
                  <a:gd name="T3" fmla="*/ 0 60000 65536"/>
                  <a:gd name="T4" fmla="*/ 0 60000 65536"/>
                  <a:gd name="T5" fmla="*/ 0 60000 65536"/>
                </a:gdLst>
                <a:ahLst/>
                <a:cxnLst>
                  <a:cxn ang="T3">
                    <a:pos x="T0" y="0"/>
                  </a:cxn>
                  <a:cxn ang="T4">
                    <a:pos x="T1" y="0"/>
                  </a:cxn>
                  <a:cxn ang="T5">
                    <a:pos x="T2" y="0"/>
                  </a:cxn>
                </a:cxnLst>
                <a:rect l="0" t="0" r="r" b="b"/>
                <a:pathLst>
                  <a:path w="10">
                    <a:moveTo>
                      <a:pt x="0" y="0"/>
                    </a:moveTo>
                    <a:lnTo>
                      <a:pt x="5" y="0"/>
                    </a:lnTo>
                    <a:lnTo>
                      <a:pt x="10" y="0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61" name="Freeform 277"/>
              <p:cNvSpPr>
                <a:spLocks/>
              </p:cNvSpPr>
              <p:nvPr/>
            </p:nvSpPr>
            <p:spPr bwMode="auto">
              <a:xfrm>
                <a:off x="906463" y="3724275"/>
                <a:ext cx="1588" cy="1588"/>
              </a:xfrm>
              <a:custGeom>
                <a:avLst/>
                <a:gdLst>
                  <a:gd name="T0" fmla="*/ 1 w 5"/>
                  <a:gd name="T1" fmla="*/ 0 h 4"/>
                  <a:gd name="T2" fmla="*/ 0 w 5"/>
                  <a:gd name="T3" fmla="*/ 1 h 4"/>
                  <a:gd name="T4" fmla="*/ 1 w 5"/>
                  <a:gd name="T5" fmla="*/ 0 h 4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5" h="4">
                    <a:moveTo>
                      <a:pt x="5" y="0"/>
                    </a:moveTo>
                    <a:lnTo>
                      <a:pt x="0" y="4"/>
                    </a:lnTo>
                    <a:lnTo>
                      <a:pt x="5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62" name="Line 278"/>
              <p:cNvSpPr>
                <a:spLocks noChangeShapeType="1"/>
              </p:cNvSpPr>
              <p:nvPr/>
            </p:nvSpPr>
            <p:spPr bwMode="auto">
              <a:xfrm flipH="1">
                <a:off x="906463" y="3724275"/>
                <a:ext cx="1588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63" name="Freeform 279"/>
              <p:cNvSpPr>
                <a:spLocks/>
              </p:cNvSpPr>
              <p:nvPr/>
            </p:nvSpPr>
            <p:spPr bwMode="auto">
              <a:xfrm>
                <a:off x="908050" y="3724275"/>
                <a:ext cx="3175" cy="1588"/>
              </a:xfrm>
              <a:custGeom>
                <a:avLst/>
                <a:gdLst>
                  <a:gd name="T0" fmla="*/ 2 w 4"/>
                  <a:gd name="T1" fmla="*/ 1 h 4"/>
                  <a:gd name="T2" fmla="*/ 0 w 4"/>
                  <a:gd name="T3" fmla="*/ 0 h 4"/>
                  <a:gd name="T4" fmla="*/ 2 w 4"/>
                  <a:gd name="T5" fmla="*/ 1 h 4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0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64" name="Freeform 275"/>
              <p:cNvSpPr>
                <a:spLocks/>
              </p:cNvSpPr>
              <p:nvPr/>
            </p:nvSpPr>
            <p:spPr bwMode="auto">
              <a:xfrm>
                <a:off x="903288" y="3724275"/>
                <a:ext cx="4763" cy="0"/>
              </a:xfrm>
              <a:custGeom>
                <a:avLst/>
                <a:gdLst>
                  <a:gd name="T0" fmla="*/ 0 w 10"/>
                  <a:gd name="T1" fmla="*/ 2 w 10"/>
                  <a:gd name="T2" fmla="*/ 3 w 10"/>
                  <a:gd name="T3" fmla="*/ 0 w 10"/>
                  <a:gd name="T4" fmla="*/ 0 60000 65536"/>
                  <a:gd name="T5" fmla="*/ 0 60000 65536"/>
                  <a:gd name="T6" fmla="*/ 0 60000 65536"/>
                  <a:gd name="T7" fmla="*/ 0 60000 65536"/>
                </a:gdLst>
                <a:ahLst/>
                <a:cxnLst>
                  <a:cxn ang="T4">
                    <a:pos x="T0" y="0"/>
                  </a:cxn>
                  <a:cxn ang="T5">
                    <a:pos x="T1" y="0"/>
                  </a:cxn>
                  <a:cxn ang="T6">
                    <a:pos x="T2" y="0"/>
                  </a:cxn>
                  <a:cxn ang="T7">
                    <a:pos x="T3" y="0"/>
                  </a:cxn>
                </a:cxnLst>
                <a:rect l="0" t="0" r="r" b="b"/>
                <a:pathLst>
                  <a:path w="10">
                    <a:moveTo>
                      <a:pt x="0" y="0"/>
                    </a:moveTo>
                    <a:lnTo>
                      <a:pt x="5" y="0"/>
                    </a:lnTo>
                    <a:lnTo>
                      <a:pt x="1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65" name="Line 280"/>
              <p:cNvSpPr>
                <a:spLocks noChangeShapeType="1"/>
              </p:cNvSpPr>
              <p:nvPr/>
            </p:nvSpPr>
            <p:spPr bwMode="auto">
              <a:xfrm flipH="1" flipV="1">
                <a:off x="908050" y="3724275"/>
                <a:ext cx="3175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66" name="Freeform 281"/>
              <p:cNvSpPr>
                <a:spLocks/>
              </p:cNvSpPr>
              <p:nvPr/>
            </p:nvSpPr>
            <p:spPr bwMode="auto">
              <a:xfrm>
                <a:off x="900113" y="3727450"/>
                <a:ext cx="3175" cy="6350"/>
              </a:xfrm>
              <a:custGeom>
                <a:avLst/>
                <a:gdLst>
                  <a:gd name="T0" fmla="*/ 2 w 6"/>
                  <a:gd name="T1" fmla="*/ 0 h 10"/>
                  <a:gd name="T2" fmla="*/ 1 w 6"/>
                  <a:gd name="T3" fmla="*/ 1 h 10"/>
                  <a:gd name="T4" fmla="*/ 0 w 6"/>
                  <a:gd name="T5" fmla="*/ 2 h 10"/>
                  <a:gd name="T6" fmla="*/ 0 w 6"/>
                  <a:gd name="T7" fmla="*/ 2 h 10"/>
                  <a:gd name="T8" fmla="*/ 0 w 6"/>
                  <a:gd name="T9" fmla="*/ 3 h 10"/>
                  <a:gd name="T10" fmla="*/ 0 w 6"/>
                  <a:gd name="T11" fmla="*/ 3 h 10"/>
                  <a:gd name="T12" fmla="*/ 1 w 6"/>
                  <a:gd name="T13" fmla="*/ 4 h 10"/>
                  <a:gd name="T14" fmla="*/ 1 w 6"/>
                  <a:gd name="T15" fmla="*/ 4 h 10"/>
                  <a:gd name="T16" fmla="*/ 2 w 6"/>
                  <a:gd name="T17" fmla="*/ 4 h 10"/>
                  <a:gd name="T18" fmla="*/ 2 w 6"/>
                  <a:gd name="T19" fmla="*/ 0 h 10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</a:gdLst>
                <a:ahLst/>
                <a:cxnLst>
                  <a:cxn ang="T20">
                    <a:pos x="T0" y="T1"/>
                  </a:cxn>
                  <a:cxn ang="T21">
                    <a:pos x="T2" y="T3"/>
                  </a:cxn>
                  <a:cxn ang="T22">
                    <a:pos x="T4" y="T5"/>
                  </a:cxn>
                  <a:cxn ang="T23">
                    <a:pos x="T6" y="T7"/>
                  </a:cxn>
                  <a:cxn ang="T24">
                    <a:pos x="T8" y="T9"/>
                  </a:cxn>
                  <a:cxn ang="T25">
                    <a:pos x="T10" y="T11"/>
                  </a:cxn>
                  <a:cxn ang="T26">
                    <a:pos x="T12" y="T13"/>
                  </a:cxn>
                  <a:cxn ang="T27">
                    <a:pos x="T14" y="T15"/>
                  </a:cxn>
                  <a:cxn ang="T28">
                    <a:pos x="T16" y="T17"/>
                  </a:cxn>
                  <a:cxn ang="T29">
                    <a:pos x="T18" y="T19"/>
                  </a:cxn>
                </a:cxnLst>
                <a:rect l="0" t="0" r="r" b="b"/>
                <a:pathLst>
                  <a:path w="6" h="10">
                    <a:moveTo>
                      <a:pt x="6" y="0"/>
                    </a:moveTo>
                    <a:lnTo>
                      <a:pt x="3" y="2"/>
                    </a:lnTo>
                    <a:lnTo>
                      <a:pt x="1" y="4"/>
                    </a:lnTo>
                    <a:lnTo>
                      <a:pt x="0" y="5"/>
                    </a:lnTo>
                    <a:lnTo>
                      <a:pt x="0" y="7"/>
                    </a:lnTo>
                    <a:lnTo>
                      <a:pt x="1" y="8"/>
                    </a:lnTo>
                    <a:lnTo>
                      <a:pt x="2" y="9"/>
                    </a:lnTo>
                    <a:lnTo>
                      <a:pt x="4" y="10"/>
                    </a:lnTo>
                    <a:lnTo>
                      <a:pt x="6" y="1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67" name="Freeform 282"/>
              <p:cNvSpPr>
                <a:spLocks/>
              </p:cNvSpPr>
              <p:nvPr/>
            </p:nvSpPr>
            <p:spPr bwMode="auto">
              <a:xfrm>
                <a:off x="900113" y="3727450"/>
                <a:ext cx="3175" cy="6350"/>
              </a:xfrm>
              <a:custGeom>
                <a:avLst/>
                <a:gdLst>
                  <a:gd name="T0" fmla="*/ 2 w 6"/>
                  <a:gd name="T1" fmla="*/ 0 h 10"/>
                  <a:gd name="T2" fmla="*/ 1 w 6"/>
                  <a:gd name="T3" fmla="*/ 1 h 10"/>
                  <a:gd name="T4" fmla="*/ 0 w 6"/>
                  <a:gd name="T5" fmla="*/ 2 h 10"/>
                  <a:gd name="T6" fmla="*/ 0 w 6"/>
                  <a:gd name="T7" fmla="*/ 2 h 10"/>
                  <a:gd name="T8" fmla="*/ 0 w 6"/>
                  <a:gd name="T9" fmla="*/ 3 h 10"/>
                  <a:gd name="T10" fmla="*/ 0 w 6"/>
                  <a:gd name="T11" fmla="*/ 3 h 10"/>
                  <a:gd name="T12" fmla="*/ 1 w 6"/>
                  <a:gd name="T13" fmla="*/ 4 h 10"/>
                  <a:gd name="T14" fmla="*/ 1 w 6"/>
                  <a:gd name="T15" fmla="*/ 4 h 10"/>
                  <a:gd name="T16" fmla="*/ 2 w 6"/>
                  <a:gd name="T17" fmla="*/ 4 h 10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0" t="0" r="r" b="b"/>
                <a:pathLst>
                  <a:path w="6" h="10">
                    <a:moveTo>
                      <a:pt x="6" y="0"/>
                    </a:moveTo>
                    <a:lnTo>
                      <a:pt x="3" y="2"/>
                    </a:lnTo>
                    <a:lnTo>
                      <a:pt x="1" y="4"/>
                    </a:lnTo>
                    <a:lnTo>
                      <a:pt x="0" y="5"/>
                    </a:lnTo>
                    <a:lnTo>
                      <a:pt x="0" y="7"/>
                    </a:lnTo>
                    <a:lnTo>
                      <a:pt x="1" y="8"/>
                    </a:lnTo>
                    <a:lnTo>
                      <a:pt x="2" y="9"/>
                    </a:lnTo>
                    <a:lnTo>
                      <a:pt x="4" y="10"/>
                    </a:lnTo>
                    <a:lnTo>
                      <a:pt x="6" y="10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68" name="Freeform 283"/>
              <p:cNvSpPr>
                <a:spLocks/>
              </p:cNvSpPr>
              <p:nvPr/>
            </p:nvSpPr>
            <p:spPr bwMode="auto">
              <a:xfrm>
                <a:off x="903288" y="3733800"/>
                <a:ext cx="3175" cy="1588"/>
              </a:xfrm>
              <a:custGeom>
                <a:avLst/>
                <a:gdLst>
                  <a:gd name="T0" fmla="*/ 0 w 5"/>
                  <a:gd name="T1" fmla="*/ 0 h 5"/>
                  <a:gd name="T2" fmla="*/ 2 w 5"/>
                  <a:gd name="T3" fmla="*/ 1 h 5"/>
                  <a:gd name="T4" fmla="*/ 0 w 5"/>
                  <a:gd name="T5" fmla="*/ 0 h 5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5" h="5">
                    <a:moveTo>
                      <a:pt x="0" y="0"/>
                    </a:moveTo>
                    <a:lnTo>
                      <a:pt x="5" y="5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69" name="Line 284"/>
              <p:cNvSpPr>
                <a:spLocks noChangeShapeType="1"/>
              </p:cNvSpPr>
              <p:nvPr/>
            </p:nvSpPr>
            <p:spPr bwMode="auto">
              <a:xfrm>
                <a:off x="903288" y="3733800"/>
                <a:ext cx="3175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70" name="Freeform 285"/>
              <p:cNvSpPr>
                <a:spLocks/>
              </p:cNvSpPr>
              <p:nvPr/>
            </p:nvSpPr>
            <p:spPr bwMode="auto">
              <a:xfrm>
                <a:off x="900113" y="3725863"/>
                <a:ext cx="6350" cy="0"/>
              </a:xfrm>
              <a:custGeom>
                <a:avLst/>
                <a:gdLst>
                  <a:gd name="T0" fmla="*/ 4 w 10"/>
                  <a:gd name="T1" fmla="*/ 2 w 10"/>
                  <a:gd name="T2" fmla="*/ 0 w 10"/>
                  <a:gd name="T3" fmla="*/ 4 w 10"/>
                  <a:gd name="T4" fmla="*/ 0 60000 65536"/>
                  <a:gd name="T5" fmla="*/ 0 60000 65536"/>
                  <a:gd name="T6" fmla="*/ 0 60000 65536"/>
                  <a:gd name="T7" fmla="*/ 0 60000 65536"/>
                </a:gdLst>
                <a:ahLst/>
                <a:cxnLst>
                  <a:cxn ang="T4">
                    <a:pos x="T0" y="0"/>
                  </a:cxn>
                  <a:cxn ang="T5">
                    <a:pos x="T1" y="0"/>
                  </a:cxn>
                  <a:cxn ang="T6">
                    <a:pos x="T2" y="0"/>
                  </a:cxn>
                  <a:cxn ang="T7">
                    <a:pos x="T3" y="0"/>
                  </a:cxn>
                </a:cxnLst>
                <a:rect l="0" t="0" r="r" b="b"/>
                <a:pathLst>
                  <a:path w="10">
                    <a:moveTo>
                      <a:pt x="10" y="0"/>
                    </a:moveTo>
                    <a:lnTo>
                      <a:pt x="5" y="0"/>
                    </a:lnTo>
                    <a:lnTo>
                      <a:pt x="0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71" name="Freeform 287"/>
              <p:cNvSpPr>
                <a:spLocks/>
              </p:cNvSpPr>
              <p:nvPr/>
            </p:nvSpPr>
            <p:spPr bwMode="auto">
              <a:xfrm>
                <a:off x="900113" y="3725863"/>
                <a:ext cx="3175" cy="1588"/>
              </a:xfrm>
              <a:custGeom>
                <a:avLst/>
                <a:gdLst>
                  <a:gd name="T0" fmla="*/ 0 w 5"/>
                  <a:gd name="T1" fmla="*/ 0 h 4"/>
                  <a:gd name="T2" fmla="*/ 2 w 5"/>
                  <a:gd name="T3" fmla="*/ 1 h 4"/>
                  <a:gd name="T4" fmla="*/ 0 w 5"/>
                  <a:gd name="T5" fmla="*/ 0 h 4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5" h="4">
                    <a:moveTo>
                      <a:pt x="0" y="0"/>
                    </a:moveTo>
                    <a:lnTo>
                      <a:pt x="5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72" name="Line 288"/>
              <p:cNvSpPr>
                <a:spLocks noChangeShapeType="1"/>
              </p:cNvSpPr>
              <p:nvPr/>
            </p:nvSpPr>
            <p:spPr bwMode="auto">
              <a:xfrm>
                <a:off x="900113" y="3725863"/>
                <a:ext cx="3175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73" name="Struer kant 4"/>
              <p:cNvSpPr>
                <a:spLocks/>
              </p:cNvSpPr>
              <p:nvPr/>
            </p:nvSpPr>
            <p:spPr bwMode="auto">
              <a:xfrm>
                <a:off x="933450" y="3787775"/>
                <a:ext cx="28575" cy="66675"/>
              </a:xfrm>
              <a:custGeom>
                <a:avLst/>
                <a:gdLst>
                  <a:gd name="T0" fmla="*/ 6 w 54"/>
                  <a:gd name="T1" fmla="*/ 13 h 126"/>
                  <a:gd name="T2" fmla="*/ 4 w 54"/>
                  <a:gd name="T3" fmla="*/ 14 h 126"/>
                  <a:gd name="T4" fmla="*/ 3 w 54"/>
                  <a:gd name="T5" fmla="*/ 15 h 126"/>
                  <a:gd name="T6" fmla="*/ 2 w 54"/>
                  <a:gd name="T7" fmla="*/ 17 h 126"/>
                  <a:gd name="T8" fmla="*/ 1 w 54"/>
                  <a:gd name="T9" fmla="*/ 19 h 126"/>
                  <a:gd name="T10" fmla="*/ 0 w 54"/>
                  <a:gd name="T11" fmla="*/ 21 h 126"/>
                  <a:gd name="T12" fmla="*/ 0 w 54"/>
                  <a:gd name="T13" fmla="*/ 23 h 126"/>
                  <a:gd name="T14" fmla="*/ 0 w 54"/>
                  <a:gd name="T15" fmla="*/ 25 h 126"/>
                  <a:gd name="T16" fmla="*/ 0 w 54"/>
                  <a:gd name="T17" fmla="*/ 26 h 126"/>
                  <a:gd name="T18" fmla="*/ 2 w 54"/>
                  <a:gd name="T19" fmla="*/ 35 h 126"/>
                  <a:gd name="T20" fmla="*/ 4 w 54"/>
                  <a:gd name="T21" fmla="*/ 42 h 126"/>
                  <a:gd name="T22" fmla="*/ 5 w 54"/>
                  <a:gd name="T23" fmla="*/ 39 h 126"/>
                  <a:gd name="T24" fmla="*/ 6 w 54"/>
                  <a:gd name="T25" fmla="*/ 31 h 126"/>
                  <a:gd name="T26" fmla="*/ 7 w 54"/>
                  <a:gd name="T27" fmla="*/ 27 h 126"/>
                  <a:gd name="T28" fmla="*/ 7 w 54"/>
                  <a:gd name="T29" fmla="*/ 22 h 126"/>
                  <a:gd name="T30" fmla="*/ 6 w 54"/>
                  <a:gd name="T31" fmla="*/ 20 h 126"/>
                  <a:gd name="T32" fmla="*/ 6 w 54"/>
                  <a:gd name="T33" fmla="*/ 18 h 126"/>
                  <a:gd name="T34" fmla="*/ 5 w 54"/>
                  <a:gd name="T35" fmla="*/ 17 h 126"/>
                  <a:gd name="T36" fmla="*/ 5 w 54"/>
                  <a:gd name="T37" fmla="*/ 15 h 126"/>
                  <a:gd name="T38" fmla="*/ 3 w 54"/>
                  <a:gd name="T39" fmla="*/ 13 h 126"/>
                  <a:gd name="T40" fmla="*/ 2 w 54"/>
                  <a:gd name="T41" fmla="*/ 11 h 126"/>
                  <a:gd name="T42" fmla="*/ 2 w 54"/>
                  <a:gd name="T43" fmla="*/ 10 h 126"/>
                  <a:gd name="T44" fmla="*/ 2 w 54"/>
                  <a:gd name="T45" fmla="*/ 9 h 126"/>
                  <a:gd name="T46" fmla="*/ 3 w 54"/>
                  <a:gd name="T47" fmla="*/ 8 h 126"/>
                  <a:gd name="T48" fmla="*/ 4 w 54"/>
                  <a:gd name="T49" fmla="*/ 6 h 126"/>
                  <a:gd name="T50" fmla="*/ 5 w 54"/>
                  <a:gd name="T51" fmla="*/ 5 h 126"/>
                  <a:gd name="T52" fmla="*/ 6 w 54"/>
                  <a:gd name="T53" fmla="*/ 5 h 126"/>
                  <a:gd name="T54" fmla="*/ 7 w 54"/>
                  <a:gd name="T55" fmla="*/ 4 h 126"/>
                  <a:gd name="T56" fmla="*/ 8 w 54"/>
                  <a:gd name="T57" fmla="*/ 3 h 126"/>
                  <a:gd name="T58" fmla="*/ 9 w 54"/>
                  <a:gd name="T59" fmla="*/ 2 h 126"/>
                  <a:gd name="T60" fmla="*/ 9 w 54"/>
                  <a:gd name="T61" fmla="*/ 1 h 126"/>
                  <a:gd name="T62" fmla="*/ 9 w 54"/>
                  <a:gd name="T63" fmla="*/ 0 h 126"/>
                  <a:gd name="T64" fmla="*/ 11 w 54"/>
                  <a:gd name="T65" fmla="*/ 2 h 126"/>
                  <a:gd name="T66" fmla="*/ 12 w 54"/>
                  <a:gd name="T67" fmla="*/ 4 h 126"/>
                  <a:gd name="T68" fmla="*/ 13 w 54"/>
                  <a:gd name="T69" fmla="*/ 5 h 126"/>
                  <a:gd name="T70" fmla="*/ 15 w 54"/>
                  <a:gd name="T71" fmla="*/ 6 h 126"/>
                  <a:gd name="T72" fmla="*/ 16 w 54"/>
                  <a:gd name="T73" fmla="*/ 6 h 126"/>
                  <a:gd name="T74" fmla="*/ 18 w 54"/>
                  <a:gd name="T75" fmla="*/ 6 h 126"/>
                  <a:gd name="T76" fmla="*/ 17 w 54"/>
                  <a:gd name="T77" fmla="*/ 8 h 126"/>
                  <a:gd name="T78" fmla="*/ 16 w 54"/>
                  <a:gd name="T79" fmla="*/ 9 h 126"/>
                  <a:gd name="T80" fmla="*/ 14 w 54"/>
                  <a:gd name="T81" fmla="*/ 10 h 126"/>
                  <a:gd name="T82" fmla="*/ 12 w 54"/>
                  <a:gd name="T83" fmla="*/ 11 h 126"/>
                  <a:gd name="T84" fmla="*/ 9 w 54"/>
                  <a:gd name="T85" fmla="*/ 13 h 126"/>
                  <a:gd name="T86" fmla="*/ 6 w 54"/>
                  <a:gd name="T87" fmla="*/ 16 h 126"/>
                  <a:gd name="T88" fmla="*/ 6 w 54"/>
                  <a:gd name="T89" fmla="*/ 13 h 12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0" t="0" r="r" b="b"/>
                <a:pathLst>
                  <a:path w="54" h="126">
                    <a:moveTo>
                      <a:pt x="17" y="38"/>
                    </a:moveTo>
                    <a:lnTo>
                      <a:pt x="12" y="42"/>
                    </a:lnTo>
                    <a:lnTo>
                      <a:pt x="8" y="46"/>
                    </a:lnTo>
                    <a:lnTo>
                      <a:pt x="5" y="52"/>
                    </a:lnTo>
                    <a:lnTo>
                      <a:pt x="2" y="56"/>
                    </a:lnTo>
                    <a:lnTo>
                      <a:pt x="0" y="62"/>
                    </a:lnTo>
                    <a:lnTo>
                      <a:pt x="0" y="68"/>
                    </a:lnTo>
                    <a:lnTo>
                      <a:pt x="0" y="74"/>
                    </a:lnTo>
                    <a:lnTo>
                      <a:pt x="0" y="79"/>
                    </a:lnTo>
                    <a:lnTo>
                      <a:pt x="6" y="104"/>
                    </a:lnTo>
                    <a:lnTo>
                      <a:pt x="12" y="126"/>
                    </a:lnTo>
                    <a:lnTo>
                      <a:pt x="15" y="117"/>
                    </a:lnTo>
                    <a:lnTo>
                      <a:pt x="19" y="94"/>
                    </a:lnTo>
                    <a:lnTo>
                      <a:pt x="20" y="80"/>
                    </a:lnTo>
                    <a:lnTo>
                      <a:pt x="20" y="66"/>
                    </a:lnTo>
                    <a:lnTo>
                      <a:pt x="19" y="60"/>
                    </a:lnTo>
                    <a:lnTo>
                      <a:pt x="18" y="55"/>
                    </a:lnTo>
                    <a:lnTo>
                      <a:pt x="16" y="50"/>
                    </a:lnTo>
                    <a:lnTo>
                      <a:pt x="14" y="45"/>
                    </a:lnTo>
                    <a:lnTo>
                      <a:pt x="8" y="38"/>
                    </a:lnTo>
                    <a:lnTo>
                      <a:pt x="7" y="34"/>
                    </a:lnTo>
                    <a:lnTo>
                      <a:pt x="7" y="30"/>
                    </a:lnTo>
                    <a:lnTo>
                      <a:pt x="7" y="26"/>
                    </a:lnTo>
                    <a:lnTo>
                      <a:pt x="8" y="23"/>
                    </a:lnTo>
                    <a:lnTo>
                      <a:pt x="11" y="19"/>
                    </a:lnTo>
                    <a:lnTo>
                      <a:pt x="14" y="16"/>
                    </a:lnTo>
                    <a:lnTo>
                      <a:pt x="18" y="14"/>
                    </a:lnTo>
                    <a:lnTo>
                      <a:pt x="22" y="11"/>
                    </a:lnTo>
                    <a:lnTo>
                      <a:pt x="24" y="9"/>
                    </a:lnTo>
                    <a:lnTo>
                      <a:pt x="26" y="6"/>
                    </a:lnTo>
                    <a:lnTo>
                      <a:pt x="26" y="3"/>
                    </a:lnTo>
                    <a:lnTo>
                      <a:pt x="27" y="0"/>
                    </a:lnTo>
                    <a:lnTo>
                      <a:pt x="32" y="6"/>
                    </a:lnTo>
                    <a:lnTo>
                      <a:pt x="37" y="13"/>
                    </a:lnTo>
                    <a:lnTo>
                      <a:pt x="40" y="16"/>
                    </a:lnTo>
                    <a:lnTo>
                      <a:pt x="44" y="18"/>
                    </a:lnTo>
                    <a:lnTo>
                      <a:pt x="49" y="19"/>
                    </a:lnTo>
                    <a:lnTo>
                      <a:pt x="54" y="19"/>
                    </a:lnTo>
                    <a:lnTo>
                      <a:pt x="51" y="23"/>
                    </a:lnTo>
                    <a:lnTo>
                      <a:pt x="47" y="28"/>
                    </a:lnTo>
                    <a:lnTo>
                      <a:pt x="41" y="31"/>
                    </a:lnTo>
                    <a:lnTo>
                      <a:pt x="37" y="34"/>
                    </a:lnTo>
                    <a:lnTo>
                      <a:pt x="27" y="40"/>
                    </a:lnTo>
                    <a:lnTo>
                      <a:pt x="17" y="48"/>
                    </a:lnTo>
                    <a:lnTo>
                      <a:pt x="17" y="38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74" name="Struer 4"/>
              <p:cNvSpPr>
                <a:spLocks/>
              </p:cNvSpPr>
              <p:nvPr/>
            </p:nvSpPr>
            <p:spPr bwMode="auto">
              <a:xfrm>
                <a:off x="933450" y="3787775"/>
                <a:ext cx="28575" cy="66675"/>
              </a:xfrm>
              <a:custGeom>
                <a:avLst/>
                <a:gdLst>
                  <a:gd name="T0" fmla="*/ 6 w 54"/>
                  <a:gd name="T1" fmla="*/ 13 h 126"/>
                  <a:gd name="T2" fmla="*/ 4 w 54"/>
                  <a:gd name="T3" fmla="*/ 14 h 126"/>
                  <a:gd name="T4" fmla="*/ 3 w 54"/>
                  <a:gd name="T5" fmla="*/ 15 h 126"/>
                  <a:gd name="T6" fmla="*/ 2 w 54"/>
                  <a:gd name="T7" fmla="*/ 17 h 126"/>
                  <a:gd name="T8" fmla="*/ 1 w 54"/>
                  <a:gd name="T9" fmla="*/ 19 h 126"/>
                  <a:gd name="T10" fmla="*/ 0 w 54"/>
                  <a:gd name="T11" fmla="*/ 21 h 126"/>
                  <a:gd name="T12" fmla="*/ 0 w 54"/>
                  <a:gd name="T13" fmla="*/ 23 h 126"/>
                  <a:gd name="T14" fmla="*/ 0 w 54"/>
                  <a:gd name="T15" fmla="*/ 25 h 126"/>
                  <a:gd name="T16" fmla="*/ 0 w 54"/>
                  <a:gd name="T17" fmla="*/ 26 h 126"/>
                  <a:gd name="T18" fmla="*/ 2 w 54"/>
                  <a:gd name="T19" fmla="*/ 35 h 126"/>
                  <a:gd name="T20" fmla="*/ 4 w 54"/>
                  <a:gd name="T21" fmla="*/ 42 h 126"/>
                  <a:gd name="T22" fmla="*/ 5 w 54"/>
                  <a:gd name="T23" fmla="*/ 39 h 126"/>
                  <a:gd name="T24" fmla="*/ 6 w 54"/>
                  <a:gd name="T25" fmla="*/ 31 h 126"/>
                  <a:gd name="T26" fmla="*/ 7 w 54"/>
                  <a:gd name="T27" fmla="*/ 27 h 126"/>
                  <a:gd name="T28" fmla="*/ 7 w 54"/>
                  <a:gd name="T29" fmla="*/ 22 h 126"/>
                  <a:gd name="T30" fmla="*/ 6 w 54"/>
                  <a:gd name="T31" fmla="*/ 20 h 126"/>
                  <a:gd name="T32" fmla="*/ 6 w 54"/>
                  <a:gd name="T33" fmla="*/ 18 h 126"/>
                  <a:gd name="T34" fmla="*/ 5 w 54"/>
                  <a:gd name="T35" fmla="*/ 17 h 126"/>
                  <a:gd name="T36" fmla="*/ 5 w 54"/>
                  <a:gd name="T37" fmla="*/ 15 h 126"/>
                  <a:gd name="T38" fmla="*/ 3 w 54"/>
                  <a:gd name="T39" fmla="*/ 13 h 126"/>
                  <a:gd name="T40" fmla="*/ 2 w 54"/>
                  <a:gd name="T41" fmla="*/ 11 h 126"/>
                  <a:gd name="T42" fmla="*/ 2 w 54"/>
                  <a:gd name="T43" fmla="*/ 10 h 126"/>
                  <a:gd name="T44" fmla="*/ 2 w 54"/>
                  <a:gd name="T45" fmla="*/ 9 h 126"/>
                  <a:gd name="T46" fmla="*/ 3 w 54"/>
                  <a:gd name="T47" fmla="*/ 8 h 126"/>
                  <a:gd name="T48" fmla="*/ 4 w 54"/>
                  <a:gd name="T49" fmla="*/ 6 h 126"/>
                  <a:gd name="T50" fmla="*/ 5 w 54"/>
                  <a:gd name="T51" fmla="*/ 5 h 126"/>
                  <a:gd name="T52" fmla="*/ 6 w 54"/>
                  <a:gd name="T53" fmla="*/ 5 h 126"/>
                  <a:gd name="T54" fmla="*/ 7 w 54"/>
                  <a:gd name="T55" fmla="*/ 4 h 126"/>
                  <a:gd name="T56" fmla="*/ 8 w 54"/>
                  <a:gd name="T57" fmla="*/ 3 h 126"/>
                  <a:gd name="T58" fmla="*/ 9 w 54"/>
                  <a:gd name="T59" fmla="*/ 2 h 126"/>
                  <a:gd name="T60" fmla="*/ 9 w 54"/>
                  <a:gd name="T61" fmla="*/ 1 h 126"/>
                  <a:gd name="T62" fmla="*/ 9 w 54"/>
                  <a:gd name="T63" fmla="*/ 0 h 126"/>
                  <a:gd name="T64" fmla="*/ 11 w 54"/>
                  <a:gd name="T65" fmla="*/ 2 h 126"/>
                  <a:gd name="T66" fmla="*/ 12 w 54"/>
                  <a:gd name="T67" fmla="*/ 4 h 126"/>
                  <a:gd name="T68" fmla="*/ 13 w 54"/>
                  <a:gd name="T69" fmla="*/ 5 h 126"/>
                  <a:gd name="T70" fmla="*/ 15 w 54"/>
                  <a:gd name="T71" fmla="*/ 6 h 126"/>
                  <a:gd name="T72" fmla="*/ 16 w 54"/>
                  <a:gd name="T73" fmla="*/ 6 h 126"/>
                  <a:gd name="T74" fmla="*/ 18 w 54"/>
                  <a:gd name="T75" fmla="*/ 6 h 126"/>
                  <a:gd name="T76" fmla="*/ 17 w 54"/>
                  <a:gd name="T77" fmla="*/ 8 h 126"/>
                  <a:gd name="T78" fmla="*/ 16 w 54"/>
                  <a:gd name="T79" fmla="*/ 9 h 126"/>
                  <a:gd name="T80" fmla="*/ 14 w 54"/>
                  <a:gd name="T81" fmla="*/ 10 h 126"/>
                  <a:gd name="T82" fmla="*/ 12 w 54"/>
                  <a:gd name="T83" fmla="*/ 11 h 126"/>
                  <a:gd name="T84" fmla="*/ 9 w 54"/>
                  <a:gd name="T85" fmla="*/ 13 h 126"/>
                  <a:gd name="T86" fmla="*/ 6 w 54"/>
                  <a:gd name="T87" fmla="*/ 16 h 126"/>
                  <a:gd name="T88" fmla="*/ 6 w 54"/>
                  <a:gd name="T89" fmla="*/ 13 h 12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0" t="0" r="r" b="b"/>
                <a:pathLst>
                  <a:path w="54" h="126">
                    <a:moveTo>
                      <a:pt x="17" y="38"/>
                    </a:moveTo>
                    <a:lnTo>
                      <a:pt x="12" y="42"/>
                    </a:lnTo>
                    <a:lnTo>
                      <a:pt x="8" y="46"/>
                    </a:lnTo>
                    <a:lnTo>
                      <a:pt x="5" y="52"/>
                    </a:lnTo>
                    <a:lnTo>
                      <a:pt x="2" y="56"/>
                    </a:lnTo>
                    <a:lnTo>
                      <a:pt x="0" y="62"/>
                    </a:lnTo>
                    <a:lnTo>
                      <a:pt x="0" y="68"/>
                    </a:lnTo>
                    <a:lnTo>
                      <a:pt x="0" y="74"/>
                    </a:lnTo>
                    <a:lnTo>
                      <a:pt x="0" y="79"/>
                    </a:lnTo>
                    <a:lnTo>
                      <a:pt x="6" y="104"/>
                    </a:lnTo>
                    <a:lnTo>
                      <a:pt x="12" y="126"/>
                    </a:lnTo>
                    <a:lnTo>
                      <a:pt x="15" y="117"/>
                    </a:lnTo>
                    <a:lnTo>
                      <a:pt x="19" y="94"/>
                    </a:lnTo>
                    <a:lnTo>
                      <a:pt x="20" y="80"/>
                    </a:lnTo>
                    <a:lnTo>
                      <a:pt x="20" y="66"/>
                    </a:lnTo>
                    <a:lnTo>
                      <a:pt x="19" y="60"/>
                    </a:lnTo>
                    <a:lnTo>
                      <a:pt x="18" y="55"/>
                    </a:lnTo>
                    <a:lnTo>
                      <a:pt x="16" y="50"/>
                    </a:lnTo>
                    <a:lnTo>
                      <a:pt x="14" y="45"/>
                    </a:lnTo>
                    <a:lnTo>
                      <a:pt x="8" y="38"/>
                    </a:lnTo>
                    <a:lnTo>
                      <a:pt x="7" y="34"/>
                    </a:lnTo>
                    <a:lnTo>
                      <a:pt x="7" y="30"/>
                    </a:lnTo>
                    <a:lnTo>
                      <a:pt x="7" y="26"/>
                    </a:lnTo>
                    <a:lnTo>
                      <a:pt x="8" y="23"/>
                    </a:lnTo>
                    <a:lnTo>
                      <a:pt x="11" y="19"/>
                    </a:lnTo>
                    <a:lnTo>
                      <a:pt x="14" y="16"/>
                    </a:lnTo>
                    <a:lnTo>
                      <a:pt x="18" y="14"/>
                    </a:lnTo>
                    <a:lnTo>
                      <a:pt x="22" y="11"/>
                    </a:lnTo>
                    <a:lnTo>
                      <a:pt x="24" y="9"/>
                    </a:lnTo>
                    <a:lnTo>
                      <a:pt x="26" y="6"/>
                    </a:lnTo>
                    <a:lnTo>
                      <a:pt x="26" y="3"/>
                    </a:lnTo>
                    <a:lnTo>
                      <a:pt x="27" y="0"/>
                    </a:lnTo>
                    <a:lnTo>
                      <a:pt x="32" y="6"/>
                    </a:lnTo>
                    <a:lnTo>
                      <a:pt x="37" y="13"/>
                    </a:lnTo>
                    <a:lnTo>
                      <a:pt x="40" y="16"/>
                    </a:lnTo>
                    <a:lnTo>
                      <a:pt x="44" y="18"/>
                    </a:lnTo>
                    <a:lnTo>
                      <a:pt x="49" y="19"/>
                    </a:lnTo>
                    <a:lnTo>
                      <a:pt x="54" y="19"/>
                    </a:lnTo>
                    <a:lnTo>
                      <a:pt x="51" y="23"/>
                    </a:lnTo>
                    <a:lnTo>
                      <a:pt x="47" y="28"/>
                    </a:lnTo>
                    <a:lnTo>
                      <a:pt x="41" y="31"/>
                    </a:lnTo>
                    <a:lnTo>
                      <a:pt x="37" y="34"/>
                    </a:lnTo>
                    <a:lnTo>
                      <a:pt x="27" y="40"/>
                    </a:lnTo>
                    <a:lnTo>
                      <a:pt x="17" y="48"/>
                    </a:lnTo>
                    <a:lnTo>
                      <a:pt x="17" y="38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75" name="Struer 1"/>
              <p:cNvSpPr>
                <a:spLocks/>
              </p:cNvSpPr>
              <p:nvPr/>
            </p:nvSpPr>
            <p:spPr bwMode="auto">
              <a:xfrm>
                <a:off x="754063" y="3803655"/>
                <a:ext cx="233363" cy="207963"/>
              </a:xfrm>
              <a:custGeom>
                <a:avLst/>
                <a:gdLst>
                  <a:gd name="T0" fmla="*/ 120 w 439"/>
                  <a:gd name="T1" fmla="*/ 82 h 393"/>
                  <a:gd name="T2" fmla="*/ 125 w 439"/>
                  <a:gd name="T3" fmla="*/ 81 h 393"/>
                  <a:gd name="T4" fmla="*/ 135 w 439"/>
                  <a:gd name="T5" fmla="*/ 81 h 393"/>
                  <a:gd name="T6" fmla="*/ 142 w 439"/>
                  <a:gd name="T7" fmla="*/ 81 h 393"/>
                  <a:gd name="T8" fmla="*/ 144 w 439"/>
                  <a:gd name="T9" fmla="*/ 78 h 393"/>
                  <a:gd name="T10" fmla="*/ 147 w 439"/>
                  <a:gd name="T11" fmla="*/ 88 h 393"/>
                  <a:gd name="T12" fmla="*/ 146 w 439"/>
                  <a:gd name="T13" fmla="*/ 98 h 393"/>
                  <a:gd name="T14" fmla="*/ 138 w 439"/>
                  <a:gd name="T15" fmla="*/ 117 h 393"/>
                  <a:gd name="T16" fmla="*/ 124 w 439"/>
                  <a:gd name="T17" fmla="*/ 126 h 393"/>
                  <a:gd name="T18" fmla="*/ 116 w 439"/>
                  <a:gd name="T19" fmla="*/ 126 h 393"/>
                  <a:gd name="T20" fmla="*/ 113 w 439"/>
                  <a:gd name="T21" fmla="*/ 121 h 393"/>
                  <a:gd name="T22" fmla="*/ 100 w 439"/>
                  <a:gd name="T23" fmla="*/ 113 h 393"/>
                  <a:gd name="T24" fmla="*/ 91 w 439"/>
                  <a:gd name="T25" fmla="*/ 110 h 393"/>
                  <a:gd name="T26" fmla="*/ 88 w 439"/>
                  <a:gd name="T27" fmla="*/ 114 h 393"/>
                  <a:gd name="T28" fmla="*/ 85 w 439"/>
                  <a:gd name="T29" fmla="*/ 121 h 393"/>
                  <a:gd name="T30" fmla="*/ 80 w 439"/>
                  <a:gd name="T31" fmla="*/ 122 h 393"/>
                  <a:gd name="T32" fmla="*/ 80 w 439"/>
                  <a:gd name="T33" fmla="*/ 120 h 393"/>
                  <a:gd name="T34" fmla="*/ 80 w 439"/>
                  <a:gd name="T35" fmla="*/ 116 h 393"/>
                  <a:gd name="T36" fmla="*/ 76 w 439"/>
                  <a:gd name="T37" fmla="*/ 111 h 393"/>
                  <a:gd name="T38" fmla="*/ 70 w 439"/>
                  <a:gd name="T39" fmla="*/ 109 h 393"/>
                  <a:gd name="T40" fmla="*/ 65 w 439"/>
                  <a:gd name="T41" fmla="*/ 111 h 393"/>
                  <a:gd name="T42" fmla="*/ 59 w 439"/>
                  <a:gd name="T43" fmla="*/ 113 h 393"/>
                  <a:gd name="T44" fmla="*/ 55 w 439"/>
                  <a:gd name="T45" fmla="*/ 114 h 393"/>
                  <a:gd name="T46" fmla="*/ 55 w 439"/>
                  <a:gd name="T47" fmla="*/ 118 h 393"/>
                  <a:gd name="T48" fmla="*/ 56 w 439"/>
                  <a:gd name="T49" fmla="*/ 123 h 393"/>
                  <a:gd name="T50" fmla="*/ 54 w 439"/>
                  <a:gd name="T51" fmla="*/ 127 h 393"/>
                  <a:gd name="T52" fmla="*/ 37 w 439"/>
                  <a:gd name="T53" fmla="*/ 130 h 393"/>
                  <a:gd name="T54" fmla="*/ 19 w 439"/>
                  <a:gd name="T55" fmla="*/ 130 h 393"/>
                  <a:gd name="T56" fmla="*/ 0 w 439"/>
                  <a:gd name="T57" fmla="*/ 125 h 393"/>
                  <a:gd name="T58" fmla="*/ 2 w 439"/>
                  <a:gd name="T59" fmla="*/ 118 h 393"/>
                  <a:gd name="T60" fmla="*/ 5 w 439"/>
                  <a:gd name="T61" fmla="*/ 113 h 393"/>
                  <a:gd name="T62" fmla="*/ 10 w 439"/>
                  <a:gd name="T63" fmla="*/ 109 h 393"/>
                  <a:gd name="T64" fmla="*/ 18 w 439"/>
                  <a:gd name="T65" fmla="*/ 107 h 393"/>
                  <a:gd name="T66" fmla="*/ 25 w 439"/>
                  <a:gd name="T67" fmla="*/ 104 h 393"/>
                  <a:gd name="T68" fmla="*/ 32 w 439"/>
                  <a:gd name="T69" fmla="*/ 98 h 393"/>
                  <a:gd name="T70" fmla="*/ 34 w 439"/>
                  <a:gd name="T71" fmla="*/ 87 h 393"/>
                  <a:gd name="T72" fmla="*/ 40 w 439"/>
                  <a:gd name="T73" fmla="*/ 81 h 393"/>
                  <a:gd name="T74" fmla="*/ 44 w 439"/>
                  <a:gd name="T75" fmla="*/ 78 h 393"/>
                  <a:gd name="T76" fmla="*/ 47 w 439"/>
                  <a:gd name="T77" fmla="*/ 78 h 393"/>
                  <a:gd name="T78" fmla="*/ 48 w 439"/>
                  <a:gd name="T79" fmla="*/ 61 h 393"/>
                  <a:gd name="T80" fmla="*/ 49 w 439"/>
                  <a:gd name="T81" fmla="*/ 48 h 393"/>
                  <a:gd name="T82" fmla="*/ 50 w 439"/>
                  <a:gd name="T83" fmla="*/ 31 h 393"/>
                  <a:gd name="T84" fmla="*/ 57 w 439"/>
                  <a:gd name="T85" fmla="*/ 31 h 393"/>
                  <a:gd name="T86" fmla="*/ 73 w 439"/>
                  <a:gd name="T87" fmla="*/ 16 h 393"/>
                  <a:gd name="T88" fmla="*/ 78 w 439"/>
                  <a:gd name="T89" fmla="*/ 10 h 393"/>
                  <a:gd name="T90" fmla="*/ 81 w 439"/>
                  <a:gd name="T91" fmla="*/ 3 h 393"/>
                  <a:gd name="T92" fmla="*/ 87 w 439"/>
                  <a:gd name="T93" fmla="*/ 11 h 393"/>
                  <a:gd name="T94" fmla="*/ 91 w 439"/>
                  <a:gd name="T95" fmla="*/ 24 h 393"/>
                  <a:gd name="T96" fmla="*/ 95 w 439"/>
                  <a:gd name="T97" fmla="*/ 31 h 393"/>
                  <a:gd name="T98" fmla="*/ 100 w 439"/>
                  <a:gd name="T99" fmla="*/ 38 h 393"/>
                  <a:gd name="T100" fmla="*/ 103 w 439"/>
                  <a:gd name="T101" fmla="*/ 43 h 393"/>
                  <a:gd name="T102" fmla="*/ 100 w 439"/>
                  <a:gd name="T103" fmla="*/ 46 h 393"/>
                  <a:gd name="T104" fmla="*/ 95 w 439"/>
                  <a:gd name="T105" fmla="*/ 50 h 393"/>
                  <a:gd name="T106" fmla="*/ 94 w 439"/>
                  <a:gd name="T107" fmla="*/ 54 h 393"/>
                  <a:gd name="T108" fmla="*/ 95 w 439"/>
                  <a:gd name="T109" fmla="*/ 59 h 393"/>
                  <a:gd name="T110" fmla="*/ 97 w 439"/>
                  <a:gd name="T111" fmla="*/ 61 h 393"/>
                  <a:gd name="T112" fmla="*/ 100 w 439"/>
                  <a:gd name="T113" fmla="*/ 62 h 393"/>
                  <a:gd name="T114" fmla="*/ 109 w 439"/>
                  <a:gd name="T115" fmla="*/ 61 h 393"/>
                  <a:gd name="T116" fmla="*/ 108 w 439"/>
                  <a:gd name="T117" fmla="*/ 65 h 393"/>
                  <a:gd name="T118" fmla="*/ 109 w 439"/>
                  <a:gd name="T119" fmla="*/ 70 h 393"/>
                  <a:gd name="T120" fmla="*/ 114 w 439"/>
                  <a:gd name="T121" fmla="*/ 77 h 393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439" h="393">
                    <a:moveTo>
                      <a:pt x="356" y="243"/>
                    </a:moveTo>
                    <a:lnTo>
                      <a:pt x="347" y="243"/>
                    </a:lnTo>
                    <a:lnTo>
                      <a:pt x="357" y="246"/>
                    </a:lnTo>
                    <a:lnTo>
                      <a:pt x="370" y="248"/>
                    </a:lnTo>
                    <a:lnTo>
                      <a:pt x="366" y="243"/>
                    </a:lnTo>
                    <a:lnTo>
                      <a:pt x="373" y="242"/>
                    </a:lnTo>
                    <a:lnTo>
                      <a:pt x="384" y="242"/>
                    </a:lnTo>
                    <a:lnTo>
                      <a:pt x="393" y="243"/>
                    </a:lnTo>
                    <a:lnTo>
                      <a:pt x="404" y="244"/>
                    </a:lnTo>
                    <a:lnTo>
                      <a:pt x="413" y="244"/>
                    </a:lnTo>
                    <a:lnTo>
                      <a:pt x="422" y="243"/>
                    </a:lnTo>
                    <a:lnTo>
                      <a:pt x="425" y="242"/>
                    </a:lnTo>
                    <a:lnTo>
                      <a:pt x="428" y="240"/>
                    </a:lnTo>
                    <a:lnTo>
                      <a:pt x="430" y="236"/>
                    </a:lnTo>
                    <a:lnTo>
                      <a:pt x="431" y="233"/>
                    </a:lnTo>
                    <a:lnTo>
                      <a:pt x="435" y="244"/>
                    </a:lnTo>
                    <a:lnTo>
                      <a:pt x="438" y="254"/>
                    </a:lnTo>
                    <a:lnTo>
                      <a:pt x="439" y="264"/>
                    </a:lnTo>
                    <a:lnTo>
                      <a:pt x="439" y="274"/>
                    </a:lnTo>
                    <a:lnTo>
                      <a:pt x="438" y="285"/>
                    </a:lnTo>
                    <a:lnTo>
                      <a:pt x="436" y="294"/>
                    </a:lnTo>
                    <a:lnTo>
                      <a:pt x="433" y="304"/>
                    </a:lnTo>
                    <a:lnTo>
                      <a:pt x="430" y="314"/>
                    </a:lnTo>
                    <a:lnTo>
                      <a:pt x="411" y="351"/>
                    </a:lnTo>
                    <a:lnTo>
                      <a:pt x="393" y="383"/>
                    </a:lnTo>
                    <a:lnTo>
                      <a:pt x="378" y="380"/>
                    </a:lnTo>
                    <a:lnTo>
                      <a:pt x="370" y="379"/>
                    </a:lnTo>
                    <a:lnTo>
                      <a:pt x="363" y="380"/>
                    </a:lnTo>
                    <a:lnTo>
                      <a:pt x="347" y="383"/>
                    </a:lnTo>
                    <a:lnTo>
                      <a:pt x="346" y="377"/>
                    </a:lnTo>
                    <a:lnTo>
                      <a:pt x="344" y="371"/>
                    </a:lnTo>
                    <a:lnTo>
                      <a:pt x="341" y="366"/>
                    </a:lnTo>
                    <a:lnTo>
                      <a:pt x="338" y="362"/>
                    </a:lnTo>
                    <a:lnTo>
                      <a:pt x="330" y="354"/>
                    </a:lnTo>
                    <a:lnTo>
                      <a:pt x="321" y="348"/>
                    </a:lnTo>
                    <a:lnTo>
                      <a:pt x="300" y="338"/>
                    </a:lnTo>
                    <a:lnTo>
                      <a:pt x="281" y="327"/>
                    </a:lnTo>
                    <a:lnTo>
                      <a:pt x="276" y="328"/>
                    </a:lnTo>
                    <a:lnTo>
                      <a:pt x="273" y="329"/>
                    </a:lnTo>
                    <a:lnTo>
                      <a:pt x="270" y="332"/>
                    </a:lnTo>
                    <a:lnTo>
                      <a:pt x="268" y="334"/>
                    </a:lnTo>
                    <a:lnTo>
                      <a:pt x="264" y="342"/>
                    </a:lnTo>
                    <a:lnTo>
                      <a:pt x="261" y="349"/>
                    </a:lnTo>
                    <a:lnTo>
                      <a:pt x="257" y="357"/>
                    </a:lnTo>
                    <a:lnTo>
                      <a:pt x="253" y="362"/>
                    </a:lnTo>
                    <a:lnTo>
                      <a:pt x="250" y="364"/>
                    </a:lnTo>
                    <a:lnTo>
                      <a:pt x="246" y="365"/>
                    </a:lnTo>
                    <a:lnTo>
                      <a:pt x="240" y="365"/>
                    </a:lnTo>
                    <a:lnTo>
                      <a:pt x="234" y="365"/>
                    </a:lnTo>
                    <a:lnTo>
                      <a:pt x="237" y="362"/>
                    </a:lnTo>
                    <a:lnTo>
                      <a:pt x="239" y="359"/>
                    </a:lnTo>
                    <a:lnTo>
                      <a:pt x="240" y="355"/>
                    </a:lnTo>
                    <a:lnTo>
                      <a:pt x="241" y="353"/>
                    </a:lnTo>
                    <a:lnTo>
                      <a:pt x="240" y="348"/>
                    </a:lnTo>
                    <a:lnTo>
                      <a:pt x="237" y="343"/>
                    </a:lnTo>
                    <a:lnTo>
                      <a:pt x="233" y="339"/>
                    </a:lnTo>
                    <a:lnTo>
                      <a:pt x="228" y="334"/>
                    </a:lnTo>
                    <a:lnTo>
                      <a:pt x="221" y="330"/>
                    </a:lnTo>
                    <a:lnTo>
                      <a:pt x="215" y="327"/>
                    </a:lnTo>
                    <a:lnTo>
                      <a:pt x="208" y="327"/>
                    </a:lnTo>
                    <a:lnTo>
                      <a:pt x="202" y="328"/>
                    </a:lnTo>
                    <a:lnTo>
                      <a:pt x="198" y="330"/>
                    </a:lnTo>
                    <a:lnTo>
                      <a:pt x="194" y="333"/>
                    </a:lnTo>
                    <a:lnTo>
                      <a:pt x="189" y="335"/>
                    </a:lnTo>
                    <a:lnTo>
                      <a:pt x="184" y="338"/>
                    </a:lnTo>
                    <a:lnTo>
                      <a:pt x="177" y="339"/>
                    </a:lnTo>
                    <a:lnTo>
                      <a:pt x="169" y="337"/>
                    </a:lnTo>
                    <a:lnTo>
                      <a:pt x="166" y="340"/>
                    </a:lnTo>
                    <a:lnTo>
                      <a:pt x="165" y="343"/>
                    </a:lnTo>
                    <a:lnTo>
                      <a:pt x="164" y="345"/>
                    </a:lnTo>
                    <a:lnTo>
                      <a:pt x="162" y="348"/>
                    </a:lnTo>
                    <a:lnTo>
                      <a:pt x="164" y="353"/>
                    </a:lnTo>
                    <a:lnTo>
                      <a:pt x="166" y="359"/>
                    </a:lnTo>
                    <a:lnTo>
                      <a:pt x="167" y="364"/>
                    </a:lnTo>
                    <a:lnTo>
                      <a:pt x="167" y="370"/>
                    </a:lnTo>
                    <a:lnTo>
                      <a:pt x="167" y="373"/>
                    </a:lnTo>
                    <a:lnTo>
                      <a:pt x="165" y="377"/>
                    </a:lnTo>
                    <a:lnTo>
                      <a:pt x="162" y="380"/>
                    </a:lnTo>
                    <a:lnTo>
                      <a:pt x="159" y="383"/>
                    </a:lnTo>
                    <a:lnTo>
                      <a:pt x="132" y="387"/>
                    </a:lnTo>
                    <a:lnTo>
                      <a:pt x="110" y="390"/>
                    </a:lnTo>
                    <a:lnTo>
                      <a:pt x="91" y="392"/>
                    </a:lnTo>
                    <a:lnTo>
                      <a:pt x="75" y="393"/>
                    </a:lnTo>
                    <a:lnTo>
                      <a:pt x="58" y="391"/>
                    </a:lnTo>
                    <a:lnTo>
                      <a:pt x="41" y="388"/>
                    </a:lnTo>
                    <a:lnTo>
                      <a:pt x="22" y="383"/>
                    </a:lnTo>
                    <a:lnTo>
                      <a:pt x="0" y="374"/>
                    </a:lnTo>
                    <a:lnTo>
                      <a:pt x="0" y="366"/>
                    </a:lnTo>
                    <a:lnTo>
                      <a:pt x="2" y="360"/>
                    </a:lnTo>
                    <a:lnTo>
                      <a:pt x="5" y="353"/>
                    </a:lnTo>
                    <a:lnTo>
                      <a:pt x="8" y="348"/>
                    </a:lnTo>
                    <a:lnTo>
                      <a:pt x="11" y="344"/>
                    </a:lnTo>
                    <a:lnTo>
                      <a:pt x="14" y="339"/>
                    </a:lnTo>
                    <a:lnTo>
                      <a:pt x="17" y="333"/>
                    </a:lnTo>
                    <a:lnTo>
                      <a:pt x="19" y="327"/>
                    </a:lnTo>
                    <a:lnTo>
                      <a:pt x="29" y="327"/>
                    </a:lnTo>
                    <a:lnTo>
                      <a:pt x="37" y="326"/>
                    </a:lnTo>
                    <a:lnTo>
                      <a:pt x="46" y="324"/>
                    </a:lnTo>
                    <a:lnTo>
                      <a:pt x="54" y="321"/>
                    </a:lnTo>
                    <a:lnTo>
                      <a:pt x="61" y="318"/>
                    </a:lnTo>
                    <a:lnTo>
                      <a:pt x="69" y="314"/>
                    </a:lnTo>
                    <a:lnTo>
                      <a:pt x="76" y="312"/>
                    </a:lnTo>
                    <a:lnTo>
                      <a:pt x="85" y="309"/>
                    </a:lnTo>
                    <a:lnTo>
                      <a:pt x="94" y="308"/>
                    </a:lnTo>
                    <a:lnTo>
                      <a:pt x="95" y="295"/>
                    </a:lnTo>
                    <a:lnTo>
                      <a:pt x="97" y="284"/>
                    </a:lnTo>
                    <a:lnTo>
                      <a:pt x="99" y="272"/>
                    </a:lnTo>
                    <a:lnTo>
                      <a:pt x="103" y="262"/>
                    </a:lnTo>
                    <a:lnTo>
                      <a:pt x="109" y="252"/>
                    </a:lnTo>
                    <a:lnTo>
                      <a:pt x="114" y="245"/>
                    </a:lnTo>
                    <a:lnTo>
                      <a:pt x="118" y="242"/>
                    </a:lnTo>
                    <a:lnTo>
                      <a:pt x="122" y="239"/>
                    </a:lnTo>
                    <a:lnTo>
                      <a:pt x="127" y="235"/>
                    </a:lnTo>
                    <a:lnTo>
                      <a:pt x="131" y="233"/>
                    </a:lnTo>
                    <a:lnTo>
                      <a:pt x="131" y="243"/>
                    </a:lnTo>
                    <a:lnTo>
                      <a:pt x="140" y="243"/>
                    </a:lnTo>
                    <a:lnTo>
                      <a:pt x="140" y="233"/>
                    </a:lnTo>
                    <a:lnTo>
                      <a:pt x="140" y="224"/>
                    </a:lnTo>
                    <a:lnTo>
                      <a:pt x="141" y="202"/>
                    </a:lnTo>
                    <a:lnTo>
                      <a:pt x="142" y="184"/>
                    </a:lnTo>
                    <a:lnTo>
                      <a:pt x="144" y="169"/>
                    </a:lnTo>
                    <a:lnTo>
                      <a:pt x="146" y="156"/>
                    </a:lnTo>
                    <a:lnTo>
                      <a:pt x="147" y="144"/>
                    </a:lnTo>
                    <a:lnTo>
                      <a:pt x="149" y="130"/>
                    </a:lnTo>
                    <a:lnTo>
                      <a:pt x="150" y="113"/>
                    </a:lnTo>
                    <a:lnTo>
                      <a:pt x="150" y="93"/>
                    </a:lnTo>
                    <a:lnTo>
                      <a:pt x="159" y="99"/>
                    </a:lnTo>
                    <a:lnTo>
                      <a:pt x="165" y="95"/>
                    </a:lnTo>
                    <a:lnTo>
                      <a:pt x="169" y="93"/>
                    </a:lnTo>
                    <a:lnTo>
                      <a:pt x="190" y="72"/>
                    </a:lnTo>
                    <a:lnTo>
                      <a:pt x="213" y="53"/>
                    </a:lnTo>
                    <a:lnTo>
                      <a:pt x="219" y="48"/>
                    </a:lnTo>
                    <a:lnTo>
                      <a:pt x="224" y="43"/>
                    </a:lnTo>
                    <a:lnTo>
                      <a:pt x="229" y="37"/>
                    </a:lnTo>
                    <a:lnTo>
                      <a:pt x="233" y="31"/>
                    </a:lnTo>
                    <a:lnTo>
                      <a:pt x="236" y="24"/>
                    </a:lnTo>
                    <a:lnTo>
                      <a:pt x="239" y="16"/>
                    </a:lnTo>
                    <a:lnTo>
                      <a:pt x="242" y="8"/>
                    </a:lnTo>
                    <a:lnTo>
                      <a:pt x="244" y="0"/>
                    </a:lnTo>
                    <a:lnTo>
                      <a:pt x="253" y="17"/>
                    </a:lnTo>
                    <a:lnTo>
                      <a:pt x="259" y="34"/>
                    </a:lnTo>
                    <a:lnTo>
                      <a:pt x="264" y="50"/>
                    </a:lnTo>
                    <a:lnTo>
                      <a:pt x="269" y="66"/>
                    </a:lnTo>
                    <a:lnTo>
                      <a:pt x="271" y="73"/>
                    </a:lnTo>
                    <a:lnTo>
                      <a:pt x="274" y="81"/>
                    </a:lnTo>
                    <a:lnTo>
                      <a:pt x="278" y="88"/>
                    </a:lnTo>
                    <a:lnTo>
                      <a:pt x="283" y="94"/>
                    </a:lnTo>
                    <a:lnTo>
                      <a:pt x="288" y="102"/>
                    </a:lnTo>
                    <a:lnTo>
                      <a:pt x="293" y="108"/>
                    </a:lnTo>
                    <a:lnTo>
                      <a:pt x="300" y="114"/>
                    </a:lnTo>
                    <a:lnTo>
                      <a:pt x="309" y="121"/>
                    </a:lnTo>
                    <a:lnTo>
                      <a:pt x="309" y="125"/>
                    </a:lnTo>
                    <a:lnTo>
                      <a:pt x="307" y="128"/>
                    </a:lnTo>
                    <a:lnTo>
                      <a:pt x="305" y="131"/>
                    </a:lnTo>
                    <a:lnTo>
                      <a:pt x="303" y="133"/>
                    </a:lnTo>
                    <a:lnTo>
                      <a:pt x="298" y="137"/>
                    </a:lnTo>
                    <a:lnTo>
                      <a:pt x="292" y="142"/>
                    </a:lnTo>
                    <a:lnTo>
                      <a:pt x="288" y="146"/>
                    </a:lnTo>
                    <a:lnTo>
                      <a:pt x="284" y="151"/>
                    </a:lnTo>
                    <a:lnTo>
                      <a:pt x="281" y="154"/>
                    </a:lnTo>
                    <a:lnTo>
                      <a:pt x="280" y="159"/>
                    </a:lnTo>
                    <a:lnTo>
                      <a:pt x="280" y="163"/>
                    </a:lnTo>
                    <a:lnTo>
                      <a:pt x="281" y="168"/>
                    </a:lnTo>
                    <a:lnTo>
                      <a:pt x="283" y="173"/>
                    </a:lnTo>
                    <a:lnTo>
                      <a:pt x="284" y="176"/>
                    </a:lnTo>
                    <a:lnTo>
                      <a:pt x="286" y="180"/>
                    </a:lnTo>
                    <a:lnTo>
                      <a:pt x="288" y="182"/>
                    </a:lnTo>
                    <a:lnTo>
                      <a:pt x="291" y="184"/>
                    </a:lnTo>
                    <a:lnTo>
                      <a:pt x="293" y="185"/>
                    </a:lnTo>
                    <a:lnTo>
                      <a:pt x="296" y="185"/>
                    </a:lnTo>
                    <a:lnTo>
                      <a:pt x="298" y="185"/>
                    </a:lnTo>
                    <a:lnTo>
                      <a:pt x="312" y="181"/>
                    </a:lnTo>
                    <a:lnTo>
                      <a:pt x="328" y="178"/>
                    </a:lnTo>
                    <a:lnTo>
                      <a:pt x="325" y="182"/>
                    </a:lnTo>
                    <a:lnTo>
                      <a:pt x="324" y="186"/>
                    </a:lnTo>
                    <a:lnTo>
                      <a:pt x="323" y="190"/>
                    </a:lnTo>
                    <a:lnTo>
                      <a:pt x="323" y="194"/>
                    </a:lnTo>
                    <a:lnTo>
                      <a:pt x="323" y="200"/>
                    </a:lnTo>
                    <a:lnTo>
                      <a:pt x="324" y="204"/>
                    </a:lnTo>
                    <a:lnTo>
                      <a:pt x="326" y="209"/>
                    </a:lnTo>
                    <a:lnTo>
                      <a:pt x="328" y="213"/>
                    </a:lnTo>
                    <a:lnTo>
                      <a:pt x="334" y="223"/>
                    </a:lnTo>
                    <a:lnTo>
                      <a:pt x="340" y="230"/>
                    </a:lnTo>
                    <a:lnTo>
                      <a:pt x="349" y="238"/>
                    </a:lnTo>
                    <a:lnTo>
                      <a:pt x="356" y="243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76" name="Struer kant 1"/>
              <p:cNvSpPr>
                <a:spLocks/>
              </p:cNvSpPr>
              <p:nvPr/>
            </p:nvSpPr>
            <p:spPr bwMode="auto">
              <a:xfrm>
                <a:off x="754063" y="3803655"/>
                <a:ext cx="233363" cy="207963"/>
              </a:xfrm>
              <a:custGeom>
                <a:avLst/>
                <a:gdLst>
                  <a:gd name="T0" fmla="*/ 120 w 439"/>
                  <a:gd name="T1" fmla="*/ 82 h 393"/>
                  <a:gd name="T2" fmla="*/ 125 w 439"/>
                  <a:gd name="T3" fmla="*/ 81 h 393"/>
                  <a:gd name="T4" fmla="*/ 135 w 439"/>
                  <a:gd name="T5" fmla="*/ 81 h 393"/>
                  <a:gd name="T6" fmla="*/ 142 w 439"/>
                  <a:gd name="T7" fmla="*/ 81 h 393"/>
                  <a:gd name="T8" fmla="*/ 144 w 439"/>
                  <a:gd name="T9" fmla="*/ 78 h 393"/>
                  <a:gd name="T10" fmla="*/ 147 w 439"/>
                  <a:gd name="T11" fmla="*/ 88 h 393"/>
                  <a:gd name="T12" fmla="*/ 146 w 439"/>
                  <a:gd name="T13" fmla="*/ 98 h 393"/>
                  <a:gd name="T14" fmla="*/ 138 w 439"/>
                  <a:gd name="T15" fmla="*/ 117 h 393"/>
                  <a:gd name="T16" fmla="*/ 124 w 439"/>
                  <a:gd name="T17" fmla="*/ 126 h 393"/>
                  <a:gd name="T18" fmla="*/ 116 w 439"/>
                  <a:gd name="T19" fmla="*/ 126 h 393"/>
                  <a:gd name="T20" fmla="*/ 113 w 439"/>
                  <a:gd name="T21" fmla="*/ 121 h 393"/>
                  <a:gd name="T22" fmla="*/ 100 w 439"/>
                  <a:gd name="T23" fmla="*/ 113 h 393"/>
                  <a:gd name="T24" fmla="*/ 91 w 439"/>
                  <a:gd name="T25" fmla="*/ 110 h 393"/>
                  <a:gd name="T26" fmla="*/ 88 w 439"/>
                  <a:gd name="T27" fmla="*/ 114 h 393"/>
                  <a:gd name="T28" fmla="*/ 85 w 439"/>
                  <a:gd name="T29" fmla="*/ 121 h 393"/>
                  <a:gd name="T30" fmla="*/ 80 w 439"/>
                  <a:gd name="T31" fmla="*/ 122 h 393"/>
                  <a:gd name="T32" fmla="*/ 80 w 439"/>
                  <a:gd name="T33" fmla="*/ 120 h 393"/>
                  <a:gd name="T34" fmla="*/ 80 w 439"/>
                  <a:gd name="T35" fmla="*/ 116 h 393"/>
                  <a:gd name="T36" fmla="*/ 76 w 439"/>
                  <a:gd name="T37" fmla="*/ 111 h 393"/>
                  <a:gd name="T38" fmla="*/ 70 w 439"/>
                  <a:gd name="T39" fmla="*/ 109 h 393"/>
                  <a:gd name="T40" fmla="*/ 65 w 439"/>
                  <a:gd name="T41" fmla="*/ 111 h 393"/>
                  <a:gd name="T42" fmla="*/ 59 w 439"/>
                  <a:gd name="T43" fmla="*/ 113 h 393"/>
                  <a:gd name="T44" fmla="*/ 55 w 439"/>
                  <a:gd name="T45" fmla="*/ 114 h 393"/>
                  <a:gd name="T46" fmla="*/ 55 w 439"/>
                  <a:gd name="T47" fmla="*/ 118 h 393"/>
                  <a:gd name="T48" fmla="*/ 56 w 439"/>
                  <a:gd name="T49" fmla="*/ 123 h 393"/>
                  <a:gd name="T50" fmla="*/ 54 w 439"/>
                  <a:gd name="T51" fmla="*/ 127 h 393"/>
                  <a:gd name="T52" fmla="*/ 37 w 439"/>
                  <a:gd name="T53" fmla="*/ 130 h 393"/>
                  <a:gd name="T54" fmla="*/ 19 w 439"/>
                  <a:gd name="T55" fmla="*/ 130 h 393"/>
                  <a:gd name="T56" fmla="*/ 0 w 439"/>
                  <a:gd name="T57" fmla="*/ 125 h 393"/>
                  <a:gd name="T58" fmla="*/ 2 w 439"/>
                  <a:gd name="T59" fmla="*/ 118 h 393"/>
                  <a:gd name="T60" fmla="*/ 5 w 439"/>
                  <a:gd name="T61" fmla="*/ 113 h 393"/>
                  <a:gd name="T62" fmla="*/ 10 w 439"/>
                  <a:gd name="T63" fmla="*/ 109 h 393"/>
                  <a:gd name="T64" fmla="*/ 18 w 439"/>
                  <a:gd name="T65" fmla="*/ 107 h 393"/>
                  <a:gd name="T66" fmla="*/ 25 w 439"/>
                  <a:gd name="T67" fmla="*/ 104 h 393"/>
                  <a:gd name="T68" fmla="*/ 32 w 439"/>
                  <a:gd name="T69" fmla="*/ 98 h 393"/>
                  <a:gd name="T70" fmla="*/ 34 w 439"/>
                  <a:gd name="T71" fmla="*/ 87 h 393"/>
                  <a:gd name="T72" fmla="*/ 40 w 439"/>
                  <a:gd name="T73" fmla="*/ 81 h 393"/>
                  <a:gd name="T74" fmla="*/ 44 w 439"/>
                  <a:gd name="T75" fmla="*/ 78 h 393"/>
                  <a:gd name="T76" fmla="*/ 47 w 439"/>
                  <a:gd name="T77" fmla="*/ 78 h 393"/>
                  <a:gd name="T78" fmla="*/ 48 w 439"/>
                  <a:gd name="T79" fmla="*/ 61 h 393"/>
                  <a:gd name="T80" fmla="*/ 49 w 439"/>
                  <a:gd name="T81" fmla="*/ 48 h 393"/>
                  <a:gd name="T82" fmla="*/ 50 w 439"/>
                  <a:gd name="T83" fmla="*/ 31 h 393"/>
                  <a:gd name="T84" fmla="*/ 57 w 439"/>
                  <a:gd name="T85" fmla="*/ 31 h 393"/>
                  <a:gd name="T86" fmla="*/ 73 w 439"/>
                  <a:gd name="T87" fmla="*/ 16 h 393"/>
                  <a:gd name="T88" fmla="*/ 78 w 439"/>
                  <a:gd name="T89" fmla="*/ 10 h 393"/>
                  <a:gd name="T90" fmla="*/ 81 w 439"/>
                  <a:gd name="T91" fmla="*/ 3 h 393"/>
                  <a:gd name="T92" fmla="*/ 87 w 439"/>
                  <a:gd name="T93" fmla="*/ 11 h 393"/>
                  <a:gd name="T94" fmla="*/ 91 w 439"/>
                  <a:gd name="T95" fmla="*/ 24 h 393"/>
                  <a:gd name="T96" fmla="*/ 95 w 439"/>
                  <a:gd name="T97" fmla="*/ 31 h 393"/>
                  <a:gd name="T98" fmla="*/ 100 w 439"/>
                  <a:gd name="T99" fmla="*/ 38 h 393"/>
                  <a:gd name="T100" fmla="*/ 103 w 439"/>
                  <a:gd name="T101" fmla="*/ 43 h 393"/>
                  <a:gd name="T102" fmla="*/ 100 w 439"/>
                  <a:gd name="T103" fmla="*/ 46 h 393"/>
                  <a:gd name="T104" fmla="*/ 95 w 439"/>
                  <a:gd name="T105" fmla="*/ 50 h 393"/>
                  <a:gd name="T106" fmla="*/ 94 w 439"/>
                  <a:gd name="T107" fmla="*/ 54 h 393"/>
                  <a:gd name="T108" fmla="*/ 95 w 439"/>
                  <a:gd name="T109" fmla="*/ 59 h 393"/>
                  <a:gd name="T110" fmla="*/ 97 w 439"/>
                  <a:gd name="T111" fmla="*/ 61 h 393"/>
                  <a:gd name="T112" fmla="*/ 100 w 439"/>
                  <a:gd name="T113" fmla="*/ 62 h 393"/>
                  <a:gd name="T114" fmla="*/ 109 w 439"/>
                  <a:gd name="T115" fmla="*/ 61 h 393"/>
                  <a:gd name="T116" fmla="*/ 108 w 439"/>
                  <a:gd name="T117" fmla="*/ 65 h 393"/>
                  <a:gd name="T118" fmla="*/ 109 w 439"/>
                  <a:gd name="T119" fmla="*/ 70 h 393"/>
                  <a:gd name="T120" fmla="*/ 114 w 439"/>
                  <a:gd name="T121" fmla="*/ 77 h 393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439" h="393">
                    <a:moveTo>
                      <a:pt x="356" y="243"/>
                    </a:moveTo>
                    <a:lnTo>
                      <a:pt x="347" y="243"/>
                    </a:lnTo>
                    <a:lnTo>
                      <a:pt x="357" y="246"/>
                    </a:lnTo>
                    <a:lnTo>
                      <a:pt x="370" y="248"/>
                    </a:lnTo>
                    <a:lnTo>
                      <a:pt x="366" y="243"/>
                    </a:lnTo>
                    <a:lnTo>
                      <a:pt x="373" y="242"/>
                    </a:lnTo>
                    <a:lnTo>
                      <a:pt x="384" y="242"/>
                    </a:lnTo>
                    <a:lnTo>
                      <a:pt x="393" y="243"/>
                    </a:lnTo>
                    <a:lnTo>
                      <a:pt x="404" y="244"/>
                    </a:lnTo>
                    <a:lnTo>
                      <a:pt x="413" y="244"/>
                    </a:lnTo>
                    <a:lnTo>
                      <a:pt x="422" y="243"/>
                    </a:lnTo>
                    <a:lnTo>
                      <a:pt x="425" y="242"/>
                    </a:lnTo>
                    <a:lnTo>
                      <a:pt x="428" y="240"/>
                    </a:lnTo>
                    <a:lnTo>
                      <a:pt x="430" y="236"/>
                    </a:lnTo>
                    <a:lnTo>
                      <a:pt x="431" y="233"/>
                    </a:lnTo>
                    <a:lnTo>
                      <a:pt x="435" y="244"/>
                    </a:lnTo>
                    <a:lnTo>
                      <a:pt x="438" y="254"/>
                    </a:lnTo>
                    <a:lnTo>
                      <a:pt x="439" y="264"/>
                    </a:lnTo>
                    <a:lnTo>
                      <a:pt x="439" y="274"/>
                    </a:lnTo>
                    <a:lnTo>
                      <a:pt x="438" y="285"/>
                    </a:lnTo>
                    <a:lnTo>
                      <a:pt x="436" y="294"/>
                    </a:lnTo>
                    <a:lnTo>
                      <a:pt x="433" y="304"/>
                    </a:lnTo>
                    <a:lnTo>
                      <a:pt x="430" y="314"/>
                    </a:lnTo>
                    <a:lnTo>
                      <a:pt x="411" y="351"/>
                    </a:lnTo>
                    <a:lnTo>
                      <a:pt x="393" y="383"/>
                    </a:lnTo>
                    <a:lnTo>
                      <a:pt x="378" y="380"/>
                    </a:lnTo>
                    <a:lnTo>
                      <a:pt x="370" y="379"/>
                    </a:lnTo>
                    <a:lnTo>
                      <a:pt x="363" y="380"/>
                    </a:lnTo>
                    <a:lnTo>
                      <a:pt x="347" y="383"/>
                    </a:lnTo>
                    <a:lnTo>
                      <a:pt x="346" y="377"/>
                    </a:lnTo>
                    <a:lnTo>
                      <a:pt x="344" y="371"/>
                    </a:lnTo>
                    <a:lnTo>
                      <a:pt x="341" y="366"/>
                    </a:lnTo>
                    <a:lnTo>
                      <a:pt x="338" y="362"/>
                    </a:lnTo>
                    <a:lnTo>
                      <a:pt x="330" y="354"/>
                    </a:lnTo>
                    <a:lnTo>
                      <a:pt x="321" y="348"/>
                    </a:lnTo>
                    <a:lnTo>
                      <a:pt x="300" y="338"/>
                    </a:lnTo>
                    <a:lnTo>
                      <a:pt x="281" y="327"/>
                    </a:lnTo>
                    <a:lnTo>
                      <a:pt x="276" y="328"/>
                    </a:lnTo>
                    <a:lnTo>
                      <a:pt x="273" y="329"/>
                    </a:lnTo>
                    <a:lnTo>
                      <a:pt x="270" y="332"/>
                    </a:lnTo>
                    <a:lnTo>
                      <a:pt x="268" y="334"/>
                    </a:lnTo>
                    <a:lnTo>
                      <a:pt x="264" y="342"/>
                    </a:lnTo>
                    <a:lnTo>
                      <a:pt x="261" y="349"/>
                    </a:lnTo>
                    <a:lnTo>
                      <a:pt x="257" y="357"/>
                    </a:lnTo>
                    <a:lnTo>
                      <a:pt x="253" y="362"/>
                    </a:lnTo>
                    <a:lnTo>
                      <a:pt x="250" y="364"/>
                    </a:lnTo>
                    <a:lnTo>
                      <a:pt x="246" y="365"/>
                    </a:lnTo>
                    <a:lnTo>
                      <a:pt x="240" y="365"/>
                    </a:lnTo>
                    <a:lnTo>
                      <a:pt x="234" y="365"/>
                    </a:lnTo>
                    <a:lnTo>
                      <a:pt x="237" y="362"/>
                    </a:lnTo>
                    <a:lnTo>
                      <a:pt x="239" y="359"/>
                    </a:lnTo>
                    <a:lnTo>
                      <a:pt x="240" y="355"/>
                    </a:lnTo>
                    <a:lnTo>
                      <a:pt x="241" y="353"/>
                    </a:lnTo>
                    <a:lnTo>
                      <a:pt x="240" y="348"/>
                    </a:lnTo>
                    <a:lnTo>
                      <a:pt x="237" y="343"/>
                    </a:lnTo>
                    <a:lnTo>
                      <a:pt x="233" y="339"/>
                    </a:lnTo>
                    <a:lnTo>
                      <a:pt x="228" y="334"/>
                    </a:lnTo>
                    <a:lnTo>
                      <a:pt x="221" y="330"/>
                    </a:lnTo>
                    <a:lnTo>
                      <a:pt x="215" y="327"/>
                    </a:lnTo>
                    <a:lnTo>
                      <a:pt x="208" y="327"/>
                    </a:lnTo>
                    <a:lnTo>
                      <a:pt x="202" y="328"/>
                    </a:lnTo>
                    <a:lnTo>
                      <a:pt x="198" y="330"/>
                    </a:lnTo>
                    <a:lnTo>
                      <a:pt x="194" y="333"/>
                    </a:lnTo>
                    <a:lnTo>
                      <a:pt x="189" y="335"/>
                    </a:lnTo>
                    <a:lnTo>
                      <a:pt x="184" y="338"/>
                    </a:lnTo>
                    <a:lnTo>
                      <a:pt x="177" y="339"/>
                    </a:lnTo>
                    <a:lnTo>
                      <a:pt x="169" y="337"/>
                    </a:lnTo>
                    <a:lnTo>
                      <a:pt x="166" y="340"/>
                    </a:lnTo>
                    <a:lnTo>
                      <a:pt x="165" y="343"/>
                    </a:lnTo>
                    <a:lnTo>
                      <a:pt x="164" y="345"/>
                    </a:lnTo>
                    <a:lnTo>
                      <a:pt x="162" y="348"/>
                    </a:lnTo>
                    <a:lnTo>
                      <a:pt x="164" y="353"/>
                    </a:lnTo>
                    <a:lnTo>
                      <a:pt x="166" y="359"/>
                    </a:lnTo>
                    <a:lnTo>
                      <a:pt x="167" y="364"/>
                    </a:lnTo>
                    <a:lnTo>
                      <a:pt x="167" y="370"/>
                    </a:lnTo>
                    <a:lnTo>
                      <a:pt x="167" y="373"/>
                    </a:lnTo>
                    <a:lnTo>
                      <a:pt x="165" y="377"/>
                    </a:lnTo>
                    <a:lnTo>
                      <a:pt x="162" y="380"/>
                    </a:lnTo>
                    <a:lnTo>
                      <a:pt x="159" y="383"/>
                    </a:lnTo>
                    <a:lnTo>
                      <a:pt x="132" y="387"/>
                    </a:lnTo>
                    <a:lnTo>
                      <a:pt x="110" y="390"/>
                    </a:lnTo>
                    <a:lnTo>
                      <a:pt x="91" y="392"/>
                    </a:lnTo>
                    <a:lnTo>
                      <a:pt x="75" y="393"/>
                    </a:lnTo>
                    <a:lnTo>
                      <a:pt x="58" y="391"/>
                    </a:lnTo>
                    <a:lnTo>
                      <a:pt x="41" y="388"/>
                    </a:lnTo>
                    <a:lnTo>
                      <a:pt x="22" y="383"/>
                    </a:lnTo>
                    <a:lnTo>
                      <a:pt x="0" y="374"/>
                    </a:lnTo>
                    <a:lnTo>
                      <a:pt x="0" y="366"/>
                    </a:lnTo>
                    <a:lnTo>
                      <a:pt x="2" y="360"/>
                    </a:lnTo>
                    <a:lnTo>
                      <a:pt x="5" y="353"/>
                    </a:lnTo>
                    <a:lnTo>
                      <a:pt x="8" y="348"/>
                    </a:lnTo>
                    <a:lnTo>
                      <a:pt x="11" y="344"/>
                    </a:lnTo>
                    <a:lnTo>
                      <a:pt x="14" y="339"/>
                    </a:lnTo>
                    <a:lnTo>
                      <a:pt x="17" y="333"/>
                    </a:lnTo>
                    <a:lnTo>
                      <a:pt x="19" y="327"/>
                    </a:lnTo>
                    <a:lnTo>
                      <a:pt x="29" y="327"/>
                    </a:lnTo>
                    <a:lnTo>
                      <a:pt x="37" y="326"/>
                    </a:lnTo>
                    <a:lnTo>
                      <a:pt x="46" y="324"/>
                    </a:lnTo>
                    <a:lnTo>
                      <a:pt x="54" y="321"/>
                    </a:lnTo>
                    <a:lnTo>
                      <a:pt x="61" y="318"/>
                    </a:lnTo>
                    <a:lnTo>
                      <a:pt x="69" y="314"/>
                    </a:lnTo>
                    <a:lnTo>
                      <a:pt x="76" y="312"/>
                    </a:lnTo>
                    <a:lnTo>
                      <a:pt x="85" y="309"/>
                    </a:lnTo>
                    <a:lnTo>
                      <a:pt x="94" y="308"/>
                    </a:lnTo>
                    <a:lnTo>
                      <a:pt x="95" y="295"/>
                    </a:lnTo>
                    <a:lnTo>
                      <a:pt x="97" y="284"/>
                    </a:lnTo>
                    <a:lnTo>
                      <a:pt x="99" y="272"/>
                    </a:lnTo>
                    <a:lnTo>
                      <a:pt x="103" y="262"/>
                    </a:lnTo>
                    <a:lnTo>
                      <a:pt x="109" y="252"/>
                    </a:lnTo>
                    <a:lnTo>
                      <a:pt x="114" y="245"/>
                    </a:lnTo>
                    <a:lnTo>
                      <a:pt x="118" y="242"/>
                    </a:lnTo>
                    <a:lnTo>
                      <a:pt x="122" y="239"/>
                    </a:lnTo>
                    <a:lnTo>
                      <a:pt x="127" y="235"/>
                    </a:lnTo>
                    <a:lnTo>
                      <a:pt x="131" y="233"/>
                    </a:lnTo>
                    <a:lnTo>
                      <a:pt x="131" y="243"/>
                    </a:lnTo>
                    <a:lnTo>
                      <a:pt x="140" y="243"/>
                    </a:lnTo>
                    <a:lnTo>
                      <a:pt x="140" y="233"/>
                    </a:lnTo>
                    <a:lnTo>
                      <a:pt x="140" y="224"/>
                    </a:lnTo>
                    <a:lnTo>
                      <a:pt x="141" y="202"/>
                    </a:lnTo>
                    <a:lnTo>
                      <a:pt x="142" y="184"/>
                    </a:lnTo>
                    <a:lnTo>
                      <a:pt x="144" y="169"/>
                    </a:lnTo>
                    <a:lnTo>
                      <a:pt x="146" y="156"/>
                    </a:lnTo>
                    <a:lnTo>
                      <a:pt x="147" y="144"/>
                    </a:lnTo>
                    <a:lnTo>
                      <a:pt x="149" y="130"/>
                    </a:lnTo>
                    <a:lnTo>
                      <a:pt x="150" y="113"/>
                    </a:lnTo>
                    <a:lnTo>
                      <a:pt x="150" y="93"/>
                    </a:lnTo>
                    <a:lnTo>
                      <a:pt x="159" y="99"/>
                    </a:lnTo>
                    <a:lnTo>
                      <a:pt x="165" y="95"/>
                    </a:lnTo>
                    <a:lnTo>
                      <a:pt x="169" y="93"/>
                    </a:lnTo>
                    <a:lnTo>
                      <a:pt x="190" y="72"/>
                    </a:lnTo>
                    <a:lnTo>
                      <a:pt x="213" y="53"/>
                    </a:lnTo>
                    <a:lnTo>
                      <a:pt x="219" y="48"/>
                    </a:lnTo>
                    <a:lnTo>
                      <a:pt x="224" y="43"/>
                    </a:lnTo>
                    <a:lnTo>
                      <a:pt x="229" y="37"/>
                    </a:lnTo>
                    <a:lnTo>
                      <a:pt x="233" y="31"/>
                    </a:lnTo>
                    <a:lnTo>
                      <a:pt x="236" y="24"/>
                    </a:lnTo>
                    <a:lnTo>
                      <a:pt x="239" y="16"/>
                    </a:lnTo>
                    <a:lnTo>
                      <a:pt x="242" y="8"/>
                    </a:lnTo>
                    <a:lnTo>
                      <a:pt x="244" y="0"/>
                    </a:lnTo>
                    <a:lnTo>
                      <a:pt x="253" y="17"/>
                    </a:lnTo>
                    <a:lnTo>
                      <a:pt x="259" y="34"/>
                    </a:lnTo>
                    <a:lnTo>
                      <a:pt x="264" y="50"/>
                    </a:lnTo>
                    <a:lnTo>
                      <a:pt x="269" y="66"/>
                    </a:lnTo>
                    <a:lnTo>
                      <a:pt x="271" y="73"/>
                    </a:lnTo>
                    <a:lnTo>
                      <a:pt x="274" y="81"/>
                    </a:lnTo>
                    <a:lnTo>
                      <a:pt x="278" y="88"/>
                    </a:lnTo>
                    <a:lnTo>
                      <a:pt x="283" y="94"/>
                    </a:lnTo>
                    <a:lnTo>
                      <a:pt x="288" y="102"/>
                    </a:lnTo>
                    <a:lnTo>
                      <a:pt x="293" y="108"/>
                    </a:lnTo>
                    <a:lnTo>
                      <a:pt x="300" y="114"/>
                    </a:lnTo>
                    <a:lnTo>
                      <a:pt x="309" y="121"/>
                    </a:lnTo>
                    <a:lnTo>
                      <a:pt x="309" y="125"/>
                    </a:lnTo>
                    <a:lnTo>
                      <a:pt x="307" y="128"/>
                    </a:lnTo>
                    <a:lnTo>
                      <a:pt x="305" y="131"/>
                    </a:lnTo>
                    <a:lnTo>
                      <a:pt x="303" y="133"/>
                    </a:lnTo>
                    <a:lnTo>
                      <a:pt x="298" y="137"/>
                    </a:lnTo>
                    <a:lnTo>
                      <a:pt x="292" y="142"/>
                    </a:lnTo>
                    <a:lnTo>
                      <a:pt x="288" y="146"/>
                    </a:lnTo>
                    <a:lnTo>
                      <a:pt x="284" y="151"/>
                    </a:lnTo>
                    <a:lnTo>
                      <a:pt x="281" y="154"/>
                    </a:lnTo>
                    <a:lnTo>
                      <a:pt x="280" y="159"/>
                    </a:lnTo>
                    <a:lnTo>
                      <a:pt x="280" y="163"/>
                    </a:lnTo>
                    <a:lnTo>
                      <a:pt x="281" y="168"/>
                    </a:lnTo>
                    <a:lnTo>
                      <a:pt x="283" y="173"/>
                    </a:lnTo>
                    <a:lnTo>
                      <a:pt x="284" y="176"/>
                    </a:lnTo>
                    <a:lnTo>
                      <a:pt x="286" y="180"/>
                    </a:lnTo>
                    <a:lnTo>
                      <a:pt x="288" y="182"/>
                    </a:lnTo>
                    <a:lnTo>
                      <a:pt x="291" y="184"/>
                    </a:lnTo>
                    <a:lnTo>
                      <a:pt x="293" y="185"/>
                    </a:lnTo>
                    <a:lnTo>
                      <a:pt x="296" y="185"/>
                    </a:lnTo>
                    <a:lnTo>
                      <a:pt x="298" y="185"/>
                    </a:lnTo>
                    <a:lnTo>
                      <a:pt x="312" y="181"/>
                    </a:lnTo>
                    <a:lnTo>
                      <a:pt x="328" y="178"/>
                    </a:lnTo>
                    <a:lnTo>
                      <a:pt x="325" y="182"/>
                    </a:lnTo>
                    <a:lnTo>
                      <a:pt x="324" y="186"/>
                    </a:lnTo>
                    <a:lnTo>
                      <a:pt x="323" y="190"/>
                    </a:lnTo>
                    <a:lnTo>
                      <a:pt x="323" y="194"/>
                    </a:lnTo>
                    <a:lnTo>
                      <a:pt x="323" y="200"/>
                    </a:lnTo>
                    <a:lnTo>
                      <a:pt x="324" y="204"/>
                    </a:lnTo>
                    <a:lnTo>
                      <a:pt x="326" y="209"/>
                    </a:lnTo>
                    <a:lnTo>
                      <a:pt x="328" y="213"/>
                    </a:lnTo>
                    <a:lnTo>
                      <a:pt x="334" y="223"/>
                    </a:lnTo>
                    <a:lnTo>
                      <a:pt x="340" y="230"/>
                    </a:lnTo>
                    <a:lnTo>
                      <a:pt x="349" y="238"/>
                    </a:lnTo>
                    <a:lnTo>
                      <a:pt x="356" y="243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253" name="Freeform 52"/>
            <p:cNvSpPr>
              <a:spLocks/>
            </p:cNvSpPr>
            <p:nvPr/>
          </p:nvSpPr>
          <p:spPr bwMode="auto">
            <a:xfrm>
              <a:off x="1592265" y="4075118"/>
              <a:ext cx="0" cy="1588"/>
            </a:xfrm>
            <a:custGeom>
              <a:avLst/>
              <a:gdLst>
                <a:gd name="T0" fmla="*/ 1 w 1"/>
                <a:gd name="T1" fmla="*/ 0 h 2"/>
                <a:gd name="T2" fmla="*/ 0 w 1"/>
                <a:gd name="T3" fmla="*/ 1 h 2"/>
                <a:gd name="T4" fmla="*/ 1 w 1"/>
                <a:gd name="T5" fmla="*/ 0 h 2"/>
                <a:gd name="T6" fmla="*/ 0 60000 65536"/>
                <a:gd name="T7" fmla="*/ 0 60000 65536"/>
                <a:gd name="T8" fmla="*/ 0 60000 65536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9525">
              <a:solidFill>
                <a:srgbClr val="000000"/>
              </a:solidFill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54" name="Freeform 53"/>
            <p:cNvSpPr>
              <a:spLocks/>
            </p:cNvSpPr>
            <p:nvPr/>
          </p:nvSpPr>
          <p:spPr bwMode="auto">
            <a:xfrm>
              <a:off x="1592265" y="4075118"/>
              <a:ext cx="0" cy="1588"/>
            </a:xfrm>
            <a:custGeom>
              <a:avLst/>
              <a:gdLst>
                <a:gd name="T0" fmla="*/ 1 w 1"/>
                <a:gd name="T1" fmla="*/ 0 h 2"/>
                <a:gd name="T2" fmla="*/ 0 w 1"/>
                <a:gd name="T3" fmla="*/ 1 h 2"/>
                <a:gd name="T4" fmla="*/ 1 w 1"/>
                <a:gd name="T5" fmla="*/ 0 h 2"/>
                <a:gd name="T6" fmla="*/ 1 w 1"/>
                <a:gd name="T7" fmla="*/ 0 h 2"/>
                <a:gd name="T8" fmla="*/ 0 60000 65536"/>
                <a:gd name="T9" fmla="*/ 0 60000 65536"/>
                <a:gd name="T10" fmla="*/ 0 60000 65536"/>
                <a:gd name="T11" fmla="*/ 0 60000 65536"/>
              </a:gdLst>
              <a:ahLst/>
              <a:cxnLst>
                <a:cxn ang="T8">
                  <a:pos x="T0" y="T1"/>
                </a:cxn>
                <a:cxn ang="T9">
                  <a:pos x="T2" y="T3"/>
                </a:cxn>
                <a:cxn ang="T10">
                  <a:pos x="T4" y="T5"/>
                </a:cxn>
                <a:cxn ang="T11">
                  <a:pos x="T6" y="T7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255" name="Holstebro"/>
            <p:cNvGrpSpPr/>
            <p:nvPr/>
          </p:nvGrpSpPr>
          <p:grpSpPr>
            <a:xfrm>
              <a:off x="533400" y="3822706"/>
              <a:ext cx="692151" cy="387351"/>
              <a:chOff x="533400" y="3822706"/>
              <a:chExt cx="692151" cy="387351"/>
            </a:xfrm>
            <a:grpFill/>
          </p:grpSpPr>
          <p:sp>
            <p:nvSpPr>
              <p:cNvPr id="347" name="Holsterbro"/>
              <p:cNvSpPr>
                <a:spLocks/>
              </p:cNvSpPr>
              <p:nvPr/>
            </p:nvSpPr>
            <p:spPr bwMode="auto">
              <a:xfrm>
                <a:off x="536575" y="3822706"/>
                <a:ext cx="688976" cy="387351"/>
              </a:xfrm>
              <a:custGeom>
                <a:avLst/>
                <a:gdLst>
                  <a:gd name="T0" fmla="*/ 396 w 1301"/>
                  <a:gd name="T1" fmla="*/ 46 h 732"/>
                  <a:gd name="T2" fmla="*/ 427 w 1301"/>
                  <a:gd name="T3" fmla="*/ 57 h 732"/>
                  <a:gd name="T4" fmla="*/ 433 w 1301"/>
                  <a:gd name="T5" fmla="*/ 94 h 732"/>
                  <a:gd name="T6" fmla="*/ 422 w 1301"/>
                  <a:gd name="T7" fmla="*/ 110 h 732"/>
                  <a:gd name="T8" fmla="*/ 411 w 1301"/>
                  <a:gd name="T9" fmla="*/ 124 h 732"/>
                  <a:gd name="T10" fmla="*/ 389 w 1301"/>
                  <a:gd name="T11" fmla="*/ 136 h 732"/>
                  <a:gd name="T12" fmla="*/ 375 w 1301"/>
                  <a:gd name="T13" fmla="*/ 163 h 732"/>
                  <a:gd name="T14" fmla="*/ 342 w 1301"/>
                  <a:gd name="T15" fmla="*/ 157 h 732"/>
                  <a:gd name="T16" fmla="*/ 328 w 1301"/>
                  <a:gd name="T17" fmla="*/ 141 h 732"/>
                  <a:gd name="T18" fmla="*/ 322 w 1301"/>
                  <a:gd name="T19" fmla="*/ 150 h 732"/>
                  <a:gd name="T20" fmla="*/ 319 w 1301"/>
                  <a:gd name="T21" fmla="*/ 166 h 732"/>
                  <a:gd name="T22" fmla="*/ 330 w 1301"/>
                  <a:gd name="T23" fmla="*/ 178 h 732"/>
                  <a:gd name="T24" fmla="*/ 334 w 1301"/>
                  <a:gd name="T25" fmla="*/ 184 h 732"/>
                  <a:gd name="T26" fmla="*/ 309 w 1301"/>
                  <a:gd name="T27" fmla="*/ 201 h 732"/>
                  <a:gd name="T28" fmla="*/ 275 w 1301"/>
                  <a:gd name="T29" fmla="*/ 209 h 732"/>
                  <a:gd name="T30" fmla="*/ 268 w 1301"/>
                  <a:gd name="T31" fmla="*/ 201 h 732"/>
                  <a:gd name="T32" fmla="*/ 256 w 1301"/>
                  <a:gd name="T33" fmla="*/ 200 h 732"/>
                  <a:gd name="T34" fmla="*/ 227 w 1301"/>
                  <a:gd name="T35" fmla="*/ 200 h 732"/>
                  <a:gd name="T36" fmla="*/ 196 w 1301"/>
                  <a:gd name="T37" fmla="*/ 193 h 732"/>
                  <a:gd name="T38" fmla="*/ 185 w 1301"/>
                  <a:gd name="T39" fmla="*/ 205 h 732"/>
                  <a:gd name="T40" fmla="*/ 168 w 1301"/>
                  <a:gd name="T41" fmla="*/ 207 h 732"/>
                  <a:gd name="T42" fmla="*/ 174 w 1301"/>
                  <a:gd name="T43" fmla="*/ 217 h 732"/>
                  <a:gd name="T44" fmla="*/ 153 w 1301"/>
                  <a:gd name="T45" fmla="*/ 234 h 732"/>
                  <a:gd name="T46" fmla="*/ 130 w 1301"/>
                  <a:gd name="T47" fmla="*/ 229 h 732"/>
                  <a:gd name="T48" fmla="*/ 111 w 1301"/>
                  <a:gd name="T49" fmla="*/ 238 h 732"/>
                  <a:gd name="T50" fmla="*/ 76 w 1301"/>
                  <a:gd name="T51" fmla="*/ 244 h 732"/>
                  <a:gd name="T52" fmla="*/ 53 w 1301"/>
                  <a:gd name="T53" fmla="*/ 235 h 732"/>
                  <a:gd name="T54" fmla="*/ 41 w 1301"/>
                  <a:gd name="T55" fmla="*/ 223 h 732"/>
                  <a:gd name="T56" fmla="*/ 3 w 1301"/>
                  <a:gd name="T57" fmla="*/ 219 h 732"/>
                  <a:gd name="T58" fmla="*/ 1 w 1301"/>
                  <a:gd name="T59" fmla="*/ 176 h 732"/>
                  <a:gd name="T60" fmla="*/ 15 w 1301"/>
                  <a:gd name="T61" fmla="*/ 173 h 732"/>
                  <a:gd name="T62" fmla="*/ 26 w 1301"/>
                  <a:gd name="T63" fmla="*/ 181 h 732"/>
                  <a:gd name="T64" fmla="*/ 54 w 1301"/>
                  <a:gd name="T65" fmla="*/ 188 h 732"/>
                  <a:gd name="T66" fmla="*/ 55 w 1301"/>
                  <a:gd name="T67" fmla="*/ 205 h 732"/>
                  <a:gd name="T68" fmla="*/ 76 w 1301"/>
                  <a:gd name="T69" fmla="*/ 200 h 732"/>
                  <a:gd name="T70" fmla="*/ 85 w 1301"/>
                  <a:gd name="T71" fmla="*/ 178 h 732"/>
                  <a:gd name="T72" fmla="*/ 68 w 1301"/>
                  <a:gd name="T73" fmla="*/ 169 h 732"/>
                  <a:gd name="T74" fmla="*/ 68 w 1301"/>
                  <a:gd name="T75" fmla="*/ 159 h 732"/>
                  <a:gd name="T76" fmla="*/ 84 w 1301"/>
                  <a:gd name="T77" fmla="*/ 150 h 732"/>
                  <a:gd name="T78" fmla="*/ 91 w 1301"/>
                  <a:gd name="T79" fmla="*/ 143 h 732"/>
                  <a:gd name="T80" fmla="*/ 116 w 1301"/>
                  <a:gd name="T81" fmla="*/ 139 h 732"/>
                  <a:gd name="T82" fmla="*/ 167 w 1301"/>
                  <a:gd name="T83" fmla="*/ 122 h 732"/>
                  <a:gd name="T84" fmla="*/ 195 w 1301"/>
                  <a:gd name="T85" fmla="*/ 113 h 732"/>
                  <a:gd name="T86" fmla="*/ 194 w 1301"/>
                  <a:gd name="T87" fmla="*/ 105 h 732"/>
                  <a:gd name="T88" fmla="*/ 207 w 1301"/>
                  <a:gd name="T89" fmla="*/ 102 h 732"/>
                  <a:gd name="T90" fmla="*/ 210 w 1301"/>
                  <a:gd name="T91" fmla="*/ 110 h 732"/>
                  <a:gd name="T92" fmla="*/ 228 w 1301"/>
                  <a:gd name="T93" fmla="*/ 108 h 732"/>
                  <a:gd name="T94" fmla="*/ 242 w 1301"/>
                  <a:gd name="T95" fmla="*/ 106 h 732"/>
                  <a:gd name="T96" fmla="*/ 247 w 1301"/>
                  <a:gd name="T97" fmla="*/ 119 h 732"/>
                  <a:gd name="T98" fmla="*/ 260 w 1301"/>
                  <a:gd name="T99" fmla="*/ 117 h 732"/>
                  <a:gd name="T100" fmla="*/ 265 w 1301"/>
                  <a:gd name="T101" fmla="*/ 122 h 732"/>
                  <a:gd name="T102" fmla="*/ 283 w 1301"/>
                  <a:gd name="T103" fmla="*/ 96 h 732"/>
                  <a:gd name="T104" fmla="*/ 287 w 1301"/>
                  <a:gd name="T105" fmla="*/ 66 h 732"/>
                  <a:gd name="T106" fmla="*/ 302 w 1301"/>
                  <a:gd name="T107" fmla="*/ 63 h 732"/>
                  <a:gd name="T108" fmla="*/ 311 w 1301"/>
                  <a:gd name="T109" fmla="*/ 51 h 732"/>
                  <a:gd name="T110" fmla="*/ 307 w 1301"/>
                  <a:gd name="T111" fmla="*/ 23 h 732"/>
                  <a:gd name="T112" fmla="*/ 319 w 1301"/>
                  <a:gd name="T113" fmla="*/ 6 h 732"/>
                  <a:gd name="T114" fmla="*/ 336 w 1301"/>
                  <a:gd name="T115" fmla="*/ 0 h 732"/>
                  <a:gd name="T116" fmla="*/ 353 w 1301"/>
                  <a:gd name="T117" fmla="*/ 6 h 732"/>
                  <a:gd name="T118" fmla="*/ 364 w 1301"/>
                  <a:gd name="T119" fmla="*/ 24 h 73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1301" h="732">
                    <a:moveTo>
                      <a:pt x="1095" y="132"/>
                    </a:moveTo>
                    <a:lnTo>
                      <a:pt x="1103" y="134"/>
                    </a:lnTo>
                    <a:lnTo>
                      <a:pt x="1114" y="136"/>
                    </a:lnTo>
                    <a:lnTo>
                      <a:pt x="1124" y="137"/>
                    </a:lnTo>
                    <a:lnTo>
                      <a:pt x="1136" y="137"/>
                    </a:lnTo>
                    <a:lnTo>
                      <a:pt x="1160" y="138"/>
                    </a:lnTo>
                    <a:lnTo>
                      <a:pt x="1186" y="139"/>
                    </a:lnTo>
                    <a:lnTo>
                      <a:pt x="1213" y="142"/>
                    </a:lnTo>
                    <a:lnTo>
                      <a:pt x="1238" y="145"/>
                    </a:lnTo>
                    <a:lnTo>
                      <a:pt x="1249" y="148"/>
                    </a:lnTo>
                    <a:lnTo>
                      <a:pt x="1261" y="151"/>
                    </a:lnTo>
                    <a:lnTo>
                      <a:pt x="1272" y="155"/>
                    </a:lnTo>
                    <a:lnTo>
                      <a:pt x="1282" y="160"/>
                    </a:lnTo>
                    <a:lnTo>
                      <a:pt x="1280" y="172"/>
                    </a:lnTo>
                    <a:lnTo>
                      <a:pt x="1280" y="185"/>
                    </a:lnTo>
                    <a:lnTo>
                      <a:pt x="1280" y="196"/>
                    </a:lnTo>
                    <a:lnTo>
                      <a:pt x="1281" y="208"/>
                    </a:lnTo>
                    <a:lnTo>
                      <a:pt x="1284" y="229"/>
                    </a:lnTo>
                    <a:lnTo>
                      <a:pt x="1288" y="249"/>
                    </a:lnTo>
                    <a:lnTo>
                      <a:pt x="1293" y="267"/>
                    </a:lnTo>
                    <a:lnTo>
                      <a:pt x="1297" y="283"/>
                    </a:lnTo>
                    <a:lnTo>
                      <a:pt x="1300" y="297"/>
                    </a:lnTo>
                    <a:lnTo>
                      <a:pt x="1301" y="310"/>
                    </a:lnTo>
                    <a:lnTo>
                      <a:pt x="1296" y="315"/>
                    </a:lnTo>
                    <a:lnTo>
                      <a:pt x="1291" y="318"/>
                    </a:lnTo>
                    <a:lnTo>
                      <a:pt x="1285" y="323"/>
                    </a:lnTo>
                    <a:lnTo>
                      <a:pt x="1279" y="325"/>
                    </a:lnTo>
                    <a:lnTo>
                      <a:pt x="1265" y="330"/>
                    </a:lnTo>
                    <a:lnTo>
                      <a:pt x="1253" y="336"/>
                    </a:lnTo>
                    <a:lnTo>
                      <a:pt x="1246" y="339"/>
                    </a:lnTo>
                    <a:lnTo>
                      <a:pt x="1241" y="344"/>
                    </a:lnTo>
                    <a:lnTo>
                      <a:pt x="1237" y="349"/>
                    </a:lnTo>
                    <a:lnTo>
                      <a:pt x="1234" y="355"/>
                    </a:lnTo>
                    <a:lnTo>
                      <a:pt x="1232" y="363"/>
                    </a:lnTo>
                    <a:lnTo>
                      <a:pt x="1232" y="371"/>
                    </a:lnTo>
                    <a:lnTo>
                      <a:pt x="1233" y="382"/>
                    </a:lnTo>
                    <a:lnTo>
                      <a:pt x="1235" y="394"/>
                    </a:lnTo>
                    <a:lnTo>
                      <a:pt x="1219" y="394"/>
                    </a:lnTo>
                    <a:lnTo>
                      <a:pt x="1202" y="394"/>
                    </a:lnTo>
                    <a:lnTo>
                      <a:pt x="1186" y="394"/>
                    </a:lnTo>
                    <a:lnTo>
                      <a:pt x="1169" y="394"/>
                    </a:lnTo>
                    <a:lnTo>
                      <a:pt x="1165" y="407"/>
                    </a:lnTo>
                    <a:lnTo>
                      <a:pt x="1159" y="420"/>
                    </a:lnTo>
                    <a:lnTo>
                      <a:pt x="1153" y="430"/>
                    </a:lnTo>
                    <a:lnTo>
                      <a:pt x="1146" y="442"/>
                    </a:lnTo>
                    <a:lnTo>
                      <a:pt x="1140" y="452"/>
                    </a:lnTo>
                    <a:lnTo>
                      <a:pt x="1134" y="464"/>
                    </a:lnTo>
                    <a:lnTo>
                      <a:pt x="1127" y="475"/>
                    </a:lnTo>
                    <a:lnTo>
                      <a:pt x="1123" y="488"/>
                    </a:lnTo>
                    <a:lnTo>
                      <a:pt x="1098" y="487"/>
                    </a:lnTo>
                    <a:lnTo>
                      <a:pt x="1075" y="485"/>
                    </a:lnTo>
                    <a:lnTo>
                      <a:pt x="1064" y="483"/>
                    </a:lnTo>
                    <a:lnTo>
                      <a:pt x="1054" y="481"/>
                    </a:lnTo>
                    <a:lnTo>
                      <a:pt x="1043" y="477"/>
                    </a:lnTo>
                    <a:lnTo>
                      <a:pt x="1034" y="474"/>
                    </a:lnTo>
                    <a:lnTo>
                      <a:pt x="1025" y="470"/>
                    </a:lnTo>
                    <a:lnTo>
                      <a:pt x="1017" y="466"/>
                    </a:lnTo>
                    <a:lnTo>
                      <a:pt x="1009" y="461"/>
                    </a:lnTo>
                    <a:lnTo>
                      <a:pt x="1002" y="454"/>
                    </a:lnTo>
                    <a:lnTo>
                      <a:pt x="996" y="447"/>
                    </a:lnTo>
                    <a:lnTo>
                      <a:pt x="990" y="440"/>
                    </a:lnTo>
                    <a:lnTo>
                      <a:pt x="986" y="431"/>
                    </a:lnTo>
                    <a:lnTo>
                      <a:pt x="982" y="423"/>
                    </a:lnTo>
                    <a:lnTo>
                      <a:pt x="977" y="423"/>
                    </a:lnTo>
                    <a:lnTo>
                      <a:pt x="971" y="425"/>
                    </a:lnTo>
                    <a:lnTo>
                      <a:pt x="968" y="428"/>
                    </a:lnTo>
                    <a:lnTo>
                      <a:pt x="966" y="431"/>
                    </a:lnTo>
                    <a:lnTo>
                      <a:pt x="964" y="436"/>
                    </a:lnTo>
                    <a:lnTo>
                      <a:pt x="964" y="443"/>
                    </a:lnTo>
                    <a:lnTo>
                      <a:pt x="964" y="449"/>
                    </a:lnTo>
                    <a:lnTo>
                      <a:pt x="964" y="455"/>
                    </a:lnTo>
                    <a:lnTo>
                      <a:pt x="964" y="469"/>
                    </a:lnTo>
                    <a:lnTo>
                      <a:pt x="964" y="482"/>
                    </a:lnTo>
                    <a:lnTo>
                      <a:pt x="963" y="487"/>
                    </a:lnTo>
                    <a:lnTo>
                      <a:pt x="961" y="491"/>
                    </a:lnTo>
                    <a:lnTo>
                      <a:pt x="959" y="495"/>
                    </a:lnTo>
                    <a:lnTo>
                      <a:pt x="955" y="497"/>
                    </a:lnTo>
                    <a:lnTo>
                      <a:pt x="959" y="505"/>
                    </a:lnTo>
                    <a:lnTo>
                      <a:pt x="964" y="512"/>
                    </a:lnTo>
                    <a:lnTo>
                      <a:pt x="970" y="520"/>
                    </a:lnTo>
                    <a:lnTo>
                      <a:pt x="977" y="526"/>
                    </a:lnTo>
                    <a:lnTo>
                      <a:pt x="981" y="529"/>
                    </a:lnTo>
                    <a:lnTo>
                      <a:pt x="985" y="531"/>
                    </a:lnTo>
                    <a:lnTo>
                      <a:pt x="989" y="533"/>
                    </a:lnTo>
                    <a:lnTo>
                      <a:pt x="995" y="534"/>
                    </a:lnTo>
                    <a:lnTo>
                      <a:pt x="1000" y="535"/>
                    </a:lnTo>
                    <a:lnTo>
                      <a:pt x="1006" y="535"/>
                    </a:lnTo>
                    <a:lnTo>
                      <a:pt x="1013" y="535"/>
                    </a:lnTo>
                    <a:lnTo>
                      <a:pt x="1020" y="534"/>
                    </a:lnTo>
                    <a:lnTo>
                      <a:pt x="1012" y="544"/>
                    </a:lnTo>
                    <a:lnTo>
                      <a:pt x="1002" y="553"/>
                    </a:lnTo>
                    <a:lnTo>
                      <a:pt x="993" y="562"/>
                    </a:lnTo>
                    <a:lnTo>
                      <a:pt x="982" y="570"/>
                    </a:lnTo>
                    <a:lnTo>
                      <a:pt x="973" y="577"/>
                    </a:lnTo>
                    <a:lnTo>
                      <a:pt x="961" y="585"/>
                    </a:lnTo>
                    <a:lnTo>
                      <a:pt x="950" y="592"/>
                    </a:lnTo>
                    <a:lnTo>
                      <a:pt x="938" y="599"/>
                    </a:lnTo>
                    <a:lnTo>
                      <a:pt x="926" y="604"/>
                    </a:lnTo>
                    <a:lnTo>
                      <a:pt x="913" y="609"/>
                    </a:lnTo>
                    <a:lnTo>
                      <a:pt x="900" y="614"/>
                    </a:lnTo>
                    <a:lnTo>
                      <a:pt x="885" y="619"/>
                    </a:lnTo>
                    <a:lnTo>
                      <a:pt x="871" y="622"/>
                    </a:lnTo>
                    <a:lnTo>
                      <a:pt x="856" y="625"/>
                    </a:lnTo>
                    <a:lnTo>
                      <a:pt x="840" y="627"/>
                    </a:lnTo>
                    <a:lnTo>
                      <a:pt x="823" y="628"/>
                    </a:lnTo>
                    <a:lnTo>
                      <a:pt x="821" y="624"/>
                    </a:lnTo>
                    <a:lnTo>
                      <a:pt x="817" y="621"/>
                    </a:lnTo>
                    <a:lnTo>
                      <a:pt x="812" y="617"/>
                    </a:lnTo>
                    <a:lnTo>
                      <a:pt x="808" y="615"/>
                    </a:lnTo>
                    <a:lnTo>
                      <a:pt x="804" y="612"/>
                    </a:lnTo>
                    <a:lnTo>
                      <a:pt x="802" y="607"/>
                    </a:lnTo>
                    <a:lnTo>
                      <a:pt x="802" y="604"/>
                    </a:lnTo>
                    <a:lnTo>
                      <a:pt x="802" y="601"/>
                    </a:lnTo>
                    <a:lnTo>
                      <a:pt x="803" y="596"/>
                    </a:lnTo>
                    <a:lnTo>
                      <a:pt x="804" y="591"/>
                    </a:lnTo>
                    <a:lnTo>
                      <a:pt x="794" y="591"/>
                    </a:lnTo>
                    <a:lnTo>
                      <a:pt x="783" y="593"/>
                    </a:lnTo>
                    <a:lnTo>
                      <a:pt x="775" y="595"/>
                    </a:lnTo>
                    <a:lnTo>
                      <a:pt x="766" y="600"/>
                    </a:lnTo>
                    <a:lnTo>
                      <a:pt x="759" y="604"/>
                    </a:lnTo>
                    <a:lnTo>
                      <a:pt x="751" y="608"/>
                    </a:lnTo>
                    <a:lnTo>
                      <a:pt x="745" y="613"/>
                    </a:lnTo>
                    <a:lnTo>
                      <a:pt x="739" y="619"/>
                    </a:lnTo>
                    <a:lnTo>
                      <a:pt x="718" y="612"/>
                    </a:lnTo>
                    <a:lnTo>
                      <a:pt x="699" y="606"/>
                    </a:lnTo>
                    <a:lnTo>
                      <a:pt x="681" y="599"/>
                    </a:lnTo>
                    <a:lnTo>
                      <a:pt x="664" y="592"/>
                    </a:lnTo>
                    <a:lnTo>
                      <a:pt x="648" y="586"/>
                    </a:lnTo>
                    <a:lnTo>
                      <a:pt x="631" y="580"/>
                    </a:lnTo>
                    <a:lnTo>
                      <a:pt x="616" y="575"/>
                    </a:lnTo>
                    <a:lnTo>
                      <a:pt x="599" y="572"/>
                    </a:lnTo>
                    <a:lnTo>
                      <a:pt x="592" y="575"/>
                    </a:lnTo>
                    <a:lnTo>
                      <a:pt x="587" y="580"/>
                    </a:lnTo>
                    <a:lnTo>
                      <a:pt x="582" y="584"/>
                    </a:lnTo>
                    <a:lnTo>
                      <a:pt x="579" y="590"/>
                    </a:lnTo>
                    <a:lnTo>
                      <a:pt x="576" y="596"/>
                    </a:lnTo>
                    <a:lnTo>
                      <a:pt x="573" y="604"/>
                    </a:lnTo>
                    <a:lnTo>
                      <a:pt x="571" y="611"/>
                    </a:lnTo>
                    <a:lnTo>
                      <a:pt x="570" y="619"/>
                    </a:lnTo>
                    <a:lnTo>
                      <a:pt x="556" y="615"/>
                    </a:lnTo>
                    <a:lnTo>
                      <a:pt x="541" y="611"/>
                    </a:lnTo>
                    <a:lnTo>
                      <a:pt x="533" y="609"/>
                    </a:lnTo>
                    <a:lnTo>
                      <a:pt x="525" y="608"/>
                    </a:lnTo>
                    <a:lnTo>
                      <a:pt x="516" y="608"/>
                    </a:lnTo>
                    <a:lnTo>
                      <a:pt x="505" y="609"/>
                    </a:lnTo>
                    <a:lnTo>
                      <a:pt x="503" y="615"/>
                    </a:lnTo>
                    <a:lnTo>
                      <a:pt x="503" y="621"/>
                    </a:lnTo>
                    <a:lnTo>
                      <a:pt x="503" y="625"/>
                    </a:lnTo>
                    <a:lnTo>
                      <a:pt x="504" y="629"/>
                    </a:lnTo>
                    <a:lnTo>
                      <a:pt x="507" y="635"/>
                    </a:lnTo>
                    <a:lnTo>
                      <a:pt x="512" y="640"/>
                    </a:lnTo>
                    <a:lnTo>
                      <a:pt x="517" y="644"/>
                    </a:lnTo>
                    <a:lnTo>
                      <a:pt x="521" y="649"/>
                    </a:lnTo>
                    <a:lnTo>
                      <a:pt x="523" y="652"/>
                    </a:lnTo>
                    <a:lnTo>
                      <a:pt x="524" y="656"/>
                    </a:lnTo>
                    <a:lnTo>
                      <a:pt x="524" y="661"/>
                    </a:lnTo>
                    <a:lnTo>
                      <a:pt x="524" y="666"/>
                    </a:lnTo>
                    <a:lnTo>
                      <a:pt x="508" y="676"/>
                    </a:lnTo>
                    <a:lnTo>
                      <a:pt x="492" y="686"/>
                    </a:lnTo>
                    <a:lnTo>
                      <a:pt x="476" y="695"/>
                    </a:lnTo>
                    <a:lnTo>
                      <a:pt x="458" y="703"/>
                    </a:lnTo>
                    <a:lnTo>
                      <a:pt x="450" y="699"/>
                    </a:lnTo>
                    <a:lnTo>
                      <a:pt x="441" y="695"/>
                    </a:lnTo>
                    <a:lnTo>
                      <a:pt x="432" y="692"/>
                    </a:lnTo>
                    <a:lnTo>
                      <a:pt x="422" y="690"/>
                    </a:lnTo>
                    <a:lnTo>
                      <a:pt x="412" y="688"/>
                    </a:lnTo>
                    <a:lnTo>
                      <a:pt x="402" y="687"/>
                    </a:lnTo>
                    <a:lnTo>
                      <a:pt x="391" y="687"/>
                    </a:lnTo>
                    <a:lnTo>
                      <a:pt x="382" y="688"/>
                    </a:lnTo>
                    <a:lnTo>
                      <a:pt x="372" y="689"/>
                    </a:lnTo>
                    <a:lnTo>
                      <a:pt x="363" y="692"/>
                    </a:lnTo>
                    <a:lnTo>
                      <a:pt x="354" y="695"/>
                    </a:lnTo>
                    <a:lnTo>
                      <a:pt x="346" y="701"/>
                    </a:lnTo>
                    <a:lnTo>
                      <a:pt x="340" y="707"/>
                    </a:lnTo>
                    <a:lnTo>
                      <a:pt x="334" y="713"/>
                    </a:lnTo>
                    <a:lnTo>
                      <a:pt x="330" y="722"/>
                    </a:lnTo>
                    <a:lnTo>
                      <a:pt x="327" y="731"/>
                    </a:lnTo>
                    <a:lnTo>
                      <a:pt x="299" y="731"/>
                    </a:lnTo>
                    <a:lnTo>
                      <a:pt x="270" y="731"/>
                    </a:lnTo>
                    <a:lnTo>
                      <a:pt x="257" y="732"/>
                    </a:lnTo>
                    <a:lnTo>
                      <a:pt x="242" y="732"/>
                    </a:lnTo>
                    <a:lnTo>
                      <a:pt x="228" y="732"/>
                    </a:lnTo>
                    <a:lnTo>
                      <a:pt x="214" y="731"/>
                    </a:lnTo>
                    <a:lnTo>
                      <a:pt x="202" y="729"/>
                    </a:lnTo>
                    <a:lnTo>
                      <a:pt x="190" y="725"/>
                    </a:lnTo>
                    <a:lnTo>
                      <a:pt x="179" y="721"/>
                    </a:lnTo>
                    <a:lnTo>
                      <a:pt x="168" y="713"/>
                    </a:lnTo>
                    <a:lnTo>
                      <a:pt x="164" y="710"/>
                    </a:lnTo>
                    <a:lnTo>
                      <a:pt x="159" y="705"/>
                    </a:lnTo>
                    <a:lnTo>
                      <a:pt x="155" y="701"/>
                    </a:lnTo>
                    <a:lnTo>
                      <a:pt x="151" y="694"/>
                    </a:lnTo>
                    <a:lnTo>
                      <a:pt x="148" y="688"/>
                    </a:lnTo>
                    <a:lnTo>
                      <a:pt x="145" y="682"/>
                    </a:lnTo>
                    <a:lnTo>
                      <a:pt x="142" y="674"/>
                    </a:lnTo>
                    <a:lnTo>
                      <a:pt x="140" y="666"/>
                    </a:lnTo>
                    <a:lnTo>
                      <a:pt x="123" y="670"/>
                    </a:lnTo>
                    <a:lnTo>
                      <a:pt x="106" y="672"/>
                    </a:lnTo>
                    <a:lnTo>
                      <a:pt x="90" y="672"/>
                    </a:lnTo>
                    <a:lnTo>
                      <a:pt x="73" y="671"/>
                    </a:lnTo>
                    <a:lnTo>
                      <a:pt x="56" y="669"/>
                    </a:lnTo>
                    <a:lnTo>
                      <a:pt x="40" y="666"/>
                    </a:lnTo>
                    <a:lnTo>
                      <a:pt x="24" y="662"/>
                    </a:lnTo>
                    <a:lnTo>
                      <a:pt x="8" y="656"/>
                    </a:lnTo>
                    <a:lnTo>
                      <a:pt x="10" y="637"/>
                    </a:lnTo>
                    <a:lnTo>
                      <a:pt x="10" y="620"/>
                    </a:lnTo>
                    <a:lnTo>
                      <a:pt x="9" y="604"/>
                    </a:lnTo>
                    <a:lnTo>
                      <a:pt x="7" y="588"/>
                    </a:lnTo>
                    <a:lnTo>
                      <a:pt x="3" y="556"/>
                    </a:lnTo>
                    <a:lnTo>
                      <a:pt x="0" y="525"/>
                    </a:lnTo>
                    <a:lnTo>
                      <a:pt x="3" y="528"/>
                    </a:lnTo>
                    <a:lnTo>
                      <a:pt x="6" y="530"/>
                    </a:lnTo>
                    <a:lnTo>
                      <a:pt x="9" y="531"/>
                    </a:lnTo>
                    <a:lnTo>
                      <a:pt x="13" y="531"/>
                    </a:lnTo>
                    <a:lnTo>
                      <a:pt x="21" y="530"/>
                    </a:lnTo>
                    <a:lnTo>
                      <a:pt x="28" y="527"/>
                    </a:lnTo>
                    <a:lnTo>
                      <a:pt x="36" y="524"/>
                    </a:lnTo>
                    <a:lnTo>
                      <a:pt x="45" y="520"/>
                    </a:lnTo>
                    <a:lnTo>
                      <a:pt x="54" y="517"/>
                    </a:lnTo>
                    <a:lnTo>
                      <a:pt x="65" y="516"/>
                    </a:lnTo>
                    <a:lnTo>
                      <a:pt x="65" y="524"/>
                    </a:lnTo>
                    <a:lnTo>
                      <a:pt x="67" y="530"/>
                    </a:lnTo>
                    <a:lnTo>
                      <a:pt x="69" y="536"/>
                    </a:lnTo>
                    <a:lnTo>
                      <a:pt x="73" y="541"/>
                    </a:lnTo>
                    <a:lnTo>
                      <a:pt x="79" y="544"/>
                    </a:lnTo>
                    <a:lnTo>
                      <a:pt x="84" y="546"/>
                    </a:lnTo>
                    <a:lnTo>
                      <a:pt x="90" y="548"/>
                    </a:lnTo>
                    <a:lnTo>
                      <a:pt x="98" y="549"/>
                    </a:lnTo>
                    <a:lnTo>
                      <a:pt x="128" y="550"/>
                    </a:lnTo>
                    <a:lnTo>
                      <a:pt x="159" y="553"/>
                    </a:lnTo>
                    <a:lnTo>
                      <a:pt x="161" y="560"/>
                    </a:lnTo>
                    <a:lnTo>
                      <a:pt x="162" y="565"/>
                    </a:lnTo>
                    <a:lnTo>
                      <a:pt x="163" y="570"/>
                    </a:lnTo>
                    <a:lnTo>
                      <a:pt x="164" y="575"/>
                    </a:lnTo>
                    <a:lnTo>
                      <a:pt x="164" y="586"/>
                    </a:lnTo>
                    <a:lnTo>
                      <a:pt x="163" y="594"/>
                    </a:lnTo>
                    <a:lnTo>
                      <a:pt x="163" y="603"/>
                    </a:lnTo>
                    <a:lnTo>
                      <a:pt x="164" y="611"/>
                    </a:lnTo>
                    <a:lnTo>
                      <a:pt x="166" y="615"/>
                    </a:lnTo>
                    <a:lnTo>
                      <a:pt x="169" y="620"/>
                    </a:lnTo>
                    <a:lnTo>
                      <a:pt x="172" y="624"/>
                    </a:lnTo>
                    <a:lnTo>
                      <a:pt x="178" y="628"/>
                    </a:lnTo>
                    <a:lnTo>
                      <a:pt x="192" y="624"/>
                    </a:lnTo>
                    <a:lnTo>
                      <a:pt x="206" y="617"/>
                    </a:lnTo>
                    <a:lnTo>
                      <a:pt x="218" y="609"/>
                    </a:lnTo>
                    <a:lnTo>
                      <a:pt x="229" y="601"/>
                    </a:lnTo>
                    <a:lnTo>
                      <a:pt x="239" y="591"/>
                    </a:lnTo>
                    <a:lnTo>
                      <a:pt x="248" y="580"/>
                    </a:lnTo>
                    <a:lnTo>
                      <a:pt x="255" y="567"/>
                    </a:lnTo>
                    <a:lnTo>
                      <a:pt x="262" y="553"/>
                    </a:lnTo>
                    <a:lnTo>
                      <a:pt x="260" y="546"/>
                    </a:lnTo>
                    <a:lnTo>
                      <a:pt x="258" y="540"/>
                    </a:lnTo>
                    <a:lnTo>
                      <a:pt x="254" y="534"/>
                    </a:lnTo>
                    <a:lnTo>
                      <a:pt x="250" y="529"/>
                    </a:lnTo>
                    <a:lnTo>
                      <a:pt x="245" y="526"/>
                    </a:lnTo>
                    <a:lnTo>
                      <a:pt x="240" y="522"/>
                    </a:lnTo>
                    <a:lnTo>
                      <a:pt x="234" y="520"/>
                    </a:lnTo>
                    <a:lnTo>
                      <a:pt x="228" y="516"/>
                    </a:lnTo>
                    <a:lnTo>
                      <a:pt x="215" y="511"/>
                    </a:lnTo>
                    <a:lnTo>
                      <a:pt x="204" y="506"/>
                    </a:lnTo>
                    <a:lnTo>
                      <a:pt x="199" y="503"/>
                    </a:lnTo>
                    <a:lnTo>
                      <a:pt x="193" y="498"/>
                    </a:lnTo>
                    <a:lnTo>
                      <a:pt x="189" y="493"/>
                    </a:lnTo>
                    <a:lnTo>
                      <a:pt x="186" y="488"/>
                    </a:lnTo>
                    <a:lnTo>
                      <a:pt x="191" y="484"/>
                    </a:lnTo>
                    <a:lnTo>
                      <a:pt x="196" y="481"/>
                    </a:lnTo>
                    <a:lnTo>
                      <a:pt x="203" y="477"/>
                    </a:lnTo>
                    <a:lnTo>
                      <a:pt x="209" y="475"/>
                    </a:lnTo>
                    <a:lnTo>
                      <a:pt x="222" y="470"/>
                    </a:lnTo>
                    <a:lnTo>
                      <a:pt x="233" y="465"/>
                    </a:lnTo>
                    <a:lnTo>
                      <a:pt x="240" y="462"/>
                    </a:lnTo>
                    <a:lnTo>
                      <a:pt x="245" y="458"/>
                    </a:lnTo>
                    <a:lnTo>
                      <a:pt x="249" y="454"/>
                    </a:lnTo>
                    <a:lnTo>
                      <a:pt x="253" y="450"/>
                    </a:lnTo>
                    <a:lnTo>
                      <a:pt x="258" y="445"/>
                    </a:lnTo>
                    <a:lnTo>
                      <a:pt x="260" y="438"/>
                    </a:lnTo>
                    <a:lnTo>
                      <a:pt x="261" y="431"/>
                    </a:lnTo>
                    <a:lnTo>
                      <a:pt x="262" y="423"/>
                    </a:lnTo>
                    <a:lnTo>
                      <a:pt x="265" y="424"/>
                    </a:lnTo>
                    <a:lnTo>
                      <a:pt x="269" y="426"/>
                    </a:lnTo>
                    <a:lnTo>
                      <a:pt x="272" y="429"/>
                    </a:lnTo>
                    <a:lnTo>
                      <a:pt x="275" y="432"/>
                    </a:lnTo>
                    <a:lnTo>
                      <a:pt x="278" y="435"/>
                    </a:lnTo>
                    <a:lnTo>
                      <a:pt x="279" y="440"/>
                    </a:lnTo>
                    <a:lnTo>
                      <a:pt x="280" y="445"/>
                    </a:lnTo>
                    <a:lnTo>
                      <a:pt x="280" y="450"/>
                    </a:lnTo>
                    <a:lnTo>
                      <a:pt x="315" y="432"/>
                    </a:lnTo>
                    <a:lnTo>
                      <a:pt x="347" y="416"/>
                    </a:lnTo>
                    <a:lnTo>
                      <a:pt x="379" y="403"/>
                    </a:lnTo>
                    <a:lnTo>
                      <a:pt x="409" y="391"/>
                    </a:lnTo>
                    <a:lnTo>
                      <a:pt x="426" y="385"/>
                    </a:lnTo>
                    <a:lnTo>
                      <a:pt x="443" y="381"/>
                    </a:lnTo>
                    <a:lnTo>
                      <a:pt x="461" y="375"/>
                    </a:lnTo>
                    <a:lnTo>
                      <a:pt x="480" y="371"/>
                    </a:lnTo>
                    <a:lnTo>
                      <a:pt x="500" y="367"/>
                    </a:lnTo>
                    <a:lnTo>
                      <a:pt x="522" y="364"/>
                    </a:lnTo>
                    <a:lnTo>
                      <a:pt x="545" y="359"/>
                    </a:lnTo>
                    <a:lnTo>
                      <a:pt x="570" y="356"/>
                    </a:lnTo>
                    <a:lnTo>
                      <a:pt x="575" y="354"/>
                    </a:lnTo>
                    <a:lnTo>
                      <a:pt x="579" y="350"/>
                    </a:lnTo>
                    <a:lnTo>
                      <a:pt x="583" y="345"/>
                    </a:lnTo>
                    <a:lnTo>
                      <a:pt x="586" y="338"/>
                    </a:lnTo>
                    <a:lnTo>
                      <a:pt x="588" y="331"/>
                    </a:lnTo>
                    <a:lnTo>
                      <a:pt x="589" y="326"/>
                    </a:lnTo>
                    <a:lnTo>
                      <a:pt x="588" y="324"/>
                    </a:lnTo>
                    <a:lnTo>
                      <a:pt x="586" y="322"/>
                    </a:lnTo>
                    <a:lnTo>
                      <a:pt x="583" y="321"/>
                    </a:lnTo>
                    <a:lnTo>
                      <a:pt x="580" y="319"/>
                    </a:lnTo>
                    <a:lnTo>
                      <a:pt x="582" y="316"/>
                    </a:lnTo>
                    <a:lnTo>
                      <a:pt x="584" y="314"/>
                    </a:lnTo>
                    <a:lnTo>
                      <a:pt x="587" y="312"/>
                    </a:lnTo>
                    <a:lnTo>
                      <a:pt x="590" y="311"/>
                    </a:lnTo>
                    <a:lnTo>
                      <a:pt x="598" y="309"/>
                    </a:lnTo>
                    <a:lnTo>
                      <a:pt x="605" y="307"/>
                    </a:lnTo>
                    <a:lnTo>
                      <a:pt x="613" y="306"/>
                    </a:lnTo>
                    <a:lnTo>
                      <a:pt x="622" y="305"/>
                    </a:lnTo>
                    <a:lnTo>
                      <a:pt x="629" y="303"/>
                    </a:lnTo>
                    <a:lnTo>
                      <a:pt x="636" y="301"/>
                    </a:lnTo>
                    <a:lnTo>
                      <a:pt x="637" y="307"/>
                    </a:lnTo>
                    <a:lnTo>
                      <a:pt x="637" y="313"/>
                    </a:lnTo>
                    <a:lnTo>
                      <a:pt x="636" y="317"/>
                    </a:lnTo>
                    <a:lnTo>
                      <a:pt x="633" y="322"/>
                    </a:lnTo>
                    <a:lnTo>
                      <a:pt x="629" y="330"/>
                    </a:lnTo>
                    <a:lnTo>
                      <a:pt x="626" y="338"/>
                    </a:lnTo>
                    <a:lnTo>
                      <a:pt x="640" y="339"/>
                    </a:lnTo>
                    <a:lnTo>
                      <a:pt x="651" y="339"/>
                    </a:lnTo>
                    <a:lnTo>
                      <a:pt x="661" y="337"/>
                    </a:lnTo>
                    <a:lnTo>
                      <a:pt x="669" y="334"/>
                    </a:lnTo>
                    <a:lnTo>
                      <a:pt x="677" y="329"/>
                    </a:lnTo>
                    <a:lnTo>
                      <a:pt x="682" y="324"/>
                    </a:lnTo>
                    <a:lnTo>
                      <a:pt x="687" y="316"/>
                    </a:lnTo>
                    <a:lnTo>
                      <a:pt x="692" y="310"/>
                    </a:lnTo>
                    <a:lnTo>
                      <a:pt x="704" y="310"/>
                    </a:lnTo>
                    <a:lnTo>
                      <a:pt x="714" y="312"/>
                    </a:lnTo>
                    <a:lnTo>
                      <a:pt x="718" y="313"/>
                    </a:lnTo>
                    <a:lnTo>
                      <a:pt x="722" y="315"/>
                    </a:lnTo>
                    <a:lnTo>
                      <a:pt x="726" y="317"/>
                    </a:lnTo>
                    <a:lnTo>
                      <a:pt x="729" y="319"/>
                    </a:lnTo>
                    <a:lnTo>
                      <a:pt x="731" y="323"/>
                    </a:lnTo>
                    <a:lnTo>
                      <a:pt x="734" y="327"/>
                    </a:lnTo>
                    <a:lnTo>
                      <a:pt x="736" y="331"/>
                    </a:lnTo>
                    <a:lnTo>
                      <a:pt x="737" y="335"/>
                    </a:lnTo>
                    <a:lnTo>
                      <a:pt x="739" y="345"/>
                    </a:lnTo>
                    <a:lnTo>
                      <a:pt x="739" y="356"/>
                    </a:lnTo>
                    <a:lnTo>
                      <a:pt x="745" y="357"/>
                    </a:lnTo>
                    <a:lnTo>
                      <a:pt x="750" y="358"/>
                    </a:lnTo>
                    <a:lnTo>
                      <a:pt x="756" y="357"/>
                    </a:lnTo>
                    <a:lnTo>
                      <a:pt x="761" y="357"/>
                    </a:lnTo>
                    <a:lnTo>
                      <a:pt x="769" y="354"/>
                    </a:lnTo>
                    <a:lnTo>
                      <a:pt x="777" y="352"/>
                    </a:lnTo>
                    <a:lnTo>
                      <a:pt x="780" y="351"/>
                    </a:lnTo>
                    <a:lnTo>
                      <a:pt x="783" y="351"/>
                    </a:lnTo>
                    <a:lnTo>
                      <a:pt x="785" y="351"/>
                    </a:lnTo>
                    <a:lnTo>
                      <a:pt x="787" y="352"/>
                    </a:lnTo>
                    <a:lnTo>
                      <a:pt x="789" y="353"/>
                    </a:lnTo>
                    <a:lnTo>
                      <a:pt x="791" y="356"/>
                    </a:lnTo>
                    <a:lnTo>
                      <a:pt x="794" y="361"/>
                    </a:lnTo>
                    <a:lnTo>
                      <a:pt x="795" y="366"/>
                    </a:lnTo>
                    <a:lnTo>
                      <a:pt x="809" y="351"/>
                    </a:lnTo>
                    <a:lnTo>
                      <a:pt x="822" y="334"/>
                    </a:lnTo>
                    <a:lnTo>
                      <a:pt x="828" y="326"/>
                    </a:lnTo>
                    <a:lnTo>
                      <a:pt x="834" y="316"/>
                    </a:lnTo>
                    <a:lnTo>
                      <a:pt x="839" y="307"/>
                    </a:lnTo>
                    <a:lnTo>
                      <a:pt x="843" y="297"/>
                    </a:lnTo>
                    <a:lnTo>
                      <a:pt x="847" y="287"/>
                    </a:lnTo>
                    <a:lnTo>
                      <a:pt x="851" y="276"/>
                    </a:lnTo>
                    <a:lnTo>
                      <a:pt x="855" y="265"/>
                    </a:lnTo>
                    <a:lnTo>
                      <a:pt x="857" y="252"/>
                    </a:lnTo>
                    <a:lnTo>
                      <a:pt x="859" y="239"/>
                    </a:lnTo>
                    <a:lnTo>
                      <a:pt x="860" y="227"/>
                    </a:lnTo>
                    <a:lnTo>
                      <a:pt x="861" y="212"/>
                    </a:lnTo>
                    <a:lnTo>
                      <a:pt x="861" y="197"/>
                    </a:lnTo>
                    <a:lnTo>
                      <a:pt x="868" y="198"/>
                    </a:lnTo>
                    <a:lnTo>
                      <a:pt x="876" y="198"/>
                    </a:lnTo>
                    <a:lnTo>
                      <a:pt x="883" y="197"/>
                    </a:lnTo>
                    <a:lnTo>
                      <a:pt x="889" y="196"/>
                    </a:lnTo>
                    <a:lnTo>
                      <a:pt x="896" y="195"/>
                    </a:lnTo>
                    <a:lnTo>
                      <a:pt x="901" y="193"/>
                    </a:lnTo>
                    <a:lnTo>
                      <a:pt x="906" y="190"/>
                    </a:lnTo>
                    <a:lnTo>
                      <a:pt x="910" y="188"/>
                    </a:lnTo>
                    <a:lnTo>
                      <a:pt x="915" y="184"/>
                    </a:lnTo>
                    <a:lnTo>
                      <a:pt x="918" y="180"/>
                    </a:lnTo>
                    <a:lnTo>
                      <a:pt x="921" y="176"/>
                    </a:lnTo>
                    <a:lnTo>
                      <a:pt x="924" y="172"/>
                    </a:lnTo>
                    <a:lnTo>
                      <a:pt x="928" y="163"/>
                    </a:lnTo>
                    <a:lnTo>
                      <a:pt x="931" y="152"/>
                    </a:lnTo>
                    <a:lnTo>
                      <a:pt x="933" y="140"/>
                    </a:lnTo>
                    <a:lnTo>
                      <a:pt x="934" y="129"/>
                    </a:lnTo>
                    <a:lnTo>
                      <a:pt x="933" y="117"/>
                    </a:lnTo>
                    <a:lnTo>
                      <a:pt x="931" y="105"/>
                    </a:lnTo>
                    <a:lnTo>
                      <a:pt x="928" y="92"/>
                    </a:lnTo>
                    <a:lnTo>
                      <a:pt x="925" y="79"/>
                    </a:lnTo>
                    <a:lnTo>
                      <a:pt x="921" y="68"/>
                    </a:lnTo>
                    <a:lnTo>
                      <a:pt x="917" y="57"/>
                    </a:lnTo>
                    <a:lnTo>
                      <a:pt x="922" y="49"/>
                    </a:lnTo>
                    <a:lnTo>
                      <a:pt x="927" y="41"/>
                    </a:lnTo>
                    <a:lnTo>
                      <a:pt x="934" y="34"/>
                    </a:lnTo>
                    <a:lnTo>
                      <a:pt x="940" y="28"/>
                    </a:lnTo>
                    <a:lnTo>
                      <a:pt x="947" y="23"/>
                    </a:lnTo>
                    <a:lnTo>
                      <a:pt x="955" y="17"/>
                    </a:lnTo>
                    <a:lnTo>
                      <a:pt x="961" y="13"/>
                    </a:lnTo>
                    <a:lnTo>
                      <a:pt x="969" y="9"/>
                    </a:lnTo>
                    <a:lnTo>
                      <a:pt x="977" y="6"/>
                    </a:lnTo>
                    <a:lnTo>
                      <a:pt x="984" y="4"/>
                    </a:lnTo>
                    <a:lnTo>
                      <a:pt x="993" y="1"/>
                    </a:lnTo>
                    <a:lnTo>
                      <a:pt x="1000" y="0"/>
                    </a:lnTo>
                    <a:lnTo>
                      <a:pt x="1007" y="0"/>
                    </a:lnTo>
                    <a:lnTo>
                      <a:pt x="1016" y="0"/>
                    </a:lnTo>
                    <a:lnTo>
                      <a:pt x="1023" y="1"/>
                    </a:lnTo>
                    <a:lnTo>
                      <a:pt x="1030" y="4"/>
                    </a:lnTo>
                    <a:lnTo>
                      <a:pt x="1038" y="6"/>
                    </a:lnTo>
                    <a:lnTo>
                      <a:pt x="1045" y="9"/>
                    </a:lnTo>
                    <a:lnTo>
                      <a:pt x="1052" y="13"/>
                    </a:lnTo>
                    <a:lnTo>
                      <a:pt x="1058" y="17"/>
                    </a:lnTo>
                    <a:lnTo>
                      <a:pt x="1064" y="23"/>
                    </a:lnTo>
                    <a:lnTo>
                      <a:pt x="1069" y="29"/>
                    </a:lnTo>
                    <a:lnTo>
                      <a:pt x="1075" y="36"/>
                    </a:lnTo>
                    <a:lnTo>
                      <a:pt x="1080" y="44"/>
                    </a:lnTo>
                    <a:lnTo>
                      <a:pt x="1084" y="52"/>
                    </a:lnTo>
                    <a:lnTo>
                      <a:pt x="1087" y="60"/>
                    </a:lnTo>
                    <a:lnTo>
                      <a:pt x="1090" y="71"/>
                    </a:lnTo>
                    <a:lnTo>
                      <a:pt x="1093" y="81"/>
                    </a:lnTo>
                    <a:lnTo>
                      <a:pt x="1095" y="93"/>
                    </a:lnTo>
                    <a:lnTo>
                      <a:pt x="1096" y="105"/>
                    </a:lnTo>
                    <a:lnTo>
                      <a:pt x="1096" y="118"/>
                    </a:lnTo>
                    <a:lnTo>
                      <a:pt x="1095" y="132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48" name="Holsterbro kant 1"/>
              <p:cNvSpPr>
                <a:spLocks/>
              </p:cNvSpPr>
              <p:nvPr/>
            </p:nvSpPr>
            <p:spPr bwMode="auto">
              <a:xfrm>
                <a:off x="536575" y="3822706"/>
                <a:ext cx="688976" cy="387351"/>
              </a:xfrm>
              <a:custGeom>
                <a:avLst/>
                <a:gdLst>
                  <a:gd name="T0" fmla="*/ 396 w 1301"/>
                  <a:gd name="T1" fmla="*/ 46 h 732"/>
                  <a:gd name="T2" fmla="*/ 427 w 1301"/>
                  <a:gd name="T3" fmla="*/ 57 h 732"/>
                  <a:gd name="T4" fmla="*/ 433 w 1301"/>
                  <a:gd name="T5" fmla="*/ 94 h 732"/>
                  <a:gd name="T6" fmla="*/ 422 w 1301"/>
                  <a:gd name="T7" fmla="*/ 110 h 732"/>
                  <a:gd name="T8" fmla="*/ 411 w 1301"/>
                  <a:gd name="T9" fmla="*/ 124 h 732"/>
                  <a:gd name="T10" fmla="*/ 389 w 1301"/>
                  <a:gd name="T11" fmla="*/ 136 h 732"/>
                  <a:gd name="T12" fmla="*/ 375 w 1301"/>
                  <a:gd name="T13" fmla="*/ 163 h 732"/>
                  <a:gd name="T14" fmla="*/ 342 w 1301"/>
                  <a:gd name="T15" fmla="*/ 157 h 732"/>
                  <a:gd name="T16" fmla="*/ 328 w 1301"/>
                  <a:gd name="T17" fmla="*/ 141 h 732"/>
                  <a:gd name="T18" fmla="*/ 322 w 1301"/>
                  <a:gd name="T19" fmla="*/ 150 h 732"/>
                  <a:gd name="T20" fmla="*/ 319 w 1301"/>
                  <a:gd name="T21" fmla="*/ 166 h 732"/>
                  <a:gd name="T22" fmla="*/ 330 w 1301"/>
                  <a:gd name="T23" fmla="*/ 178 h 732"/>
                  <a:gd name="T24" fmla="*/ 334 w 1301"/>
                  <a:gd name="T25" fmla="*/ 184 h 732"/>
                  <a:gd name="T26" fmla="*/ 309 w 1301"/>
                  <a:gd name="T27" fmla="*/ 201 h 732"/>
                  <a:gd name="T28" fmla="*/ 275 w 1301"/>
                  <a:gd name="T29" fmla="*/ 209 h 732"/>
                  <a:gd name="T30" fmla="*/ 268 w 1301"/>
                  <a:gd name="T31" fmla="*/ 201 h 732"/>
                  <a:gd name="T32" fmla="*/ 256 w 1301"/>
                  <a:gd name="T33" fmla="*/ 200 h 732"/>
                  <a:gd name="T34" fmla="*/ 227 w 1301"/>
                  <a:gd name="T35" fmla="*/ 200 h 732"/>
                  <a:gd name="T36" fmla="*/ 196 w 1301"/>
                  <a:gd name="T37" fmla="*/ 193 h 732"/>
                  <a:gd name="T38" fmla="*/ 185 w 1301"/>
                  <a:gd name="T39" fmla="*/ 205 h 732"/>
                  <a:gd name="T40" fmla="*/ 168 w 1301"/>
                  <a:gd name="T41" fmla="*/ 207 h 732"/>
                  <a:gd name="T42" fmla="*/ 174 w 1301"/>
                  <a:gd name="T43" fmla="*/ 217 h 732"/>
                  <a:gd name="T44" fmla="*/ 153 w 1301"/>
                  <a:gd name="T45" fmla="*/ 234 h 732"/>
                  <a:gd name="T46" fmla="*/ 130 w 1301"/>
                  <a:gd name="T47" fmla="*/ 229 h 732"/>
                  <a:gd name="T48" fmla="*/ 111 w 1301"/>
                  <a:gd name="T49" fmla="*/ 238 h 732"/>
                  <a:gd name="T50" fmla="*/ 76 w 1301"/>
                  <a:gd name="T51" fmla="*/ 244 h 732"/>
                  <a:gd name="T52" fmla="*/ 53 w 1301"/>
                  <a:gd name="T53" fmla="*/ 235 h 732"/>
                  <a:gd name="T54" fmla="*/ 41 w 1301"/>
                  <a:gd name="T55" fmla="*/ 223 h 732"/>
                  <a:gd name="T56" fmla="*/ 3 w 1301"/>
                  <a:gd name="T57" fmla="*/ 219 h 732"/>
                  <a:gd name="T58" fmla="*/ 1 w 1301"/>
                  <a:gd name="T59" fmla="*/ 176 h 732"/>
                  <a:gd name="T60" fmla="*/ 15 w 1301"/>
                  <a:gd name="T61" fmla="*/ 173 h 732"/>
                  <a:gd name="T62" fmla="*/ 26 w 1301"/>
                  <a:gd name="T63" fmla="*/ 181 h 732"/>
                  <a:gd name="T64" fmla="*/ 54 w 1301"/>
                  <a:gd name="T65" fmla="*/ 188 h 732"/>
                  <a:gd name="T66" fmla="*/ 55 w 1301"/>
                  <a:gd name="T67" fmla="*/ 205 h 732"/>
                  <a:gd name="T68" fmla="*/ 76 w 1301"/>
                  <a:gd name="T69" fmla="*/ 200 h 732"/>
                  <a:gd name="T70" fmla="*/ 85 w 1301"/>
                  <a:gd name="T71" fmla="*/ 178 h 732"/>
                  <a:gd name="T72" fmla="*/ 68 w 1301"/>
                  <a:gd name="T73" fmla="*/ 169 h 732"/>
                  <a:gd name="T74" fmla="*/ 68 w 1301"/>
                  <a:gd name="T75" fmla="*/ 159 h 732"/>
                  <a:gd name="T76" fmla="*/ 84 w 1301"/>
                  <a:gd name="T77" fmla="*/ 150 h 732"/>
                  <a:gd name="T78" fmla="*/ 91 w 1301"/>
                  <a:gd name="T79" fmla="*/ 143 h 732"/>
                  <a:gd name="T80" fmla="*/ 116 w 1301"/>
                  <a:gd name="T81" fmla="*/ 139 h 732"/>
                  <a:gd name="T82" fmla="*/ 167 w 1301"/>
                  <a:gd name="T83" fmla="*/ 122 h 732"/>
                  <a:gd name="T84" fmla="*/ 195 w 1301"/>
                  <a:gd name="T85" fmla="*/ 113 h 732"/>
                  <a:gd name="T86" fmla="*/ 194 w 1301"/>
                  <a:gd name="T87" fmla="*/ 105 h 732"/>
                  <a:gd name="T88" fmla="*/ 207 w 1301"/>
                  <a:gd name="T89" fmla="*/ 102 h 732"/>
                  <a:gd name="T90" fmla="*/ 210 w 1301"/>
                  <a:gd name="T91" fmla="*/ 110 h 732"/>
                  <a:gd name="T92" fmla="*/ 228 w 1301"/>
                  <a:gd name="T93" fmla="*/ 108 h 732"/>
                  <a:gd name="T94" fmla="*/ 242 w 1301"/>
                  <a:gd name="T95" fmla="*/ 106 h 732"/>
                  <a:gd name="T96" fmla="*/ 247 w 1301"/>
                  <a:gd name="T97" fmla="*/ 119 h 732"/>
                  <a:gd name="T98" fmla="*/ 260 w 1301"/>
                  <a:gd name="T99" fmla="*/ 117 h 732"/>
                  <a:gd name="T100" fmla="*/ 265 w 1301"/>
                  <a:gd name="T101" fmla="*/ 122 h 732"/>
                  <a:gd name="T102" fmla="*/ 283 w 1301"/>
                  <a:gd name="T103" fmla="*/ 96 h 732"/>
                  <a:gd name="T104" fmla="*/ 287 w 1301"/>
                  <a:gd name="T105" fmla="*/ 66 h 732"/>
                  <a:gd name="T106" fmla="*/ 302 w 1301"/>
                  <a:gd name="T107" fmla="*/ 63 h 732"/>
                  <a:gd name="T108" fmla="*/ 311 w 1301"/>
                  <a:gd name="T109" fmla="*/ 51 h 732"/>
                  <a:gd name="T110" fmla="*/ 307 w 1301"/>
                  <a:gd name="T111" fmla="*/ 23 h 732"/>
                  <a:gd name="T112" fmla="*/ 319 w 1301"/>
                  <a:gd name="T113" fmla="*/ 6 h 732"/>
                  <a:gd name="T114" fmla="*/ 336 w 1301"/>
                  <a:gd name="T115" fmla="*/ 0 h 732"/>
                  <a:gd name="T116" fmla="*/ 353 w 1301"/>
                  <a:gd name="T117" fmla="*/ 6 h 732"/>
                  <a:gd name="T118" fmla="*/ 364 w 1301"/>
                  <a:gd name="T119" fmla="*/ 24 h 73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1301" h="732">
                    <a:moveTo>
                      <a:pt x="1095" y="132"/>
                    </a:moveTo>
                    <a:lnTo>
                      <a:pt x="1103" y="134"/>
                    </a:lnTo>
                    <a:lnTo>
                      <a:pt x="1114" y="136"/>
                    </a:lnTo>
                    <a:lnTo>
                      <a:pt x="1124" y="137"/>
                    </a:lnTo>
                    <a:lnTo>
                      <a:pt x="1136" y="137"/>
                    </a:lnTo>
                    <a:lnTo>
                      <a:pt x="1160" y="138"/>
                    </a:lnTo>
                    <a:lnTo>
                      <a:pt x="1186" y="139"/>
                    </a:lnTo>
                    <a:lnTo>
                      <a:pt x="1213" y="142"/>
                    </a:lnTo>
                    <a:lnTo>
                      <a:pt x="1238" y="145"/>
                    </a:lnTo>
                    <a:lnTo>
                      <a:pt x="1249" y="148"/>
                    </a:lnTo>
                    <a:lnTo>
                      <a:pt x="1261" y="151"/>
                    </a:lnTo>
                    <a:lnTo>
                      <a:pt x="1272" y="155"/>
                    </a:lnTo>
                    <a:lnTo>
                      <a:pt x="1282" y="160"/>
                    </a:lnTo>
                    <a:lnTo>
                      <a:pt x="1280" y="172"/>
                    </a:lnTo>
                    <a:lnTo>
                      <a:pt x="1280" y="185"/>
                    </a:lnTo>
                    <a:lnTo>
                      <a:pt x="1280" y="196"/>
                    </a:lnTo>
                    <a:lnTo>
                      <a:pt x="1281" y="208"/>
                    </a:lnTo>
                    <a:lnTo>
                      <a:pt x="1284" y="229"/>
                    </a:lnTo>
                    <a:lnTo>
                      <a:pt x="1288" y="249"/>
                    </a:lnTo>
                    <a:lnTo>
                      <a:pt x="1293" y="267"/>
                    </a:lnTo>
                    <a:lnTo>
                      <a:pt x="1297" y="283"/>
                    </a:lnTo>
                    <a:lnTo>
                      <a:pt x="1300" y="297"/>
                    </a:lnTo>
                    <a:lnTo>
                      <a:pt x="1301" y="310"/>
                    </a:lnTo>
                    <a:lnTo>
                      <a:pt x="1296" y="315"/>
                    </a:lnTo>
                    <a:lnTo>
                      <a:pt x="1291" y="318"/>
                    </a:lnTo>
                    <a:lnTo>
                      <a:pt x="1285" y="323"/>
                    </a:lnTo>
                    <a:lnTo>
                      <a:pt x="1279" y="325"/>
                    </a:lnTo>
                    <a:lnTo>
                      <a:pt x="1265" y="330"/>
                    </a:lnTo>
                    <a:lnTo>
                      <a:pt x="1253" y="336"/>
                    </a:lnTo>
                    <a:lnTo>
                      <a:pt x="1246" y="339"/>
                    </a:lnTo>
                    <a:lnTo>
                      <a:pt x="1241" y="344"/>
                    </a:lnTo>
                    <a:lnTo>
                      <a:pt x="1237" y="349"/>
                    </a:lnTo>
                    <a:lnTo>
                      <a:pt x="1234" y="355"/>
                    </a:lnTo>
                    <a:lnTo>
                      <a:pt x="1232" y="363"/>
                    </a:lnTo>
                    <a:lnTo>
                      <a:pt x="1232" y="371"/>
                    </a:lnTo>
                    <a:lnTo>
                      <a:pt x="1233" y="382"/>
                    </a:lnTo>
                    <a:lnTo>
                      <a:pt x="1235" y="394"/>
                    </a:lnTo>
                    <a:lnTo>
                      <a:pt x="1219" y="394"/>
                    </a:lnTo>
                    <a:lnTo>
                      <a:pt x="1202" y="394"/>
                    </a:lnTo>
                    <a:lnTo>
                      <a:pt x="1186" y="394"/>
                    </a:lnTo>
                    <a:lnTo>
                      <a:pt x="1169" y="394"/>
                    </a:lnTo>
                    <a:lnTo>
                      <a:pt x="1165" y="407"/>
                    </a:lnTo>
                    <a:lnTo>
                      <a:pt x="1159" y="420"/>
                    </a:lnTo>
                    <a:lnTo>
                      <a:pt x="1153" y="430"/>
                    </a:lnTo>
                    <a:lnTo>
                      <a:pt x="1146" y="442"/>
                    </a:lnTo>
                    <a:lnTo>
                      <a:pt x="1140" y="452"/>
                    </a:lnTo>
                    <a:lnTo>
                      <a:pt x="1134" y="464"/>
                    </a:lnTo>
                    <a:lnTo>
                      <a:pt x="1127" y="475"/>
                    </a:lnTo>
                    <a:lnTo>
                      <a:pt x="1123" y="488"/>
                    </a:lnTo>
                    <a:lnTo>
                      <a:pt x="1098" y="487"/>
                    </a:lnTo>
                    <a:lnTo>
                      <a:pt x="1075" y="485"/>
                    </a:lnTo>
                    <a:lnTo>
                      <a:pt x="1064" y="483"/>
                    </a:lnTo>
                    <a:lnTo>
                      <a:pt x="1054" y="481"/>
                    </a:lnTo>
                    <a:lnTo>
                      <a:pt x="1043" y="477"/>
                    </a:lnTo>
                    <a:lnTo>
                      <a:pt x="1034" y="474"/>
                    </a:lnTo>
                    <a:lnTo>
                      <a:pt x="1025" y="470"/>
                    </a:lnTo>
                    <a:lnTo>
                      <a:pt x="1017" y="466"/>
                    </a:lnTo>
                    <a:lnTo>
                      <a:pt x="1009" y="461"/>
                    </a:lnTo>
                    <a:lnTo>
                      <a:pt x="1002" y="454"/>
                    </a:lnTo>
                    <a:lnTo>
                      <a:pt x="996" y="447"/>
                    </a:lnTo>
                    <a:lnTo>
                      <a:pt x="990" y="440"/>
                    </a:lnTo>
                    <a:lnTo>
                      <a:pt x="986" y="431"/>
                    </a:lnTo>
                    <a:lnTo>
                      <a:pt x="982" y="423"/>
                    </a:lnTo>
                    <a:lnTo>
                      <a:pt x="977" y="423"/>
                    </a:lnTo>
                    <a:lnTo>
                      <a:pt x="971" y="425"/>
                    </a:lnTo>
                    <a:lnTo>
                      <a:pt x="968" y="428"/>
                    </a:lnTo>
                    <a:lnTo>
                      <a:pt x="966" y="431"/>
                    </a:lnTo>
                    <a:lnTo>
                      <a:pt x="964" y="436"/>
                    </a:lnTo>
                    <a:lnTo>
                      <a:pt x="964" y="443"/>
                    </a:lnTo>
                    <a:lnTo>
                      <a:pt x="964" y="449"/>
                    </a:lnTo>
                    <a:lnTo>
                      <a:pt x="964" y="455"/>
                    </a:lnTo>
                    <a:lnTo>
                      <a:pt x="964" y="469"/>
                    </a:lnTo>
                    <a:lnTo>
                      <a:pt x="964" y="482"/>
                    </a:lnTo>
                    <a:lnTo>
                      <a:pt x="963" y="487"/>
                    </a:lnTo>
                    <a:lnTo>
                      <a:pt x="961" y="491"/>
                    </a:lnTo>
                    <a:lnTo>
                      <a:pt x="959" y="495"/>
                    </a:lnTo>
                    <a:lnTo>
                      <a:pt x="955" y="497"/>
                    </a:lnTo>
                    <a:lnTo>
                      <a:pt x="959" y="505"/>
                    </a:lnTo>
                    <a:lnTo>
                      <a:pt x="964" y="512"/>
                    </a:lnTo>
                    <a:lnTo>
                      <a:pt x="970" y="520"/>
                    </a:lnTo>
                    <a:lnTo>
                      <a:pt x="977" y="526"/>
                    </a:lnTo>
                    <a:lnTo>
                      <a:pt x="981" y="529"/>
                    </a:lnTo>
                    <a:lnTo>
                      <a:pt x="985" y="531"/>
                    </a:lnTo>
                    <a:lnTo>
                      <a:pt x="989" y="533"/>
                    </a:lnTo>
                    <a:lnTo>
                      <a:pt x="995" y="534"/>
                    </a:lnTo>
                    <a:lnTo>
                      <a:pt x="1000" y="535"/>
                    </a:lnTo>
                    <a:lnTo>
                      <a:pt x="1006" y="535"/>
                    </a:lnTo>
                    <a:lnTo>
                      <a:pt x="1013" y="535"/>
                    </a:lnTo>
                    <a:lnTo>
                      <a:pt x="1020" y="534"/>
                    </a:lnTo>
                    <a:lnTo>
                      <a:pt x="1012" y="544"/>
                    </a:lnTo>
                    <a:lnTo>
                      <a:pt x="1002" y="553"/>
                    </a:lnTo>
                    <a:lnTo>
                      <a:pt x="993" y="562"/>
                    </a:lnTo>
                    <a:lnTo>
                      <a:pt x="982" y="570"/>
                    </a:lnTo>
                    <a:lnTo>
                      <a:pt x="973" y="577"/>
                    </a:lnTo>
                    <a:lnTo>
                      <a:pt x="961" y="585"/>
                    </a:lnTo>
                    <a:lnTo>
                      <a:pt x="950" y="592"/>
                    </a:lnTo>
                    <a:lnTo>
                      <a:pt x="938" y="599"/>
                    </a:lnTo>
                    <a:lnTo>
                      <a:pt x="926" y="604"/>
                    </a:lnTo>
                    <a:lnTo>
                      <a:pt x="913" y="609"/>
                    </a:lnTo>
                    <a:lnTo>
                      <a:pt x="900" y="614"/>
                    </a:lnTo>
                    <a:lnTo>
                      <a:pt x="885" y="619"/>
                    </a:lnTo>
                    <a:lnTo>
                      <a:pt x="871" y="622"/>
                    </a:lnTo>
                    <a:lnTo>
                      <a:pt x="856" y="625"/>
                    </a:lnTo>
                    <a:lnTo>
                      <a:pt x="840" y="627"/>
                    </a:lnTo>
                    <a:lnTo>
                      <a:pt x="823" y="628"/>
                    </a:lnTo>
                    <a:lnTo>
                      <a:pt x="821" y="624"/>
                    </a:lnTo>
                    <a:lnTo>
                      <a:pt x="817" y="621"/>
                    </a:lnTo>
                    <a:lnTo>
                      <a:pt x="812" y="617"/>
                    </a:lnTo>
                    <a:lnTo>
                      <a:pt x="808" y="615"/>
                    </a:lnTo>
                    <a:lnTo>
                      <a:pt x="804" y="612"/>
                    </a:lnTo>
                    <a:lnTo>
                      <a:pt x="802" y="607"/>
                    </a:lnTo>
                    <a:lnTo>
                      <a:pt x="802" y="604"/>
                    </a:lnTo>
                    <a:lnTo>
                      <a:pt x="802" y="601"/>
                    </a:lnTo>
                    <a:lnTo>
                      <a:pt x="803" y="596"/>
                    </a:lnTo>
                    <a:lnTo>
                      <a:pt x="804" y="591"/>
                    </a:lnTo>
                    <a:lnTo>
                      <a:pt x="794" y="591"/>
                    </a:lnTo>
                    <a:lnTo>
                      <a:pt x="783" y="593"/>
                    </a:lnTo>
                    <a:lnTo>
                      <a:pt x="775" y="595"/>
                    </a:lnTo>
                    <a:lnTo>
                      <a:pt x="766" y="600"/>
                    </a:lnTo>
                    <a:lnTo>
                      <a:pt x="759" y="604"/>
                    </a:lnTo>
                    <a:lnTo>
                      <a:pt x="751" y="608"/>
                    </a:lnTo>
                    <a:lnTo>
                      <a:pt x="745" y="613"/>
                    </a:lnTo>
                    <a:lnTo>
                      <a:pt x="739" y="619"/>
                    </a:lnTo>
                    <a:lnTo>
                      <a:pt x="718" y="612"/>
                    </a:lnTo>
                    <a:lnTo>
                      <a:pt x="699" y="606"/>
                    </a:lnTo>
                    <a:lnTo>
                      <a:pt x="681" y="599"/>
                    </a:lnTo>
                    <a:lnTo>
                      <a:pt x="664" y="592"/>
                    </a:lnTo>
                    <a:lnTo>
                      <a:pt x="648" y="586"/>
                    </a:lnTo>
                    <a:lnTo>
                      <a:pt x="631" y="580"/>
                    </a:lnTo>
                    <a:lnTo>
                      <a:pt x="616" y="575"/>
                    </a:lnTo>
                    <a:lnTo>
                      <a:pt x="599" y="572"/>
                    </a:lnTo>
                    <a:lnTo>
                      <a:pt x="592" y="575"/>
                    </a:lnTo>
                    <a:lnTo>
                      <a:pt x="587" y="580"/>
                    </a:lnTo>
                    <a:lnTo>
                      <a:pt x="582" y="584"/>
                    </a:lnTo>
                    <a:lnTo>
                      <a:pt x="579" y="590"/>
                    </a:lnTo>
                    <a:lnTo>
                      <a:pt x="576" y="596"/>
                    </a:lnTo>
                    <a:lnTo>
                      <a:pt x="573" y="604"/>
                    </a:lnTo>
                    <a:lnTo>
                      <a:pt x="571" y="611"/>
                    </a:lnTo>
                    <a:lnTo>
                      <a:pt x="570" y="619"/>
                    </a:lnTo>
                    <a:lnTo>
                      <a:pt x="556" y="615"/>
                    </a:lnTo>
                    <a:lnTo>
                      <a:pt x="541" y="611"/>
                    </a:lnTo>
                    <a:lnTo>
                      <a:pt x="533" y="609"/>
                    </a:lnTo>
                    <a:lnTo>
                      <a:pt x="525" y="608"/>
                    </a:lnTo>
                    <a:lnTo>
                      <a:pt x="516" y="608"/>
                    </a:lnTo>
                    <a:lnTo>
                      <a:pt x="505" y="609"/>
                    </a:lnTo>
                    <a:lnTo>
                      <a:pt x="503" y="615"/>
                    </a:lnTo>
                    <a:lnTo>
                      <a:pt x="503" y="621"/>
                    </a:lnTo>
                    <a:lnTo>
                      <a:pt x="503" y="625"/>
                    </a:lnTo>
                    <a:lnTo>
                      <a:pt x="504" y="629"/>
                    </a:lnTo>
                    <a:lnTo>
                      <a:pt x="507" y="635"/>
                    </a:lnTo>
                    <a:lnTo>
                      <a:pt x="512" y="640"/>
                    </a:lnTo>
                    <a:lnTo>
                      <a:pt x="517" y="644"/>
                    </a:lnTo>
                    <a:lnTo>
                      <a:pt x="521" y="649"/>
                    </a:lnTo>
                    <a:lnTo>
                      <a:pt x="523" y="652"/>
                    </a:lnTo>
                    <a:lnTo>
                      <a:pt x="524" y="656"/>
                    </a:lnTo>
                    <a:lnTo>
                      <a:pt x="524" y="661"/>
                    </a:lnTo>
                    <a:lnTo>
                      <a:pt x="524" y="666"/>
                    </a:lnTo>
                    <a:lnTo>
                      <a:pt x="508" y="676"/>
                    </a:lnTo>
                    <a:lnTo>
                      <a:pt x="492" y="686"/>
                    </a:lnTo>
                    <a:lnTo>
                      <a:pt x="476" y="695"/>
                    </a:lnTo>
                    <a:lnTo>
                      <a:pt x="458" y="703"/>
                    </a:lnTo>
                    <a:lnTo>
                      <a:pt x="450" y="699"/>
                    </a:lnTo>
                    <a:lnTo>
                      <a:pt x="441" y="695"/>
                    </a:lnTo>
                    <a:lnTo>
                      <a:pt x="432" y="692"/>
                    </a:lnTo>
                    <a:lnTo>
                      <a:pt x="422" y="690"/>
                    </a:lnTo>
                    <a:lnTo>
                      <a:pt x="412" y="688"/>
                    </a:lnTo>
                    <a:lnTo>
                      <a:pt x="402" y="687"/>
                    </a:lnTo>
                    <a:lnTo>
                      <a:pt x="391" y="687"/>
                    </a:lnTo>
                    <a:lnTo>
                      <a:pt x="382" y="688"/>
                    </a:lnTo>
                    <a:lnTo>
                      <a:pt x="372" y="689"/>
                    </a:lnTo>
                    <a:lnTo>
                      <a:pt x="363" y="692"/>
                    </a:lnTo>
                    <a:lnTo>
                      <a:pt x="354" y="695"/>
                    </a:lnTo>
                    <a:lnTo>
                      <a:pt x="346" y="701"/>
                    </a:lnTo>
                    <a:lnTo>
                      <a:pt x="340" y="707"/>
                    </a:lnTo>
                    <a:lnTo>
                      <a:pt x="334" y="713"/>
                    </a:lnTo>
                    <a:lnTo>
                      <a:pt x="330" y="722"/>
                    </a:lnTo>
                    <a:lnTo>
                      <a:pt x="327" y="731"/>
                    </a:lnTo>
                    <a:lnTo>
                      <a:pt x="299" y="731"/>
                    </a:lnTo>
                    <a:lnTo>
                      <a:pt x="270" y="731"/>
                    </a:lnTo>
                    <a:lnTo>
                      <a:pt x="257" y="732"/>
                    </a:lnTo>
                    <a:lnTo>
                      <a:pt x="242" y="732"/>
                    </a:lnTo>
                    <a:lnTo>
                      <a:pt x="228" y="732"/>
                    </a:lnTo>
                    <a:lnTo>
                      <a:pt x="214" y="731"/>
                    </a:lnTo>
                    <a:lnTo>
                      <a:pt x="202" y="729"/>
                    </a:lnTo>
                    <a:lnTo>
                      <a:pt x="190" y="725"/>
                    </a:lnTo>
                    <a:lnTo>
                      <a:pt x="179" y="721"/>
                    </a:lnTo>
                    <a:lnTo>
                      <a:pt x="168" y="713"/>
                    </a:lnTo>
                    <a:lnTo>
                      <a:pt x="164" y="710"/>
                    </a:lnTo>
                    <a:lnTo>
                      <a:pt x="159" y="705"/>
                    </a:lnTo>
                    <a:lnTo>
                      <a:pt x="155" y="701"/>
                    </a:lnTo>
                    <a:lnTo>
                      <a:pt x="151" y="694"/>
                    </a:lnTo>
                    <a:lnTo>
                      <a:pt x="148" y="688"/>
                    </a:lnTo>
                    <a:lnTo>
                      <a:pt x="145" y="682"/>
                    </a:lnTo>
                    <a:lnTo>
                      <a:pt x="142" y="674"/>
                    </a:lnTo>
                    <a:lnTo>
                      <a:pt x="140" y="666"/>
                    </a:lnTo>
                    <a:lnTo>
                      <a:pt x="123" y="670"/>
                    </a:lnTo>
                    <a:lnTo>
                      <a:pt x="106" y="672"/>
                    </a:lnTo>
                    <a:lnTo>
                      <a:pt x="90" y="672"/>
                    </a:lnTo>
                    <a:lnTo>
                      <a:pt x="73" y="671"/>
                    </a:lnTo>
                    <a:lnTo>
                      <a:pt x="56" y="669"/>
                    </a:lnTo>
                    <a:lnTo>
                      <a:pt x="40" y="666"/>
                    </a:lnTo>
                    <a:lnTo>
                      <a:pt x="24" y="662"/>
                    </a:lnTo>
                    <a:lnTo>
                      <a:pt x="8" y="656"/>
                    </a:lnTo>
                    <a:lnTo>
                      <a:pt x="10" y="637"/>
                    </a:lnTo>
                    <a:lnTo>
                      <a:pt x="10" y="620"/>
                    </a:lnTo>
                    <a:lnTo>
                      <a:pt x="9" y="604"/>
                    </a:lnTo>
                    <a:lnTo>
                      <a:pt x="7" y="588"/>
                    </a:lnTo>
                    <a:lnTo>
                      <a:pt x="3" y="556"/>
                    </a:lnTo>
                    <a:lnTo>
                      <a:pt x="0" y="525"/>
                    </a:lnTo>
                    <a:lnTo>
                      <a:pt x="3" y="528"/>
                    </a:lnTo>
                    <a:lnTo>
                      <a:pt x="6" y="530"/>
                    </a:lnTo>
                    <a:lnTo>
                      <a:pt x="9" y="531"/>
                    </a:lnTo>
                    <a:lnTo>
                      <a:pt x="13" y="531"/>
                    </a:lnTo>
                    <a:lnTo>
                      <a:pt x="21" y="530"/>
                    </a:lnTo>
                    <a:lnTo>
                      <a:pt x="28" y="527"/>
                    </a:lnTo>
                    <a:lnTo>
                      <a:pt x="36" y="524"/>
                    </a:lnTo>
                    <a:lnTo>
                      <a:pt x="45" y="520"/>
                    </a:lnTo>
                    <a:lnTo>
                      <a:pt x="54" y="517"/>
                    </a:lnTo>
                    <a:lnTo>
                      <a:pt x="65" y="516"/>
                    </a:lnTo>
                    <a:lnTo>
                      <a:pt x="65" y="524"/>
                    </a:lnTo>
                    <a:lnTo>
                      <a:pt x="67" y="530"/>
                    </a:lnTo>
                    <a:lnTo>
                      <a:pt x="69" y="536"/>
                    </a:lnTo>
                    <a:lnTo>
                      <a:pt x="73" y="541"/>
                    </a:lnTo>
                    <a:lnTo>
                      <a:pt x="79" y="544"/>
                    </a:lnTo>
                    <a:lnTo>
                      <a:pt x="84" y="546"/>
                    </a:lnTo>
                    <a:lnTo>
                      <a:pt x="90" y="548"/>
                    </a:lnTo>
                    <a:lnTo>
                      <a:pt x="98" y="549"/>
                    </a:lnTo>
                    <a:lnTo>
                      <a:pt x="128" y="550"/>
                    </a:lnTo>
                    <a:lnTo>
                      <a:pt x="159" y="553"/>
                    </a:lnTo>
                    <a:lnTo>
                      <a:pt x="161" y="560"/>
                    </a:lnTo>
                    <a:lnTo>
                      <a:pt x="162" y="565"/>
                    </a:lnTo>
                    <a:lnTo>
                      <a:pt x="163" y="570"/>
                    </a:lnTo>
                    <a:lnTo>
                      <a:pt x="164" y="575"/>
                    </a:lnTo>
                    <a:lnTo>
                      <a:pt x="164" y="586"/>
                    </a:lnTo>
                    <a:lnTo>
                      <a:pt x="163" y="594"/>
                    </a:lnTo>
                    <a:lnTo>
                      <a:pt x="163" y="603"/>
                    </a:lnTo>
                    <a:lnTo>
                      <a:pt x="164" y="611"/>
                    </a:lnTo>
                    <a:lnTo>
                      <a:pt x="166" y="615"/>
                    </a:lnTo>
                    <a:lnTo>
                      <a:pt x="169" y="620"/>
                    </a:lnTo>
                    <a:lnTo>
                      <a:pt x="172" y="624"/>
                    </a:lnTo>
                    <a:lnTo>
                      <a:pt x="178" y="628"/>
                    </a:lnTo>
                    <a:lnTo>
                      <a:pt x="192" y="624"/>
                    </a:lnTo>
                    <a:lnTo>
                      <a:pt x="206" y="617"/>
                    </a:lnTo>
                    <a:lnTo>
                      <a:pt x="218" y="609"/>
                    </a:lnTo>
                    <a:lnTo>
                      <a:pt x="229" y="601"/>
                    </a:lnTo>
                    <a:lnTo>
                      <a:pt x="239" y="591"/>
                    </a:lnTo>
                    <a:lnTo>
                      <a:pt x="248" y="580"/>
                    </a:lnTo>
                    <a:lnTo>
                      <a:pt x="255" y="567"/>
                    </a:lnTo>
                    <a:lnTo>
                      <a:pt x="262" y="553"/>
                    </a:lnTo>
                    <a:lnTo>
                      <a:pt x="260" y="546"/>
                    </a:lnTo>
                    <a:lnTo>
                      <a:pt x="258" y="540"/>
                    </a:lnTo>
                    <a:lnTo>
                      <a:pt x="254" y="534"/>
                    </a:lnTo>
                    <a:lnTo>
                      <a:pt x="250" y="529"/>
                    </a:lnTo>
                    <a:lnTo>
                      <a:pt x="245" y="526"/>
                    </a:lnTo>
                    <a:lnTo>
                      <a:pt x="240" y="522"/>
                    </a:lnTo>
                    <a:lnTo>
                      <a:pt x="234" y="520"/>
                    </a:lnTo>
                    <a:lnTo>
                      <a:pt x="228" y="516"/>
                    </a:lnTo>
                    <a:lnTo>
                      <a:pt x="215" y="511"/>
                    </a:lnTo>
                    <a:lnTo>
                      <a:pt x="204" y="506"/>
                    </a:lnTo>
                    <a:lnTo>
                      <a:pt x="199" y="503"/>
                    </a:lnTo>
                    <a:lnTo>
                      <a:pt x="193" y="498"/>
                    </a:lnTo>
                    <a:lnTo>
                      <a:pt x="189" y="493"/>
                    </a:lnTo>
                    <a:lnTo>
                      <a:pt x="186" y="488"/>
                    </a:lnTo>
                    <a:lnTo>
                      <a:pt x="191" y="484"/>
                    </a:lnTo>
                    <a:lnTo>
                      <a:pt x="196" y="481"/>
                    </a:lnTo>
                    <a:lnTo>
                      <a:pt x="203" y="477"/>
                    </a:lnTo>
                    <a:lnTo>
                      <a:pt x="209" y="475"/>
                    </a:lnTo>
                    <a:lnTo>
                      <a:pt x="222" y="470"/>
                    </a:lnTo>
                    <a:lnTo>
                      <a:pt x="233" y="465"/>
                    </a:lnTo>
                    <a:lnTo>
                      <a:pt x="240" y="462"/>
                    </a:lnTo>
                    <a:lnTo>
                      <a:pt x="245" y="458"/>
                    </a:lnTo>
                    <a:lnTo>
                      <a:pt x="249" y="454"/>
                    </a:lnTo>
                    <a:lnTo>
                      <a:pt x="253" y="450"/>
                    </a:lnTo>
                    <a:lnTo>
                      <a:pt x="258" y="445"/>
                    </a:lnTo>
                    <a:lnTo>
                      <a:pt x="260" y="438"/>
                    </a:lnTo>
                    <a:lnTo>
                      <a:pt x="261" y="431"/>
                    </a:lnTo>
                    <a:lnTo>
                      <a:pt x="262" y="423"/>
                    </a:lnTo>
                    <a:lnTo>
                      <a:pt x="265" y="424"/>
                    </a:lnTo>
                    <a:lnTo>
                      <a:pt x="269" y="426"/>
                    </a:lnTo>
                    <a:lnTo>
                      <a:pt x="272" y="429"/>
                    </a:lnTo>
                    <a:lnTo>
                      <a:pt x="275" y="432"/>
                    </a:lnTo>
                    <a:lnTo>
                      <a:pt x="278" y="435"/>
                    </a:lnTo>
                    <a:lnTo>
                      <a:pt x="279" y="440"/>
                    </a:lnTo>
                    <a:lnTo>
                      <a:pt x="280" y="445"/>
                    </a:lnTo>
                    <a:lnTo>
                      <a:pt x="280" y="450"/>
                    </a:lnTo>
                    <a:lnTo>
                      <a:pt x="315" y="432"/>
                    </a:lnTo>
                    <a:lnTo>
                      <a:pt x="347" y="416"/>
                    </a:lnTo>
                    <a:lnTo>
                      <a:pt x="379" y="403"/>
                    </a:lnTo>
                    <a:lnTo>
                      <a:pt x="409" y="391"/>
                    </a:lnTo>
                    <a:lnTo>
                      <a:pt x="426" y="385"/>
                    </a:lnTo>
                    <a:lnTo>
                      <a:pt x="443" y="381"/>
                    </a:lnTo>
                    <a:lnTo>
                      <a:pt x="461" y="375"/>
                    </a:lnTo>
                    <a:lnTo>
                      <a:pt x="480" y="371"/>
                    </a:lnTo>
                    <a:lnTo>
                      <a:pt x="500" y="367"/>
                    </a:lnTo>
                    <a:lnTo>
                      <a:pt x="522" y="364"/>
                    </a:lnTo>
                    <a:lnTo>
                      <a:pt x="545" y="359"/>
                    </a:lnTo>
                    <a:lnTo>
                      <a:pt x="570" y="356"/>
                    </a:lnTo>
                    <a:lnTo>
                      <a:pt x="575" y="354"/>
                    </a:lnTo>
                    <a:lnTo>
                      <a:pt x="579" y="350"/>
                    </a:lnTo>
                    <a:lnTo>
                      <a:pt x="583" y="345"/>
                    </a:lnTo>
                    <a:lnTo>
                      <a:pt x="586" y="338"/>
                    </a:lnTo>
                    <a:lnTo>
                      <a:pt x="588" y="331"/>
                    </a:lnTo>
                    <a:lnTo>
                      <a:pt x="589" y="326"/>
                    </a:lnTo>
                    <a:lnTo>
                      <a:pt x="588" y="324"/>
                    </a:lnTo>
                    <a:lnTo>
                      <a:pt x="586" y="322"/>
                    </a:lnTo>
                    <a:lnTo>
                      <a:pt x="583" y="321"/>
                    </a:lnTo>
                    <a:lnTo>
                      <a:pt x="580" y="319"/>
                    </a:lnTo>
                    <a:lnTo>
                      <a:pt x="582" y="316"/>
                    </a:lnTo>
                    <a:lnTo>
                      <a:pt x="584" y="314"/>
                    </a:lnTo>
                    <a:lnTo>
                      <a:pt x="587" y="312"/>
                    </a:lnTo>
                    <a:lnTo>
                      <a:pt x="590" y="311"/>
                    </a:lnTo>
                    <a:lnTo>
                      <a:pt x="598" y="309"/>
                    </a:lnTo>
                    <a:lnTo>
                      <a:pt x="605" y="307"/>
                    </a:lnTo>
                    <a:lnTo>
                      <a:pt x="613" y="306"/>
                    </a:lnTo>
                    <a:lnTo>
                      <a:pt x="622" y="305"/>
                    </a:lnTo>
                    <a:lnTo>
                      <a:pt x="629" y="303"/>
                    </a:lnTo>
                    <a:lnTo>
                      <a:pt x="636" y="301"/>
                    </a:lnTo>
                    <a:lnTo>
                      <a:pt x="637" y="307"/>
                    </a:lnTo>
                    <a:lnTo>
                      <a:pt x="637" y="313"/>
                    </a:lnTo>
                    <a:lnTo>
                      <a:pt x="636" y="317"/>
                    </a:lnTo>
                    <a:lnTo>
                      <a:pt x="633" y="322"/>
                    </a:lnTo>
                    <a:lnTo>
                      <a:pt x="629" y="330"/>
                    </a:lnTo>
                    <a:lnTo>
                      <a:pt x="626" y="338"/>
                    </a:lnTo>
                    <a:lnTo>
                      <a:pt x="640" y="339"/>
                    </a:lnTo>
                    <a:lnTo>
                      <a:pt x="651" y="339"/>
                    </a:lnTo>
                    <a:lnTo>
                      <a:pt x="661" y="337"/>
                    </a:lnTo>
                    <a:lnTo>
                      <a:pt x="669" y="334"/>
                    </a:lnTo>
                    <a:lnTo>
                      <a:pt x="677" y="329"/>
                    </a:lnTo>
                    <a:lnTo>
                      <a:pt x="682" y="324"/>
                    </a:lnTo>
                    <a:lnTo>
                      <a:pt x="687" y="316"/>
                    </a:lnTo>
                    <a:lnTo>
                      <a:pt x="692" y="310"/>
                    </a:lnTo>
                    <a:lnTo>
                      <a:pt x="704" y="310"/>
                    </a:lnTo>
                    <a:lnTo>
                      <a:pt x="714" y="312"/>
                    </a:lnTo>
                    <a:lnTo>
                      <a:pt x="718" y="313"/>
                    </a:lnTo>
                    <a:lnTo>
                      <a:pt x="722" y="315"/>
                    </a:lnTo>
                    <a:lnTo>
                      <a:pt x="726" y="317"/>
                    </a:lnTo>
                    <a:lnTo>
                      <a:pt x="729" y="319"/>
                    </a:lnTo>
                    <a:lnTo>
                      <a:pt x="731" y="323"/>
                    </a:lnTo>
                    <a:lnTo>
                      <a:pt x="734" y="327"/>
                    </a:lnTo>
                    <a:lnTo>
                      <a:pt x="736" y="331"/>
                    </a:lnTo>
                    <a:lnTo>
                      <a:pt x="737" y="335"/>
                    </a:lnTo>
                    <a:lnTo>
                      <a:pt x="739" y="345"/>
                    </a:lnTo>
                    <a:lnTo>
                      <a:pt x="739" y="356"/>
                    </a:lnTo>
                    <a:lnTo>
                      <a:pt x="745" y="357"/>
                    </a:lnTo>
                    <a:lnTo>
                      <a:pt x="750" y="358"/>
                    </a:lnTo>
                    <a:lnTo>
                      <a:pt x="756" y="357"/>
                    </a:lnTo>
                    <a:lnTo>
                      <a:pt x="761" y="357"/>
                    </a:lnTo>
                    <a:lnTo>
                      <a:pt x="769" y="354"/>
                    </a:lnTo>
                    <a:lnTo>
                      <a:pt x="777" y="352"/>
                    </a:lnTo>
                    <a:lnTo>
                      <a:pt x="780" y="351"/>
                    </a:lnTo>
                    <a:lnTo>
                      <a:pt x="783" y="351"/>
                    </a:lnTo>
                    <a:lnTo>
                      <a:pt x="785" y="351"/>
                    </a:lnTo>
                    <a:lnTo>
                      <a:pt x="787" y="352"/>
                    </a:lnTo>
                    <a:lnTo>
                      <a:pt x="789" y="353"/>
                    </a:lnTo>
                    <a:lnTo>
                      <a:pt x="791" y="356"/>
                    </a:lnTo>
                    <a:lnTo>
                      <a:pt x="794" y="361"/>
                    </a:lnTo>
                    <a:lnTo>
                      <a:pt x="795" y="366"/>
                    </a:lnTo>
                    <a:lnTo>
                      <a:pt x="809" y="351"/>
                    </a:lnTo>
                    <a:lnTo>
                      <a:pt x="822" y="334"/>
                    </a:lnTo>
                    <a:lnTo>
                      <a:pt x="828" y="326"/>
                    </a:lnTo>
                    <a:lnTo>
                      <a:pt x="834" y="316"/>
                    </a:lnTo>
                    <a:lnTo>
                      <a:pt x="839" y="307"/>
                    </a:lnTo>
                    <a:lnTo>
                      <a:pt x="843" y="297"/>
                    </a:lnTo>
                    <a:lnTo>
                      <a:pt x="847" y="287"/>
                    </a:lnTo>
                    <a:lnTo>
                      <a:pt x="851" y="276"/>
                    </a:lnTo>
                    <a:lnTo>
                      <a:pt x="855" y="265"/>
                    </a:lnTo>
                    <a:lnTo>
                      <a:pt x="857" y="252"/>
                    </a:lnTo>
                    <a:lnTo>
                      <a:pt x="859" y="239"/>
                    </a:lnTo>
                    <a:lnTo>
                      <a:pt x="860" y="227"/>
                    </a:lnTo>
                    <a:lnTo>
                      <a:pt x="861" y="212"/>
                    </a:lnTo>
                    <a:lnTo>
                      <a:pt x="861" y="197"/>
                    </a:lnTo>
                    <a:lnTo>
                      <a:pt x="868" y="198"/>
                    </a:lnTo>
                    <a:lnTo>
                      <a:pt x="876" y="198"/>
                    </a:lnTo>
                    <a:lnTo>
                      <a:pt x="883" y="197"/>
                    </a:lnTo>
                    <a:lnTo>
                      <a:pt x="889" y="196"/>
                    </a:lnTo>
                    <a:lnTo>
                      <a:pt x="896" y="195"/>
                    </a:lnTo>
                    <a:lnTo>
                      <a:pt x="901" y="193"/>
                    </a:lnTo>
                    <a:lnTo>
                      <a:pt x="906" y="190"/>
                    </a:lnTo>
                    <a:lnTo>
                      <a:pt x="910" y="188"/>
                    </a:lnTo>
                    <a:lnTo>
                      <a:pt x="915" y="184"/>
                    </a:lnTo>
                    <a:lnTo>
                      <a:pt x="918" y="180"/>
                    </a:lnTo>
                    <a:lnTo>
                      <a:pt x="921" y="176"/>
                    </a:lnTo>
                    <a:lnTo>
                      <a:pt x="924" y="172"/>
                    </a:lnTo>
                    <a:lnTo>
                      <a:pt x="928" y="163"/>
                    </a:lnTo>
                    <a:lnTo>
                      <a:pt x="931" y="152"/>
                    </a:lnTo>
                    <a:lnTo>
                      <a:pt x="933" y="140"/>
                    </a:lnTo>
                    <a:lnTo>
                      <a:pt x="934" y="129"/>
                    </a:lnTo>
                    <a:lnTo>
                      <a:pt x="933" y="117"/>
                    </a:lnTo>
                    <a:lnTo>
                      <a:pt x="931" y="105"/>
                    </a:lnTo>
                    <a:lnTo>
                      <a:pt x="928" y="92"/>
                    </a:lnTo>
                    <a:lnTo>
                      <a:pt x="925" y="79"/>
                    </a:lnTo>
                    <a:lnTo>
                      <a:pt x="921" y="68"/>
                    </a:lnTo>
                    <a:lnTo>
                      <a:pt x="917" y="57"/>
                    </a:lnTo>
                    <a:lnTo>
                      <a:pt x="922" y="49"/>
                    </a:lnTo>
                    <a:lnTo>
                      <a:pt x="927" y="41"/>
                    </a:lnTo>
                    <a:lnTo>
                      <a:pt x="934" y="34"/>
                    </a:lnTo>
                    <a:lnTo>
                      <a:pt x="940" y="28"/>
                    </a:lnTo>
                    <a:lnTo>
                      <a:pt x="947" y="23"/>
                    </a:lnTo>
                    <a:lnTo>
                      <a:pt x="955" y="17"/>
                    </a:lnTo>
                    <a:lnTo>
                      <a:pt x="961" y="13"/>
                    </a:lnTo>
                    <a:lnTo>
                      <a:pt x="969" y="9"/>
                    </a:lnTo>
                    <a:lnTo>
                      <a:pt x="977" y="6"/>
                    </a:lnTo>
                    <a:lnTo>
                      <a:pt x="984" y="4"/>
                    </a:lnTo>
                    <a:lnTo>
                      <a:pt x="993" y="1"/>
                    </a:lnTo>
                    <a:lnTo>
                      <a:pt x="1000" y="0"/>
                    </a:lnTo>
                    <a:lnTo>
                      <a:pt x="1007" y="0"/>
                    </a:lnTo>
                    <a:lnTo>
                      <a:pt x="1016" y="0"/>
                    </a:lnTo>
                    <a:lnTo>
                      <a:pt x="1023" y="1"/>
                    </a:lnTo>
                    <a:lnTo>
                      <a:pt x="1030" y="4"/>
                    </a:lnTo>
                    <a:lnTo>
                      <a:pt x="1038" y="6"/>
                    </a:lnTo>
                    <a:lnTo>
                      <a:pt x="1045" y="9"/>
                    </a:lnTo>
                    <a:lnTo>
                      <a:pt x="1052" y="13"/>
                    </a:lnTo>
                    <a:lnTo>
                      <a:pt x="1058" y="17"/>
                    </a:lnTo>
                    <a:lnTo>
                      <a:pt x="1064" y="23"/>
                    </a:lnTo>
                    <a:lnTo>
                      <a:pt x="1069" y="29"/>
                    </a:lnTo>
                    <a:lnTo>
                      <a:pt x="1075" y="36"/>
                    </a:lnTo>
                    <a:lnTo>
                      <a:pt x="1080" y="44"/>
                    </a:lnTo>
                    <a:lnTo>
                      <a:pt x="1084" y="52"/>
                    </a:lnTo>
                    <a:lnTo>
                      <a:pt x="1087" y="60"/>
                    </a:lnTo>
                    <a:lnTo>
                      <a:pt x="1090" y="71"/>
                    </a:lnTo>
                    <a:lnTo>
                      <a:pt x="1093" y="81"/>
                    </a:lnTo>
                    <a:lnTo>
                      <a:pt x="1095" y="93"/>
                    </a:lnTo>
                    <a:lnTo>
                      <a:pt x="1096" y="105"/>
                    </a:lnTo>
                    <a:lnTo>
                      <a:pt x="1096" y="118"/>
                    </a:lnTo>
                    <a:lnTo>
                      <a:pt x="1095" y="132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49" name="Freeform 50"/>
              <p:cNvSpPr>
                <a:spLocks/>
              </p:cNvSpPr>
              <p:nvPr/>
            </p:nvSpPr>
            <p:spPr bwMode="auto">
              <a:xfrm>
                <a:off x="533400" y="4057656"/>
                <a:ext cx="4763" cy="15875"/>
              </a:xfrm>
              <a:custGeom>
                <a:avLst/>
                <a:gdLst>
                  <a:gd name="T0" fmla="*/ 3 w 7"/>
                  <a:gd name="T1" fmla="*/ 2 h 31"/>
                  <a:gd name="T2" fmla="*/ 3 w 7"/>
                  <a:gd name="T3" fmla="*/ 0 h 31"/>
                  <a:gd name="T4" fmla="*/ 3 w 7"/>
                  <a:gd name="T5" fmla="*/ 1 h 31"/>
                  <a:gd name="T6" fmla="*/ 2 w 7"/>
                  <a:gd name="T7" fmla="*/ 3 h 31"/>
                  <a:gd name="T8" fmla="*/ 1 w 7"/>
                  <a:gd name="T9" fmla="*/ 6 h 31"/>
                  <a:gd name="T10" fmla="*/ 0 w 7"/>
                  <a:gd name="T11" fmla="*/ 9 h 31"/>
                  <a:gd name="T12" fmla="*/ 0 w 7"/>
                  <a:gd name="T13" fmla="*/ 10 h 31"/>
                  <a:gd name="T14" fmla="*/ 0 w 7"/>
                  <a:gd name="T15" fmla="*/ 8 h 31"/>
                  <a:gd name="T16" fmla="*/ 3 w 7"/>
                  <a:gd name="T17" fmla="*/ 2 h 31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0" t="0" r="r" b="b"/>
                <a:pathLst>
                  <a:path w="7" h="31">
                    <a:moveTo>
                      <a:pt x="6" y="6"/>
                    </a:moveTo>
                    <a:lnTo>
                      <a:pt x="7" y="0"/>
                    </a:lnTo>
                    <a:lnTo>
                      <a:pt x="6" y="2"/>
                    </a:lnTo>
                    <a:lnTo>
                      <a:pt x="5" y="10"/>
                    </a:lnTo>
                    <a:lnTo>
                      <a:pt x="2" y="20"/>
                    </a:lnTo>
                    <a:lnTo>
                      <a:pt x="0" y="28"/>
                    </a:lnTo>
                    <a:lnTo>
                      <a:pt x="0" y="31"/>
                    </a:lnTo>
                    <a:lnTo>
                      <a:pt x="1" y="25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50" name="Freeform 51"/>
              <p:cNvSpPr>
                <a:spLocks/>
              </p:cNvSpPr>
              <p:nvPr/>
            </p:nvSpPr>
            <p:spPr bwMode="auto">
              <a:xfrm>
                <a:off x="533400" y="4057656"/>
                <a:ext cx="4763" cy="15875"/>
              </a:xfrm>
              <a:custGeom>
                <a:avLst/>
                <a:gdLst>
                  <a:gd name="T0" fmla="*/ 3 w 7"/>
                  <a:gd name="T1" fmla="*/ 2 h 31"/>
                  <a:gd name="T2" fmla="*/ 3 w 7"/>
                  <a:gd name="T3" fmla="*/ 0 h 31"/>
                  <a:gd name="T4" fmla="*/ 3 w 7"/>
                  <a:gd name="T5" fmla="*/ 1 h 31"/>
                  <a:gd name="T6" fmla="*/ 2 w 7"/>
                  <a:gd name="T7" fmla="*/ 3 h 31"/>
                  <a:gd name="T8" fmla="*/ 1 w 7"/>
                  <a:gd name="T9" fmla="*/ 6 h 31"/>
                  <a:gd name="T10" fmla="*/ 0 w 7"/>
                  <a:gd name="T11" fmla="*/ 9 h 31"/>
                  <a:gd name="T12" fmla="*/ 0 w 7"/>
                  <a:gd name="T13" fmla="*/ 10 h 31"/>
                  <a:gd name="T14" fmla="*/ 0 w 7"/>
                  <a:gd name="T15" fmla="*/ 8 h 31"/>
                  <a:gd name="T16" fmla="*/ 3 w 7"/>
                  <a:gd name="T17" fmla="*/ 2 h 31"/>
                  <a:gd name="T18" fmla="*/ 3 w 7"/>
                  <a:gd name="T19" fmla="*/ 2 h 31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</a:gdLst>
                <a:ahLst/>
                <a:cxnLst>
                  <a:cxn ang="T20">
                    <a:pos x="T0" y="T1"/>
                  </a:cxn>
                  <a:cxn ang="T21">
                    <a:pos x="T2" y="T3"/>
                  </a:cxn>
                  <a:cxn ang="T22">
                    <a:pos x="T4" y="T5"/>
                  </a:cxn>
                  <a:cxn ang="T23">
                    <a:pos x="T6" y="T7"/>
                  </a:cxn>
                  <a:cxn ang="T24">
                    <a:pos x="T8" y="T9"/>
                  </a:cxn>
                  <a:cxn ang="T25">
                    <a:pos x="T10" y="T11"/>
                  </a:cxn>
                  <a:cxn ang="T26">
                    <a:pos x="T12" y="T13"/>
                  </a:cxn>
                  <a:cxn ang="T27">
                    <a:pos x="T14" y="T15"/>
                  </a:cxn>
                  <a:cxn ang="T28">
                    <a:pos x="T16" y="T17"/>
                  </a:cxn>
                  <a:cxn ang="T29">
                    <a:pos x="T18" y="T19"/>
                  </a:cxn>
                </a:cxnLst>
                <a:rect l="0" t="0" r="r" b="b"/>
                <a:pathLst>
                  <a:path w="7" h="31">
                    <a:moveTo>
                      <a:pt x="6" y="6"/>
                    </a:moveTo>
                    <a:lnTo>
                      <a:pt x="7" y="0"/>
                    </a:lnTo>
                    <a:lnTo>
                      <a:pt x="6" y="2"/>
                    </a:lnTo>
                    <a:lnTo>
                      <a:pt x="5" y="10"/>
                    </a:lnTo>
                    <a:lnTo>
                      <a:pt x="2" y="20"/>
                    </a:lnTo>
                    <a:lnTo>
                      <a:pt x="0" y="28"/>
                    </a:lnTo>
                    <a:lnTo>
                      <a:pt x="0" y="31"/>
                    </a:lnTo>
                    <a:lnTo>
                      <a:pt x="1" y="25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51" name="Freeform 54"/>
              <p:cNvSpPr>
                <a:spLocks/>
              </p:cNvSpPr>
              <p:nvPr/>
            </p:nvSpPr>
            <p:spPr bwMode="auto">
              <a:xfrm>
                <a:off x="581025" y="4084643"/>
                <a:ext cx="9525" cy="6350"/>
              </a:xfrm>
              <a:custGeom>
                <a:avLst/>
                <a:gdLst>
                  <a:gd name="T0" fmla="*/ 0 w 18"/>
                  <a:gd name="T1" fmla="*/ 4 h 10"/>
                  <a:gd name="T2" fmla="*/ 0 w 18"/>
                  <a:gd name="T3" fmla="*/ 3 h 10"/>
                  <a:gd name="T4" fmla="*/ 1 w 18"/>
                  <a:gd name="T5" fmla="*/ 2 h 10"/>
                  <a:gd name="T6" fmla="*/ 1 w 18"/>
                  <a:gd name="T7" fmla="*/ 2 h 10"/>
                  <a:gd name="T8" fmla="*/ 2 w 18"/>
                  <a:gd name="T9" fmla="*/ 1 h 10"/>
                  <a:gd name="T10" fmla="*/ 4 w 18"/>
                  <a:gd name="T11" fmla="*/ 0 h 10"/>
                  <a:gd name="T12" fmla="*/ 6 w 18"/>
                  <a:gd name="T13" fmla="*/ 0 h 10"/>
                  <a:gd name="T14" fmla="*/ 6 w 18"/>
                  <a:gd name="T15" fmla="*/ 2 h 10"/>
                  <a:gd name="T16" fmla="*/ 5 w 18"/>
                  <a:gd name="T17" fmla="*/ 2 h 10"/>
                  <a:gd name="T18" fmla="*/ 5 w 18"/>
                  <a:gd name="T19" fmla="*/ 3 h 10"/>
                  <a:gd name="T20" fmla="*/ 4 w 18"/>
                  <a:gd name="T21" fmla="*/ 3 h 10"/>
                  <a:gd name="T22" fmla="*/ 2 w 18"/>
                  <a:gd name="T23" fmla="*/ 4 h 10"/>
                  <a:gd name="T24" fmla="*/ 0 w 18"/>
                  <a:gd name="T25" fmla="*/ 4 h 10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0" t="0" r="r" b="b"/>
                <a:pathLst>
                  <a:path w="18" h="10">
                    <a:moveTo>
                      <a:pt x="0" y="10"/>
                    </a:move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lnTo>
                      <a:pt x="6" y="3"/>
                    </a:lnTo>
                    <a:lnTo>
                      <a:pt x="12" y="1"/>
                    </a:lnTo>
                    <a:lnTo>
                      <a:pt x="18" y="0"/>
                    </a:lnTo>
                    <a:lnTo>
                      <a:pt x="18" y="4"/>
                    </a:lnTo>
                    <a:lnTo>
                      <a:pt x="16" y="6"/>
                    </a:lnTo>
                    <a:lnTo>
                      <a:pt x="14" y="7"/>
                    </a:lnTo>
                    <a:lnTo>
                      <a:pt x="11" y="8"/>
                    </a:lnTo>
                    <a:lnTo>
                      <a:pt x="5" y="9"/>
                    </a:lnTo>
                    <a:lnTo>
                      <a:pt x="0" y="1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52" name="Holstebro"/>
              <p:cNvSpPr>
                <a:spLocks/>
              </p:cNvSpPr>
              <p:nvPr/>
            </p:nvSpPr>
            <p:spPr bwMode="auto">
              <a:xfrm>
                <a:off x="581025" y="4084643"/>
                <a:ext cx="9525" cy="6350"/>
              </a:xfrm>
              <a:custGeom>
                <a:avLst/>
                <a:gdLst>
                  <a:gd name="T0" fmla="*/ 0 w 18"/>
                  <a:gd name="T1" fmla="*/ 4 h 10"/>
                  <a:gd name="T2" fmla="*/ 0 w 18"/>
                  <a:gd name="T3" fmla="*/ 3 h 10"/>
                  <a:gd name="T4" fmla="*/ 1 w 18"/>
                  <a:gd name="T5" fmla="*/ 2 h 10"/>
                  <a:gd name="T6" fmla="*/ 1 w 18"/>
                  <a:gd name="T7" fmla="*/ 2 h 10"/>
                  <a:gd name="T8" fmla="*/ 2 w 18"/>
                  <a:gd name="T9" fmla="*/ 1 h 10"/>
                  <a:gd name="T10" fmla="*/ 4 w 18"/>
                  <a:gd name="T11" fmla="*/ 0 h 10"/>
                  <a:gd name="T12" fmla="*/ 6 w 18"/>
                  <a:gd name="T13" fmla="*/ 0 h 10"/>
                  <a:gd name="T14" fmla="*/ 6 w 18"/>
                  <a:gd name="T15" fmla="*/ 2 h 10"/>
                  <a:gd name="T16" fmla="*/ 5 w 18"/>
                  <a:gd name="T17" fmla="*/ 2 h 10"/>
                  <a:gd name="T18" fmla="*/ 5 w 18"/>
                  <a:gd name="T19" fmla="*/ 3 h 10"/>
                  <a:gd name="T20" fmla="*/ 4 w 18"/>
                  <a:gd name="T21" fmla="*/ 3 h 10"/>
                  <a:gd name="T22" fmla="*/ 2 w 18"/>
                  <a:gd name="T23" fmla="*/ 4 h 10"/>
                  <a:gd name="T24" fmla="*/ 0 w 18"/>
                  <a:gd name="T25" fmla="*/ 4 h 10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0" t="0" r="r" b="b"/>
                <a:pathLst>
                  <a:path w="18" h="10">
                    <a:moveTo>
                      <a:pt x="0" y="10"/>
                    </a:move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lnTo>
                      <a:pt x="6" y="3"/>
                    </a:lnTo>
                    <a:lnTo>
                      <a:pt x="12" y="1"/>
                    </a:lnTo>
                    <a:lnTo>
                      <a:pt x="18" y="0"/>
                    </a:lnTo>
                    <a:lnTo>
                      <a:pt x="18" y="4"/>
                    </a:lnTo>
                    <a:lnTo>
                      <a:pt x="16" y="6"/>
                    </a:lnTo>
                    <a:lnTo>
                      <a:pt x="14" y="7"/>
                    </a:lnTo>
                    <a:lnTo>
                      <a:pt x="11" y="8"/>
                    </a:lnTo>
                    <a:lnTo>
                      <a:pt x="5" y="9"/>
                    </a:lnTo>
                    <a:lnTo>
                      <a:pt x="0" y="1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256" name="Samsø"/>
            <p:cNvGrpSpPr/>
            <p:nvPr/>
          </p:nvGrpSpPr>
          <p:grpSpPr>
            <a:xfrm>
              <a:off x="2211391" y="4497394"/>
              <a:ext cx="347663" cy="315913"/>
              <a:chOff x="2211391" y="4497394"/>
              <a:chExt cx="347663" cy="315913"/>
            </a:xfrm>
            <a:grpFill/>
          </p:grpSpPr>
          <p:sp>
            <p:nvSpPr>
              <p:cNvPr id="343" name="Samsø"/>
              <p:cNvSpPr>
                <a:spLocks/>
              </p:cNvSpPr>
              <p:nvPr/>
            </p:nvSpPr>
            <p:spPr bwMode="auto">
              <a:xfrm>
                <a:off x="2436816" y="4497394"/>
                <a:ext cx="122238" cy="280988"/>
              </a:xfrm>
              <a:custGeom>
                <a:avLst/>
                <a:gdLst>
                  <a:gd name="T0" fmla="*/ 50 w 231"/>
                  <a:gd name="T1" fmla="*/ 160 h 533"/>
                  <a:gd name="T2" fmla="*/ 50 w 231"/>
                  <a:gd name="T3" fmla="*/ 167 h 533"/>
                  <a:gd name="T4" fmla="*/ 51 w 231"/>
                  <a:gd name="T5" fmla="*/ 172 h 533"/>
                  <a:gd name="T6" fmla="*/ 52 w 231"/>
                  <a:gd name="T7" fmla="*/ 175 h 533"/>
                  <a:gd name="T8" fmla="*/ 46 w 231"/>
                  <a:gd name="T9" fmla="*/ 177 h 533"/>
                  <a:gd name="T10" fmla="*/ 31 w 231"/>
                  <a:gd name="T11" fmla="*/ 175 h 533"/>
                  <a:gd name="T12" fmla="*/ 20 w 231"/>
                  <a:gd name="T13" fmla="*/ 173 h 533"/>
                  <a:gd name="T14" fmla="*/ 11 w 231"/>
                  <a:gd name="T15" fmla="*/ 164 h 533"/>
                  <a:gd name="T16" fmla="*/ 6 w 231"/>
                  <a:gd name="T17" fmla="*/ 147 h 533"/>
                  <a:gd name="T18" fmla="*/ 6 w 231"/>
                  <a:gd name="T19" fmla="*/ 140 h 533"/>
                  <a:gd name="T20" fmla="*/ 11 w 231"/>
                  <a:gd name="T21" fmla="*/ 134 h 533"/>
                  <a:gd name="T22" fmla="*/ 7 w 231"/>
                  <a:gd name="T23" fmla="*/ 132 h 533"/>
                  <a:gd name="T24" fmla="*/ 5 w 231"/>
                  <a:gd name="T25" fmla="*/ 128 h 533"/>
                  <a:gd name="T26" fmla="*/ 7 w 231"/>
                  <a:gd name="T27" fmla="*/ 126 h 533"/>
                  <a:gd name="T28" fmla="*/ 7 w 231"/>
                  <a:gd name="T29" fmla="*/ 124 h 533"/>
                  <a:gd name="T30" fmla="*/ 6 w 231"/>
                  <a:gd name="T31" fmla="*/ 120 h 533"/>
                  <a:gd name="T32" fmla="*/ 6 w 231"/>
                  <a:gd name="T33" fmla="*/ 115 h 533"/>
                  <a:gd name="T34" fmla="*/ 12 w 231"/>
                  <a:gd name="T35" fmla="*/ 106 h 533"/>
                  <a:gd name="T36" fmla="*/ 21 w 231"/>
                  <a:gd name="T37" fmla="*/ 103 h 533"/>
                  <a:gd name="T38" fmla="*/ 30 w 231"/>
                  <a:gd name="T39" fmla="*/ 102 h 533"/>
                  <a:gd name="T40" fmla="*/ 36 w 231"/>
                  <a:gd name="T41" fmla="*/ 96 h 533"/>
                  <a:gd name="T42" fmla="*/ 38 w 231"/>
                  <a:gd name="T43" fmla="*/ 90 h 533"/>
                  <a:gd name="T44" fmla="*/ 38 w 231"/>
                  <a:gd name="T45" fmla="*/ 82 h 533"/>
                  <a:gd name="T46" fmla="*/ 37 w 231"/>
                  <a:gd name="T47" fmla="*/ 77 h 533"/>
                  <a:gd name="T48" fmla="*/ 38 w 231"/>
                  <a:gd name="T49" fmla="*/ 74 h 533"/>
                  <a:gd name="T50" fmla="*/ 39 w 231"/>
                  <a:gd name="T51" fmla="*/ 68 h 533"/>
                  <a:gd name="T52" fmla="*/ 39 w 231"/>
                  <a:gd name="T53" fmla="*/ 65 h 533"/>
                  <a:gd name="T54" fmla="*/ 37 w 231"/>
                  <a:gd name="T55" fmla="*/ 61 h 533"/>
                  <a:gd name="T56" fmla="*/ 27 w 231"/>
                  <a:gd name="T57" fmla="*/ 48 h 533"/>
                  <a:gd name="T58" fmla="*/ 18 w 231"/>
                  <a:gd name="T59" fmla="*/ 45 h 533"/>
                  <a:gd name="T60" fmla="*/ 11 w 231"/>
                  <a:gd name="T61" fmla="*/ 44 h 533"/>
                  <a:gd name="T62" fmla="*/ 3 w 231"/>
                  <a:gd name="T63" fmla="*/ 43 h 533"/>
                  <a:gd name="T64" fmla="*/ 0 w 231"/>
                  <a:gd name="T65" fmla="*/ 32 h 533"/>
                  <a:gd name="T66" fmla="*/ 0 w 231"/>
                  <a:gd name="T67" fmla="*/ 23 h 533"/>
                  <a:gd name="T68" fmla="*/ 3 w 231"/>
                  <a:gd name="T69" fmla="*/ 14 h 533"/>
                  <a:gd name="T70" fmla="*/ 7 w 231"/>
                  <a:gd name="T71" fmla="*/ 7 h 533"/>
                  <a:gd name="T72" fmla="*/ 14 w 231"/>
                  <a:gd name="T73" fmla="*/ 0 h 533"/>
                  <a:gd name="T74" fmla="*/ 24 w 231"/>
                  <a:gd name="T75" fmla="*/ 30 h 533"/>
                  <a:gd name="T76" fmla="*/ 32 w 231"/>
                  <a:gd name="T77" fmla="*/ 46 h 533"/>
                  <a:gd name="T78" fmla="*/ 40 w 231"/>
                  <a:gd name="T79" fmla="*/ 54 h 533"/>
                  <a:gd name="T80" fmla="*/ 44 w 231"/>
                  <a:gd name="T81" fmla="*/ 55 h 533"/>
                  <a:gd name="T82" fmla="*/ 52 w 231"/>
                  <a:gd name="T83" fmla="*/ 56 h 533"/>
                  <a:gd name="T84" fmla="*/ 54 w 231"/>
                  <a:gd name="T85" fmla="*/ 58 h 533"/>
                  <a:gd name="T86" fmla="*/ 55 w 231"/>
                  <a:gd name="T87" fmla="*/ 62 h 533"/>
                  <a:gd name="T88" fmla="*/ 53 w 231"/>
                  <a:gd name="T89" fmla="*/ 64 h 533"/>
                  <a:gd name="T90" fmla="*/ 50 w 231"/>
                  <a:gd name="T91" fmla="*/ 65 h 533"/>
                  <a:gd name="T92" fmla="*/ 44 w 231"/>
                  <a:gd name="T93" fmla="*/ 67 h 533"/>
                  <a:gd name="T94" fmla="*/ 42 w 231"/>
                  <a:gd name="T95" fmla="*/ 68 h 533"/>
                  <a:gd name="T96" fmla="*/ 42 w 231"/>
                  <a:gd name="T97" fmla="*/ 75 h 533"/>
                  <a:gd name="T98" fmla="*/ 46 w 231"/>
                  <a:gd name="T99" fmla="*/ 79 h 533"/>
                  <a:gd name="T100" fmla="*/ 49 w 231"/>
                  <a:gd name="T101" fmla="*/ 82 h 533"/>
                  <a:gd name="T102" fmla="*/ 51 w 231"/>
                  <a:gd name="T103" fmla="*/ 88 h 533"/>
                  <a:gd name="T104" fmla="*/ 53 w 231"/>
                  <a:gd name="T105" fmla="*/ 92 h 533"/>
                  <a:gd name="T106" fmla="*/ 62 w 231"/>
                  <a:gd name="T107" fmla="*/ 93 h 533"/>
                  <a:gd name="T108" fmla="*/ 71 w 231"/>
                  <a:gd name="T109" fmla="*/ 92 h 533"/>
                  <a:gd name="T110" fmla="*/ 75 w 231"/>
                  <a:gd name="T111" fmla="*/ 89 h 533"/>
                  <a:gd name="T112" fmla="*/ 77 w 231"/>
                  <a:gd name="T113" fmla="*/ 90 h 533"/>
                  <a:gd name="T114" fmla="*/ 75 w 231"/>
                  <a:gd name="T115" fmla="*/ 98 h 533"/>
                  <a:gd name="T116" fmla="*/ 70 w 231"/>
                  <a:gd name="T117" fmla="*/ 106 h 533"/>
                  <a:gd name="T118" fmla="*/ 59 w 231"/>
                  <a:gd name="T119" fmla="*/ 121 h 533"/>
                  <a:gd name="T120" fmla="*/ 55 w 231"/>
                  <a:gd name="T121" fmla="*/ 130 h 533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231" h="533">
                    <a:moveTo>
                      <a:pt x="164" y="402"/>
                    </a:moveTo>
                    <a:lnTo>
                      <a:pt x="156" y="446"/>
                    </a:lnTo>
                    <a:lnTo>
                      <a:pt x="150" y="482"/>
                    </a:lnTo>
                    <a:lnTo>
                      <a:pt x="149" y="488"/>
                    </a:lnTo>
                    <a:lnTo>
                      <a:pt x="149" y="495"/>
                    </a:lnTo>
                    <a:lnTo>
                      <a:pt x="149" y="502"/>
                    </a:lnTo>
                    <a:lnTo>
                      <a:pt x="150" y="507"/>
                    </a:lnTo>
                    <a:lnTo>
                      <a:pt x="152" y="512"/>
                    </a:lnTo>
                    <a:lnTo>
                      <a:pt x="154" y="517"/>
                    </a:lnTo>
                    <a:lnTo>
                      <a:pt x="158" y="521"/>
                    </a:lnTo>
                    <a:lnTo>
                      <a:pt x="164" y="524"/>
                    </a:lnTo>
                    <a:lnTo>
                      <a:pt x="157" y="528"/>
                    </a:lnTo>
                    <a:lnTo>
                      <a:pt x="151" y="531"/>
                    </a:lnTo>
                    <a:lnTo>
                      <a:pt x="145" y="533"/>
                    </a:lnTo>
                    <a:lnTo>
                      <a:pt x="137" y="533"/>
                    </a:lnTo>
                    <a:lnTo>
                      <a:pt x="124" y="532"/>
                    </a:lnTo>
                    <a:lnTo>
                      <a:pt x="108" y="529"/>
                    </a:lnTo>
                    <a:lnTo>
                      <a:pt x="92" y="526"/>
                    </a:lnTo>
                    <a:lnTo>
                      <a:pt x="76" y="523"/>
                    </a:lnTo>
                    <a:lnTo>
                      <a:pt x="68" y="522"/>
                    </a:lnTo>
                    <a:lnTo>
                      <a:pt x="59" y="522"/>
                    </a:lnTo>
                    <a:lnTo>
                      <a:pt x="50" y="522"/>
                    </a:lnTo>
                    <a:lnTo>
                      <a:pt x="41" y="524"/>
                    </a:lnTo>
                    <a:lnTo>
                      <a:pt x="32" y="493"/>
                    </a:lnTo>
                    <a:lnTo>
                      <a:pt x="20" y="461"/>
                    </a:lnTo>
                    <a:lnTo>
                      <a:pt x="18" y="452"/>
                    </a:lnTo>
                    <a:lnTo>
                      <a:pt x="17" y="444"/>
                    </a:lnTo>
                    <a:lnTo>
                      <a:pt x="17" y="437"/>
                    </a:lnTo>
                    <a:lnTo>
                      <a:pt x="17" y="429"/>
                    </a:lnTo>
                    <a:lnTo>
                      <a:pt x="19" y="423"/>
                    </a:lnTo>
                    <a:lnTo>
                      <a:pt x="22" y="417"/>
                    </a:lnTo>
                    <a:lnTo>
                      <a:pt x="27" y="410"/>
                    </a:lnTo>
                    <a:lnTo>
                      <a:pt x="32" y="405"/>
                    </a:lnTo>
                    <a:lnTo>
                      <a:pt x="28" y="403"/>
                    </a:lnTo>
                    <a:lnTo>
                      <a:pt x="25" y="401"/>
                    </a:lnTo>
                    <a:lnTo>
                      <a:pt x="21" y="398"/>
                    </a:lnTo>
                    <a:lnTo>
                      <a:pt x="18" y="394"/>
                    </a:lnTo>
                    <a:lnTo>
                      <a:pt x="16" y="390"/>
                    </a:lnTo>
                    <a:lnTo>
                      <a:pt x="14" y="385"/>
                    </a:lnTo>
                    <a:lnTo>
                      <a:pt x="14" y="380"/>
                    </a:lnTo>
                    <a:lnTo>
                      <a:pt x="13" y="374"/>
                    </a:lnTo>
                    <a:lnTo>
                      <a:pt x="22" y="380"/>
                    </a:lnTo>
                    <a:lnTo>
                      <a:pt x="32" y="383"/>
                    </a:lnTo>
                    <a:lnTo>
                      <a:pt x="27" y="379"/>
                    </a:lnTo>
                    <a:lnTo>
                      <a:pt x="22" y="374"/>
                    </a:lnTo>
                    <a:lnTo>
                      <a:pt x="20" y="370"/>
                    </a:lnTo>
                    <a:lnTo>
                      <a:pt x="18" y="365"/>
                    </a:lnTo>
                    <a:lnTo>
                      <a:pt x="17" y="361"/>
                    </a:lnTo>
                    <a:lnTo>
                      <a:pt x="16" y="355"/>
                    </a:lnTo>
                    <a:lnTo>
                      <a:pt x="17" y="351"/>
                    </a:lnTo>
                    <a:lnTo>
                      <a:pt x="18" y="346"/>
                    </a:lnTo>
                    <a:lnTo>
                      <a:pt x="22" y="336"/>
                    </a:lnTo>
                    <a:lnTo>
                      <a:pt x="28" y="327"/>
                    </a:lnTo>
                    <a:lnTo>
                      <a:pt x="35" y="318"/>
                    </a:lnTo>
                    <a:lnTo>
                      <a:pt x="41" y="308"/>
                    </a:lnTo>
                    <a:lnTo>
                      <a:pt x="53" y="311"/>
                    </a:lnTo>
                    <a:lnTo>
                      <a:pt x="64" y="311"/>
                    </a:lnTo>
                    <a:lnTo>
                      <a:pt x="74" y="311"/>
                    </a:lnTo>
                    <a:lnTo>
                      <a:pt x="82" y="309"/>
                    </a:lnTo>
                    <a:lnTo>
                      <a:pt x="90" y="306"/>
                    </a:lnTo>
                    <a:lnTo>
                      <a:pt x="96" y="302"/>
                    </a:lnTo>
                    <a:lnTo>
                      <a:pt x="103" y="296"/>
                    </a:lnTo>
                    <a:lnTo>
                      <a:pt x="107" y="290"/>
                    </a:lnTo>
                    <a:lnTo>
                      <a:pt x="111" y="284"/>
                    </a:lnTo>
                    <a:lnTo>
                      <a:pt x="113" y="278"/>
                    </a:lnTo>
                    <a:lnTo>
                      <a:pt x="115" y="270"/>
                    </a:lnTo>
                    <a:lnTo>
                      <a:pt x="116" y="263"/>
                    </a:lnTo>
                    <a:lnTo>
                      <a:pt x="116" y="255"/>
                    </a:lnTo>
                    <a:lnTo>
                      <a:pt x="115" y="248"/>
                    </a:lnTo>
                    <a:lnTo>
                      <a:pt x="114" y="241"/>
                    </a:lnTo>
                    <a:lnTo>
                      <a:pt x="111" y="234"/>
                    </a:lnTo>
                    <a:lnTo>
                      <a:pt x="111" y="233"/>
                    </a:lnTo>
                    <a:lnTo>
                      <a:pt x="111" y="231"/>
                    </a:lnTo>
                    <a:lnTo>
                      <a:pt x="113" y="224"/>
                    </a:lnTo>
                    <a:lnTo>
                      <a:pt x="114" y="215"/>
                    </a:lnTo>
                    <a:lnTo>
                      <a:pt x="116" y="210"/>
                    </a:lnTo>
                    <a:lnTo>
                      <a:pt x="118" y="205"/>
                    </a:lnTo>
                    <a:lnTo>
                      <a:pt x="118" y="202"/>
                    </a:lnTo>
                    <a:lnTo>
                      <a:pt x="118" y="200"/>
                    </a:lnTo>
                    <a:lnTo>
                      <a:pt x="118" y="197"/>
                    </a:lnTo>
                    <a:lnTo>
                      <a:pt x="117" y="194"/>
                    </a:lnTo>
                    <a:lnTo>
                      <a:pt x="113" y="189"/>
                    </a:lnTo>
                    <a:lnTo>
                      <a:pt x="110" y="184"/>
                    </a:lnTo>
                    <a:lnTo>
                      <a:pt x="108" y="176"/>
                    </a:lnTo>
                    <a:lnTo>
                      <a:pt x="107" y="168"/>
                    </a:lnTo>
                    <a:lnTo>
                      <a:pt x="82" y="146"/>
                    </a:lnTo>
                    <a:lnTo>
                      <a:pt x="72" y="143"/>
                    </a:lnTo>
                    <a:lnTo>
                      <a:pt x="62" y="140"/>
                    </a:lnTo>
                    <a:lnTo>
                      <a:pt x="55" y="136"/>
                    </a:lnTo>
                    <a:lnTo>
                      <a:pt x="48" y="134"/>
                    </a:lnTo>
                    <a:lnTo>
                      <a:pt x="41" y="132"/>
                    </a:lnTo>
                    <a:lnTo>
                      <a:pt x="33" y="132"/>
                    </a:lnTo>
                    <a:lnTo>
                      <a:pt x="25" y="134"/>
                    </a:lnTo>
                    <a:lnTo>
                      <a:pt x="13" y="140"/>
                    </a:lnTo>
                    <a:lnTo>
                      <a:pt x="9" y="128"/>
                    </a:lnTo>
                    <a:lnTo>
                      <a:pt x="6" y="117"/>
                    </a:lnTo>
                    <a:lnTo>
                      <a:pt x="2" y="107"/>
                    </a:lnTo>
                    <a:lnTo>
                      <a:pt x="1" y="96"/>
                    </a:lnTo>
                    <a:lnTo>
                      <a:pt x="0" y="87"/>
                    </a:lnTo>
                    <a:lnTo>
                      <a:pt x="0" y="77"/>
                    </a:lnTo>
                    <a:lnTo>
                      <a:pt x="0" y="68"/>
                    </a:lnTo>
                    <a:lnTo>
                      <a:pt x="2" y="60"/>
                    </a:lnTo>
                    <a:lnTo>
                      <a:pt x="5" y="51"/>
                    </a:lnTo>
                    <a:lnTo>
                      <a:pt x="8" y="43"/>
                    </a:lnTo>
                    <a:lnTo>
                      <a:pt x="11" y="34"/>
                    </a:lnTo>
                    <a:lnTo>
                      <a:pt x="16" y="27"/>
                    </a:lnTo>
                    <a:lnTo>
                      <a:pt x="21" y="20"/>
                    </a:lnTo>
                    <a:lnTo>
                      <a:pt x="27" y="12"/>
                    </a:lnTo>
                    <a:lnTo>
                      <a:pt x="34" y="6"/>
                    </a:lnTo>
                    <a:lnTo>
                      <a:pt x="41" y="0"/>
                    </a:lnTo>
                    <a:lnTo>
                      <a:pt x="53" y="36"/>
                    </a:lnTo>
                    <a:lnTo>
                      <a:pt x="65" y="72"/>
                    </a:lnTo>
                    <a:lnTo>
                      <a:pt x="72" y="90"/>
                    </a:lnTo>
                    <a:lnTo>
                      <a:pt x="79" y="107"/>
                    </a:lnTo>
                    <a:lnTo>
                      <a:pt x="87" y="124"/>
                    </a:lnTo>
                    <a:lnTo>
                      <a:pt x="96" y="139"/>
                    </a:lnTo>
                    <a:lnTo>
                      <a:pt x="117" y="160"/>
                    </a:lnTo>
                    <a:lnTo>
                      <a:pt x="118" y="163"/>
                    </a:lnTo>
                    <a:lnTo>
                      <a:pt x="120" y="164"/>
                    </a:lnTo>
                    <a:lnTo>
                      <a:pt x="124" y="166"/>
                    </a:lnTo>
                    <a:lnTo>
                      <a:pt x="127" y="166"/>
                    </a:lnTo>
                    <a:lnTo>
                      <a:pt x="133" y="167"/>
                    </a:lnTo>
                    <a:lnTo>
                      <a:pt x="141" y="167"/>
                    </a:lnTo>
                    <a:lnTo>
                      <a:pt x="149" y="167"/>
                    </a:lnTo>
                    <a:lnTo>
                      <a:pt x="156" y="169"/>
                    </a:lnTo>
                    <a:lnTo>
                      <a:pt x="158" y="170"/>
                    </a:lnTo>
                    <a:lnTo>
                      <a:pt x="160" y="171"/>
                    </a:lnTo>
                    <a:lnTo>
                      <a:pt x="163" y="174"/>
                    </a:lnTo>
                    <a:lnTo>
                      <a:pt x="164" y="177"/>
                    </a:lnTo>
                    <a:lnTo>
                      <a:pt x="165" y="183"/>
                    </a:lnTo>
                    <a:lnTo>
                      <a:pt x="165" y="187"/>
                    </a:lnTo>
                    <a:lnTo>
                      <a:pt x="164" y="190"/>
                    </a:lnTo>
                    <a:lnTo>
                      <a:pt x="163" y="192"/>
                    </a:lnTo>
                    <a:lnTo>
                      <a:pt x="160" y="194"/>
                    </a:lnTo>
                    <a:lnTo>
                      <a:pt x="157" y="195"/>
                    </a:lnTo>
                    <a:lnTo>
                      <a:pt x="154" y="196"/>
                    </a:lnTo>
                    <a:lnTo>
                      <a:pt x="151" y="197"/>
                    </a:lnTo>
                    <a:lnTo>
                      <a:pt x="144" y="199"/>
                    </a:lnTo>
                    <a:lnTo>
                      <a:pt x="136" y="200"/>
                    </a:lnTo>
                    <a:lnTo>
                      <a:pt x="133" y="201"/>
                    </a:lnTo>
                    <a:lnTo>
                      <a:pt x="130" y="202"/>
                    </a:lnTo>
                    <a:lnTo>
                      <a:pt x="128" y="203"/>
                    </a:lnTo>
                    <a:lnTo>
                      <a:pt x="126" y="206"/>
                    </a:lnTo>
                    <a:lnTo>
                      <a:pt x="126" y="210"/>
                    </a:lnTo>
                    <a:lnTo>
                      <a:pt x="126" y="216"/>
                    </a:lnTo>
                    <a:lnTo>
                      <a:pt x="127" y="225"/>
                    </a:lnTo>
                    <a:lnTo>
                      <a:pt x="126" y="233"/>
                    </a:lnTo>
                    <a:lnTo>
                      <a:pt x="132" y="235"/>
                    </a:lnTo>
                    <a:lnTo>
                      <a:pt x="137" y="238"/>
                    </a:lnTo>
                    <a:lnTo>
                      <a:pt x="140" y="240"/>
                    </a:lnTo>
                    <a:lnTo>
                      <a:pt x="144" y="242"/>
                    </a:lnTo>
                    <a:lnTo>
                      <a:pt x="148" y="247"/>
                    </a:lnTo>
                    <a:lnTo>
                      <a:pt x="149" y="252"/>
                    </a:lnTo>
                    <a:lnTo>
                      <a:pt x="151" y="258"/>
                    </a:lnTo>
                    <a:lnTo>
                      <a:pt x="152" y="265"/>
                    </a:lnTo>
                    <a:lnTo>
                      <a:pt x="154" y="268"/>
                    </a:lnTo>
                    <a:lnTo>
                      <a:pt x="156" y="272"/>
                    </a:lnTo>
                    <a:lnTo>
                      <a:pt x="159" y="276"/>
                    </a:lnTo>
                    <a:lnTo>
                      <a:pt x="164" y="281"/>
                    </a:lnTo>
                    <a:lnTo>
                      <a:pt x="174" y="281"/>
                    </a:lnTo>
                    <a:lnTo>
                      <a:pt x="185" y="281"/>
                    </a:lnTo>
                    <a:lnTo>
                      <a:pt x="194" y="280"/>
                    </a:lnTo>
                    <a:lnTo>
                      <a:pt x="204" y="279"/>
                    </a:lnTo>
                    <a:lnTo>
                      <a:pt x="212" y="276"/>
                    </a:lnTo>
                    <a:lnTo>
                      <a:pt x="218" y="272"/>
                    </a:lnTo>
                    <a:lnTo>
                      <a:pt x="221" y="270"/>
                    </a:lnTo>
                    <a:lnTo>
                      <a:pt x="225" y="268"/>
                    </a:lnTo>
                    <a:lnTo>
                      <a:pt x="227" y="265"/>
                    </a:lnTo>
                    <a:lnTo>
                      <a:pt x="229" y="262"/>
                    </a:lnTo>
                    <a:lnTo>
                      <a:pt x="231" y="270"/>
                    </a:lnTo>
                    <a:lnTo>
                      <a:pt x="231" y="279"/>
                    </a:lnTo>
                    <a:lnTo>
                      <a:pt x="229" y="287"/>
                    </a:lnTo>
                    <a:lnTo>
                      <a:pt x="226" y="295"/>
                    </a:lnTo>
                    <a:lnTo>
                      <a:pt x="221" y="304"/>
                    </a:lnTo>
                    <a:lnTo>
                      <a:pt x="216" y="312"/>
                    </a:lnTo>
                    <a:lnTo>
                      <a:pt x="210" y="320"/>
                    </a:lnTo>
                    <a:lnTo>
                      <a:pt x="204" y="328"/>
                    </a:lnTo>
                    <a:lnTo>
                      <a:pt x="191" y="345"/>
                    </a:lnTo>
                    <a:lnTo>
                      <a:pt x="178" y="363"/>
                    </a:lnTo>
                    <a:lnTo>
                      <a:pt x="173" y="372"/>
                    </a:lnTo>
                    <a:lnTo>
                      <a:pt x="168" y="382"/>
                    </a:lnTo>
                    <a:lnTo>
                      <a:pt x="165" y="391"/>
                    </a:lnTo>
                    <a:lnTo>
                      <a:pt x="164" y="402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44" name="Samsø kant"/>
              <p:cNvSpPr>
                <a:spLocks/>
              </p:cNvSpPr>
              <p:nvPr/>
            </p:nvSpPr>
            <p:spPr bwMode="auto">
              <a:xfrm>
                <a:off x="2436816" y="4497394"/>
                <a:ext cx="122238" cy="280988"/>
              </a:xfrm>
              <a:custGeom>
                <a:avLst/>
                <a:gdLst>
                  <a:gd name="T0" fmla="*/ 50 w 231"/>
                  <a:gd name="T1" fmla="*/ 160 h 533"/>
                  <a:gd name="T2" fmla="*/ 50 w 231"/>
                  <a:gd name="T3" fmla="*/ 167 h 533"/>
                  <a:gd name="T4" fmla="*/ 51 w 231"/>
                  <a:gd name="T5" fmla="*/ 172 h 533"/>
                  <a:gd name="T6" fmla="*/ 52 w 231"/>
                  <a:gd name="T7" fmla="*/ 175 h 533"/>
                  <a:gd name="T8" fmla="*/ 46 w 231"/>
                  <a:gd name="T9" fmla="*/ 177 h 533"/>
                  <a:gd name="T10" fmla="*/ 31 w 231"/>
                  <a:gd name="T11" fmla="*/ 175 h 533"/>
                  <a:gd name="T12" fmla="*/ 20 w 231"/>
                  <a:gd name="T13" fmla="*/ 173 h 533"/>
                  <a:gd name="T14" fmla="*/ 11 w 231"/>
                  <a:gd name="T15" fmla="*/ 164 h 533"/>
                  <a:gd name="T16" fmla="*/ 6 w 231"/>
                  <a:gd name="T17" fmla="*/ 147 h 533"/>
                  <a:gd name="T18" fmla="*/ 6 w 231"/>
                  <a:gd name="T19" fmla="*/ 140 h 533"/>
                  <a:gd name="T20" fmla="*/ 11 w 231"/>
                  <a:gd name="T21" fmla="*/ 134 h 533"/>
                  <a:gd name="T22" fmla="*/ 7 w 231"/>
                  <a:gd name="T23" fmla="*/ 132 h 533"/>
                  <a:gd name="T24" fmla="*/ 5 w 231"/>
                  <a:gd name="T25" fmla="*/ 128 h 533"/>
                  <a:gd name="T26" fmla="*/ 7 w 231"/>
                  <a:gd name="T27" fmla="*/ 126 h 533"/>
                  <a:gd name="T28" fmla="*/ 7 w 231"/>
                  <a:gd name="T29" fmla="*/ 124 h 533"/>
                  <a:gd name="T30" fmla="*/ 6 w 231"/>
                  <a:gd name="T31" fmla="*/ 120 h 533"/>
                  <a:gd name="T32" fmla="*/ 6 w 231"/>
                  <a:gd name="T33" fmla="*/ 115 h 533"/>
                  <a:gd name="T34" fmla="*/ 12 w 231"/>
                  <a:gd name="T35" fmla="*/ 106 h 533"/>
                  <a:gd name="T36" fmla="*/ 21 w 231"/>
                  <a:gd name="T37" fmla="*/ 103 h 533"/>
                  <a:gd name="T38" fmla="*/ 30 w 231"/>
                  <a:gd name="T39" fmla="*/ 102 h 533"/>
                  <a:gd name="T40" fmla="*/ 36 w 231"/>
                  <a:gd name="T41" fmla="*/ 96 h 533"/>
                  <a:gd name="T42" fmla="*/ 38 w 231"/>
                  <a:gd name="T43" fmla="*/ 90 h 533"/>
                  <a:gd name="T44" fmla="*/ 38 w 231"/>
                  <a:gd name="T45" fmla="*/ 82 h 533"/>
                  <a:gd name="T46" fmla="*/ 37 w 231"/>
                  <a:gd name="T47" fmla="*/ 77 h 533"/>
                  <a:gd name="T48" fmla="*/ 38 w 231"/>
                  <a:gd name="T49" fmla="*/ 74 h 533"/>
                  <a:gd name="T50" fmla="*/ 39 w 231"/>
                  <a:gd name="T51" fmla="*/ 68 h 533"/>
                  <a:gd name="T52" fmla="*/ 39 w 231"/>
                  <a:gd name="T53" fmla="*/ 65 h 533"/>
                  <a:gd name="T54" fmla="*/ 37 w 231"/>
                  <a:gd name="T55" fmla="*/ 61 h 533"/>
                  <a:gd name="T56" fmla="*/ 27 w 231"/>
                  <a:gd name="T57" fmla="*/ 48 h 533"/>
                  <a:gd name="T58" fmla="*/ 18 w 231"/>
                  <a:gd name="T59" fmla="*/ 45 h 533"/>
                  <a:gd name="T60" fmla="*/ 11 w 231"/>
                  <a:gd name="T61" fmla="*/ 44 h 533"/>
                  <a:gd name="T62" fmla="*/ 3 w 231"/>
                  <a:gd name="T63" fmla="*/ 43 h 533"/>
                  <a:gd name="T64" fmla="*/ 0 w 231"/>
                  <a:gd name="T65" fmla="*/ 32 h 533"/>
                  <a:gd name="T66" fmla="*/ 0 w 231"/>
                  <a:gd name="T67" fmla="*/ 23 h 533"/>
                  <a:gd name="T68" fmla="*/ 3 w 231"/>
                  <a:gd name="T69" fmla="*/ 14 h 533"/>
                  <a:gd name="T70" fmla="*/ 7 w 231"/>
                  <a:gd name="T71" fmla="*/ 7 h 533"/>
                  <a:gd name="T72" fmla="*/ 14 w 231"/>
                  <a:gd name="T73" fmla="*/ 0 h 533"/>
                  <a:gd name="T74" fmla="*/ 24 w 231"/>
                  <a:gd name="T75" fmla="*/ 30 h 533"/>
                  <a:gd name="T76" fmla="*/ 32 w 231"/>
                  <a:gd name="T77" fmla="*/ 46 h 533"/>
                  <a:gd name="T78" fmla="*/ 40 w 231"/>
                  <a:gd name="T79" fmla="*/ 54 h 533"/>
                  <a:gd name="T80" fmla="*/ 44 w 231"/>
                  <a:gd name="T81" fmla="*/ 55 h 533"/>
                  <a:gd name="T82" fmla="*/ 52 w 231"/>
                  <a:gd name="T83" fmla="*/ 56 h 533"/>
                  <a:gd name="T84" fmla="*/ 54 w 231"/>
                  <a:gd name="T85" fmla="*/ 58 h 533"/>
                  <a:gd name="T86" fmla="*/ 55 w 231"/>
                  <a:gd name="T87" fmla="*/ 62 h 533"/>
                  <a:gd name="T88" fmla="*/ 53 w 231"/>
                  <a:gd name="T89" fmla="*/ 64 h 533"/>
                  <a:gd name="T90" fmla="*/ 50 w 231"/>
                  <a:gd name="T91" fmla="*/ 65 h 533"/>
                  <a:gd name="T92" fmla="*/ 44 w 231"/>
                  <a:gd name="T93" fmla="*/ 67 h 533"/>
                  <a:gd name="T94" fmla="*/ 42 w 231"/>
                  <a:gd name="T95" fmla="*/ 68 h 533"/>
                  <a:gd name="T96" fmla="*/ 42 w 231"/>
                  <a:gd name="T97" fmla="*/ 75 h 533"/>
                  <a:gd name="T98" fmla="*/ 46 w 231"/>
                  <a:gd name="T99" fmla="*/ 79 h 533"/>
                  <a:gd name="T100" fmla="*/ 49 w 231"/>
                  <a:gd name="T101" fmla="*/ 82 h 533"/>
                  <a:gd name="T102" fmla="*/ 51 w 231"/>
                  <a:gd name="T103" fmla="*/ 88 h 533"/>
                  <a:gd name="T104" fmla="*/ 53 w 231"/>
                  <a:gd name="T105" fmla="*/ 92 h 533"/>
                  <a:gd name="T106" fmla="*/ 62 w 231"/>
                  <a:gd name="T107" fmla="*/ 93 h 533"/>
                  <a:gd name="T108" fmla="*/ 71 w 231"/>
                  <a:gd name="T109" fmla="*/ 92 h 533"/>
                  <a:gd name="T110" fmla="*/ 75 w 231"/>
                  <a:gd name="T111" fmla="*/ 89 h 533"/>
                  <a:gd name="T112" fmla="*/ 77 w 231"/>
                  <a:gd name="T113" fmla="*/ 90 h 533"/>
                  <a:gd name="T114" fmla="*/ 75 w 231"/>
                  <a:gd name="T115" fmla="*/ 98 h 533"/>
                  <a:gd name="T116" fmla="*/ 70 w 231"/>
                  <a:gd name="T117" fmla="*/ 106 h 533"/>
                  <a:gd name="T118" fmla="*/ 59 w 231"/>
                  <a:gd name="T119" fmla="*/ 121 h 533"/>
                  <a:gd name="T120" fmla="*/ 55 w 231"/>
                  <a:gd name="T121" fmla="*/ 130 h 533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231" h="533">
                    <a:moveTo>
                      <a:pt x="164" y="402"/>
                    </a:moveTo>
                    <a:lnTo>
                      <a:pt x="156" y="446"/>
                    </a:lnTo>
                    <a:lnTo>
                      <a:pt x="150" y="482"/>
                    </a:lnTo>
                    <a:lnTo>
                      <a:pt x="149" y="488"/>
                    </a:lnTo>
                    <a:lnTo>
                      <a:pt x="149" y="495"/>
                    </a:lnTo>
                    <a:lnTo>
                      <a:pt x="149" y="502"/>
                    </a:lnTo>
                    <a:lnTo>
                      <a:pt x="150" y="507"/>
                    </a:lnTo>
                    <a:lnTo>
                      <a:pt x="152" y="512"/>
                    </a:lnTo>
                    <a:lnTo>
                      <a:pt x="154" y="517"/>
                    </a:lnTo>
                    <a:lnTo>
                      <a:pt x="158" y="521"/>
                    </a:lnTo>
                    <a:lnTo>
                      <a:pt x="164" y="524"/>
                    </a:lnTo>
                    <a:lnTo>
                      <a:pt x="157" y="528"/>
                    </a:lnTo>
                    <a:lnTo>
                      <a:pt x="151" y="531"/>
                    </a:lnTo>
                    <a:lnTo>
                      <a:pt x="145" y="533"/>
                    </a:lnTo>
                    <a:lnTo>
                      <a:pt x="137" y="533"/>
                    </a:lnTo>
                    <a:lnTo>
                      <a:pt x="124" y="532"/>
                    </a:lnTo>
                    <a:lnTo>
                      <a:pt x="108" y="529"/>
                    </a:lnTo>
                    <a:lnTo>
                      <a:pt x="92" y="526"/>
                    </a:lnTo>
                    <a:lnTo>
                      <a:pt x="76" y="523"/>
                    </a:lnTo>
                    <a:lnTo>
                      <a:pt x="68" y="522"/>
                    </a:lnTo>
                    <a:lnTo>
                      <a:pt x="59" y="522"/>
                    </a:lnTo>
                    <a:lnTo>
                      <a:pt x="50" y="522"/>
                    </a:lnTo>
                    <a:lnTo>
                      <a:pt x="41" y="524"/>
                    </a:lnTo>
                    <a:lnTo>
                      <a:pt x="32" y="493"/>
                    </a:lnTo>
                    <a:lnTo>
                      <a:pt x="20" y="461"/>
                    </a:lnTo>
                    <a:lnTo>
                      <a:pt x="18" y="452"/>
                    </a:lnTo>
                    <a:lnTo>
                      <a:pt x="17" y="444"/>
                    </a:lnTo>
                    <a:lnTo>
                      <a:pt x="17" y="437"/>
                    </a:lnTo>
                    <a:lnTo>
                      <a:pt x="17" y="429"/>
                    </a:lnTo>
                    <a:lnTo>
                      <a:pt x="19" y="423"/>
                    </a:lnTo>
                    <a:lnTo>
                      <a:pt x="22" y="417"/>
                    </a:lnTo>
                    <a:lnTo>
                      <a:pt x="27" y="410"/>
                    </a:lnTo>
                    <a:lnTo>
                      <a:pt x="32" y="405"/>
                    </a:lnTo>
                    <a:lnTo>
                      <a:pt x="28" y="403"/>
                    </a:lnTo>
                    <a:lnTo>
                      <a:pt x="25" y="401"/>
                    </a:lnTo>
                    <a:lnTo>
                      <a:pt x="21" y="398"/>
                    </a:lnTo>
                    <a:lnTo>
                      <a:pt x="18" y="394"/>
                    </a:lnTo>
                    <a:lnTo>
                      <a:pt x="16" y="390"/>
                    </a:lnTo>
                    <a:lnTo>
                      <a:pt x="14" y="385"/>
                    </a:lnTo>
                    <a:lnTo>
                      <a:pt x="14" y="380"/>
                    </a:lnTo>
                    <a:lnTo>
                      <a:pt x="13" y="374"/>
                    </a:lnTo>
                    <a:lnTo>
                      <a:pt x="22" y="380"/>
                    </a:lnTo>
                    <a:lnTo>
                      <a:pt x="32" y="383"/>
                    </a:lnTo>
                    <a:lnTo>
                      <a:pt x="27" y="379"/>
                    </a:lnTo>
                    <a:lnTo>
                      <a:pt x="22" y="374"/>
                    </a:lnTo>
                    <a:lnTo>
                      <a:pt x="20" y="370"/>
                    </a:lnTo>
                    <a:lnTo>
                      <a:pt x="18" y="365"/>
                    </a:lnTo>
                    <a:lnTo>
                      <a:pt x="17" y="361"/>
                    </a:lnTo>
                    <a:lnTo>
                      <a:pt x="16" y="355"/>
                    </a:lnTo>
                    <a:lnTo>
                      <a:pt x="17" y="351"/>
                    </a:lnTo>
                    <a:lnTo>
                      <a:pt x="18" y="346"/>
                    </a:lnTo>
                    <a:lnTo>
                      <a:pt x="22" y="336"/>
                    </a:lnTo>
                    <a:lnTo>
                      <a:pt x="28" y="327"/>
                    </a:lnTo>
                    <a:lnTo>
                      <a:pt x="35" y="318"/>
                    </a:lnTo>
                    <a:lnTo>
                      <a:pt x="41" y="308"/>
                    </a:lnTo>
                    <a:lnTo>
                      <a:pt x="53" y="311"/>
                    </a:lnTo>
                    <a:lnTo>
                      <a:pt x="64" y="311"/>
                    </a:lnTo>
                    <a:lnTo>
                      <a:pt x="74" y="311"/>
                    </a:lnTo>
                    <a:lnTo>
                      <a:pt x="82" y="309"/>
                    </a:lnTo>
                    <a:lnTo>
                      <a:pt x="90" y="306"/>
                    </a:lnTo>
                    <a:lnTo>
                      <a:pt x="96" y="302"/>
                    </a:lnTo>
                    <a:lnTo>
                      <a:pt x="103" y="296"/>
                    </a:lnTo>
                    <a:lnTo>
                      <a:pt x="107" y="290"/>
                    </a:lnTo>
                    <a:lnTo>
                      <a:pt x="111" y="284"/>
                    </a:lnTo>
                    <a:lnTo>
                      <a:pt x="113" y="278"/>
                    </a:lnTo>
                    <a:lnTo>
                      <a:pt x="115" y="270"/>
                    </a:lnTo>
                    <a:lnTo>
                      <a:pt x="116" y="263"/>
                    </a:lnTo>
                    <a:lnTo>
                      <a:pt x="116" y="255"/>
                    </a:lnTo>
                    <a:lnTo>
                      <a:pt x="115" y="248"/>
                    </a:lnTo>
                    <a:lnTo>
                      <a:pt x="114" y="241"/>
                    </a:lnTo>
                    <a:lnTo>
                      <a:pt x="111" y="234"/>
                    </a:lnTo>
                    <a:lnTo>
                      <a:pt x="111" y="233"/>
                    </a:lnTo>
                    <a:lnTo>
                      <a:pt x="111" y="231"/>
                    </a:lnTo>
                    <a:lnTo>
                      <a:pt x="113" y="224"/>
                    </a:lnTo>
                    <a:lnTo>
                      <a:pt x="114" y="215"/>
                    </a:lnTo>
                    <a:lnTo>
                      <a:pt x="116" y="210"/>
                    </a:lnTo>
                    <a:lnTo>
                      <a:pt x="118" y="205"/>
                    </a:lnTo>
                    <a:lnTo>
                      <a:pt x="118" y="202"/>
                    </a:lnTo>
                    <a:lnTo>
                      <a:pt x="118" y="200"/>
                    </a:lnTo>
                    <a:lnTo>
                      <a:pt x="118" y="197"/>
                    </a:lnTo>
                    <a:lnTo>
                      <a:pt x="117" y="194"/>
                    </a:lnTo>
                    <a:lnTo>
                      <a:pt x="113" y="189"/>
                    </a:lnTo>
                    <a:lnTo>
                      <a:pt x="110" y="184"/>
                    </a:lnTo>
                    <a:lnTo>
                      <a:pt x="108" y="176"/>
                    </a:lnTo>
                    <a:lnTo>
                      <a:pt x="107" y="168"/>
                    </a:lnTo>
                    <a:lnTo>
                      <a:pt x="82" y="146"/>
                    </a:lnTo>
                    <a:lnTo>
                      <a:pt x="72" y="143"/>
                    </a:lnTo>
                    <a:lnTo>
                      <a:pt x="62" y="140"/>
                    </a:lnTo>
                    <a:lnTo>
                      <a:pt x="55" y="136"/>
                    </a:lnTo>
                    <a:lnTo>
                      <a:pt x="48" y="134"/>
                    </a:lnTo>
                    <a:lnTo>
                      <a:pt x="41" y="132"/>
                    </a:lnTo>
                    <a:lnTo>
                      <a:pt x="33" y="132"/>
                    </a:lnTo>
                    <a:lnTo>
                      <a:pt x="25" y="134"/>
                    </a:lnTo>
                    <a:lnTo>
                      <a:pt x="13" y="140"/>
                    </a:lnTo>
                    <a:lnTo>
                      <a:pt x="9" y="128"/>
                    </a:lnTo>
                    <a:lnTo>
                      <a:pt x="6" y="117"/>
                    </a:lnTo>
                    <a:lnTo>
                      <a:pt x="2" y="107"/>
                    </a:lnTo>
                    <a:lnTo>
                      <a:pt x="1" y="96"/>
                    </a:lnTo>
                    <a:lnTo>
                      <a:pt x="0" y="87"/>
                    </a:lnTo>
                    <a:lnTo>
                      <a:pt x="0" y="77"/>
                    </a:lnTo>
                    <a:lnTo>
                      <a:pt x="0" y="68"/>
                    </a:lnTo>
                    <a:lnTo>
                      <a:pt x="2" y="60"/>
                    </a:lnTo>
                    <a:lnTo>
                      <a:pt x="5" y="51"/>
                    </a:lnTo>
                    <a:lnTo>
                      <a:pt x="8" y="43"/>
                    </a:lnTo>
                    <a:lnTo>
                      <a:pt x="11" y="34"/>
                    </a:lnTo>
                    <a:lnTo>
                      <a:pt x="16" y="27"/>
                    </a:lnTo>
                    <a:lnTo>
                      <a:pt x="21" y="20"/>
                    </a:lnTo>
                    <a:lnTo>
                      <a:pt x="27" y="12"/>
                    </a:lnTo>
                    <a:lnTo>
                      <a:pt x="34" y="6"/>
                    </a:lnTo>
                    <a:lnTo>
                      <a:pt x="41" y="0"/>
                    </a:lnTo>
                    <a:lnTo>
                      <a:pt x="53" y="36"/>
                    </a:lnTo>
                    <a:lnTo>
                      <a:pt x="65" y="72"/>
                    </a:lnTo>
                    <a:lnTo>
                      <a:pt x="72" y="90"/>
                    </a:lnTo>
                    <a:lnTo>
                      <a:pt x="79" y="107"/>
                    </a:lnTo>
                    <a:lnTo>
                      <a:pt x="87" y="124"/>
                    </a:lnTo>
                    <a:lnTo>
                      <a:pt x="96" y="139"/>
                    </a:lnTo>
                    <a:lnTo>
                      <a:pt x="117" y="160"/>
                    </a:lnTo>
                    <a:lnTo>
                      <a:pt x="118" y="163"/>
                    </a:lnTo>
                    <a:lnTo>
                      <a:pt x="120" y="164"/>
                    </a:lnTo>
                    <a:lnTo>
                      <a:pt x="124" y="166"/>
                    </a:lnTo>
                    <a:lnTo>
                      <a:pt x="127" y="166"/>
                    </a:lnTo>
                    <a:lnTo>
                      <a:pt x="133" y="167"/>
                    </a:lnTo>
                    <a:lnTo>
                      <a:pt x="141" y="167"/>
                    </a:lnTo>
                    <a:lnTo>
                      <a:pt x="149" y="167"/>
                    </a:lnTo>
                    <a:lnTo>
                      <a:pt x="156" y="169"/>
                    </a:lnTo>
                    <a:lnTo>
                      <a:pt x="158" y="170"/>
                    </a:lnTo>
                    <a:lnTo>
                      <a:pt x="160" y="171"/>
                    </a:lnTo>
                    <a:lnTo>
                      <a:pt x="163" y="174"/>
                    </a:lnTo>
                    <a:lnTo>
                      <a:pt x="164" y="177"/>
                    </a:lnTo>
                    <a:lnTo>
                      <a:pt x="165" y="183"/>
                    </a:lnTo>
                    <a:lnTo>
                      <a:pt x="165" y="187"/>
                    </a:lnTo>
                    <a:lnTo>
                      <a:pt x="164" y="190"/>
                    </a:lnTo>
                    <a:lnTo>
                      <a:pt x="163" y="192"/>
                    </a:lnTo>
                    <a:lnTo>
                      <a:pt x="160" y="194"/>
                    </a:lnTo>
                    <a:lnTo>
                      <a:pt x="157" y="195"/>
                    </a:lnTo>
                    <a:lnTo>
                      <a:pt x="154" y="196"/>
                    </a:lnTo>
                    <a:lnTo>
                      <a:pt x="151" y="197"/>
                    </a:lnTo>
                    <a:lnTo>
                      <a:pt x="144" y="199"/>
                    </a:lnTo>
                    <a:lnTo>
                      <a:pt x="136" y="200"/>
                    </a:lnTo>
                    <a:lnTo>
                      <a:pt x="133" y="201"/>
                    </a:lnTo>
                    <a:lnTo>
                      <a:pt x="130" y="202"/>
                    </a:lnTo>
                    <a:lnTo>
                      <a:pt x="128" y="203"/>
                    </a:lnTo>
                    <a:lnTo>
                      <a:pt x="126" y="206"/>
                    </a:lnTo>
                    <a:lnTo>
                      <a:pt x="126" y="210"/>
                    </a:lnTo>
                    <a:lnTo>
                      <a:pt x="126" y="216"/>
                    </a:lnTo>
                    <a:lnTo>
                      <a:pt x="127" y="225"/>
                    </a:lnTo>
                    <a:lnTo>
                      <a:pt x="126" y="233"/>
                    </a:lnTo>
                    <a:lnTo>
                      <a:pt x="132" y="235"/>
                    </a:lnTo>
                    <a:lnTo>
                      <a:pt x="137" y="238"/>
                    </a:lnTo>
                    <a:lnTo>
                      <a:pt x="140" y="240"/>
                    </a:lnTo>
                    <a:lnTo>
                      <a:pt x="144" y="242"/>
                    </a:lnTo>
                    <a:lnTo>
                      <a:pt x="148" y="247"/>
                    </a:lnTo>
                    <a:lnTo>
                      <a:pt x="149" y="252"/>
                    </a:lnTo>
                    <a:lnTo>
                      <a:pt x="151" y="258"/>
                    </a:lnTo>
                    <a:lnTo>
                      <a:pt x="152" y="265"/>
                    </a:lnTo>
                    <a:lnTo>
                      <a:pt x="154" y="268"/>
                    </a:lnTo>
                    <a:lnTo>
                      <a:pt x="156" y="272"/>
                    </a:lnTo>
                    <a:lnTo>
                      <a:pt x="159" y="276"/>
                    </a:lnTo>
                    <a:lnTo>
                      <a:pt x="164" y="281"/>
                    </a:lnTo>
                    <a:lnTo>
                      <a:pt x="174" y="281"/>
                    </a:lnTo>
                    <a:lnTo>
                      <a:pt x="185" y="281"/>
                    </a:lnTo>
                    <a:lnTo>
                      <a:pt x="194" y="280"/>
                    </a:lnTo>
                    <a:lnTo>
                      <a:pt x="204" y="279"/>
                    </a:lnTo>
                    <a:lnTo>
                      <a:pt x="212" y="276"/>
                    </a:lnTo>
                    <a:lnTo>
                      <a:pt x="218" y="272"/>
                    </a:lnTo>
                    <a:lnTo>
                      <a:pt x="221" y="270"/>
                    </a:lnTo>
                    <a:lnTo>
                      <a:pt x="225" y="268"/>
                    </a:lnTo>
                    <a:lnTo>
                      <a:pt x="227" y="265"/>
                    </a:lnTo>
                    <a:lnTo>
                      <a:pt x="229" y="262"/>
                    </a:lnTo>
                    <a:lnTo>
                      <a:pt x="231" y="270"/>
                    </a:lnTo>
                    <a:lnTo>
                      <a:pt x="231" y="279"/>
                    </a:lnTo>
                    <a:lnTo>
                      <a:pt x="229" y="287"/>
                    </a:lnTo>
                    <a:lnTo>
                      <a:pt x="226" y="295"/>
                    </a:lnTo>
                    <a:lnTo>
                      <a:pt x="221" y="304"/>
                    </a:lnTo>
                    <a:lnTo>
                      <a:pt x="216" y="312"/>
                    </a:lnTo>
                    <a:lnTo>
                      <a:pt x="210" y="320"/>
                    </a:lnTo>
                    <a:lnTo>
                      <a:pt x="204" y="328"/>
                    </a:lnTo>
                    <a:lnTo>
                      <a:pt x="191" y="345"/>
                    </a:lnTo>
                    <a:lnTo>
                      <a:pt x="178" y="363"/>
                    </a:lnTo>
                    <a:lnTo>
                      <a:pt x="173" y="372"/>
                    </a:lnTo>
                    <a:lnTo>
                      <a:pt x="168" y="382"/>
                    </a:lnTo>
                    <a:lnTo>
                      <a:pt x="165" y="391"/>
                    </a:lnTo>
                    <a:lnTo>
                      <a:pt x="164" y="402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45" name="Samsø 2"/>
              <p:cNvSpPr>
                <a:spLocks/>
              </p:cNvSpPr>
              <p:nvPr/>
            </p:nvSpPr>
            <p:spPr bwMode="auto">
              <a:xfrm>
                <a:off x="2211391" y="4754569"/>
                <a:ext cx="74613" cy="58738"/>
              </a:xfrm>
              <a:custGeom>
                <a:avLst/>
                <a:gdLst>
                  <a:gd name="T0" fmla="*/ 38 w 140"/>
                  <a:gd name="T1" fmla="*/ 0 h 113"/>
                  <a:gd name="T2" fmla="*/ 40 w 140"/>
                  <a:gd name="T3" fmla="*/ 1 h 113"/>
                  <a:gd name="T4" fmla="*/ 42 w 140"/>
                  <a:gd name="T5" fmla="*/ 3 h 113"/>
                  <a:gd name="T6" fmla="*/ 44 w 140"/>
                  <a:gd name="T7" fmla="*/ 5 h 113"/>
                  <a:gd name="T8" fmla="*/ 45 w 140"/>
                  <a:gd name="T9" fmla="*/ 7 h 113"/>
                  <a:gd name="T10" fmla="*/ 46 w 140"/>
                  <a:gd name="T11" fmla="*/ 9 h 113"/>
                  <a:gd name="T12" fmla="*/ 47 w 140"/>
                  <a:gd name="T13" fmla="*/ 11 h 113"/>
                  <a:gd name="T14" fmla="*/ 47 w 140"/>
                  <a:gd name="T15" fmla="*/ 14 h 113"/>
                  <a:gd name="T16" fmla="*/ 47 w 140"/>
                  <a:gd name="T17" fmla="*/ 17 h 113"/>
                  <a:gd name="T18" fmla="*/ 47 w 140"/>
                  <a:gd name="T19" fmla="*/ 20 h 113"/>
                  <a:gd name="T20" fmla="*/ 46 w 140"/>
                  <a:gd name="T21" fmla="*/ 22 h 113"/>
                  <a:gd name="T22" fmla="*/ 46 w 140"/>
                  <a:gd name="T23" fmla="*/ 25 h 113"/>
                  <a:gd name="T24" fmla="*/ 45 w 140"/>
                  <a:gd name="T25" fmla="*/ 28 h 113"/>
                  <a:gd name="T26" fmla="*/ 44 w 140"/>
                  <a:gd name="T27" fmla="*/ 30 h 113"/>
                  <a:gd name="T28" fmla="*/ 43 w 140"/>
                  <a:gd name="T29" fmla="*/ 33 h 113"/>
                  <a:gd name="T30" fmla="*/ 42 w 140"/>
                  <a:gd name="T31" fmla="*/ 35 h 113"/>
                  <a:gd name="T32" fmla="*/ 41 w 140"/>
                  <a:gd name="T33" fmla="*/ 37 h 113"/>
                  <a:gd name="T34" fmla="*/ 38 w 140"/>
                  <a:gd name="T35" fmla="*/ 35 h 113"/>
                  <a:gd name="T36" fmla="*/ 36 w 140"/>
                  <a:gd name="T37" fmla="*/ 34 h 113"/>
                  <a:gd name="T38" fmla="*/ 33 w 140"/>
                  <a:gd name="T39" fmla="*/ 34 h 113"/>
                  <a:gd name="T40" fmla="*/ 30 w 140"/>
                  <a:gd name="T41" fmla="*/ 33 h 113"/>
                  <a:gd name="T42" fmla="*/ 26 w 140"/>
                  <a:gd name="T43" fmla="*/ 33 h 113"/>
                  <a:gd name="T44" fmla="*/ 20 w 140"/>
                  <a:gd name="T45" fmla="*/ 33 h 113"/>
                  <a:gd name="T46" fmla="*/ 15 w 140"/>
                  <a:gd name="T47" fmla="*/ 33 h 113"/>
                  <a:gd name="T48" fmla="*/ 10 w 140"/>
                  <a:gd name="T49" fmla="*/ 33 h 113"/>
                  <a:gd name="T50" fmla="*/ 8 w 140"/>
                  <a:gd name="T51" fmla="*/ 32 h 113"/>
                  <a:gd name="T52" fmla="*/ 5 w 140"/>
                  <a:gd name="T53" fmla="*/ 32 h 113"/>
                  <a:gd name="T54" fmla="*/ 3 w 140"/>
                  <a:gd name="T55" fmla="*/ 31 h 113"/>
                  <a:gd name="T56" fmla="*/ 0 w 140"/>
                  <a:gd name="T57" fmla="*/ 31 h 113"/>
                  <a:gd name="T58" fmla="*/ 2 w 140"/>
                  <a:gd name="T59" fmla="*/ 29 h 113"/>
                  <a:gd name="T60" fmla="*/ 5 w 140"/>
                  <a:gd name="T61" fmla="*/ 28 h 113"/>
                  <a:gd name="T62" fmla="*/ 8 w 140"/>
                  <a:gd name="T63" fmla="*/ 26 h 113"/>
                  <a:gd name="T64" fmla="*/ 12 w 140"/>
                  <a:gd name="T65" fmla="*/ 25 h 113"/>
                  <a:gd name="T66" fmla="*/ 18 w 140"/>
                  <a:gd name="T67" fmla="*/ 23 h 113"/>
                  <a:gd name="T68" fmla="*/ 25 w 140"/>
                  <a:gd name="T69" fmla="*/ 21 h 113"/>
                  <a:gd name="T70" fmla="*/ 28 w 140"/>
                  <a:gd name="T71" fmla="*/ 20 h 113"/>
                  <a:gd name="T72" fmla="*/ 31 w 140"/>
                  <a:gd name="T73" fmla="*/ 18 h 113"/>
                  <a:gd name="T74" fmla="*/ 33 w 140"/>
                  <a:gd name="T75" fmla="*/ 17 h 113"/>
                  <a:gd name="T76" fmla="*/ 35 w 140"/>
                  <a:gd name="T77" fmla="*/ 14 h 113"/>
                  <a:gd name="T78" fmla="*/ 37 w 140"/>
                  <a:gd name="T79" fmla="*/ 11 h 113"/>
                  <a:gd name="T80" fmla="*/ 38 w 140"/>
                  <a:gd name="T81" fmla="*/ 8 h 113"/>
                  <a:gd name="T82" fmla="*/ 38 w 140"/>
                  <a:gd name="T83" fmla="*/ 5 h 113"/>
                  <a:gd name="T84" fmla="*/ 38 w 140"/>
                  <a:gd name="T85" fmla="*/ 0 h 113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40" h="113">
                    <a:moveTo>
                      <a:pt x="113" y="0"/>
                    </a:moveTo>
                    <a:lnTo>
                      <a:pt x="120" y="3"/>
                    </a:lnTo>
                    <a:lnTo>
                      <a:pt x="125" y="8"/>
                    </a:lnTo>
                    <a:lnTo>
                      <a:pt x="130" y="14"/>
                    </a:lnTo>
                    <a:lnTo>
                      <a:pt x="134" y="20"/>
                    </a:lnTo>
                    <a:lnTo>
                      <a:pt x="137" y="27"/>
                    </a:lnTo>
                    <a:lnTo>
                      <a:pt x="139" y="35"/>
                    </a:lnTo>
                    <a:lnTo>
                      <a:pt x="140" y="43"/>
                    </a:lnTo>
                    <a:lnTo>
                      <a:pt x="140" y="52"/>
                    </a:lnTo>
                    <a:lnTo>
                      <a:pt x="140" y="60"/>
                    </a:lnTo>
                    <a:lnTo>
                      <a:pt x="138" y="68"/>
                    </a:lnTo>
                    <a:lnTo>
                      <a:pt x="137" y="77"/>
                    </a:lnTo>
                    <a:lnTo>
                      <a:pt x="135" y="85"/>
                    </a:lnTo>
                    <a:lnTo>
                      <a:pt x="131" y="93"/>
                    </a:lnTo>
                    <a:lnTo>
                      <a:pt x="128" y="100"/>
                    </a:lnTo>
                    <a:lnTo>
                      <a:pt x="125" y="106"/>
                    </a:lnTo>
                    <a:lnTo>
                      <a:pt x="122" y="113"/>
                    </a:lnTo>
                    <a:lnTo>
                      <a:pt x="114" y="108"/>
                    </a:lnTo>
                    <a:lnTo>
                      <a:pt x="106" y="105"/>
                    </a:lnTo>
                    <a:lnTo>
                      <a:pt x="98" y="103"/>
                    </a:lnTo>
                    <a:lnTo>
                      <a:pt x="90" y="102"/>
                    </a:lnTo>
                    <a:lnTo>
                      <a:pt x="76" y="100"/>
                    </a:lnTo>
                    <a:lnTo>
                      <a:pt x="61" y="100"/>
                    </a:lnTo>
                    <a:lnTo>
                      <a:pt x="46" y="100"/>
                    </a:lnTo>
                    <a:lnTo>
                      <a:pt x="30" y="100"/>
                    </a:lnTo>
                    <a:lnTo>
                      <a:pt x="23" y="99"/>
                    </a:lnTo>
                    <a:lnTo>
                      <a:pt x="16" y="98"/>
                    </a:lnTo>
                    <a:lnTo>
                      <a:pt x="8" y="96"/>
                    </a:lnTo>
                    <a:lnTo>
                      <a:pt x="0" y="94"/>
                    </a:lnTo>
                    <a:lnTo>
                      <a:pt x="7" y="88"/>
                    </a:lnTo>
                    <a:lnTo>
                      <a:pt x="16" y="84"/>
                    </a:lnTo>
                    <a:lnTo>
                      <a:pt x="25" y="80"/>
                    </a:lnTo>
                    <a:lnTo>
                      <a:pt x="35" y="77"/>
                    </a:lnTo>
                    <a:lnTo>
                      <a:pt x="55" y="71"/>
                    </a:lnTo>
                    <a:lnTo>
                      <a:pt x="74" y="64"/>
                    </a:lnTo>
                    <a:lnTo>
                      <a:pt x="83" y="61"/>
                    </a:lnTo>
                    <a:lnTo>
                      <a:pt x="91" y="56"/>
                    </a:lnTo>
                    <a:lnTo>
                      <a:pt x="98" y="51"/>
                    </a:lnTo>
                    <a:lnTo>
                      <a:pt x="104" y="43"/>
                    </a:lnTo>
                    <a:lnTo>
                      <a:pt x="109" y="35"/>
                    </a:lnTo>
                    <a:lnTo>
                      <a:pt x="113" y="25"/>
                    </a:lnTo>
                    <a:lnTo>
                      <a:pt x="114" y="14"/>
                    </a:lnTo>
                    <a:lnTo>
                      <a:pt x="113" y="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46" name="Samsø kant 2"/>
              <p:cNvSpPr>
                <a:spLocks/>
              </p:cNvSpPr>
              <p:nvPr/>
            </p:nvSpPr>
            <p:spPr bwMode="auto">
              <a:xfrm>
                <a:off x="2211391" y="4754569"/>
                <a:ext cx="74613" cy="58738"/>
              </a:xfrm>
              <a:custGeom>
                <a:avLst/>
                <a:gdLst>
                  <a:gd name="T0" fmla="*/ 38 w 140"/>
                  <a:gd name="T1" fmla="*/ 0 h 113"/>
                  <a:gd name="T2" fmla="*/ 40 w 140"/>
                  <a:gd name="T3" fmla="*/ 1 h 113"/>
                  <a:gd name="T4" fmla="*/ 42 w 140"/>
                  <a:gd name="T5" fmla="*/ 3 h 113"/>
                  <a:gd name="T6" fmla="*/ 44 w 140"/>
                  <a:gd name="T7" fmla="*/ 5 h 113"/>
                  <a:gd name="T8" fmla="*/ 45 w 140"/>
                  <a:gd name="T9" fmla="*/ 7 h 113"/>
                  <a:gd name="T10" fmla="*/ 46 w 140"/>
                  <a:gd name="T11" fmla="*/ 9 h 113"/>
                  <a:gd name="T12" fmla="*/ 47 w 140"/>
                  <a:gd name="T13" fmla="*/ 11 h 113"/>
                  <a:gd name="T14" fmla="*/ 47 w 140"/>
                  <a:gd name="T15" fmla="*/ 14 h 113"/>
                  <a:gd name="T16" fmla="*/ 47 w 140"/>
                  <a:gd name="T17" fmla="*/ 17 h 113"/>
                  <a:gd name="T18" fmla="*/ 47 w 140"/>
                  <a:gd name="T19" fmla="*/ 20 h 113"/>
                  <a:gd name="T20" fmla="*/ 46 w 140"/>
                  <a:gd name="T21" fmla="*/ 22 h 113"/>
                  <a:gd name="T22" fmla="*/ 46 w 140"/>
                  <a:gd name="T23" fmla="*/ 25 h 113"/>
                  <a:gd name="T24" fmla="*/ 45 w 140"/>
                  <a:gd name="T25" fmla="*/ 28 h 113"/>
                  <a:gd name="T26" fmla="*/ 44 w 140"/>
                  <a:gd name="T27" fmla="*/ 30 h 113"/>
                  <a:gd name="T28" fmla="*/ 43 w 140"/>
                  <a:gd name="T29" fmla="*/ 33 h 113"/>
                  <a:gd name="T30" fmla="*/ 42 w 140"/>
                  <a:gd name="T31" fmla="*/ 35 h 113"/>
                  <a:gd name="T32" fmla="*/ 41 w 140"/>
                  <a:gd name="T33" fmla="*/ 37 h 113"/>
                  <a:gd name="T34" fmla="*/ 38 w 140"/>
                  <a:gd name="T35" fmla="*/ 35 h 113"/>
                  <a:gd name="T36" fmla="*/ 36 w 140"/>
                  <a:gd name="T37" fmla="*/ 34 h 113"/>
                  <a:gd name="T38" fmla="*/ 33 w 140"/>
                  <a:gd name="T39" fmla="*/ 34 h 113"/>
                  <a:gd name="T40" fmla="*/ 30 w 140"/>
                  <a:gd name="T41" fmla="*/ 33 h 113"/>
                  <a:gd name="T42" fmla="*/ 26 w 140"/>
                  <a:gd name="T43" fmla="*/ 33 h 113"/>
                  <a:gd name="T44" fmla="*/ 20 w 140"/>
                  <a:gd name="T45" fmla="*/ 33 h 113"/>
                  <a:gd name="T46" fmla="*/ 15 w 140"/>
                  <a:gd name="T47" fmla="*/ 33 h 113"/>
                  <a:gd name="T48" fmla="*/ 10 w 140"/>
                  <a:gd name="T49" fmla="*/ 33 h 113"/>
                  <a:gd name="T50" fmla="*/ 8 w 140"/>
                  <a:gd name="T51" fmla="*/ 32 h 113"/>
                  <a:gd name="T52" fmla="*/ 5 w 140"/>
                  <a:gd name="T53" fmla="*/ 32 h 113"/>
                  <a:gd name="T54" fmla="*/ 3 w 140"/>
                  <a:gd name="T55" fmla="*/ 31 h 113"/>
                  <a:gd name="T56" fmla="*/ 0 w 140"/>
                  <a:gd name="T57" fmla="*/ 31 h 113"/>
                  <a:gd name="T58" fmla="*/ 2 w 140"/>
                  <a:gd name="T59" fmla="*/ 29 h 113"/>
                  <a:gd name="T60" fmla="*/ 5 w 140"/>
                  <a:gd name="T61" fmla="*/ 28 h 113"/>
                  <a:gd name="T62" fmla="*/ 8 w 140"/>
                  <a:gd name="T63" fmla="*/ 26 h 113"/>
                  <a:gd name="T64" fmla="*/ 12 w 140"/>
                  <a:gd name="T65" fmla="*/ 25 h 113"/>
                  <a:gd name="T66" fmla="*/ 18 w 140"/>
                  <a:gd name="T67" fmla="*/ 23 h 113"/>
                  <a:gd name="T68" fmla="*/ 25 w 140"/>
                  <a:gd name="T69" fmla="*/ 21 h 113"/>
                  <a:gd name="T70" fmla="*/ 28 w 140"/>
                  <a:gd name="T71" fmla="*/ 20 h 113"/>
                  <a:gd name="T72" fmla="*/ 31 w 140"/>
                  <a:gd name="T73" fmla="*/ 18 h 113"/>
                  <a:gd name="T74" fmla="*/ 33 w 140"/>
                  <a:gd name="T75" fmla="*/ 17 h 113"/>
                  <a:gd name="T76" fmla="*/ 35 w 140"/>
                  <a:gd name="T77" fmla="*/ 14 h 113"/>
                  <a:gd name="T78" fmla="*/ 37 w 140"/>
                  <a:gd name="T79" fmla="*/ 11 h 113"/>
                  <a:gd name="T80" fmla="*/ 38 w 140"/>
                  <a:gd name="T81" fmla="*/ 8 h 113"/>
                  <a:gd name="T82" fmla="*/ 38 w 140"/>
                  <a:gd name="T83" fmla="*/ 5 h 113"/>
                  <a:gd name="T84" fmla="*/ 38 w 140"/>
                  <a:gd name="T85" fmla="*/ 0 h 113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40" h="113">
                    <a:moveTo>
                      <a:pt x="113" y="0"/>
                    </a:moveTo>
                    <a:lnTo>
                      <a:pt x="120" y="3"/>
                    </a:lnTo>
                    <a:lnTo>
                      <a:pt x="125" y="8"/>
                    </a:lnTo>
                    <a:lnTo>
                      <a:pt x="130" y="14"/>
                    </a:lnTo>
                    <a:lnTo>
                      <a:pt x="134" y="20"/>
                    </a:lnTo>
                    <a:lnTo>
                      <a:pt x="137" y="27"/>
                    </a:lnTo>
                    <a:lnTo>
                      <a:pt x="139" y="35"/>
                    </a:lnTo>
                    <a:lnTo>
                      <a:pt x="140" y="43"/>
                    </a:lnTo>
                    <a:lnTo>
                      <a:pt x="140" y="52"/>
                    </a:lnTo>
                    <a:lnTo>
                      <a:pt x="140" y="60"/>
                    </a:lnTo>
                    <a:lnTo>
                      <a:pt x="138" y="68"/>
                    </a:lnTo>
                    <a:lnTo>
                      <a:pt x="137" y="77"/>
                    </a:lnTo>
                    <a:lnTo>
                      <a:pt x="135" y="85"/>
                    </a:lnTo>
                    <a:lnTo>
                      <a:pt x="131" y="93"/>
                    </a:lnTo>
                    <a:lnTo>
                      <a:pt x="128" y="100"/>
                    </a:lnTo>
                    <a:lnTo>
                      <a:pt x="125" y="106"/>
                    </a:lnTo>
                    <a:lnTo>
                      <a:pt x="122" y="113"/>
                    </a:lnTo>
                    <a:lnTo>
                      <a:pt x="114" y="108"/>
                    </a:lnTo>
                    <a:lnTo>
                      <a:pt x="106" y="105"/>
                    </a:lnTo>
                    <a:lnTo>
                      <a:pt x="98" y="103"/>
                    </a:lnTo>
                    <a:lnTo>
                      <a:pt x="90" y="102"/>
                    </a:lnTo>
                    <a:lnTo>
                      <a:pt x="76" y="100"/>
                    </a:lnTo>
                    <a:lnTo>
                      <a:pt x="61" y="100"/>
                    </a:lnTo>
                    <a:lnTo>
                      <a:pt x="46" y="100"/>
                    </a:lnTo>
                    <a:lnTo>
                      <a:pt x="30" y="100"/>
                    </a:lnTo>
                    <a:lnTo>
                      <a:pt x="23" y="99"/>
                    </a:lnTo>
                    <a:lnTo>
                      <a:pt x="16" y="98"/>
                    </a:lnTo>
                    <a:lnTo>
                      <a:pt x="8" y="96"/>
                    </a:lnTo>
                    <a:lnTo>
                      <a:pt x="0" y="94"/>
                    </a:lnTo>
                    <a:lnTo>
                      <a:pt x="7" y="88"/>
                    </a:lnTo>
                    <a:lnTo>
                      <a:pt x="16" y="84"/>
                    </a:lnTo>
                    <a:lnTo>
                      <a:pt x="25" y="80"/>
                    </a:lnTo>
                    <a:lnTo>
                      <a:pt x="35" y="77"/>
                    </a:lnTo>
                    <a:lnTo>
                      <a:pt x="55" y="71"/>
                    </a:lnTo>
                    <a:lnTo>
                      <a:pt x="74" y="64"/>
                    </a:lnTo>
                    <a:lnTo>
                      <a:pt x="83" y="61"/>
                    </a:lnTo>
                    <a:lnTo>
                      <a:pt x="91" y="56"/>
                    </a:lnTo>
                    <a:lnTo>
                      <a:pt x="98" y="51"/>
                    </a:lnTo>
                    <a:lnTo>
                      <a:pt x="104" y="43"/>
                    </a:lnTo>
                    <a:lnTo>
                      <a:pt x="109" y="35"/>
                    </a:lnTo>
                    <a:lnTo>
                      <a:pt x="113" y="25"/>
                    </a:lnTo>
                    <a:lnTo>
                      <a:pt x="114" y="14"/>
                    </a:lnTo>
                    <a:lnTo>
                      <a:pt x="113" y="0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257" name="Ringkøbing-Skjern"/>
            <p:cNvGrpSpPr/>
            <p:nvPr/>
          </p:nvGrpSpPr>
          <p:grpSpPr>
            <a:xfrm>
              <a:off x="515938" y="4178306"/>
              <a:ext cx="596901" cy="585788"/>
              <a:chOff x="515938" y="4178306"/>
              <a:chExt cx="596901" cy="585788"/>
            </a:xfrm>
            <a:grpFill/>
          </p:grpSpPr>
          <p:sp>
            <p:nvSpPr>
              <p:cNvPr id="331" name="Ringkøbing-Skjern kant"/>
              <p:cNvSpPr>
                <a:spLocks/>
              </p:cNvSpPr>
              <p:nvPr/>
            </p:nvSpPr>
            <p:spPr bwMode="auto">
              <a:xfrm>
                <a:off x="568325" y="4687894"/>
                <a:ext cx="0" cy="23813"/>
              </a:xfrm>
              <a:custGeom>
                <a:avLst/>
                <a:gdLst>
                  <a:gd name="T0" fmla="*/ 15 h 47"/>
                  <a:gd name="T1" fmla="*/ 11 h 47"/>
                  <a:gd name="T2" fmla="*/ 7 h 47"/>
                  <a:gd name="T3" fmla="*/ 4 h 47"/>
                  <a:gd name="T4" fmla="*/ 0 h 47"/>
                  <a:gd name="T5" fmla="*/ 0 60000 65536"/>
                  <a:gd name="T6" fmla="*/ 0 60000 65536"/>
                  <a:gd name="T7" fmla="*/ 0 60000 65536"/>
                  <a:gd name="T8" fmla="*/ 0 60000 65536"/>
                  <a:gd name="T9" fmla="*/ 0 60000 65536"/>
                </a:gdLst>
                <a:ahLst/>
                <a:cxnLst>
                  <a:cxn ang="T5">
                    <a:pos x="0" y="T0"/>
                  </a:cxn>
                  <a:cxn ang="T6">
                    <a:pos x="0" y="T1"/>
                  </a:cxn>
                  <a:cxn ang="T7">
                    <a:pos x="0" y="T2"/>
                  </a:cxn>
                  <a:cxn ang="T8">
                    <a:pos x="0" y="T3"/>
                  </a:cxn>
                  <a:cxn ang="T9">
                    <a:pos x="0" y="T4"/>
                  </a:cxn>
                </a:cxnLst>
                <a:rect l="0" t="0" r="r" b="b"/>
                <a:pathLst>
                  <a:path h="47">
                    <a:moveTo>
                      <a:pt x="0" y="47"/>
                    </a:moveTo>
                    <a:lnTo>
                      <a:pt x="0" y="35"/>
                    </a:lnTo>
                    <a:lnTo>
                      <a:pt x="0" y="23"/>
                    </a:lnTo>
                    <a:lnTo>
                      <a:pt x="0" y="11"/>
                    </a:lnTo>
                    <a:lnTo>
                      <a:pt x="0" y="0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32" name="Ringkøbing-Skjern kant"/>
              <p:cNvSpPr>
                <a:spLocks/>
              </p:cNvSpPr>
              <p:nvPr/>
            </p:nvSpPr>
            <p:spPr bwMode="auto">
              <a:xfrm>
                <a:off x="539750" y="4519619"/>
                <a:ext cx="12700" cy="25400"/>
              </a:xfrm>
              <a:custGeom>
                <a:avLst/>
                <a:gdLst>
                  <a:gd name="T0" fmla="*/ 8 w 24"/>
                  <a:gd name="T1" fmla="*/ 16 h 50"/>
                  <a:gd name="T2" fmla="*/ 6 w 24"/>
                  <a:gd name="T3" fmla="*/ 12 h 50"/>
                  <a:gd name="T4" fmla="*/ 4 w 24"/>
                  <a:gd name="T5" fmla="*/ 8 h 50"/>
                  <a:gd name="T6" fmla="*/ 4 w 24"/>
                  <a:gd name="T7" fmla="*/ 6 h 50"/>
                  <a:gd name="T8" fmla="*/ 3 w 24"/>
                  <a:gd name="T9" fmla="*/ 4 h 50"/>
                  <a:gd name="T10" fmla="*/ 2 w 24"/>
                  <a:gd name="T11" fmla="*/ 2 h 50"/>
                  <a:gd name="T12" fmla="*/ 0 w 24"/>
                  <a:gd name="T13" fmla="*/ 0 h 50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0" t="0" r="r" b="b"/>
                <a:pathLst>
                  <a:path w="24" h="50">
                    <a:moveTo>
                      <a:pt x="24" y="50"/>
                    </a:moveTo>
                    <a:lnTo>
                      <a:pt x="18" y="39"/>
                    </a:lnTo>
                    <a:lnTo>
                      <a:pt x="13" y="25"/>
                    </a:lnTo>
                    <a:lnTo>
                      <a:pt x="11" y="18"/>
                    </a:lnTo>
                    <a:lnTo>
                      <a:pt x="8" y="11"/>
                    </a:lnTo>
                    <a:lnTo>
                      <a:pt x="5" y="5"/>
                    </a:lnTo>
                    <a:lnTo>
                      <a:pt x="0" y="0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33" name="Ringkøbing-Skjern"/>
              <p:cNvSpPr>
                <a:spLocks/>
              </p:cNvSpPr>
              <p:nvPr/>
            </p:nvSpPr>
            <p:spPr bwMode="auto">
              <a:xfrm>
                <a:off x="546100" y="4541844"/>
                <a:ext cx="26988" cy="147638"/>
              </a:xfrm>
              <a:custGeom>
                <a:avLst/>
                <a:gdLst>
                  <a:gd name="T0" fmla="*/ 14 w 52"/>
                  <a:gd name="T1" fmla="*/ 91 h 281"/>
                  <a:gd name="T2" fmla="*/ 12 w 52"/>
                  <a:gd name="T3" fmla="*/ 90 h 281"/>
                  <a:gd name="T4" fmla="*/ 11 w 52"/>
                  <a:gd name="T5" fmla="*/ 85 h 281"/>
                  <a:gd name="T6" fmla="*/ 10 w 52"/>
                  <a:gd name="T7" fmla="*/ 80 h 281"/>
                  <a:gd name="T8" fmla="*/ 9 w 52"/>
                  <a:gd name="T9" fmla="*/ 75 h 281"/>
                  <a:gd name="T10" fmla="*/ 8 w 52"/>
                  <a:gd name="T11" fmla="*/ 70 h 281"/>
                  <a:gd name="T12" fmla="*/ 6 w 52"/>
                  <a:gd name="T13" fmla="*/ 59 h 281"/>
                  <a:gd name="T14" fmla="*/ 5 w 52"/>
                  <a:gd name="T15" fmla="*/ 48 h 281"/>
                  <a:gd name="T16" fmla="*/ 4 w 52"/>
                  <a:gd name="T17" fmla="*/ 36 h 281"/>
                  <a:gd name="T18" fmla="*/ 3 w 52"/>
                  <a:gd name="T19" fmla="*/ 25 h 281"/>
                  <a:gd name="T20" fmla="*/ 2 w 52"/>
                  <a:gd name="T21" fmla="*/ 14 h 281"/>
                  <a:gd name="T22" fmla="*/ 0 w 52"/>
                  <a:gd name="T23" fmla="*/ 3 h 281"/>
                  <a:gd name="T24" fmla="*/ 3 w 52"/>
                  <a:gd name="T25" fmla="*/ 3 h 281"/>
                  <a:gd name="T26" fmla="*/ 4 w 52"/>
                  <a:gd name="T27" fmla="*/ 3 h 281"/>
                  <a:gd name="T28" fmla="*/ 3 w 52"/>
                  <a:gd name="T29" fmla="*/ 0 h 281"/>
                  <a:gd name="T30" fmla="*/ 6 w 52"/>
                  <a:gd name="T31" fmla="*/ 4 h 281"/>
                  <a:gd name="T32" fmla="*/ 8 w 52"/>
                  <a:gd name="T33" fmla="*/ 10 h 281"/>
                  <a:gd name="T34" fmla="*/ 10 w 52"/>
                  <a:gd name="T35" fmla="*/ 15 h 281"/>
                  <a:gd name="T36" fmla="*/ 12 w 52"/>
                  <a:gd name="T37" fmla="*/ 21 h 281"/>
                  <a:gd name="T38" fmla="*/ 13 w 52"/>
                  <a:gd name="T39" fmla="*/ 26 h 281"/>
                  <a:gd name="T40" fmla="*/ 15 w 52"/>
                  <a:gd name="T41" fmla="*/ 32 h 281"/>
                  <a:gd name="T42" fmla="*/ 15 w 52"/>
                  <a:gd name="T43" fmla="*/ 38 h 281"/>
                  <a:gd name="T44" fmla="*/ 16 w 52"/>
                  <a:gd name="T45" fmla="*/ 44 h 281"/>
                  <a:gd name="T46" fmla="*/ 17 w 52"/>
                  <a:gd name="T47" fmla="*/ 50 h 281"/>
                  <a:gd name="T48" fmla="*/ 17 w 52"/>
                  <a:gd name="T49" fmla="*/ 56 h 281"/>
                  <a:gd name="T50" fmla="*/ 17 w 52"/>
                  <a:gd name="T51" fmla="*/ 63 h 281"/>
                  <a:gd name="T52" fmla="*/ 17 w 52"/>
                  <a:gd name="T53" fmla="*/ 69 h 281"/>
                  <a:gd name="T54" fmla="*/ 17 w 52"/>
                  <a:gd name="T55" fmla="*/ 81 h 281"/>
                  <a:gd name="T56" fmla="*/ 16 w 52"/>
                  <a:gd name="T57" fmla="*/ 93 h 281"/>
                  <a:gd name="T58" fmla="*/ 14 w 52"/>
                  <a:gd name="T59" fmla="*/ 91 h 281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</a:gdLst>
                <a:ahLst/>
                <a:cxnLst>
                  <a:cxn ang="T60">
                    <a:pos x="T0" y="T1"/>
                  </a:cxn>
                  <a:cxn ang="T61">
                    <a:pos x="T2" y="T3"/>
                  </a:cxn>
                  <a:cxn ang="T62">
                    <a:pos x="T4" y="T5"/>
                  </a:cxn>
                  <a:cxn ang="T63">
                    <a:pos x="T6" y="T7"/>
                  </a:cxn>
                  <a:cxn ang="T64">
                    <a:pos x="T8" y="T9"/>
                  </a:cxn>
                  <a:cxn ang="T65">
                    <a:pos x="T10" y="T11"/>
                  </a:cxn>
                  <a:cxn ang="T66">
                    <a:pos x="T12" y="T13"/>
                  </a:cxn>
                  <a:cxn ang="T67">
                    <a:pos x="T14" y="T15"/>
                  </a:cxn>
                  <a:cxn ang="T68">
                    <a:pos x="T16" y="T17"/>
                  </a:cxn>
                  <a:cxn ang="T69">
                    <a:pos x="T18" y="T19"/>
                  </a:cxn>
                  <a:cxn ang="T70">
                    <a:pos x="T20" y="T21"/>
                  </a:cxn>
                  <a:cxn ang="T71">
                    <a:pos x="T22" y="T23"/>
                  </a:cxn>
                  <a:cxn ang="T72">
                    <a:pos x="T24" y="T25"/>
                  </a:cxn>
                  <a:cxn ang="T73">
                    <a:pos x="T26" y="T27"/>
                  </a:cxn>
                  <a:cxn ang="T74">
                    <a:pos x="T28" y="T29"/>
                  </a:cxn>
                  <a:cxn ang="T75">
                    <a:pos x="T30" y="T31"/>
                  </a:cxn>
                  <a:cxn ang="T76">
                    <a:pos x="T32" y="T33"/>
                  </a:cxn>
                  <a:cxn ang="T77">
                    <a:pos x="T34" y="T35"/>
                  </a:cxn>
                  <a:cxn ang="T78">
                    <a:pos x="T36" y="T37"/>
                  </a:cxn>
                  <a:cxn ang="T79">
                    <a:pos x="T38" y="T39"/>
                  </a:cxn>
                  <a:cxn ang="T80">
                    <a:pos x="T40" y="T41"/>
                  </a:cxn>
                  <a:cxn ang="T81">
                    <a:pos x="T42" y="T43"/>
                  </a:cxn>
                  <a:cxn ang="T82">
                    <a:pos x="T44" y="T45"/>
                  </a:cxn>
                  <a:cxn ang="T83">
                    <a:pos x="T46" y="T47"/>
                  </a:cxn>
                  <a:cxn ang="T84">
                    <a:pos x="T48" y="T49"/>
                  </a:cxn>
                  <a:cxn ang="T85">
                    <a:pos x="T50" y="T51"/>
                  </a:cxn>
                  <a:cxn ang="T86">
                    <a:pos x="T52" y="T53"/>
                  </a:cxn>
                  <a:cxn ang="T87">
                    <a:pos x="T54" y="T55"/>
                  </a:cxn>
                  <a:cxn ang="T88">
                    <a:pos x="T56" y="T57"/>
                  </a:cxn>
                  <a:cxn ang="T89">
                    <a:pos x="T58" y="T59"/>
                  </a:cxn>
                </a:cxnLst>
                <a:rect l="0" t="0" r="r" b="b"/>
                <a:pathLst>
                  <a:path w="52" h="281">
                    <a:moveTo>
                      <a:pt x="43" y="276"/>
                    </a:moveTo>
                    <a:lnTo>
                      <a:pt x="38" y="271"/>
                    </a:lnTo>
                    <a:lnTo>
                      <a:pt x="33" y="258"/>
                    </a:lnTo>
                    <a:lnTo>
                      <a:pt x="30" y="243"/>
                    </a:lnTo>
                    <a:lnTo>
                      <a:pt x="26" y="227"/>
                    </a:lnTo>
                    <a:lnTo>
                      <a:pt x="23" y="211"/>
                    </a:lnTo>
                    <a:lnTo>
                      <a:pt x="18" y="179"/>
                    </a:lnTo>
                    <a:lnTo>
                      <a:pt x="14" y="145"/>
                    </a:lnTo>
                    <a:lnTo>
                      <a:pt x="11" y="110"/>
                    </a:lnTo>
                    <a:lnTo>
                      <a:pt x="9" y="77"/>
                    </a:lnTo>
                    <a:lnTo>
                      <a:pt x="6" y="42"/>
                    </a:lnTo>
                    <a:lnTo>
                      <a:pt x="0" y="9"/>
                    </a:lnTo>
                    <a:lnTo>
                      <a:pt x="10" y="9"/>
                    </a:lnTo>
                    <a:lnTo>
                      <a:pt x="11" y="8"/>
                    </a:lnTo>
                    <a:lnTo>
                      <a:pt x="10" y="0"/>
                    </a:lnTo>
                    <a:lnTo>
                      <a:pt x="18" y="13"/>
                    </a:lnTo>
                    <a:lnTo>
                      <a:pt x="25" y="29"/>
                    </a:lnTo>
                    <a:lnTo>
                      <a:pt x="31" y="45"/>
                    </a:lnTo>
                    <a:lnTo>
                      <a:pt x="36" y="62"/>
                    </a:lnTo>
                    <a:lnTo>
                      <a:pt x="40" y="79"/>
                    </a:lnTo>
                    <a:lnTo>
                      <a:pt x="45" y="97"/>
                    </a:lnTo>
                    <a:lnTo>
                      <a:pt x="47" y="115"/>
                    </a:lnTo>
                    <a:lnTo>
                      <a:pt x="50" y="132"/>
                    </a:lnTo>
                    <a:lnTo>
                      <a:pt x="51" y="151"/>
                    </a:lnTo>
                    <a:lnTo>
                      <a:pt x="52" y="170"/>
                    </a:lnTo>
                    <a:lnTo>
                      <a:pt x="52" y="189"/>
                    </a:lnTo>
                    <a:lnTo>
                      <a:pt x="52" y="208"/>
                    </a:lnTo>
                    <a:lnTo>
                      <a:pt x="51" y="245"/>
                    </a:lnTo>
                    <a:lnTo>
                      <a:pt x="48" y="281"/>
                    </a:lnTo>
                    <a:lnTo>
                      <a:pt x="43" y="276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34" name="Ringkøbing-Skjern kant"/>
              <p:cNvSpPr>
                <a:spLocks/>
              </p:cNvSpPr>
              <p:nvPr/>
            </p:nvSpPr>
            <p:spPr bwMode="auto">
              <a:xfrm>
                <a:off x="546100" y="4541844"/>
                <a:ext cx="26988" cy="147638"/>
              </a:xfrm>
              <a:custGeom>
                <a:avLst/>
                <a:gdLst>
                  <a:gd name="T0" fmla="*/ 14 w 52"/>
                  <a:gd name="T1" fmla="*/ 91 h 281"/>
                  <a:gd name="T2" fmla="*/ 12 w 52"/>
                  <a:gd name="T3" fmla="*/ 90 h 281"/>
                  <a:gd name="T4" fmla="*/ 11 w 52"/>
                  <a:gd name="T5" fmla="*/ 85 h 281"/>
                  <a:gd name="T6" fmla="*/ 10 w 52"/>
                  <a:gd name="T7" fmla="*/ 80 h 281"/>
                  <a:gd name="T8" fmla="*/ 9 w 52"/>
                  <a:gd name="T9" fmla="*/ 75 h 281"/>
                  <a:gd name="T10" fmla="*/ 8 w 52"/>
                  <a:gd name="T11" fmla="*/ 70 h 281"/>
                  <a:gd name="T12" fmla="*/ 6 w 52"/>
                  <a:gd name="T13" fmla="*/ 59 h 281"/>
                  <a:gd name="T14" fmla="*/ 5 w 52"/>
                  <a:gd name="T15" fmla="*/ 48 h 281"/>
                  <a:gd name="T16" fmla="*/ 4 w 52"/>
                  <a:gd name="T17" fmla="*/ 36 h 281"/>
                  <a:gd name="T18" fmla="*/ 3 w 52"/>
                  <a:gd name="T19" fmla="*/ 25 h 281"/>
                  <a:gd name="T20" fmla="*/ 2 w 52"/>
                  <a:gd name="T21" fmla="*/ 14 h 281"/>
                  <a:gd name="T22" fmla="*/ 0 w 52"/>
                  <a:gd name="T23" fmla="*/ 3 h 281"/>
                  <a:gd name="T24" fmla="*/ 3 w 52"/>
                  <a:gd name="T25" fmla="*/ 3 h 281"/>
                  <a:gd name="T26" fmla="*/ 4 w 52"/>
                  <a:gd name="T27" fmla="*/ 3 h 281"/>
                  <a:gd name="T28" fmla="*/ 3 w 52"/>
                  <a:gd name="T29" fmla="*/ 0 h 281"/>
                  <a:gd name="T30" fmla="*/ 6 w 52"/>
                  <a:gd name="T31" fmla="*/ 4 h 281"/>
                  <a:gd name="T32" fmla="*/ 8 w 52"/>
                  <a:gd name="T33" fmla="*/ 10 h 281"/>
                  <a:gd name="T34" fmla="*/ 10 w 52"/>
                  <a:gd name="T35" fmla="*/ 15 h 281"/>
                  <a:gd name="T36" fmla="*/ 12 w 52"/>
                  <a:gd name="T37" fmla="*/ 21 h 281"/>
                  <a:gd name="T38" fmla="*/ 13 w 52"/>
                  <a:gd name="T39" fmla="*/ 26 h 281"/>
                  <a:gd name="T40" fmla="*/ 15 w 52"/>
                  <a:gd name="T41" fmla="*/ 32 h 281"/>
                  <a:gd name="T42" fmla="*/ 15 w 52"/>
                  <a:gd name="T43" fmla="*/ 38 h 281"/>
                  <a:gd name="T44" fmla="*/ 16 w 52"/>
                  <a:gd name="T45" fmla="*/ 44 h 281"/>
                  <a:gd name="T46" fmla="*/ 17 w 52"/>
                  <a:gd name="T47" fmla="*/ 50 h 281"/>
                  <a:gd name="T48" fmla="*/ 17 w 52"/>
                  <a:gd name="T49" fmla="*/ 56 h 281"/>
                  <a:gd name="T50" fmla="*/ 17 w 52"/>
                  <a:gd name="T51" fmla="*/ 63 h 281"/>
                  <a:gd name="T52" fmla="*/ 17 w 52"/>
                  <a:gd name="T53" fmla="*/ 69 h 281"/>
                  <a:gd name="T54" fmla="*/ 17 w 52"/>
                  <a:gd name="T55" fmla="*/ 81 h 281"/>
                  <a:gd name="T56" fmla="*/ 16 w 52"/>
                  <a:gd name="T57" fmla="*/ 93 h 281"/>
                  <a:gd name="T58" fmla="*/ 14 w 52"/>
                  <a:gd name="T59" fmla="*/ 91 h 281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</a:gdLst>
                <a:ahLst/>
                <a:cxnLst>
                  <a:cxn ang="T60">
                    <a:pos x="T0" y="T1"/>
                  </a:cxn>
                  <a:cxn ang="T61">
                    <a:pos x="T2" y="T3"/>
                  </a:cxn>
                  <a:cxn ang="T62">
                    <a:pos x="T4" y="T5"/>
                  </a:cxn>
                  <a:cxn ang="T63">
                    <a:pos x="T6" y="T7"/>
                  </a:cxn>
                  <a:cxn ang="T64">
                    <a:pos x="T8" y="T9"/>
                  </a:cxn>
                  <a:cxn ang="T65">
                    <a:pos x="T10" y="T11"/>
                  </a:cxn>
                  <a:cxn ang="T66">
                    <a:pos x="T12" y="T13"/>
                  </a:cxn>
                  <a:cxn ang="T67">
                    <a:pos x="T14" y="T15"/>
                  </a:cxn>
                  <a:cxn ang="T68">
                    <a:pos x="T16" y="T17"/>
                  </a:cxn>
                  <a:cxn ang="T69">
                    <a:pos x="T18" y="T19"/>
                  </a:cxn>
                  <a:cxn ang="T70">
                    <a:pos x="T20" y="T21"/>
                  </a:cxn>
                  <a:cxn ang="T71">
                    <a:pos x="T22" y="T23"/>
                  </a:cxn>
                  <a:cxn ang="T72">
                    <a:pos x="T24" y="T25"/>
                  </a:cxn>
                  <a:cxn ang="T73">
                    <a:pos x="T26" y="T27"/>
                  </a:cxn>
                  <a:cxn ang="T74">
                    <a:pos x="T28" y="T29"/>
                  </a:cxn>
                  <a:cxn ang="T75">
                    <a:pos x="T30" y="T31"/>
                  </a:cxn>
                  <a:cxn ang="T76">
                    <a:pos x="T32" y="T33"/>
                  </a:cxn>
                  <a:cxn ang="T77">
                    <a:pos x="T34" y="T35"/>
                  </a:cxn>
                  <a:cxn ang="T78">
                    <a:pos x="T36" y="T37"/>
                  </a:cxn>
                  <a:cxn ang="T79">
                    <a:pos x="T38" y="T39"/>
                  </a:cxn>
                  <a:cxn ang="T80">
                    <a:pos x="T40" y="T41"/>
                  </a:cxn>
                  <a:cxn ang="T81">
                    <a:pos x="T42" y="T43"/>
                  </a:cxn>
                  <a:cxn ang="T82">
                    <a:pos x="T44" y="T45"/>
                  </a:cxn>
                  <a:cxn ang="T83">
                    <a:pos x="T46" y="T47"/>
                  </a:cxn>
                  <a:cxn ang="T84">
                    <a:pos x="T48" y="T49"/>
                  </a:cxn>
                  <a:cxn ang="T85">
                    <a:pos x="T50" y="T51"/>
                  </a:cxn>
                  <a:cxn ang="T86">
                    <a:pos x="T52" y="T53"/>
                  </a:cxn>
                  <a:cxn ang="T87">
                    <a:pos x="T54" y="T55"/>
                  </a:cxn>
                  <a:cxn ang="T88">
                    <a:pos x="T56" y="T57"/>
                  </a:cxn>
                  <a:cxn ang="T89">
                    <a:pos x="T58" y="T59"/>
                  </a:cxn>
                </a:cxnLst>
                <a:rect l="0" t="0" r="r" b="b"/>
                <a:pathLst>
                  <a:path w="52" h="281">
                    <a:moveTo>
                      <a:pt x="43" y="276"/>
                    </a:moveTo>
                    <a:lnTo>
                      <a:pt x="38" y="271"/>
                    </a:lnTo>
                    <a:lnTo>
                      <a:pt x="33" y="258"/>
                    </a:lnTo>
                    <a:lnTo>
                      <a:pt x="30" y="243"/>
                    </a:lnTo>
                    <a:lnTo>
                      <a:pt x="26" y="227"/>
                    </a:lnTo>
                    <a:lnTo>
                      <a:pt x="23" y="211"/>
                    </a:lnTo>
                    <a:lnTo>
                      <a:pt x="18" y="179"/>
                    </a:lnTo>
                    <a:lnTo>
                      <a:pt x="14" y="145"/>
                    </a:lnTo>
                    <a:lnTo>
                      <a:pt x="11" y="110"/>
                    </a:lnTo>
                    <a:lnTo>
                      <a:pt x="9" y="77"/>
                    </a:lnTo>
                    <a:lnTo>
                      <a:pt x="6" y="42"/>
                    </a:lnTo>
                    <a:lnTo>
                      <a:pt x="0" y="9"/>
                    </a:lnTo>
                    <a:lnTo>
                      <a:pt x="10" y="9"/>
                    </a:lnTo>
                    <a:lnTo>
                      <a:pt x="11" y="8"/>
                    </a:lnTo>
                    <a:lnTo>
                      <a:pt x="10" y="0"/>
                    </a:lnTo>
                    <a:lnTo>
                      <a:pt x="18" y="13"/>
                    </a:lnTo>
                    <a:lnTo>
                      <a:pt x="25" y="29"/>
                    </a:lnTo>
                    <a:lnTo>
                      <a:pt x="31" y="45"/>
                    </a:lnTo>
                    <a:lnTo>
                      <a:pt x="36" y="62"/>
                    </a:lnTo>
                    <a:lnTo>
                      <a:pt x="40" y="79"/>
                    </a:lnTo>
                    <a:lnTo>
                      <a:pt x="45" y="97"/>
                    </a:lnTo>
                    <a:lnTo>
                      <a:pt x="47" y="115"/>
                    </a:lnTo>
                    <a:lnTo>
                      <a:pt x="50" y="132"/>
                    </a:lnTo>
                    <a:lnTo>
                      <a:pt x="51" y="151"/>
                    </a:lnTo>
                    <a:lnTo>
                      <a:pt x="52" y="170"/>
                    </a:lnTo>
                    <a:lnTo>
                      <a:pt x="52" y="189"/>
                    </a:lnTo>
                    <a:lnTo>
                      <a:pt x="52" y="208"/>
                    </a:lnTo>
                    <a:lnTo>
                      <a:pt x="51" y="245"/>
                    </a:lnTo>
                    <a:lnTo>
                      <a:pt x="48" y="281"/>
                    </a:lnTo>
                    <a:lnTo>
                      <a:pt x="43" y="276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35" name="Ringkøbing-Skjern"/>
              <p:cNvSpPr>
                <a:spLocks/>
              </p:cNvSpPr>
              <p:nvPr/>
            </p:nvSpPr>
            <p:spPr bwMode="auto">
              <a:xfrm>
                <a:off x="515938" y="4178306"/>
                <a:ext cx="596901" cy="585788"/>
              </a:xfrm>
              <a:custGeom>
                <a:avLst/>
                <a:gdLst>
                  <a:gd name="T0" fmla="*/ 74 w 1128"/>
                  <a:gd name="T1" fmla="*/ 329 h 1106"/>
                  <a:gd name="T2" fmla="*/ 77 w 1128"/>
                  <a:gd name="T3" fmla="*/ 324 h 1106"/>
                  <a:gd name="T4" fmla="*/ 120 w 1128"/>
                  <a:gd name="T5" fmla="*/ 300 h 1106"/>
                  <a:gd name="T6" fmla="*/ 136 w 1128"/>
                  <a:gd name="T7" fmla="*/ 280 h 1106"/>
                  <a:gd name="T8" fmla="*/ 140 w 1128"/>
                  <a:gd name="T9" fmla="*/ 253 h 1106"/>
                  <a:gd name="T10" fmla="*/ 117 w 1128"/>
                  <a:gd name="T11" fmla="*/ 221 h 1106"/>
                  <a:gd name="T12" fmla="*/ 103 w 1128"/>
                  <a:gd name="T13" fmla="*/ 177 h 1106"/>
                  <a:gd name="T14" fmla="*/ 92 w 1128"/>
                  <a:gd name="T15" fmla="*/ 141 h 1106"/>
                  <a:gd name="T16" fmla="*/ 30 w 1128"/>
                  <a:gd name="T17" fmla="*/ 117 h 1106"/>
                  <a:gd name="T18" fmla="*/ 15 w 1128"/>
                  <a:gd name="T19" fmla="*/ 153 h 1106"/>
                  <a:gd name="T20" fmla="*/ 12 w 1128"/>
                  <a:gd name="T21" fmla="*/ 194 h 1106"/>
                  <a:gd name="T22" fmla="*/ 4 w 1128"/>
                  <a:gd name="T23" fmla="*/ 188 h 1106"/>
                  <a:gd name="T24" fmla="*/ 2 w 1128"/>
                  <a:gd name="T25" fmla="*/ 151 h 1106"/>
                  <a:gd name="T26" fmla="*/ 14 w 1128"/>
                  <a:gd name="T27" fmla="*/ 58 h 1106"/>
                  <a:gd name="T28" fmla="*/ 28 w 1128"/>
                  <a:gd name="T29" fmla="*/ 0 h 1106"/>
                  <a:gd name="T30" fmla="*/ 52 w 1128"/>
                  <a:gd name="T31" fmla="*/ 2 h 1106"/>
                  <a:gd name="T32" fmla="*/ 65 w 1128"/>
                  <a:gd name="T33" fmla="*/ 13 h 1106"/>
                  <a:gd name="T34" fmla="*/ 81 w 1128"/>
                  <a:gd name="T35" fmla="*/ 23 h 1106"/>
                  <a:gd name="T36" fmla="*/ 120 w 1128"/>
                  <a:gd name="T37" fmla="*/ 19 h 1106"/>
                  <a:gd name="T38" fmla="*/ 160 w 1128"/>
                  <a:gd name="T39" fmla="*/ 10 h 1106"/>
                  <a:gd name="T40" fmla="*/ 187 w 1128"/>
                  <a:gd name="T41" fmla="*/ 32 h 1106"/>
                  <a:gd name="T42" fmla="*/ 203 w 1128"/>
                  <a:gd name="T43" fmla="*/ 55 h 1106"/>
                  <a:gd name="T44" fmla="*/ 229 w 1128"/>
                  <a:gd name="T45" fmla="*/ 61 h 1106"/>
                  <a:gd name="T46" fmla="*/ 241 w 1128"/>
                  <a:gd name="T47" fmla="*/ 80 h 1106"/>
                  <a:gd name="T48" fmla="*/ 244 w 1128"/>
                  <a:gd name="T49" fmla="*/ 88 h 1106"/>
                  <a:gd name="T50" fmla="*/ 263 w 1128"/>
                  <a:gd name="T51" fmla="*/ 96 h 1106"/>
                  <a:gd name="T52" fmla="*/ 290 w 1128"/>
                  <a:gd name="T53" fmla="*/ 92 h 1106"/>
                  <a:gd name="T54" fmla="*/ 319 w 1128"/>
                  <a:gd name="T55" fmla="*/ 95 h 1106"/>
                  <a:gd name="T56" fmla="*/ 331 w 1128"/>
                  <a:gd name="T57" fmla="*/ 120 h 1106"/>
                  <a:gd name="T58" fmla="*/ 348 w 1128"/>
                  <a:gd name="T59" fmla="*/ 128 h 1106"/>
                  <a:gd name="T60" fmla="*/ 363 w 1128"/>
                  <a:gd name="T61" fmla="*/ 142 h 1106"/>
                  <a:gd name="T62" fmla="*/ 376 w 1128"/>
                  <a:gd name="T63" fmla="*/ 152 h 1106"/>
                  <a:gd name="T64" fmla="*/ 366 w 1128"/>
                  <a:gd name="T65" fmla="*/ 158 h 1106"/>
                  <a:gd name="T66" fmla="*/ 341 w 1128"/>
                  <a:gd name="T67" fmla="*/ 163 h 1106"/>
                  <a:gd name="T68" fmla="*/ 346 w 1128"/>
                  <a:gd name="T69" fmla="*/ 175 h 1106"/>
                  <a:gd name="T70" fmla="*/ 343 w 1128"/>
                  <a:gd name="T71" fmla="*/ 185 h 1106"/>
                  <a:gd name="T72" fmla="*/ 332 w 1128"/>
                  <a:gd name="T73" fmla="*/ 196 h 1106"/>
                  <a:gd name="T74" fmla="*/ 323 w 1128"/>
                  <a:gd name="T75" fmla="*/ 202 h 1106"/>
                  <a:gd name="T76" fmla="*/ 323 w 1128"/>
                  <a:gd name="T77" fmla="*/ 216 h 1106"/>
                  <a:gd name="T78" fmla="*/ 312 w 1128"/>
                  <a:gd name="T79" fmla="*/ 238 h 1106"/>
                  <a:gd name="T80" fmla="*/ 314 w 1128"/>
                  <a:gd name="T81" fmla="*/ 261 h 1106"/>
                  <a:gd name="T82" fmla="*/ 328 w 1128"/>
                  <a:gd name="T83" fmla="*/ 280 h 1106"/>
                  <a:gd name="T84" fmla="*/ 350 w 1128"/>
                  <a:gd name="T85" fmla="*/ 290 h 1106"/>
                  <a:gd name="T86" fmla="*/ 357 w 1128"/>
                  <a:gd name="T87" fmla="*/ 311 h 1106"/>
                  <a:gd name="T88" fmla="*/ 346 w 1128"/>
                  <a:gd name="T89" fmla="*/ 324 h 1106"/>
                  <a:gd name="T90" fmla="*/ 347 w 1128"/>
                  <a:gd name="T91" fmla="*/ 335 h 1106"/>
                  <a:gd name="T92" fmla="*/ 347 w 1128"/>
                  <a:gd name="T93" fmla="*/ 346 h 1106"/>
                  <a:gd name="T94" fmla="*/ 317 w 1128"/>
                  <a:gd name="T95" fmla="*/ 347 h 1106"/>
                  <a:gd name="T96" fmla="*/ 301 w 1128"/>
                  <a:gd name="T97" fmla="*/ 333 h 1106"/>
                  <a:gd name="T98" fmla="*/ 288 w 1128"/>
                  <a:gd name="T99" fmla="*/ 320 h 1106"/>
                  <a:gd name="T100" fmla="*/ 255 w 1128"/>
                  <a:gd name="T101" fmla="*/ 324 h 1106"/>
                  <a:gd name="T102" fmla="*/ 235 w 1128"/>
                  <a:gd name="T103" fmla="*/ 322 h 1106"/>
                  <a:gd name="T104" fmla="*/ 219 w 1128"/>
                  <a:gd name="T105" fmla="*/ 315 h 1106"/>
                  <a:gd name="T106" fmla="*/ 215 w 1128"/>
                  <a:gd name="T107" fmla="*/ 328 h 1106"/>
                  <a:gd name="T108" fmla="*/ 208 w 1128"/>
                  <a:gd name="T109" fmla="*/ 340 h 1106"/>
                  <a:gd name="T110" fmla="*/ 200 w 1128"/>
                  <a:gd name="T111" fmla="*/ 355 h 1106"/>
                  <a:gd name="T112" fmla="*/ 191 w 1128"/>
                  <a:gd name="T113" fmla="*/ 367 h 1106"/>
                  <a:gd name="T114" fmla="*/ 169 w 1128"/>
                  <a:gd name="T115" fmla="*/ 367 h 1106"/>
                  <a:gd name="T116" fmla="*/ 154 w 1128"/>
                  <a:gd name="T117" fmla="*/ 350 h 1106"/>
                  <a:gd name="T118" fmla="*/ 131 w 1128"/>
                  <a:gd name="T119" fmla="*/ 342 h 1106"/>
                  <a:gd name="T120" fmla="*/ 116 w 1128"/>
                  <a:gd name="T121" fmla="*/ 340 h 1106"/>
                  <a:gd name="T122" fmla="*/ 78 w 1128"/>
                  <a:gd name="T123" fmla="*/ 349 h 1106"/>
                  <a:gd name="T124" fmla="*/ 62 w 1128"/>
                  <a:gd name="T125" fmla="*/ 335 h 110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128" h="1106">
                    <a:moveTo>
                      <a:pt x="181" y="993"/>
                    </a:moveTo>
                    <a:lnTo>
                      <a:pt x="189" y="995"/>
                    </a:lnTo>
                    <a:lnTo>
                      <a:pt x="199" y="995"/>
                    </a:lnTo>
                    <a:lnTo>
                      <a:pt x="208" y="993"/>
                    </a:lnTo>
                    <a:lnTo>
                      <a:pt x="216" y="990"/>
                    </a:lnTo>
                    <a:lnTo>
                      <a:pt x="221" y="988"/>
                    </a:lnTo>
                    <a:lnTo>
                      <a:pt x="223" y="987"/>
                    </a:lnTo>
                    <a:lnTo>
                      <a:pt x="225" y="985"/>
                    </a:lnTo>
                    <a:lnTo>
                      <a:pt x="226" y="983"/>
                    </a:lnTo>
                    <a:lnTo>
                      <a:pt x="226" y="981"/>
                    </a:lnTo>
                    <a:lnTo>
                      <a:pt x="225" y="979"/>
                    </a:lnTo>
                    <a:lnTo>
                      <a:pt x="222" y="976"/>
                    </a:lnTo>
                    <a:lnTo>
                      <a:pt x="219" y="975"/>
                    </a:lnTo>
                    <a:lnTo>
                      <a:pt x="232" y="970"/>
                    </a:lnTo>
                    <a:lnTo>
                      <a:pt x="248" y="964"/>
                    </a:lnTo>
                    <a:lnTo>
                      <a:pt x="266" y="956"/>
                    </a:lnTo>
                    <a:lnTo>
                      <a:pt x="285" y="948"/>
                    </a:lnTo>
                    <a:lnTo>
                      <a:pt x="303" y="937"/>
                    </a:lnTo>
                    <a:lnTo>
                      <a:pt x="322" y="927"/>
                    </a:lnTo>
                    <a:lnTo>
                      <a:pt x="341" y="914"/>
                    </a:lnTo>
                    <a:lnTo>
                      <a:pt x="359" y="900"/>
                    </a:lnTo>
                    <a:lnTo>
                      <a:pt x="367" y="892"/>
                    </a:lnTo>
                    <a:lnTo>
                      <a:pt x="374" y="884"/>
                    </a:lnTo>
                    <a:lnTo>
                      <a:pt x="382" y="876"/>
                    </a:lnTo>
                    <a:lnTo>
                      <a:pt x="389" y="867"/>
                    </a:lnTo>
                    <a:lnTo>
                      <a:pt x="395" y="859"/>
                    </a:lnTo>
                    <a:lnTo>
                      <a:pt x="402" y="849"/>
                    </a:lnTo>
                    <a:lnTo>
                      <a:pt x="407" y="839"/>
                    </a:lnTo>
                    <a:lnTo>
                      <a:pt x="411" y="828"/>
                    </a:lnTo>
                    <a:lnTo>
                      <a:pt x="415" y="817"/>
                    </a:lnTo>
                    <a:lnTo>
                      <a:pt x="418" y="807"/>
                    </a:lnTo>
                    <a:lnTo>
                      <a:pt x="420" y="795"/>
                    </a:lnTo>
                    <a:lnTo>
                      <a:pt x="421" y="784"/>
                    </a:lnTo>
                    <a:lnTo>
                      <a:pt x="421" y="771"/>
                    </a:lnTo>
                    <a:lnTo>
                      <a:pt x="420" y="758"/>
                    </a:lnTo>
                    <a:lnTo>
                      <a:pt x="418" y="745"/>
                    </a:lnTo>
                    <a:lnTo>
                      <a:pt x="414" y="731"/>
                    </a:lnTo>
                    <a:lnTo>
                      <a:pt x="400" y="718"/>
                    </a:lnTo>
                    <a:lnTo>
                      <a:pt x="385" y="706"/>
                    </a:lnTo>
                    <a:lnTo>
                      <a:pt x="372" y="691"/>
                    </a:lnTo>
                    <a:lnTo>
                      <a:pt x="362" y="677"/>
                    </a:lnTo>
                    <a:lnTo>
                      <a:pt x="351" y="662"/>
                    </a:lnTo>
                    <a:lnTo>
                      <a:pt x="343" y="645"/>
                    </a:lnTo>
                    <a:lnTo>
                      <a:pt x="335" y="628"/>
                    </a:lnTo>
                    <a:lnTo>
                      <a:pt x="328" y="611"/>
                    </a:lnTo>
                    <a:lnTo>
                      <a:pt x="323" y="592"/>
                    </a:lnTo>
                    <a:lnTo>
                      <a:pt x="318" y="573"/>
                    </a:lnTo>
                    <a:lnTo>
                      <a:pt x="313" y="553"/>
                    </a:lnTo>
                    <a:lnTo>
                      <a:pt x="310" y="532"/>
                    </a:lnTo>
                    <a:lnTo>
                      <a:pt x="307" y="511"/>
                    </a:lnTo>
                    <a:lnTo>
                      <a:pt x="305" y="488"/>
                    </a:lnTo>
                    <a:lnTo>
                      <a:pt x="304" y="465"/>
                    </a:lnTo>
                    <a:lnTo>
                      <a:pt x="303" y="442"/>
                    </a:lnTo>
                    <a:lnTo>
                      <a:pt x="303" y="440"/>
                    </a:lnTo>
                    <a:lnTo>
                      <a:pt x="290" y="431"/>
                    </a:lnTo>
                    <a:lnTo>
                      <a:pt x="276" y="423"/>
                    </a:lnTo>
                    <a:lnTo>
                      <a:pt x="263" y="414"/>
                    </a:lnTo>
                    <a:lnTo>
                      <a:pt x="249" y="407"/>
                    </a:lnTo>
                    <a:lnTo>
                      <a:pt x="220" y="393"/>
                    </a:lnTo>
                    <a:lnTo>
                      <a:pt x="188" y="382"/>
                    </a:lnTo>
                    <a:lnTo>
                      <a:pt x="156" y="371"/>
                    </a:lnTo>
                    <a:lnTo>
                      <a:pt x="124" y="360"/>
                    </a:lnTo>
                    <a:lnTo>
                      <a:pt x="91" y="350"/>
                    </a:lnTo>
                    <a:lnTo>
                      <a:pt x="58" y="338"/>
                    </a:lnTo>
                    <a:lnTo>
                      <a:pt x="61" y="352"/>
                    </a:lnTo>
                    <a:lnTo>
                      <a:pt x="61" y="366"/>
                    </a:lnTo>
                    <a:lnTo>
                      <a:pt x="60" y="380"/>
                    </a:lnTo>
                    <a:lnTo>
                      <a:pt x="57" y="395"/>
                    </a:lnTo>
                    <a:lnTo>
                      <a:pt x="52" y="427"/>
                    </a:lnTo>
                    <a:lnTo>
                      <a:pt x="46" y="458"/>
                    </a:lnTo>
                    <a:lnTo>
                      <a:pt x="42" y="475"/>
                    </a:lnTo>
                    <a:lnTo>
                      <a:pt x="40" y="492"/>
                    </a:lnTo>
                    <a:lnTo>
                      <a:pt x="36" y="510"/>
                    </a:lnTo>
                    <a:lnTo>
                      <a:pt x="35" y="527"/>
                    </a:lnTo>
                    <a:lnTo>
                      <a:pt x="34" y="545"/>
                    </a:lnTo>
                    <a:lnTo>
                      <a:pt x="35" y="564"/>
                    </a:lnTo>
                    <a:lnTo>
                      <a:pt x="36" y="582"/>
                    </a:lnTo>
                    <a:lnTo>
                      <a:pt x="41" y="601"/>
                    </a:lnTo>
                    <a:lnTo>
                      <a:pt x="34" y="595"/>
                    </a:lnTo>
                    <a:lnTo>
                      <a:pt x="28" y="589"/>
                    </a:lnTo>
                    <a:lnTo>
                      <a:pt x="23" y="583"/>
                    </a:lnTo>
                    <a:lnTo>
                      <a:pt x="18" y="576"/>
                    </a:lnTo>
                    <a:lnTo>
                      <a:pt x="14" y="570"/>
                    </a:lnTo>
                    <a:lnTo>
                      <a:pt x="11" y="564"/>
                    </a:lnTo>
                    <a:lnTo>
                      <a:pt x="8" y="556"/>
                    </a:lnTo>
                    <a:lnTo>
                      <a:pt x="6" y="550"/>
                    </a:lnTo>
                    <a:lnTo>
                      <a:pt x="3" y="535"/>
                    </a:lnTo>
                    <a:lnTo>
                      <a:pt x="1" y="519"/>
                    </a:lnTo>
                    <a:lnTo>
                      <a:pt x="0" y="504"/>
                    </a:lnTo>
                    <a:lnTo>
                      <a:pt x="1" y="487"/>
                    </a:lnTo>
                    <a:lnTo>
                      <a:pt x="5" y="454"/>
                    </a:lnTo>
                    <a:lnTo>
                      <a:pt x="10" y="420"/>
                    </a:lnTo>
                    <a:lnTo>
                      <a:pt x="16" y="388"/>
                    </a:lnTo>
                    <a:lnTo>
                      <a:pt x="22" y="357"/>
                    </a:lnTo>
                    <a:lnTo>
                      <a:pt x="27" y="312"/>
                    </a:lnTo>
                    <a:lnTo>
                      <a:pt x="32" y="267"/>
                    </a:lnTo>
                    <a:lnTo>
                      <a:pt x="36" y="221"/>
                    </a:lnTo>
                    <a:lnTo>
                      <a:pt x="42" y="175"/>
                    </a:lnTo>
                    <a:lnTo>
                      <a:pt x="46" y="131"/>
                    </a:lnTo>
                    <a:lnTo>
                      <a:pt x="50" y="87"/>
                    </a:lnTo>
                    <a:lnTo>
                      <a:pt x="54" y="43"/>
                    </a:lnTo>
                    <a:lnTo>
                      <a:pt x="58" y="1"/>
                    </a:lnTo>
                    <a:lnTo>
                      <a:pt x="68" y="0"/>
                    </a:lnTo>
                    <a:lnTo>
                      <a:pt x="76" y="0"/>
                    </a:lnTo>
                    <a:lnTo>
                      <a:pt x="84" y="0"/>
                    </a:lnTo>
                    <a:lnTo>
                      <a:pt x="92" y="1"/>
                    </a:lnTo>
                    <a:lnTo>
                      <a:pt x="106" y="3"/>
                    </a:lnTo>
                    <a:lnTo>
                      <a:pt x="120" y="7"/>
                    </a:lnTo>
                    <a:lnTo>
                      <a:pt x="132" y="9"/>
                    </a:lnTo>
                    <a:lnTo>
                      <a:pt x="145" y="9"/>
                    </a:lnTo>
                    <a:lnTo>
                      <a:pt x="151" y="9"/>
                    </a:lnTo>
                    <a:lnTo>
                      <a:pt x="157" y="7"/>
                    </a:lnTo>
                    <a:lnTo>
                      <a:pt x="165" y="5"/>
                    </a:lnTo>
                    <a:lnTo>
                      <a:pt x="171" y="1"/>
                    </a:lnTo>
                    <a:lnTo>
                      <a:pt x="174" y="10"/>
                    </a:lnTo>
                    <a:lnTo>
                      <a:pt x="179" y="18"/>
                    </a:lnTo>
                    <a:lnTo>
                      <a:pt x="184" y="26"/>
                    </a:lnTo>
                    <a:lnTo>
                      <a:pt x="189" y="33"/>
                    </a:lnTo>
                    <a:lnTo>
                      <a:pt x="194" y="39"/>
                    </a:lnTo>
                    <a:lnTo>
                      <a:pt x="201" y="46"/>
                    </a:lnTo>
                    <a:lnTo>
                      <a:pt x="207" y="51"/>
                    </a:lnTo>
                    <a:lnTo>
                      <a:pt x="213" y="56"/>
                    </a:lnTo>
                    <a:lnTo>
                      <a:pt x="221" y="60"/>
                    </a:lnTo>
                    <a:lnTo>
                      <a:pt x="228" y="64"/>
                    </a:lnTo>
                    <a:lnTo>
                      <a:pt x="236" y="67"/>
                    </a:lnTo>
                    <a:lnTo>
                      <a:pt x="244" y="70"/>
                    </a:lnTo>
                    <a:lnTo>
                      <a:pt x="260" y="73"/>
                    </a:lnTo>
                    <a:lnTo>
                      <a:pt x="276" y="75"/>
                    </a:lnTo>
                    <a:lnTo>
                      <a:pt x="294" y="75"/>
                    </a:lnTo>
                    <a:lnTo>
                      <a:pt x="311" y="73"/>
                    </a:lnTo>
                    <a:lnTo>
                      <a:pt x="327" y="70"/>
                    </a:lnTo>
                    <a:lnTo>
                      <a:pt x="344" y="65"/>
                    </a:lnTo>
                    <a:lnTo>
                      <a:pt x="359" y="58"/>
                    </a:lnTo>
                    <a:lnTo>
                      <a:pt x="372" y="50"/>
                    </a:lnTo>
                    <a:lnTo>
                      <a:pt x="385" y="40"/>
                    </a:lnTo>
                    <a:lnTo>
                      <a:pt x="396" y="29"/>
                    </a:lnTo>
                    <a:lnTo>
                      <a:pt x="420" y="27"/>
                    </a:lnTo>
                    <a:lnTo>
                      <a:pt x="441" y="27"/>
                    </a:lnTo>
                    <a:lnTo>
                      <a:pt x="461" y="28"/>
                    </a:lnTo>
                    <a:lnTo>
                      <a:pt x="479" y="31"/>
                    </a:lnTo>
                    <a:lnTo>
                      <a:pt x="494" y="36"/>
                    </a:lnTo>
                    <a:lnTo>
                      <a:pt x="508" y="43"/>
                    </a:lnTo>
                    <a:lnTo>
                      <a:pt x="522" y="51"/>
                    </a:lnTo>
                    <a:lnTo>
                      <a:pt x="532" y="61"/>
                    </a:lnTo>
                    <a:lnTo>
                      <a:pt x="543" y="72"/>
                    </a:lnTo>
                    <a:lnTo>
                      <a:pt x="552" y="84"/>
                    </a:lnTo>
                    <a:lnTo>
                      <a:pt x="561" y="96"/>
                    </a:lnTo>
                    <a:lnTo>
                      <a:pt x="568" y="110"/>
                    </a:lnTo>
                    <a:lnTo>
                      <a:pt x="574" y="125"/>
                    </a:lnTo>
                    <a:lnTo>
                      <a:pt x="581" y="139"/>
                    </a:lnTo>
                    <a:lnTo>
                      <a:pt x="587" y="154"/>
                    </a:lnTo>
                    <a:lnTo>
                      <a:pt x="592" y="170"/>
                    </a:lnTo>
                    <a:lnTo>
                      <a:pt x="601" y="167"/>
                    </a:lnTo>
                    <a:lnTo>
                      <a:pt x="608" y="165"/>
                    </a:lnTo>
                    <a:lnTo>
                      <a:pt x="617" y="164"/>
                    </a:lnTo>
                    <a:lnTo>
                      <a:pt x="624" y="164"/>
                    </a:lnTo>
                    <a:lnTo>
                      <a:pt x="632" y="165"/>
                    </a:lnTo>
                    <a:lnTo>
                      <a:pt x="641" y="166"/>
                    </a:lnTo>
                    <a:lnTo>
                      <a:pt x="648" y="168"/>
                    </a:lnTo>
                    <a:lnTo>
                      <a:pt x="657" y="171"/>
                    </a:lnTo>
                    <a:lnTo>
                      <a:pt x="686" y="184"/>
                    </a:lnTo>
                    <a:lnTo>
                      <a:pt x="714" y="197"/>
                    </a:lnTo>
                    <a:lnTo>
                      <a:pt x="713" y="208"/>
                    </a:lnTo>
                    <a:lnTo>
                      <a:pt x="716" y="216"/>
                    </a:lnTo>
                    <a:lnTo>
                      <a:pt x="718" y="224"/>
                    </a:lnTo>
                    <a:lnTo>
                      <a:pt x="720" y="230"/>
                    </a:lnTo>
                    <a:lnTo>
                      <a:pt x="722" y="235"/>
                    </a:lnTo>
                    <a:lnTo>
                      <a:pt x="722" y="241"/>
                    </a:lnTo>
                    <a:lnTo>
                      <a:pt x="722" y="244"/>
                    </a:lnTo>
                    <a:lnTo>
                      <a:pt x="720" y="247"/>
                    </a:lnTo>
                    <a:lnTo>
                      <a:pt x="718" y="250"/>
                    </a:lnTo>
                    <a:lnTo>
                      <a:pt x="714" y="254"/>
                    </a:lnTo>
                    <a:lnTo>
                      <a:pt x="720" y="258"/>
                    </a:lnTo>
                    <a:lnTo>
                      <a:pt x="726" y="260"/>
                    </a:lnTo>
                    <a:lnTo>
                      <a:pt x="733" y="263"/>
                    </a:lnTo>
                    <a:lnTo>
                      <a:pt x="742" y="264"/>
                    </a:lnTo>
                    <a:lnTo>
                      <a:pt x="761" y="264"/>
                    </a:lnTo>
                    <a:lnTo>
                      <a:pt x="780" y="264"/>
                    </a:lnTo>
                    <a:lnTo>
                      <a:pt x="783" y="268"/>
                    </a:lnTo>
                    <a:lnTo>
                      <a:pt x="786" y="273"/>
                    </a:lnTo>
                    <a:lnTo>
                      <a:pt x="788" y="279"/>
                    </a:lnTo>
                    <a:lnTo>
                      <a:pt x="789" y="287"/>
                    </a:lnTo>
                    <a:lnTo>
                      <a:pt x="790" y="303"/>
                    </a:lnTo>
                    <a:lnTo>
                      <a:pt x="789" y="319"/>
                    </a:lnTo>
                    <a:lnTo>
                      <a:pt x="811" y="304"/>
                    </a:lnTo>
                    <a:lnTo>
                      <a:pt x="835" y="291"/>
                    </a:lnTo>
                    <a:lnTo>
                      <a:pt x="846" y="286"/>
                    </a:lnTo>
                    <a:lnTo>
                      <a:pt x="858" y="280"/>
                    </a:lnTo>
                    <a:lnTo>
                      <a:pt x="869" y="277"/>
                    </a:lnTo>
                    <a:lnTo>
                      <a:pt x="881" y="274"/>
                    </a:lnTo>
                    <a:lnTo>
                      <a:pt x="894" y="272"/>
                    </a:lnTo>
                    <a:lnTo>
                      <a:pt x="906" y="272"/>
                    </a:lnTo>
                    <a:lnTo>
                      <a:pt x="919" y="273"/>
                    </a:lnTo>
                    <a:lnTo>
                      <a:pt x="931" y="275"/>
                    </a:lnTo>
                    <a:lnTo>
                      <a:pt x="944" y="279"/>
                    </a:lnTo>
                    <a:lnTo>
                      <a:pt x="958" y="285"/>
                    </a:lnTo>
                    <a:lnTo>
                      <a:pt x="971" y="292"/>
                    </a:lnTo>
                    <a:lnTo>
                      <a:pt x="986" y="300"/>
                    </a:lnTo>
                    <a:lnTo>
                      <a:pt x="985" y="316"/>
                    </a:lnTo>
                    <a:lnTo>
                      <a:pt x="985" y="330"/>
                    </a:lnTo>
                    <a:lnTo>
                      <a:pt x="987" y="341"/>
                    </a:lnTo>
                    <a:lnTo>
                      <a:pt x="989" y="351"/>
                    </a:lnTo>
                    <a:lnTo>
                      <a:pt x="994" y="359"/>
                    </a:lnTo>
                    <a:lnTo>
                      <a:pt x="998" y="366"/>
                    </a:lnTo>
                    <a:lnTo>
                      <a:pt x="1004" y="371"/>
                    </a:lnTo>
                    <a:lnTo>
                      <a:pt x="1010" y="375"/>
                    </a:lnTo>
                    <a:lnTo>
                      <a:pt x="1018" y="378"/>
                    </a:lnTo>
                    <a:lnTo>
                      <a:pt x="1026" y="380"/>
                    </a:lnTo>
                    <a:lnTo>
                      <a:pt x="1036" y="382"/>
                    </a:lnTo>
                    <a:lnTo>
                      <a:pt x="1045" y="383"/>
                    </a:lnTo>
                    <a:lnTo>
                      <a:pt x="1066" y="384"/>
                    </a:lnTo>
                    <a:lnTo>
                      <a:pt x="1089" y="385"/>
                    </a:lnTo>
                    <a:lnTo>
                      <a:pt x="1085" y="395"/>
                    </a:lnTo>
                    <a:lnTo>
                      <a:pt x="1083" y="405"/>
                    </a:lnTo>
                    <a:lnTo>
                      <a:pt x="1083" y="413"/>
                    </a:lnTo>
                    <a:lnTo>
                      <a:pt x="1085" y="419"/>
                    </a:lnTo>
                    <a:lnTo>
                      <a:pt x="1088" y="426"/>
                    </a:lnTo>
                    <a:lnTo>
                      <a:pt x="1093" y="431"/>
                    </a:lnTo>
                    <a:lnTo>
                      <a:pt x="1098" y="435"/>
                    </a:lnTo>
                    <a:lnTo>
                      <a:pt x="1103" y="439"/>
                    </a:lnTo>
                    <a:lnTo>
                      <a:pt x="1114" y="445"/>
                    </a:lnTo>
                    <a:lnTo>
                      <a:pt x="1123" y="450"/>
                    </a:lnTo>
                    <a:lnTo>
                      <a:pt x="1126" y="452"/>
                    </a:lnTo>
                    <a:lnTo>
                      <a:pt x="1128" y="455"/>
                    </a:lnTo>
                    <a:lnTo>
                      <a:pt x="1128" y="457"/>
                    </a:lnTo>
                    <a:lnTo>
                      <a:pt x="1126" y="459"/>
                    </a:lnTo>
                    <a:lnTo>
                      <a:pt x="1124" y="466"/>
                    </a:lnTo>
                    <a:lnTo>
                      <a:pt x="1121" y="469"/>
                    </a:lnTo>
                    <a:lnTo>
                      <a:pt x="1117" y="472"/>
                    </a:lnTo>
                    <a:lnTo>
                      <a:pt x="1111" y="474"/>
                    </a:lnTo>
                    <a:lnTo>
                      <a:pt x="1099" y="475"/>
                    </a:lnTo>
                    <a:lnTo>
                      <a:pt x="1084" y="475"/>
                    </a:lnTo>
                    <a:lnTo>
                      <a:pt x="1067" y="475"/>
                    </a:lnTo>
                    <a:lnTo>
                      <a:pt x="1051" y="476"/>
                    </a:lnTo>
                    <a:lnTo>
                      <a:pt x="1043" y="477"/>
                    </a:lnTo>
                    <a:lnTo>
                      <a:pt x="1037" y="480"/>
                    </a:lnTo>
                    <a:lnTo>
                      <a:pt x="1029" y="484"/>
                    </a:lnTo>
                    <a:lnTo>
                      <a:pt x="1023" y="488"/>
                    </a:lnTo>
                    <a:lnTo>
                      <a:pt x="1022" y="494"/>
                    </a:lnTo>
                    <a:lnTo>
                      <a:pt x="1022" y="500"/>
                    </a:lnTo>
                    <a:lnTo>
                      <a:pt x="1022" y="505"/>
                    </a:lnTo>
                    <a:lnTo>
                      <a:pt x="1024" y="509"/>
                    </a:lnTo>
                    <a:lnTo>
                      <a:pt x="1027" y="515"/>
                    </a:lnTo>
                    <a:lnTo>
                      <a:pt x="1033" y="521"/>
                    </a:lnTo>
                    <a:lnTo>
                      <a:pt x="1038" y="526"/>
                    </a:lnTo>
                    <a:lnTo>
                      <a:pt x="1042" y="533"/>
                    </a:lnTo>
                    <a:lnTo>
                      <a:pt x="1043" y="537"/>
                    </a:lnTo>
                    <a:lnTo>
                      <a:pt x="1044" y="542"/>
                    </a:lnTo>
                    <a:lnTo>
                      <a:pt x="1043" y="547"/>
                    </a:lnTo>
                    <a:lnTo>
                      <a:pt x="1042" y="553"/>
                    </a:lnTo>
                    <a:lnTo>
                      <a:pt x="1036" y="554"/>
                    </a:lnTo>
                    <a:lnTo>
                      <a:pt x="1029" y="555"/>
                    </a:lnTo>
                    <a:lnTo>
                      <a:pt x="1024" y="557"/>
                    </a:lnTo>
                    <a:lnTo>
                      <a:pt x="1020" y="559"/>
                    </a:lnTo>
                    <a:lnTo>
                      <a:pt x="1014" y="567"/>
                    </a:lnTo>
                    <a:lnTo>
                      <a:pt x="1007" y="575"/>
                    </a:lnTo>
                    <a:lnTo>
                      <a:pt x="1004" y="578"/>
                    </a:lnTo>
                    <a:lnTo>
                      <a:pt x="1001" y="583"/>
                    </a:lnTo>
                    <a:lnTo>
                      <a:pt x="997" y="586"/>
                    </a:lnTo>
                    <a:lnTo>
                      <a:pt x="992" y="589"/>
                    </a:lnTo>
                    <a:lnTo>
                      <a:pt x="988" y="591"/>
                    </a:lnTo>
                    <a:lnTo>
                      <a:pt x="982" y="592"/>
                    </a:lnTo>
                    <a:lnTo>
                      <a:pt x="976" y="592"/>
                    </a:lnTo>
                    <a:lnTo>
                      <a:pt x="967" y="591"/>
                    </a:lnTo>
                    <a:lnTo>
                      <a:pt x="967" y="598"/>
                    </a:lnTo>
                    <a:lnTo>
                      <a:pt x="968" y="604"/>
                    </a:lnTo>
                    <a:lnTo>
                      <a:pt x="970" y="609"/>
                    </a:lnTo>
                    <a:lnTo>
                      <a:pt x="974" y="613"/>
                    </a:lnTo>
                    <a:lnTo>
                      <a:pt x="976" y="617"/>
                    </a:lnTo>
                    <a:lnTo>
                      <a:pt x="978" y="623"/>
                    </a:lnTo>
                    <a:lnTo>
                      <a:pt x="978" y="629"/>
                    </a:lnTo>
                    <a:lnTo>
                      <a:pt x="977" y="637"/>
                    </a:lnTo>
                    <a:lnTo>
                      <a:pt x="968" y="647"/>
                    </a:lnTo>
                    <a:lnTo>
                      <a:pt x="961" y="655"/>
                    </a:lnTo>
                    <a:lnTo>
                      <a:pt x="955" y="665"/>
                    </a:lnTo>
                    <a:lnTo>
                      <a:pt x="949" y="674"/>
                    </a:lnTo>
                    <a:lnTo>
                      <a:pt x="945" y="684"/>
                    </a:lnTo>
                    <a:lnTo>
                      <a:pt x="941" y="693"/>
                    </a:lnTo>
                    <a:lnTo>
                      <a:pt x="938" y="703"/>
                    </a:lnTo>
                    <a:lnTo>
                      <a:pt x="936" y="713"/>
                    </a:lnTo>
                    <a:lnTo>
                      <a:pt x="935" y="724"/>
                    </a:lnTo>
                    <a:lnTo>
                      <a:pt x="935" y="733"/>
                    </a:lnTo>
                    <a:lnTo>
                      <a:pt x="935" y="744"/>
                    </a:lnTo>
                    <a:lnTo>
                      <a:pt x="936" y="753"/>
                    </a:lnTo>
                    <a:lnTo>
                      <a:pt x="937" y="763"/>
                    </a:lnTo>
                    <a:lnTo>
                      <a:pt x="939" y="773"/>
                    </a:lnTo>
                    <a:lnTo>
                      <a:pt x="942" y="783"/>
                    </a:lnTo>
                    <a:lnTo>
                      <a:pt x="946" y="791"/>
                    </a:lnTo>
                    <a:lnTo>
                      <a:pt x="950" y="801"/>
                    </a:lnTo>
                    <a:lnTo>
                      <a:pt x="956" y="809"/>
                    </a:lnTo>
                    <a:lnTo>
                      <a:pt x="962" y="817"/>
                    </a:lnTo>
                    <a:lnTo>
                      <a:pt x="968" y="825"/>
                    </a:lnTo>
                    <a:lnTo>
                      <a:pt x="975" y="832"/>
                    </a:lnTo>
                    <a:lnTo>
                      <a:pt x="983" y="840"/>
                    </a:lnTo>
                    <a:lnTo>
                      <a:pt x="990" y="846"/>
                    </a:lnTo>
                    <a:lnTo>
                      <a:pt x="1000" y="852"/>
                    </a:lnTo>
                    <a:lnTo>
                      <a:pt x="1009" y="856"/>
                    </a:lnTo>
                    <a:lnTo>
                      <a:pt x="1019" y="862"/>
                    </a:lnTo>
                    <a:lnTo>
                      <a:pt x="1029" y="865"/>
                    </a:lnTo>
                    <a:lnTo>
                      <a:pt x="1040" y="868"/>
                    </a:lnTo>
                    <a:lnTo>
                      <a:pt x="1051" y="870"/>
                    </a:lnTo>
                    <a:lnTo>
                      <a:pt x="1064" y="872"/>
                    </a:lnTo>
                    <a:lnTo>
                      <a:pt x="1076" y="872"/>
                    </a:lnTo>
                    <a:lnTo>
                      <a:pt x="1089" y="872"/>
                    </a:lnTo>
                    <a:lnTo>
                      <a:pt x="1085" y="888"/>
                    </a:lnTo>
                    <a:lnTo>
                      <a:pt x="1081" y="904"/>
                    </a:lnTo>
                    <a:lnTo>
                      <a:pt x="1077" y="920"/>
                    </a:lnTo>
                    <a:lnTo>
                      <a:pt x="1070" y="933"/>
                    </a:lnTo>
                    <a:lnTo>
                      <a:pt x="1067" y="941"/>
                    </a:lnTo>
                    <a:lnTo>
                      <a:pt x="1064" y="947"/>
                    </a:lnTo>
                    <a:lnTo>
                      <a:pt x="1060" y="952"/>
                    </a:lnTo>
                    <a:lnTo>
                      <a:pt x="1056" y="957"/>
                    </a:lnTo>
                    <a:lnTo>
                      <a:pt x="1050" y="963"/>
                    </a:lnTo>
                    <a:lnTo>
                      <a:pt x="1045" y="968"/>
                    </a:lnTo>
                    <a:lnTo>
                      <a:pt x="1039" y="971"/>
                    </a:lnTo>
                    <a:lnTo>
                      <a:pt x="1033" y="975"/>
                    </a:lnTo>
                    <a:lnTo>
                      <a:pt x="1031" y="981"/>
                    </a:lnTo>
                    <a:lnTo>
                      <a:pt x="1030" y="986"/>
                    </a:lnTo>
                    <a:lnTo>
                      <a:pt x="1031" y="990"/>
                    </a:lnTo>
                    <a:lnTo>
                      <a:pt x="1033" y="994"/>
                    </a:lnTo>
                    <a:lnTo>
                      <a:pt x="1036" y="1001"/>
                    </a:lnTo>
                    <a:lnTo>
                      <a:pt x="1040" y="1005"/>
                    </a:lnTo>
                    <a:lnTo>
                      <a:pt x="1045" y="1010"/>
                    </a:lnTo>
                    <a:lnTo>
                      <a:pt x="1049" y="1014"/>
                    </a:lnTo>
                    <a:lnTo>
                      <a:pt x="1050" y="1018"/>
                    </a:lnTo>
                    <a:lnTo>
                      <a:pt x="1051" y="1022"/>
                    </a:lnTo>
                    <a:lnTo>
                      <a:pt x="1051" y="1026"/>
                    </a:lnTo>
                    <a:lnTo>
                      <a:pt x="1051" y="1031"/>
                    </a:lnTo>
                    <a:lnTo>
                      <a:pt x="1040" y="1038"/>
                    </a:lnTo>
                    <a:lnTo>
                      <a:pt x="1027" y="1042"/>
                    </a:lnTo>
                    <a:lnTo>
                      <a:pt x="1015" y="1045"/>
                    </a:lnTo>
                    <a:lnTo>
                      <a:pt x="1002" y="1046"/>
                    </a:lnTo>
                    <a:lnTo>
                      <a:pt x="988" y="1047"/>
                    </a:lnTo>
                    <a:lnTo>
                      <a:pt x="976" y="1045"/>
                    </a:lnTo>
                    <a:lnTo>
                      <a:pt x="963" y="1043"/>
                    </a:lnTo>
                    <a:lnTo>
                      <a:pt x="951" y="1040"/>
                    </a:lnTo>
                    <a:lnTo>
                      <a:pt x="941" y="1035"/>
                    </a:lnTo>
                    <a:lnTo>
                      <a:pt x="930" y="1030"/>
                    </a:lnTo>
                    <a:lnTo>
                      <a:pt x="922" y="1024"/>
                    </a:lnTo>
                    <a:lnTo>
                      <a:pt x="915" y="1016"/>
                    </a:lnTo>
                    <a:lnTo>
                      <a:pt x="908" y="1009"/>
                    </a:lnTo>
                    <a:lnTo>
                      <a:pt x="904" y="1002"/>
                    </a:lnTo>
                    <a:lnTo>
                      <a:pt x="903" y="998"/>
                    </a:lnTo>
                    <a:lnTo>
                      <a:pt x="902" y="993"/>
                    </a:lnTo>
                    <a:lnTo>
                      <a:pt x="902" y="989"/>
                    </a:lnTo>
                    <a:lnTo>
                      <a:pt x="902" y="984"/>
                    </a:lnTo>
                    <a:lnTo>
                      <a:pt x="892" y="975"/>
                    </a:lnTo>
                    <a:lnTo>
                      <a:pt x="883" y="968"/>
                    </a:lnTo>
                    <a:lnTo>
                      <a:pt x="874" y="963"/>
                    </a:lnTo>
                    <a:lnTo>
                      <a:pt x="863" y="960"/>
                    </a:lnTo>
                    <a:lnTo>
                      <a:pt x="852" y="959"/>
                    </a:lnTo>
                    <a:lnTo>
                      <a:pt x="842" y="957"/>
                    </a:lnTo>
                    <a:lnTo>
                      <a:pt x="830" y="959"/>
                    </a:lnTo>
                    <a:lnTo>
                      <a:pt x="819" y="960"/>
                    </a:lnTo>
                    <a:lnTo>
                      <a:pt x="797" y="965"/>
                    </a:lnTo>
                    <a:lnTo>
                      <a:pt x="775" y="970"/>
                    </a:lnTo>
                    <a:lnTo>
                      <a:pt x="764" y="972"/>
                    </a:lnTo>
                    <a:lnTo>
                      <a:pt x="753" y="974"/>
                    </a:lnTo>
                    <a:lnTo>
                      <a:pt x="743" y="975"/>
                    </a:lnTo>
                    <a:lnTo>
                      <a:pt x="733" y="975"/>
                    </a:lnTo>
                    <a:lnTo>
                      <a:pt x="725" y="973"/>
                    </a:lnTo>
                    <a:lnTo>
                      <a:pt x="718" y="971"/>
                    </a:lnTo>
                    <a:lnTo>
                      <a:pt x="711" y="969"/>
                    </a:lnTo>
                    <a:lnTo>
                      <a:pt x="705" y="965"/>
                    </a:lnTo>
                    <a:lnTo>
                      <a:pt x="693" y="957"/>
                    </a:lnTo>
                    <a:lnTo>
                      <a:pt x="683" y="950"/>
                    </a:lnTo>
                    <a:lnTo>
                      <a:pt x="678" y="947"/>
                    </a:lnTo>
                    <a:lnTo>
                      <a:pt x="673" y="945"/>
                    </a:lnTo>
                    <a:lnTo>
                      <a:pt x="668" y="943"/>
                    </a:lnTo>
                    <a:lnTo>
                      <a:pt x="663" y="943"/>
                    </a:lnTo>
                    <a:lnTo>
                      <a:pt x="658" y="944"/>
                    </a:lnTo>
                    <a:lnTo>
                      <a:pt x="652" y="946"/>
                    </a:lnTo>
                    <a:lnTo>
                      <a:pt x="646" y="950"/>
                    </a:lnTo>
                    <a:lnTo>
                      <a:pt x="640" y="956"/>
                    </a:lnTo>
                    <a:lnTo>
                      <a:pt x="640" y="964"/>
                    </a:lnTo>
                    <a:lnTo>
                      <a:pt x="642" y="970"/>
                    </a:lnTo>
                    <a:lnTo>
                      <a:pt x="644" y="976"/>
                    </a:lnTo>
                    <a:lnTo>
                      <a:pt x="646" y="982"/>
                    </a:lnTo>
                    <a:lnTo>
                      <a:pt x="649" y="988"/>
                    </a:lnTo>
                    <a:lnTo>
                      <a:pt x="650" y="994"/>
                    </a:lnTo>
                    <a:lnTo>
                      <a:pt x="650" y="1003"/>
                    </a:lnTo>
                    <a:lnTo>
                      <a:pt x="649" y="1012"/>
                    </a:lnTo>
                    <a:lnTo>
                      <a:pt x="639" y="1013"/>
                    </a:lnTo>
                    <a:lnTo>
                      <a:pt x="630" y="1015"/>
                    </a:lnTo>
                    <a:lnTo>
                      <a:pt x="624" y="1019"/>
                    </a:lnTo>
                    <a:lnTo>
                      <a:pt x="618" y="1023"/>
                    </a:lnTo>
                    <a:lnTo>
                      <a:pt x="606" y="1032"/>
                    </a:lnTo>
                    <a:lnTo>
                      <a:pt x="592" y="1041"/>
                    </a:lnTo>
                    <a:lnTo>
                      <a:pt x="592" y="1048"/>
                    </a:lnTo>
                    <a:lnTo>
                      <a:pt x="593" y="1053"/>
                    </a:lnTo>
                    <a:lnTo>
                      <a:pt x="596" y="1059"/>
                    </a:lnTo>
                    <a:lnTo>
                      <a:pt x="599" y="1063"/>
                    </a:lnTo>
                    <a:lnTo>
                      <a:pt x="602" y="1067"/>
                    </a:lnTo>
                    <a:lnTo>
                      <a:pt x="603" y="1072"/>
                    </a:lnTo>
                    <a:lnTo>
                      <a:pt x="604" y="1079"/>
                    </a:lnTo>
                    <a:lnTo>
                      <a:pt x="602" y="1087"/>
                    </a:lnTo>
                    <a:lnTo>
                      <a:pt x="593" y="1092"/>
                    </a:lnTo>
                    <a:lnTo>
                      <a:pt x="584" y="1098"/>
                    </a:lnTo>
                    <a:lnTo>
                      <a:pt x="574" y="1101"/>
                    </a:lnTo>
                    <a:lnTo>
                      <a:pt x="565" y="1103"/>
                    </a:lnTo>
                    <a:lnTo>
                      <a:pt x="554" y="1105"/>
                    </a:lnTo>
                    <a:lnTo>
                      <a:pt x="545" y="1106"/>
                    </a:lnTo>
                    <a:lnTo>
                      <a:pt x="535" y="1106"/>
                    </a:lnTo>
                    <a:lnTo>
                      <a:pt x="526" y="1104"/>
                    </a:lnTo>
                    <a:lnTo>
                      <a:pt x="517" y="1102"/>
                    </a:lnTo>
                    <a:lnTo>
                      <a:pt x="508" y="1099"/>
                    </a:lnTo>
                    <a:lnTo>
                      <a:pt x="501" y="1093"/>
                    </a:lnTo>
                    <a:lnTo>
                      <a:pt x="494" y="1087"/>
                    </a:lnTo>
                    <a:lnTo>
                      <a:pt x="489" y="1080"/>
                    </a:lnTo>
                    <a:lnTo>
                      <a:pt x="485" y="1071"/>
                    </a:lnTo>
                    <a:lnTo>
                      <a:pt x="482" y="1062"/>
                    </a:lnTo>
                    <a:lnTo>
                      <a:pt x="481" y="1050"/>
                    </a:lnTo>
                    <a:lnTo>
                      <a:pt x="463" y="1049"/>
                    </a:lnTo>
                    <a:lnTo>
                      <a:pt x="446" y="1047"/>
                    </a:lnTo>
                    <a:lnTo>
                      <a:pt x="430" y="1044"/>
                    </a:lnTo>
                    <a:lnTo>
                      <a:pt x="417" y="1039"/>
                    </a:lnTo>
                    <a:lnTo>
                      <a:pt x="410" y="1036"/>
                    </a:lnTo>
                    <a:lnTo>
                      <a:pt x="404" y="1033"/>
                    </a:lnTo>
                    <a:lnTo>
                      <a:pt x="398" y="1029"/>
                    </a:lnTo>
                    <a:lnTo>
                      <a:pt x="392" y="1025"/>
                    </a:lnTo>
                    <a:lnTo>
                      <a:pt x="388" y="1021"/>
                    </a:lnTo>
                    <a:lnTo>
                      <a:pt x="384" y="1015"/>
                    </a:lnTo>
                    <a:lnTo>
                      <a:pt x="381" y="1009"/>
                    </a:lnTo>
                    <a:lnTo>
                      <a:pt x="378" y="1003"/>
                    </a:lnTo>
                    <a:lnTo>
                      <a:pt x="366" y="1007"/>
                    </a:lnTo>
                    <a:lnTo>
                      <a:pt x="355" y="1012"/>
                    </a:lnTo>
                    <a:lnTo>
                      <a:pt x="347" y="1019"/>
                    </a:lnTo>
                    <a:lnTo>
                      <a:pt x="339" y="1026"/>
                    </a:lnTo>
                    <a:lnTo>
                      <a:pt x="325" y="1042"/>
                    </a:lnTo>
                    <a:lnTo>
                      <a:pt x="311" y="1060"/>
                    </a:lnTo>
                    <a:lnTo>
                      <a:pt x="290" y="1056"/>
                    </a:lnTo>
                    <a:lnTo>
                      <a:pt x="270" y="1053"/>
                    </a:lnTo>
                    <a:lnTo>
                      <a:pt x="251" y="1050"/>
                    </a:lnTo>
                    <a:lnTo>
                      <a:pt x="233" y="1046"/>
                    </a:lnTo>
                    <a:lnTo>
                      <a:pt x="225" y="1042"/>
                    </a:lnTo>
                    <a:lnTo>
                      <a:pt x="216" y="1039"/>
                    </a:lnTo>
                    <a:lnTo>
                      <a:pt x="210" y="1033"/>
                    </a:lnTo>
                    <a:lnTo>
                      <a:pt x="203" y="1028"/>
                    </a:lnTo>
                    <a:lnTo>
                      <a:pt x="196" y="1021"/>
                    </a:lnTo>
                    <a:lnTo>
                      <a:pt x="190" y="1013"/>
                    </a:lnTo>
                    <a:lnTo>
                      <a:pt x="185" y="1004"/>
                    </a:lnTo>
                    <a:lnTo>
                      <a:pt x="181" y="993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36" name="Ringkøbing-Skjern kant"/>
              <p:cNvSpPr>
                <a:spLocks/>
              </p:cNvSpPr>
              <p:nvPr/>
            </p:nvSpPr>
            <p:spPr bwMode="auto">
              <a:xfrm>
                <a:off x="515938" y="4178306"/>
                <a:ext cx="596901" cy="585788"/>
              </a:xfrm>
              <a:custGeom>
                <a:avLst/>
                <a:gdLst>
                  <a:gd name="T0" fmla="*/ 74 w 1128"/>
                  <a:gd name="T1" fmla="*/ 329 h 1106"/>
                  <a:gd name="T2" fmla="*/ 77 w 1128"/>
                  <a:gd name="T3" fmla="*/ 324 h 1106"/>
                  <a:gd name="T4" fmla="*/ 120 w 1128"/>
                  <a:gd name="T5" fmla="*/ 300 h 1106"/>
                  <a:gd name="T6" fmla="*/ 136 w 1128"/>
                  <a:gd name="T7" fmla="*/ 280 h 1106"/>
                  <a:gd name="T8" fmla="*/ 140 w 1128"/>
                  <a:gd name="T9" fmla="*/ 253 h 1106"/>
                  <a:gd name="T10" fmla="*/ 117 w 1128"/>
                  <a:gd name="T11" fmla="*/ 221 h 1106"/>
                  <a:gd name="T12" fmla="*/ 103 w 1128"/>
                  <a:gd name="T13" fmla="*/ 177 h 1106"/>
                  <a:gd name="T14" fmla="*/ 92 w 1128"/>
                  <a:gd name="T15" fmla="*/ 141 h 1106"/>
                  <a:gd name="T16" fmla="*/ 30 w 1128"/>
                  <a:gd name="T17" fmla="*/ 117 h 1106"/>
                  <a:gd name="T18" fmla="*/ 15 w 1128"/>
                  <a:gd name="T19" fmla="*/ 153 h 1106"/>
                  <a:gd name="T20" fmla="*/ 12 w 1128"/>
                  <a:gd name="T21" fmla="*/ 194 h 1106"/>
                  <a:gd name="T22" fmla="*/ 4 w 1128"/>
                  <a:gd name="T23" fmla="*/ 188 h 1106"/>
                  <a:gd name="T24" fmla="*/ 2 w 1128"/>
                  <a:gd name="T25" fmla="*/ 151 h 1106"/>
                  <a:gd name="T26" fmla="*/ 14 w 1128"/>
                  <a:gd name="T27" fmla="*/ 58 h 1106"/>
                  <a:gd name="T28" fmla="*/ 28 w 1128"/>
                  <a:gd name="T29" fmla="*/ 0 h 1106"/>
                  <a:gd name="T30" fmla="*/ 52 w 1128"/>
                  <a:gd name="T31" fmla="*/ 2 h 1106"/>
                  <a:gd name="T32" fmla="*/ 65 w 1128"/>
                  <a:gd name="T33" fmla="*/ 13 h 1106"/>
                  <a:gd name="T34" fmla="*/ 81 w 1128"/>
                  <a:gd name="T35" fmla="*/ 23 h 1106"/>
                  <a:gd name="T36" fmla="*/ 120 w 1128"/>
                  <a:gd name="T37" fmla="*/ 19 h 1106"/>
                  <a:gd name="T38" fmla="*/ 160 w 1128"/>
                  <a:gd name="T39" fmla="*/ 10 h 1106"/>
                  <a:gd name="T40" fmla="*/ 187 w 1128"/>
                  <a:gd name="T41" fmla="*/ 32 h 1106"/>
                  <a:gd name="T42" fmla="*/ 203 w 1128"/>
                  <a:gd name="T43" fmla="*/ 55 h 1106"/>
                  <a:gd name="T44" fmla="*/ 229 w 1128"/>
                  <a:gd name="T45" fmla="*/ 61 h 1106"/>
                  <a:gd name="T46" fmla="*/ 241 w 1128"/>
                  <a:gd name="T47" fmla="*/ 80 h 1106"/>
                  <a:gd name="T48" fmla="*/ 244 w 1128"/>
                  <a:gd name="T49" fmla="*/ 88 h 1106"/>
                  <a:gd name="T50" fmla="*/ 263 w 1128"/>
                  <a:gd name="T51" fmla="*/ 96 h 1106"/>
                  <a:gd name="T52" fmla="*/ 290 w 1128"/>
                  <a:gd name="T53" fmla="*/ 92 h 1106"/>
                  <a:gd name="T54" fmla="*/ 319 w 1128"/>
                  <a:gd name="T55" fmla="*/ 95 h 1106"/>
                  <a:gd name="T56" fmla="*/ 331 w 1128"/>
                  <a:gd name="T57" fmla="*/ 120 h 1106"/>
                  <a:gd name="T58" fmla="*/ 348 w 1128"/>
                  <a:gd name="T59" fmla="*/ 128 h 1106"/>
                  <a:gd name="T60" fmla="*/ 363 w 1128"/>
                  <a:gd name="T61" fmla="*/ 142 h 1106"/>
                  <a:gd name="T62" fmla="*/ 376 w 1128"/>
                  <a:gd name="T63" fmla="*/ 152 h 1106"/>
                  <a:gd name="T64" fmla="*/ 366 w 1128"/>
                  <a:gd name="T65" fmla="*/ 158 h 1106"/>
                  <a:gd name="T66" fmla="*/ 341 w 1128"/>
                  <a:gd name="T67" fmla="*/ 163 h 1106"/>
                  <a:gd name="T68" fmla="*/ 346 w 1128"/>
                  <a:gd name="T69" fmla="*/ 175 h 1106"/>
                  <a:gd name="T70" fmla="*/ 343 w 1128"/>
                  <a:gd name="T71" fmla="*/ 185 h 1106"/>
                  <a:gd name="T72" fmla="*/ 332 w 1128"/>
                  <a:gd name="T73" fmla="*/ 196 h 1106"/>
                  <a:gd name="T74" fmla="*/ 323 w 1128"/>
                  <a:gd name="T75" fmla="*/ 202 h 1106"/>
                  <a:gd name="T76" fmla="*/ 323 w 1128"/>
                  <a:gd name="T77" fmla="*/ 216 h 1106"/>
                  <a:gd name="T78" fmla="*/ 312 w 1128"/>
                  <a:gd name="T79" fmla="*/ 238 h 1106"/>
                  <a:gd name="T80" fmla="*/ 314 w 1128"/>
                  <a:gd name="T81" fmla="*/ 261 h 1106"/>
                  <a:gd name="T82" fmla="*/ 328 w 1128"/>
                  <a:gd name="T83" fmla="*/ 280 h 1106"/>
                  <a:gd name="T84" fmla="*/ 350 w 1128"/>
                  <a:gd name="T85" fmla="*/ 290 h 1106"/>
                  <a:gd name="T86" fmla="*/ 357 w 1128"/>
                  <a:gd name="T87" fmla="*/ 311 h 1106"/>
                  <a:gd name="T88" fmla="*/ 346 w 1128"/>
                  <a:gd name="T89" fmla="*/ 324 h 1106"/>
                  <a:gd name="T90" fmla="*/ 347 w 1128"/>
                  <a:gd name="T91" fmla="*/ 335 h 1106"/>
                  <a:gd name="T92" fmla="*/ 347 w 1128"/>
                  <a:gd name="T93" fmla="*/ 346 h 1106"/>
                  <a:gd name="T94" fmla="*/ 317 w 1128"/>
                  <a:gd name="T95" fmla="*/ 347 h 1106"/>
                  <a:gd name="T96" fmla="*/ 301 w 1128"/>
                  <a:gd name="T97" fmla="*/ 333 h 1106"/>
                  <a:gd name="T98" fmla="*/ 288 w 1128"/>
                  <a:gd name="T99" fmla="*/ 320 h 1106"/>
                  <a:gd name="T100" fmla="*/ 255 w 1128"/>
                  <a:gd name="T101" fmla="*/ 324 h 1106"/>
                  <a:gd name="T102" fmla="*/ 235 w 1128"/>
                  <a:gd name="T103" fmla="*/ 322 h 1106"/>
                  <a:gd name="T104" fmla="*/ 219 w 1128"/>
                  <a:gd name="T105" fmla="*/ 315 h 1106"/>
                  <a:gd name="T106" fmla="*/ 215 w 1128"/>
                  <a:gd name="T107" fmla="*/ 328 h 1106"/>
                  <a:gd name="T108" fmla="*/ 208 w 1128"/>
                  <a:gd name="T109" fmla="*/ 340 h 1106"/>
                  <a:gd name="T110" fmla="*/ 200 w 1128"/>
                  <a:gd name="T111" fmla="*/ 355 h 1106"/>
                  <a:gd name="T112" fmla="*/ 191 w 1128"/>
                  <a:gd name="T113" fmla="*/ 367 h 1106"/>
                  <a:gd name="T114" fmla="*/ 169 w 1128"/>
                  <a:gd name="T115" fmla="*/ 367 h 1106"/>
                  <a:gd name="T116" fmla="*/ 154 w 1128"/>
                  <a:gd name="T117" fmla="*/ 350 h 1106"/>
                  <a:gd name="T118" fmla="*/ 131 w 1128"/>
                  <a:gd name="T119" fmla="*/ 342 h 1106"/>
                  <a:gd name="T120" fmla="*/ 116 w 1128"/>
                  <a:gd name="T121" fmla="*/ 340 h 1106"/>
                  <a:gd name="T122" fmla="*/ 78 w 1128"/>
                  <a:gd name="T123" fmla="*/ 349 h 1106"/>
                  <a:gd name="T124" fmla="*/ 62 w 1128"/>
                  <a:gd name="T125" fmla="*/ 335 h 110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128" h="1106">
                    <a:moveTo>
                      <a:pt x="181" y="993"/>
                    </a:moveTo>
                    <a:lnTo>
                      <a:pt x="189" y="995"/>
                    </a:lnTo>
                    <a:lnTo>
                      <a:pt x="199" y="995"/>
                    </a:lnTo>
                    <a:lnTo>
                      <a:pt x="208" y="993"/>
                    </a:lnTo>
                    <a:lnTo>
                      <a:pt x="216" y="990"/>
                    </a:lnTo>
                    <a:lnTo>
                      <a:pt x="221" y="988"/>
                    </a:lnTo>
                    <a:lnTo>
                      <a:pt x="223" y="987"/>
                    </a:lnTo>
                    <a:lnTo>
                      <a:pt x="225" y="985"/>
                    </a:lnTo>
                    <a:lnTo>
                      <a:pt x="226" y="983"/>
                    </a:lnTo>
                    <a:lnTo>
                      <a:pt x="226" y="981"/>
                    </a:lnTo>
                    <a:lnTo>
                      <a:pt x="225" y="979"/>
                    </a:lnTo>
                    <a:lnTo>
                      <a:pt x="222" y="976"/>
                    </a:lnTo>
                    <a:lnTo>
                      <a:pt x="219" y="975"/>
                    </a:lnTo>
                    <a:lnTo>
                      <a:pt x="232" y="970"/>
                    </a:lnTo>
                    <a:lnTo>
                      <a:pt x="248" y="964"/>
                    </a:lnTo>
                    <a:lnTo>
                      <a:pt x="266" y="956"/>
                    </a:lnTo>
                    <a:lnTo>
                      <a:pt x="285" y="948"/>
                    </a:lnTo>
                    <a:lnTo>
                      <a:pt x="303" y="937"/>
                    </a:lnTo>
                    <a:lnTo>
                      <a:pt x="322" y="927"/>
                    </a:lnTo>
                    <a:lnTo>
                      <a:pt x="341" y="914"/>
                    </a:lnTo>
                    <a:lnTo>
                      <a:pt x="359" y="900"/>
                    </a:lnTo>
                    <a:lnTo>
                      <a:pt x="367" y="892"/>
                    </a:lnTo>
                    <a:lnTo>
                      <a:pt x="374" y="884"/>
                    </a:lnTo>
                    <a:lnTo>
                      <a:pt x="382" y="876"/>
                    </a:lnTo>
                    <a:lnTo>
                      <a:pt x="389" y="867"/>
                    </a:lnTo>
                    <a:lnTo>
                      <a:pt x="395" y="859"/>
                    </a:lnTo>
                    <a:lnTo>
                      <a:pt x="402" y="849"/>
                    </a:lnTo>
                    <a:lnTo>
                      <a:pt x="407" y="839"/>
                    </a:lnTo>
                    <a:lnTo>
                      <a:pt x="411" y="828"/>
                    </a:lnTo>
                    <a:lnTo>
                      <a:pt x="415" y="817"/>
                    </a:lnTo>
                    <a:lnTo>
                      <a:pt x="418" y="807"/>
                    </a:lnTo>
                    <a:lnTo>
                      <a:pt x="420" y="795"/>
                    </a:lnTo>
                    <a:lnTo>
                      <a:pt x="421" y="784"/>
                    </a:lnTo>
                    <a:lnTo>
                      <a:pt x="421" y="771"/>
                    </a:lnTo>
                    <a:lnTo>
                      <a:pt x="420" y="758"/>
                    </a:lnTo>
                    <a:lnTo>
                      <a:pt x="418" y="745"/>
                    </a:lnTo>
                    <a:lnTo>
                      <a:pt x="414" y="731"/>
                    </a:lnTo>
                    <a:lnTo>
                      <a:pt x="400" y="718"/>
                    </a:lnTo>
                    <a:lnTo>
                      <a:pt x="385" y="706"/>
                    </a:lnTo>
                    <a:lnTo>
                      <a:pt x="372" y="691"/>
                    </a:lnTo>
                    <a:lnTo>
                      <a:pt x="362" y="677"/>
                    </a:lnTo>
                    <a:lnTo>
                      <a:pt x="351" y="662"/>
                    </a:lnTo>
                    <a:lnTo>
                      <a:pt x="343" y="645"/>
                    </a:lnTo>
                    <a:lnTo>
                      <a:pt x="335" y="628"/>
                    </a:lnTo>
                    <a:lnTo>
                      <a:pt x="328" y="611"/>
                    </a:lnTo>
                    <a:lnTo>
                      <a:pt x="323" y="592"/>
                    </a:lnTo>
                    <a:lnTo>
                      <a:pt x="318" y="573"/>
                    </a:lnTo>
                    <a:lnTo>
                      <a:pt x="313" y="553"/>
                    </a:lnTo>
                    <a:lnTo>
                      <a:pt x="310" y="532"/>
                    </a:lnTo>
                    <a:lnTo>
                      <a:pt x="307" y="511"/>
                    </a:lnTo>
                    <a:lnTo>
                      <a:pt x="305" y="488"/>
                    </a:lnTo>
                    <a:lnTo>
                      <a:pt x="304" y="465"/>
                    </a:lnTo>
                    <a:lnTo>
                      <a:pt x="303" y="442"/>
                    </a:lnTo>
                    <a:lnTo>
                      <a:pt x="303" y="440"/>
                    </a:lnTo>
                    <a:lnTo>
                      <a:pt x="290" y="431"/>
                    </a:lnTo>
                    <a:lnTo>
                      <a:pt x="276" y="423"/>
                    </a:lnTo>
                    <a:lnTo>
                      <a:pt x="263" y="414"/>
                    </a:lnTo>
                    <a:lnTo>
                      <a:pt x="249" y="407"/>
                    </a:lnTo>
                    <a:lnTo>
                      <a:pt x="220" y="393"/>
                    </a:lnTo>
                    <a:lnTo>
                      <a:pt x="188" y="382"/>
                    </a:lnTo>
                    <a:lnTo>
                      <a:pt x="156" y="371"/>
                    </a:lnTo>
                    <a:lnTo>
                      <a:pt x="124" y="360"/>
                    </a:lnTo>
                    <a:lnTo>
                      <a:pt x="91" y="350"/>
                    </a:lnTo>
                    <a:lnTo>
                      <a:pt x="58" y="338"/>
                    </a:lnTo>
                    <a:lnTo>
                      <a:pt x="61" y="352"/>
                    </a:lnTo>
                    <a:lnTo>
                      <a:pt x="61" y="366"/>
                    </a:lnTo>
                    <a:lnTo>
                      <a:pt x="60" y="380"/>
                    </a:lnTo>
                    <a:lnTo>
                      <a:pt x="57" y="395"/>
                    </a:lnTo>
                    <a:lnTo>
                      <a:pt x="52" y="427"/>
                    </a:lnTo>
                    <a:lnTo>
                      <a:pt x="46" y="458"/>
                    </a:lnTo>
                    <a:lnTo>
                      <a:pt x="42" y="475"/>
                    </a:lnTo>
                    <a:lnTo>
                      <a:pt x="40" y="492"/>
                    </a:lnTo>
                    <a:lnTo>
                      <a:pt x="36" y="510"/>
                    </a:lnTo>
                    <a:lnTo>
                      <a:pt x="35" y="527"/>
                    </a:lnTo>
                    <a:lnTo>
                      <a:pt x="34" y="545"/>
                    </a:lnTo>
                    <a:lnTo>
                      <a:pt x="35" y="564"/>
                    </a:lnTo>
                    <a:lnTo>
                      <a:pt x="36" y="582"/>
                    </a:lnTo>
                    <a:lnTo>
                      <a:pt x="41" y="601"/>
                    </a:lnTo>
                    <a:lnTo>
                      <a:pt x="34" y="595"/>
                    </a:lnTo>
                    <a:lnTo>
                      <a:pt x="28" y="589"/>
                    </a:lnTo>
                    <a:lnTo>
                      <a:pt x="23" y="583"/>
                    </a:lnTo>
                    <a:lnTo>
                      <a:pt x="18" y="576"/>
                    </a:lnTo>
                    <a:lnTo>
                      <a:pt x="14" y="570"/>
                    </a:lnTo>
                    <a:lnTo>
                      <a:pt x="11" y="564"/>
                    </a:lnTo>
                    <a:lnTo>
                      <a:pt x="8" y="556"/>
                    </a:lnTo>
                    <a:lnTo>
                      <a:pt x="6" y="550"/>
                    </a:lnTo>
                    <a:lnTo>
                      <a:pt x="3" y="535"/>
                    </a:lnTo>
                    <a:lnTo>
                      <a:pt x="1" y="519"/>
                    </a:lnTo>
                    <a:lnTo>
                      <a:pt x="0" y="504"/>
                    </a:lnTo>
                    <a:lnTo>
                      <a:pt x="1" y="487"/>
                    </a:lnTo>
                    <a:lnTo>
                      <a:pt x="5" y="454"/>
                    </a:lnTo>
                    <a:lnTo>
                      <a:pt x="10" y="420"/>
                    </a:lnTo>
                    <a:lnTo>
                      <a:pt x="16" y="388"/>
                    </a:lnTo>
                    <a:lnTo>
                      <a:pt x="22" y="357"/>
                    </a:lnTo>
                    <a:lnTo>
                      <a:pt x="27" y="312"/>
                    </a:lnTo>
                    <a:lnTo>
                      <a:pt x="32" y="267"/>
                    </a:lnTo>
                    <a:lnTo>
                      <a:pt x="36" y="221"/>
                    </a:lnTo>
                    <a:lnTo>
                      <a:pt x="42" y="175"/>
                    </a:lnTo>
                    <a:lnTo>
                      <a:pt x="46" y="131"/>
                    </a:lnTo>
                    <a:lnTo>
                      <a:pt x="50" y="87"/>
                    </a:lnTo>
                    <a:lnTo>
                      <a:pt x="54" y="43"/>
                    </a:lnTo>
                    <a:lnTo>
                      <a:pt x="58" y="1"/>
                    </a:lnTo>
                    <a:lnTo>
                      <a:pt x="68" y="0"/>
                    </a:lnTo>
                    <a:lnTo>
                      <a:pt x="76" y="0"/>
                    </a:lnTo>
                    <a:lnTo>
                      <a:pt x="84" y="0"/>
                    </a:lnTo>
                    <a:lnTo>
                      <a:pt x="92" y="1"/>
                    </a:lnTo>
                    <a:lnTo>
                      <a:pt x="106" y="3"/>
                    </a:lnTo>
                    <a:lnTo>
                      <a:pt x="120" y="7"/>
                    </a:lnTo>
                    <a:lnTo>
                      <a:pt x="132" y="9"/>
                    </a:lnTo>
                    <a:lnTo>
                      <a:pt x="145" y="9"/>
                    </a:lnTo>
                    <a:lnTo>
                      <a:pt x="151" y="9"/>
                    </a:lnTo>
                    <a:lnTo>
                      <a:pt x="157" y="7"/>
                    </a:lnTo>
                    <a:lnTo>
                      <a:pt x="165" y="5"/>
                    </a:lnTo>
                    <a:lnTo>
                      <a:pt x="171" y="1"/>
                    </a:lnTo>
                    <a:lnTo>
                      <a:pt x="174" y="10"/>
                    </a:lnTo>
                    <a:lnTo>
                      <a:pt x="179" y="18"/>
                    </a:lnTo>
                    <a:lnTo>
                      <a:pt x="184" y="26"/>
                    </a:lnTo>
                    <a:lnTo>
                      <a:pt x="189" y="33"/>
                    </a:lnTo>
                    <a:lnTo>
                      <a:pt x="194" y="39"/>
                    </a:lnTo>
                    <a:lnTo>
                      <a:pt x="201" y="46"/>
                    </a:lnTo>
                    <a:lnTo>
                      <a:pt x="207" y="51"/>
                    </a:lnTo>
                    <a:lnTo>
                      <a:pt x="213" y="56"/>
                    </a:lnTo>
                    <a:lnTo>
                      <a:pt x="221" y="60"/>
                    </a:lnTo>
                    <a:lnTo>
                      <a:pt x="228" y="64"/>
                    </a:lnTo>
                    <a:lnTo>
                      <a:pt x="236" y="67"/>
                    </a:lnTo>
                    <a:lnTo>
                      <a:pt x="244" y="70"/>
                    </a:lnTo>
                    <a:lnTo>
                      <a:pt x="260" y="73"/>
                    </a:lnTo>
                    <a:lnTo>
                      <a:pt x="276" y="75"/>
                    </a:lnTo>
                    <a:lnTo>
                      <a:pt x="294" y="75"/>
                    </a:lnTo>
                    <a:lnTo>
                      <a:pt x="311" y="73"/>
                    </a:lnTo>
                    <a:lnTo>
                      <a:pt x="327" y="70"/>
                    </a:lnTo>
                    <a:lnTo>
                      <a:pt x="344" y="65"/>
                    </a:lnTo>
                    <a:lnTo>
                      <a:pt x="359" y="58"/>
                    </a:lnTo>
                    <a:lnTo>
                      <a:pt x="372" y="50"/>
                    </a:lnTo>
                    <a:lnTo>
                      <a:pt x="385" y="40"/>
                    </a:lnTo>
                    <a:lnTo>
                      <a:pt x="396" y="29"/>
                    </a:lnTo>
                    <a:lnTo>
                      <a:pt x="420" y="27"/>
                    </a:lnTo>
                    <a:lnTo>
                      <a:pt x="441" y="27"/>
                    </a:lnTo>
                    <a:lnTo>
                      <a:pt x="461" y="28"/>
                    </a:lnTo>
                    <a:lnTo>
                      <a:pt x="479" y="31"/>
                    </a:lnTo>
                    <a:lnTo>
                      <a:pt x="494" y="36"/>
                    </a:lnTo>
                    <a:lnTo>
                      <a:pt x="508" y="43"/>
                    </a:lnTo>
                    <a:lnTo>
                      <a:pt x="522" y="51"/>
                    </a:lnTo>
                    <a:lnTo>
                      <a:pt x="532" y="61"/>
                    </a:lnTo>
                    <a:lnTo>
                      <a:pt x="543" y="72"/>
                    </a:lnTo>
                    <a:lnTo>
                      <a:pt x="552" y="84"/>
                    </a:lnTo>
                    <a:lnTo>
                      <a:pt x="561" y="96"/>
                    </a:lnTo>
                    <a:lnTo>
                      <a:pt x="568" y="110"/>
                    </a:lnTo>
                    <a:lnTo>
                      <a:pt x="574" y="125"/>
                    </a:lnTo>
                    <a:lnTo>
                      <a:pt x="581" y="139"/>
                    </a:lnTo>
                    <a:lnTo>
                      <a:pt x="587" y="154"/>
                    </a:lnTo>
                    <a:lnTo>
                      <a:pt x="592" y="170"/>
                    </a:lnTo>
                    <a:lnTo>
                      <a:pt x="601" y="167"/>
                    </a:lnTo>
                    <a:lnTo>
                      <a:pt x="608" y="165"/>
                    </a:lnTo>
                    <a:lnTo>
                      <a:pt x="617" y="164"/>
                    </a:lnTo>
                    <a:lnTo>
                      <a:pt x="624" y="164"/>
                    </a:lnTo>
                    <a:lnTo>
                      <a:pt x="632" y="165"/>
                    </a:lnTo>
                    <a:lnTo>
                      <a:pt x="641" y="166"/>
                    </a:lnTo>
                    <a:lnTo>
                      <a:pt x="648" y="168"/>
                    </a:lnTo>
                    <a:lnTo>
                      <a:pt x="657" y="171"/>
                    </a:lnTo>
                    <a:lnTo>
                      <a:pt x="686" y="184"/>
                    </a:lnTo>
                    <a:lnTo>
                      <a:pt x="714" y="197"/>
                    </a:lnTo>
                    <a:lnTo>
                      <a:pt x="713" y="208"/>
                    </a:lnTo>
                    <a:lnTo>
                      <a:pt x="716" y="216"/>
                    </a:lnTo>
                    <a:lnTo>
                      <a:pt x="718" y="224"/>
                    </a:lnTo>
                    <a:lnTo>
                      <a:pt x="720" y="230"/>
                    </a:lnTo>
                    <a:lnTo>
                      <a:pt x="722" y="235"/>
                    </a:lnTo>
                    <a:lnTo>
                      <a:pt x="722" y="241"/>
                    </a:lnTo>
                    <a:lnTo>
                      <a:pt x="722" y="244"/>
                    </a:lnTo>
                    <a:lnTo>
                      <a:pt x="720" y="247"/>
                    </a:lnTo>
                    <a:lnTo>
                      <a:pt x="718" y="250"/>
                    </a:lnTo>
                    <a:lnTo>
                      <a:pt x="714" y="254"/>
                    </a:lnTo>
                    <a:lnTo>
                      <a:pt x="720" y="258"/>
                    </a:lnTo>
                    <a:lnTo>
                      <a:pt x="726" y="260"/>
                    </a:lnTo>
                    <a:lnTo>
                      <a:pt x="733" y="263"/>
                    </a:lnTo>
                    <a:lnTo>
                      <a:pt x="742" y="264"/>
                    </a:lnTo>
                    <a:lnTo>
                      <a:pt x="761" y="264"/>
                    </a:lnTo>
                    <a:lnTo>
                      <a:pt x="780" y="264"/>
                    </a:lnTo>
                    <a:lnTo>
                      <a:pt x="783" y="268"/>
                    </a:lnTo>
                    <a:lnTo>
                      <a:pt x="786" y="273"/>
                    </a:lnTo>
                    <a:lnTo>
                      <a:pt x="788" y="279"/>
                    </a:lnTo>
                    <a:lnTo>
                      <a:pt x="789" y="287"/>
                    </a:lnTo>
                    <a:lnTo>
                      <a:pt x="790" y="303"/>
                    </a:lnTo>
                    <a:lnTo>
                      <a:pt x="789" y="319"/>
                    </a:lnTo>
                    <a:lnTo>
                      <a:pt x="811" y="304"/>
                    </a:lnTo>
                    <a:lnTo>
                      <a:pt x="835" y="291"/>
                    </a:lnTo>
                    <a:lnTo>
                      <a:pt x="846" y="286"/>
                    </a:lnTo>
                    <a:lnTo>
                      <a:pt x="858" y="280"/>
                    </a:lnTo>
                    <a:lnTo>
                      <a:pt x="869" y="277"/>
                    </a:lnTo>
                    <a:lnTo>
                      <a:pt x="881" y="274"/>
                    </a:lnTo>
                    <a:lnTo>
                      <a:pt x="894" y="272"/>
                    </a:lnTo>
                    <a:lnTo>
                      <a:pt x="906" y="272"/>
                    </a:lnTo>
                    <a:lnTo>
                      <a:pt x="919" y="273"/>
                    </a:lnTo>
                    <a:lnTo>
                      <a:pt x="931" y="275"/>
                    </a:lnTo>
                    <a:lnTo>
                      <a:pt x="944" y="279"/>
                    </a:lnTo>
                    <a:lnTo>
                      <a:pt x="958" y="285"/>
                    </a:lnTo>
                    <a:lnTo>
                      <a:pt x="971" y="292"/>
                    </a:lnTo>
                    <a:lnTo>
                      <a:pt x="986" y="300"/>
                    </a:lnTo>
                    <a:lnTo>
                      <a:pt x="985" y="316"/>
                    </a:lnTo>
                    <a:lnTo>
                      <a:pt x="985" y="330"/>
                    </a:lnTo>
                    <a:lnTo>
                      <a:pt x="987" y="341"/>
                    </a:lnTo>
                    <a:lnTo>
                      <a:pt x="989" y="351"/>
                    </a:lnTo>
                    <a:lnTo>
                      <a:pt x="994" y="359"/>
                    </a:lnTo>
                    <a:lnTo>
                      <a:pt x="998" y="366"/>
                    </a:lnTo>
                    <a:lnTo>
                      <a:pt x="1004" y="371"/>
                    </a:lnTo>
                    <a:lnTo>
                      <a:pt x="1010" y="375"/>
                    </a:lnTo>
                    <a:lnTo>
                      <a:pt x="1018" y="378"/>
                    </a:lnTo>
                    <a:lnTo>
                      <a:pt x="1026" y="380"/>
                    </a:lnTo>
                    <a:lnTo>
                      <a:pt x="1036" y="382"/>
                    </a:lnTo>
                    <a:lnTo>
                      <a:pt x="1045" y="383"/>
                    </a:lnTo>
                    <a:lnTo>
                      <a:pt x="1066" y="384"/>
                    </a:lnTo>
                    <a:lnTo>
                      <a:pt x="1089" y="385"/>
                    </a:lnTo>
                    <a:lnTo>
                      <a:pt x="1085" y="395"/>
                    </a:lnTo>
                    <a:lnTo>
                      <a:pt x="1083" y="405"/>
                    </a:lnTo>
                    <a:lnTo>
                      <a:pt x="1083" y="413"/>
                    </a:lnTo>
                    <a:lnTo>
                      <a:pt x="1085" y="419"/>
                    </a:lnTo>
                    <a:lnTo>
                      <a:pt x="1088" y="426"/>
                    </a:lnTo>
                    <a:lnTo>
                      <a:pt x="1093" y="431"/>
                    </a:lnTo>
                    <a:lnTo>
                      <a:pt x="1098" y="435"/>
                    </a:lnTo>
                    <a:lnTo>
                      <a:pt x="1103" y="439"/>
                    </a:lnTo>
                    <a:lnTo>
                      <a:pt x="1114" y="445"/>
                    </a:lnTo>
                    <a:lnTo>
                      <a:pt x="1123" y="450"/>
                    </a:lnTo>
                    <a:lnTo>
                      <a:pt x="1126" y="452"/>
                    </a:lnTo>
                    <a:lnTo>
                      <a:pt x="1128" y="455"/>
                    </a:lnTo>
                    <a:lnTo>
                      <a:pt x="1128" y="457"/>
                    </a:lnTo>
                    <a:lnTo>
                      <a:pt x="1126" y="459"/>
                    </a:lnTo>
                    <a:lnTo>
                      <a:pt x="1124" y="466"/>
                    </a:lnTo>
                    <a:lnTo>
                      <a:pt x="1121" y="469"/>
                    </a:lnTo>
                    <a:lnTo>
                      <a:pt x="1117" y="472"/>
                    </a:lnTo>
                    <a:lnTo>
                      <a:pt x="1111" y="474"/>
                    </a:lnTo>
                    <a:lnTo>
                      <a:pt x="1099" y="475"/>
                    </a:lnTo>
                    <a:lnTo>
                      <a:pt x="1084" y="475"/>
                    </a:lnTo>
                    <a:lnTo>
                      <a:pt x="1067" y="475"/>
                    </a:lnTo>
                    <a:lnTo>
                      <a:pt x="1051" y="476"/>
                    </a:lnTo>
                    <a:lnTo>
                      <a:pt x="1043" y="477"/>
                    </a:lnTo>
                    <a:lnTo>
                      <a:pt x="1037" y="480"/>
                    </a:lnTo>
                    <a:lnTo>
                      <a:pt x="1029" y="484"/>
                    </a:lnTo>
                    <a:lnTo>
                      <a:pt x="1023" y="488"/>
                    </a:lnTo>
                    <a:lnTo>
                      <a:pt x="1022" y="494"/>
                    </a:lnTo>
                    <a:lnTo>
                      <a:pt x="1022" y="500"/>
                    </a:lnTo>
                    <a:lnTo>
                      <a:pt x="1022" y="505"/>
                    </a:lnTo>
                    <a:lnTo>
                      <a:pt x="1024" y="509"/>
                    </a:lnTo>
                    <a:lnTo>
                      <a:pt x="1027" y="515"/>
                    </a:lnTo>
                    <a:lnTo>
                      <a:pt x="1033" y="521"/>
                    </a:lnTo>
                    <a:lnTo>
                      <a:pt x="1038" y="526"/>
                    </a:lnTo>
                    <a:lnTo>
                      <a:pt x="1042" y="533"/>
                    </a:lnTo>
                    <a:lnTo>
                      <a:pt x="1043" y="537"/>
                    </a:lnTo>
                    <a:lnTo>
                      <a:pt x="1044" y="542"/>
                    </a:lnTo>
                    <a:lnTo>
                      <a:pt x="1043" y="547"/>
                    </a:lnTo>
                    <a:lnTo>
                      <a:pt x="1042" y="553"/>
                    </a:lnTo>
                    <a:lnTo>
                      <a:pt x="1036" y="554"/>
                    </a:lnTo>
                    <a:lnTo>
                      <a:pt x="1029" y="555"/>
                    </a:lnTo>
                    <a:lnTo>
                      <a:pt x="1024" y="557"/>
                    </a:lnTo>
                    <a:lnTo>
                      <a:pt x="1020" y="559"/>
                    </a:lnTo>
                    <a:lnTo>
                      <a:pt x="1014" y="567"/>
                    </a:lnTo>
                    <a:lnTo>
                      <a:pt x="1007" y="575"/>
                    </a:lnTo>
                    <a:lnTo>
                      <a:pt x="1004" y="578"/>
                    </a:lnTo>
                    <a:lnTo>
                      <a:pt x="1001" y="583"/>
                    </a:lnTo>
                    <a:lnTo>
                      <a:pt x="997" y="586"/>
                    </a:lnTo>
                    <a:lnTo>
                      <a:pt x="992" y="589"/>
                    </a:lnTo>
                    <a:lnTo>
                      <a:pt x="988" y="591"/>
                    </a:lnTo>
                    <a:lnTo>
                      <a:pt x="982" y="592"/>
                    </a:lnTo>
                    <a:lnTo>
                      <a:pt x="976" y="592"/>
                    </a:lnTo>
                    <a:lnTo>
                      <a:pt x="967" y="591"/>
                    </a:lnTo>
                    <a:lnTo>
                      <a:pt x="967" y="598"/>
                    </a:lnTo>
                    <a:lnTo>
                      <a:pt x="968" y="604"/>
                    </a:lnTo>
                    <a:lnTo>
                      <a:pt x="970" y="609"/>
                    </a:lnTo>
                    <a:lnTo>
                      <a:pt x="974" y="613"/>
                    </a:lnTo>
                    <a:lnTo>
                      <a:pt x="976" y="617"/>
                    </a:lnTo>
                    <a:lnTo>
                      <a:pt x="978" y="623"/>
                    </a:lnTo>
                    <a:lnTo>
                      <a:pt x="978" y="629"/>
                    </a:lnTo>
                    <a:lnTo>
                      <a:pt x="977" y="637"/>
                    </a:lnTo>
                    <a:lnTo>
                      <a:pt x="968" y="647"/>
                    </a:lnTo>
                    <a:lnTo>
                      <a:pt x="961" y="655"/>
                    </a:lnTo>
                    <a:lnTo>
                      <a:pt x="955" y="665"/>
                    </a:lnTo>
                    <a:lnTo>
                      <a:pt x="949" y="674"/>
                    </a:lnTo>
                    <a:lnTo>
                      <a:pt x="945" y="684"/>
                    </a:lnTo>
                    <a:lnTo>
                      <a:pt x="941" y="693"/>
                    </a:lnTo>
                    <a:lnTo>
                      <a:pt x="938" y="703"/>
                    </a:lnTo>
                    <a:lnTo>
                      <a:pt x="936" y="713"/>
                    </a:lnTo>
                    <a:lnTo>
                      <a:pt x="935" y="724"/>
                    </a:lnTo>
                    <a:lnTo>
                      <a:pt x="935" y="733"/>
                    </a:lnTo>
                    <a:lnTo>
                      <a:pt x="935" y="744"/>
                    </a:lnTo>
                    <a:lnTo>
                      <a:pt x="936" y="753"/>
                    </a:lnTo>
                    <a:lnTo>
                      <a:pt x="937" y="763"/>
                    </a:lnTo>
                    <a:lnTo>
                      <a:pt x="939" y="773"/>
                    </a:lnTo>
                    <a:lnTo>
                      <a:pt x="942" y="783"/>
                    </a:lnTo>
                    <a:lnTo>
                      <a:pt x="946" y="791"/>
                    </a:lnTo>
                    <a:lnTo>
                      <a:pt x="950" y="801"/>
                    </a:lnTo>
                    <a:lnTo>
                      <a:pt x="956" y="809"/>
                    </a:lnTo>
                    <a:lnTo>
                      <a:pt x="962" y="817"/>
                    </a:lnTo>
                    <a:lnTo>
                      <a:pt x="968" y="825"/>
                    </a:lnTo>
                    <a:lnTo>
                      <a:pt x="975" y="832"/>
                    </a:lnTo>
                    <a:lnTo>
                      <a:pt x="983" y="840"/>
                    </a:lnTo>
                    <a:lnTo>
                      <a:pt x="990" y="846"/>
                    </a:lnTo>
                    <a:lnTo>
                      <a:pt x="1000" y="852"/>
                    </a:lnTo>
                    <a:lnTo>
                      <a:pt x="1009" y="856"/>
                    </a:lnTo>
                    <a:lnTo>
                      <a:pt x="1019" y="862"/>
                    </a:lnTo>
                    <a:lnTo>
                      <a:pt x="1029" y="865"/>
                    </a:lnTo>
                    <a:lnTo>
                      <a:pt x="1040" y="868"/>
                    </a:lnTo>
                    <a:lnTo>
                      <a:pt x="1051" y="870"/>
                    </a:lnTo>
                    <a:lnTo>
                      <a:pt x="1064" y="872"/>
                    </a:lnTo>
                    <a:lnTo>
                      <a:pt x="1076" y="872"/>
                    </a:lnTo>
                    <a:lnTo>
                      <a:pt x="1089" y="872"/>
                    </a:lnTo>
                    <a:lnTo>
                      <a:pt x="1085" y="888"/>
                    </a:lnTo>
                    <a:lnTo>
                      <a:pt x="1081" y="904"/>
                    </a:lnTo>
                    <a:lnTo>
                      <a:pt x="1077" y="920"/>
                    </a:lnTo>
                    <a:lnTo>
                      <a:pt x="1070" y="933"/>
                    </a:lnTo>
                    <a:lnTo>
                      <a:pt x="1067" y="941"/>
                    </a:lnTo>
                    <a:lnTo>
                      <a:pt x="1064" y="947"/>
                    </a:lnTo>
                    <a:lnTo>
                      <a:pt x="1060" y="952"/>
                    </a:lnTo>
                    <a:lnTo>
                      <a:pt x="1056" y="957"/>
                    </a:lnTo>
                    <a:lnTo>
                      <a:pt x="1050" y="963"/>
                    </a:lnTo>
                    <a:lnTo>
                      <a:pt x="1045" y="968"/>
                    </a:lnTo>
                    <a:lnTo>
                      <a:pt x="1039" y="971"/>
                    </a:lnTo>
                    <a:lnTo>
                      <a:pt x="1033" y="975"/>
                    </a:lnTo>
                    <a:lnTo>
                      <a:pt x="1031" y="981"/>
                    </a:lnTo>
                    <a:lnTo>
                      <a:pt x="1030" y="986"/>
                    </a:lnTo>
                    <a:lnTo>
                      <a:pt x="1031" y="990"/>
                    </a:lnTo>
                    <a:lnTo>
                      <a:pt x="1033" y="994"/>
                    </a:lnTo>
                    <a:lnTo>
                      <a:pt x="1036" y="1001"/>
                    </a:lnTo>
                    <a:lnTo>
                      <a:pt x="1040" y="1005"/>
                    </a:lnTo>
                    <a:lnTo>
                      <a:pt x="1045" y="1010"/>
                    </a:lnTo>
                    <a:lnTo>
                      <a:pt x="1049" y="1014"/>
                    </a:lnTo>
                    <a:lnTo>
                      <a:pt x="1050" y="1018"/>
                    </a:lnTo>
                    <a:lnTo>
                      <a:pt x="1051" y="1022"/>
                    </a:lnTo>
                    <a:lnTo>
                      <a:pt x="1051" y="1026"/>
                    </a:lnTo>
                    <a:lnTo>
                      <a:pt x="1051" y="1031"/>
                    </a:lnTo>
                    <a:lnTo>
                      <a:pt x="1040" y="1038"/>
                    </a:lnTo>
                    <a:lnTo>
                      <a:pt x="1027" y="1042"/>
                    </a:lnTo>
                    <a:lnTo>
                      <a:pt x="1015" y="1045"/>
                    </a:lnTo>
                    <a:lnTo>
                      <a:pt x="1002" y="1046"/>
                    </a:lnTo>
                    <a:lnTo>
                      <a:pt x="988" y="1047"/>
                    </a:lnTo>
                    <a:lnTo>
                      <a:pt x="976" y="1045"/>
                    </a:lnTo>
                    <a:lnTo>
                      <a:pt x="963" y="1043"/>
                    </a:lnTo>
                    <a:lnTo>
                      <a:pt x="951" y="1040"/>
                    </a:lnTo>
                    <a:lnTo>
                      <a:pt x="941" y="1035"/>
                    </a:lnTo>
                    <a:lnTo>
                      <a:pt x="930" y="1030"/>
                    </a:lnTo>
                    <a:lnTo>
                      <a:pt x="922" y="1024"/>
                    </a:lnTo>
                    <a:lnTo>
                      <a:pt x="915" y="1016"/>
                    </a:lnTo>
                    <a:lnTo>
                      <a:pt x="908" y="1009"/>
                    </a:lnTo>
                    <a:lnTo>
                      <a:pt x="904" y="1002"/>
                    </a:lnTo>
                    <a:lnTo>
                      <a:pt x="903" y="998"/>
                    </a:lnTo>
                    <a:lnTo>
                      <a:pt x="902" y="993"/>
                    </a:lnTo>
                    <a:lnTo>
                      <a:pt x="902" y="989"/>
                    </a:lnTo>
                    <a:lnTo>
                      <a:pt x="902" y="984"/>
                    </a:lnTo>
                    <a:lnTo>
                      <a:pt x="892" y="975"/>
                    </a:lnTo>
                    <a:lnTo>
                      <a:pt x="883" y="968"/>
                    </a:lnTo>
                    <a:lnTo>
                      <a:pt x="874" y="963"/>
                    </a:lnTo>
                    <a:lnTo>
                      <a:pt x="863" y="960"/>
                    </a:lnTo>
                    <a:lnTo>
                      <a:pt x="852" y="959"/>
                    </a:lnTo>
                    <a:lnTo>
                      <a:pt x="842" y="957"/>
                    </a:lnTo>
                    <a:lnTo>
                      <a:pt x="830" y="959"/>
                    </a:lnTo>
                    <a:lnTo>
                      <a:pt x="819" y="960"/>
                    </a:lnTo>
                    <a:lnTo>
                      <a:pt x="797" y="965"/>
                    </a:lnTo>
                    <a:lnTo>
                      <a:pt x="775" y="970"/>
                    </a:lnTo>
                    <a:lnTo>
                      <a:pt x="764" y="972"/>
                    </a:lnTo>
                    <a:lnTo>
                      <a:pt x="753" y="974"/>
                    </a:lnTo>
                    <a:lnTo>
                      <a:pt x="743" y="975"/>
                    </a:lnTo>
                    <a:lnTo>
                      <a:pt x="733" y="975"/>
                    </a:lnTo>
                    <a:lnTo>
                      <a:pt x="725" y="973"/>
                    </a:lnTo>
                    <a:lnTo>
                      <a:pt x="718" y="971"/>
                    </a:lnTo>
                    <a:lnTo>
                      <a:pt x="711" y="969"/>
                    </a:lnTo>
                    <a:lnTo>
                      <a:pt x="705" y="965"/>
                    </a:lnTo>
                    <a:lnTo>
                      <a:pt x="693" y="957"/>
                    </a:lnTo>
                    <a:lnTo>
                      <a:pt x="683" y="950"/>
                    </a:lnTo>
                    <a:lnTo>
                      <a:pt x="678" y="947"/>
                    </a:lnTo>
                    <a:lnTo>
                      <a:pt x="673" y="945"/>
                    </a:lnTo>
                    <a:lnTo>
                      <a:pt x="668" y="943"/>
                    </a:lnTo>
                    <a:lnTo>
                      <a:pt x="663" y="943"/>
                    </a:lnTo>
                    <a:lnTo>
                      <a:pt x="658" y="944"/>
                    </a:lnTo>
                    <a:lnTo>
                      <a:pt x="652" y="946"/>
                    </a:lnTo>
                    <a:lnTo>
                      <a:pt x="646" y="950"/>
                    </a:lnTo>
                    <a:lnTo>
                      <a:pt x="640" y="956"/>
                    </a:lnTo>
                    <a:lnTo>
                      <a:pt x="640" y="964"/>
                    </a:lnTo>
                    <a:lnTo>
                      <a:pt x="642" y="970"/>
                    </a:lnTo>
                    <a:lnTo>
                      <a:pt x="644" y="976"/>
                    </a:lnTo>
                    <a:lnTo>
                      <a:pt x="646" y="982"/>
                    </a:lnTo>
                    <a:lnTo>
                      <a:pt x="649" y="988"/>
                    </a:lnTo>
                    <a:lnTo>
                      <a:pt x="650" y="994"/>
                    </a:lnTo>
                    <a:lnTo>
                      <a:pt x="650" y="1003"/>
                    </a:lnTo>
                    <a:lnTo>
                      <a:pt x="649" y="1012"/>
                    </a:lnTo>
                    <a:lnTo>
                      <a:pt x="639" y="1013"/>
                    </a:lnTo>
                    <a:lnTo>
                      <a:pt x="630" y="1015"/>
                    </a:lnTo>
                    <a:lnTo>
                      <a:pt x="624" y="1019"/>
                    </a:lnTo>
                    <a:lnTo>
                      <a:pt x="618" y="1023"/>
                    </a:lnTo>
                    <a:lnTo>
                      <a:pt x="606" y="1032"/>
                    </a:lnTo>
                    <a:lnTo>
                      <a:pt x="592" y="1041"/>
                    </a:lnTo>
                    <a:lnTo>
                      <a:pt x="592" y="1048"/>
                    </a:lnTo>
                    <a:lnTo>
                      <a:pt x="593" y="1053"/>
                    </a:lnTo>
                    <a:lnTo>
                      <a:pt x="596" y="1059"/>
                    </a:lnTo>
                    <a:lnTo>
                      <a:pt x="599" y="1063"/>
                    </a:lnTo>
                    <a:lnTo>
                      <a:pt x="602" y="1067"/>
                    </a:lnTo>
                    <a:lnTo>
                      <a:pt x="603" y="1072"/>
                    </a:lnTo>
                    <a:lnTo>
                      <a:pt x="604" y="1079"/>
                    </a:lnTo>
                    <a:lnTo>
                      <a:pt x="602" y="1087"/>
                    </a:lnTo>
                    <a:lnTo>
                      <a:pt x="593" y="1092"/>
                    </a:lnTo>
                    <a:lnTo>
                      <a:pt x="584" y="1098"/>
                    </a:lnTo>
                    <a:lnTo>
                      <a:pt x="574" y="1101"/>
                    </a:lnTo>
                    <a:lnTo>
                      <a:pt x="565" y="1103"/>
                    </a:lnTo>
                    <a:lnTo>
                      <a:pt x="554" y="1105"/>
                    </a:lnTo>
                    <a:lnTo>
                      <a:pt x="545" y="1106"/>
                    </a:lnTo>
                    <a:lnTo>
                      <a:pt x="535" y="1106"/>
                    </a:lnTo>
                    <a:lnTo>
                      <a:pt x="526" y="1104"/>
                    </a:lnTo>
                    <a:lnTo>
                      <a:pt x="517" y="1102"/>
                    </a:lnTo>
                    <a:lnTo>
                      <a:pt x="508" y="1099"/>
                    </a:lnTo>
                    <a:lnTo>
                      <a:pt x="501" y="1093"/>
                    </a:lnTo>
                    <a:lnTo>
                      <a:pt x="494" y="1087"/>
                    </a:lnTo>
                    <a:lnTo>
                      <a:pt x="489" y="1080"/>
                    </a:lnTo>
                    <a:lnTo>
                      <a:pt x="485" y="1071"/>
                    </a:lnTo>
                    <a:lnTo>
                      <a:pt x="482" y="1062"/>
                    </a:lnTo>
                    <a:lnTo>
                      <a:pt x="481" y="1050"/>
                    </a:lnTo>
                    <a:lnTo>
                      <a:pt x="463" y="1049"/>
                    </a:lnTo>
                    <a:lnTo>
                      <a:pt x="446" y="1047"/>
                    </a:lnTo>
                    <a:lnTo>
                      <a:pt x="430" y="1044"/>
                    </a:lnTo>
                    <a:lnTo>
                      <a:pt x="417" y="1039"/>
                    </a:lnTo>
                    <a:lnTo>
                      <a:pt x="410" y="1036"/>
                    </a:lnTo>
                    <a:lnTo>
                      <a:pt x="404" y="1033"/>
                    </a:lnTo>
                    <a:lnTo>
                      <a:pt x="398" y="1029"/>
                    </a:lnTo>
                    <a:lnTo>
                      <a:pt x="392" y="1025"/>
                    </a:lnTo>
                    <a:lnTo>
                      <a:pt x="388" y="1021"/>
                    </a:lnTo>
                    <a:lnTo>
                      <a:pt x="384" y="1015"/>
                    </a:lnTo>
                    <a:lnTo>
                      <a:pt x="381" y="1009"/>
                    </a:lnTo>
                    <a:lnTo>
                      <a:pt x="378" y="1003"/>
                    </a:lnTo>
                    <a:lnTo>
                      <a:pt x="366" y="1007"/>
                    </a:lnTo>
                    <a:lnTo>
                      <a:pt x="355" y="1012"/>
                    </a:lnTo>
                    <a:lnTo>
                      <a:pt x="347" y="1019"/>
                    </a:lnTo>
                    <a:lnTo>
                      <a:pt x="339" y="1026"/>
                    </a:lnTo>
                    <a:lnTo>
                      <a:pt x="325" y="1042"/>
                    </a:lnTo>
                    <a:lnTo>
                      <a:pt x="311" y="1060"/>
                    </a:lnTo>
                    <a:lnTo>
                      <a:pt x="290" y="1056"/>
                    </a:lnTo>
                    <a:lnTo>
                      <a:pt x="270" y="1053"/>
                    </a:lnTo>
                    <a:lnTo>
                      <a:pt x="251" y="1050"/>
                    </a:lnTo>
                    <a:lnTo>
                      <a:pt x="233" y="1046"/>
                    </a:lnTo>
                    <a:lnTo>
                      <a:pt x="225" y="1042"/>
                    </a:lnTo>
                    <a:lnTo>
                      <a:pt x="216" y="1039"/>
                    </a:lnTo>
                    <a:lnTo>
                      <a:pt x="210" y="1033"/>
                    </a:lnTo>
                    <a:lnTo>
                      <a:pt x="203" y="1028"/>
                    </a:lnTo>
                    <a:lnTo>
                      <a:pt x="196" y="1021"/>
                    </a:lnTo>
                    <a:lnTo>
                      <a:pt x="190" y="1013"/>
                    </a:lnTo>
                    <a:lnTo>
                      <a:pt x="185" y="1004"/>
                    </a:lnTo>
                    <a:lnTo>
                      <a:pt x="181" y="993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37" name="Ringkøbing-Skjern"/>
              <p:cNvSpPr>
                <a:spLocks/>
              </p:cNvSpPr>
              <p:nvPr/>
            </p:nvSpPr>
            <p:spPr bwMode="auto">
              <a:xfrm>
                <a:off x="581025" y="4630744"/>
                <a:ext cx="69850" cy="68263"/>
              </a:xfrm>
              <a:custGeom>
                <a:avLst/>
                <a:gdLst>
                  <a:gd name="T0" fmla="*/ 16 w 130"/>
                  <a:gd name="T1" fmla="*/ 43 h 131"/>
                  <a:gd name="T2" fmla="*/ 12 w 130"/>
                  <a:gd name="T3" fmla="*/ 43 h 131"/>
                  <a:gd name="T4" fmla="*/ 8 w 130"/>
                  <a:gd name="T5" fmla="*/ 43 h 131"/>
                  <a:gd name="T6" fmla="*/ 4 w 130"/>
                  <a:gd name="T7" fmla="*/ 43 h 131"/>
                  <a:gd name="T8" fmla="*/ 0 w 130"/>
                  <a:gd name="T9" fmla="*/ 43 h 131"/>
                  <a:gd name="T10" fmla="*/ 2 w 130"/>
                  <a:gd name="T11" fmla="*/ 40 h 131"/>
                  <a:gd name="T12" fmla="*/ 4 w 130"/>
                  <a:gd name="T13" fmla="*/ 37 h 131"/>
                  <a:gd name="T14" fmla="*/ 5 w 130"/>
                  <a:gd name="T15" fmla="*/ 34 h 131"/>
                  <a:gd name="T16" fmla="*/ 7 w 130"/>
                  <a:gd name="T17" fmla="*/ 32 h 131"/>
                  <a:gd name="T18" fmla="*/ 9 w 130"/>
                  <a:gd name="T19" fmla="*/ 26 h 131"/>
                  <a:gd name="T20" fmla="*/ 10 w 130"/>
                  <a:gd name="T21" fmla="*/ 21 h 131"/>
                  <a:gd name="T22" fmla="*/ 13 w 130"/>
                  <a:gd name="T23" fmla="*/ 11 h 131"/>
                  <a:gd name="T24" fmla="*/ 16 w 130"/>
                  <a:gd name="T25" fmla="*/ 0 h 131"/>
                  <a:gd name="T26" fmla="*/ 17 w 130"/>
                  <a:gd name="T27" fmla="*/ 0 h 131"/>
                  <a:gd name="T28" fmla="*/ 19 w 130"/>
                  <a:gd name="T29" fmla="*/ 0 h 131"/>
                  <a:gd name="T30" fmla="*/ 20 w 130"/>
                  <a:gd name="T31" fmla="*/ 1 h 131"/>
                  <a:gd name="T32" fmla="*/ 20 w 130"/>
                  <a:gd name="T33" fmla="*/ 1 h 131"/>
                  <a:gd name="T34" fmla="*/ 21 w 130"/>
                  <a:gd name="T35" fmla="*/ 3 h 131"/>
                  <a:gd name="T36" fmla="*/ 21 w 130"/>
                  <a:gd name="T37" fmla="*/ 5 h 131"/>
                  <a:gd name="T38" fmla="*/ 21 w 130"/>
                  <a:gd name="T39" fmla="*/ 8 h 131"/>
                  <a:gd name="T40" fmla="*/ 22 w 130"/>
                  <a:gd name="T41" fmla="*/ 11 h 131"/>
                  <a:gd name="T42" fmla="*/ 22 w 130"/>
                  <a:gd name="T43" fmla="*/ 11 h 131"/>
                  <a:gd name="T44" fmla="*/ 23 w 130"/>
                  <a:gd name="T45" fmla="*/ 13 h 131"/>
                  <a:gd name="T46" fmla="*/ 24 w 130"/>
                  <a:gd name="T47" fmla="*/ 14 h 131"/>
                  <a:gd name="T48" fmla="*/ 25 w 130"/>
                  <a:gd name="T49" fmla="*/ 15 h 131"/>
                  <a:gd name="T50" fmla="*/ 28 w 130"/>
                  <a:gd name="T51" fmla="*/ 15 h 131"/>
                  <a:gd name="T52" fmla="*/ 30 w 130"/>
                  <a:gd name="T53" fmla="*/ 14 h 131"/>
                  <a:gd name="T54" fmla="*/ 32 w 130"/>
                  <a:gd name="T55" fmla="*/ 14 h 131"/>
                  <a:gd name="T56" fmla="*/ 34 w 130"/>
                  <a:gd name="T57" fmla="*/ 13 h 131"/>
                  <a:gd name="T58" fmla="*/ 36 w 130"/>
                  <a:gd name="T59" fmla="*/ 12 h 131"/>
                  <a:gd name="T60" fmla="*/ 38 w 130"/>
                  <a:gd name="T61" fmla="*/ 12 h 131"/>
                  <a:gd name="T62" fmla="*/ 41 w 130"/>
                  <a:gd name="T63" fmla="*/ 12 h 131"/>
                  <a:gd name="T64" fmla="*/ 44 w 130"/>
                  <a:gd name="T65" fmla="*/ 12 h 131"/>
                  <a:gd name="T66" fmla="*/ 40 w 130"/>
                  <a:gd name="T67" fmla="*/ 18 h 131"/>
                  <a:gd name="T68" fmla="*/ 36 w 130"/>
                  <a:gd name="T69" fmla="*/ 24 h 131"/>
                  <a:gd name="T70" fmla="*/ 35 w 130"/>
                  <a:gd name="T71" fmla="*/ 26 h 131"/>
                  <a:gd name="T72" fmla="*/ 33 w 130"/>
                  <a:gd name="T73" fmla="*/ 27 h 131"/>
                  <a:gd name="T74" fmla="*/ 31 w 130"/>
                  <a:gd name="T75" fmla="*/ 27 h 131"/>
                  <a:gd name="T76" fmla="*/ 29 w 130"/>
                  <a:gd name="T77" fmla="*/ 28 h 131"/>
                  <a:gd name="T78" fmla="*/ 27 w 130"/>
                  <a:gd name="T79" fmla="*/ 29 h 131"/>
                  <a:gd name="T80" fmla="*/ 25 w 130"/>
                  <a:gd name="T81" fmla="*/ 29 h 131"/>
                  <a:gd name="T82" fmla="*/ 22 w 130"/>
                  <a:gd name="T83" fmla="*/ 29 h 131"/>
                  <a:gd name="T84" fmla="*/ 19 w 130"/>
                  <a:gd name="T85" fmla="*/ 28 h 131"/>
                  <a:gd name="T86" fmla="*/ 20 w 130"/>
                  <a:gd name="T87" fmla="*/ 33 h 131"/>
                  <a:gd name="T88" fmla="*/ 21 w 130"/>
                  <a:gd name="T89" fmla="*/ 35 h 131"/>
                  <a:gd name="T90" fmla="*/ 20 w 130"/>
                  <a:gd name="T91" fmla="*/ 38 h 131"/>
                  <a:gd name="T92" fmla="*/ 19 w 130"/>
                  <a:gd name="T93" fmla="*/ 43 h 131"/>
                  <a:gd name="T94" fmla="*/ 16 w 130"/>
                  <a:gd name="T95" fmla="*/ 43 h 131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0" t="0" r="r" b="b"/>
                <a:pathLst>
                  <a:path w="130" h="131">
                    <a:moveTo>
                      <a:pt x="46" y="131"/>
                    </a:moveTo>
                    <a:lnTo>
                      <a:pt x="35" y="131"/>
                    </a:lnTo>
                    <a:lnTo>
                      <a:pt x="23" y="131"/>
                    </a:lnTo>
                    <a:lnTo>
                      <a:pt x="11" y="131"/>
                    </a:lnTo>
                    <a:lnTo>
                      <a:pt x="0" y="131"/>
                    </a:lnTo>
                    <a:lnTo>
                      <a:pt x="6" y="122"/>
                    </a:lnTo>
                    <a:lnTo>
                      <a:pt x="11" y="113"/>
                    </a:lnTo>
                    <a:lnTo>
                      <a:pt x="16" y="104"/>
                    </a:lnTo>
                    <a:lnTo>
                      <a:pt x="20" y="96"/>
                    </a:lnTo>
                    <a:lnTo>
                      <a:pt x="26" y="79"/>
                    </a:lnTo>
                    <a:lnTo>
                      <a:pt x="31" y="63"/>
                    </a:lnTo>
                    <a:lnTo>
                      <a:pt x="38" y="32"/>
                    </a:lnTo>
                    <a:lnTo>
                      <a:pt x="46" y="0"/>
                    </a:lnTo>
                    <a:lnTo>
                      <a:pt x="51" y="0"/>
                    </a:lnTo>
                    <a:lnTo>
                      <a:pt x="56" y="1"/>
                    </a:lnTo>
                    <a:lnTo>
                      <a:pt x="58" y="2"/>
                    </a:lnTo>
                    <a:lnTo>
                      <a:pt x="60" y="4"/>
                    </a:lnTo>
                    <a:lnTo>
                      <a:pt x="62" y="10"/>
                    </a:lnTo>
                    <a:lnTo>
                      <a:pt x="63" y="16"/>
                    </a:lnTo>
                    <a:lnTo>
                      <a:pt x="63" y="23"/>
                    </a:lnTo>
                    <a:lnTo>
                      <a:pt x="64" y="32"/>
                    </a:lnTo>
                    <a:lnTo>
                      <a:pt x="65" y="35"/>
                    </a:lnTo>
                    <a:lnTo>
                      <a:pt x="67" y="39"/>
                    </a:lnTo>
                    <a:lnTo>
                      <a:pt x="70" y="43"/>
                    </a:lnTo>
                    <a:lnTo>
                      <a:pt x="75" y="47"/>
                    </a:lnTo>
                    <a:lnTo>
                      <a:pt x="82" y="47"/>
                    </a:lnTo>
                    <a:lnTo>
                      <a:pt x="88" y="44"/>
                    </a:lnTo>
                    <a:lnTo>
                      <a:pt x="95" y="42"/>
                    </a:lnTo>
                    <a:lnTo>
                      <a:pt x="100" y="40"/>
                    </a:lnTo>
                    <a:lnTo>
                      <a:pt x="106" y="38"/>
                    </a:lnTo>
                    <a:lnTo>
                      <a:pt x="112" y="36"/>
                    </a:lnTo>
                    <a:lnTo>
                      <a:pt x="121" y="36"/>
                    </a:lnTo>
                    <a:lnTo>
                      <a:pt x="130" y="38"/>
                    </a:lnTo>
                    <a:lnTo>
                      <a:pt x="119" y="56"/>
                    </a:lnTo>
                    <a:lnTo>
                      <a:pt x="106" y="74"/>
                    </a:lnTo>
                    <a:lnTo>
                      <a:pt x="102" y="78"/>
                    </a:lnTo>
                    <a:lnTo>
                      <a:pt x="98" y="81"/>
                    </a:lnTo>
                    <a:lnTo>
                      <a:pt x="92" y="83"/>
                    </a:lnTo>
                    <a:lnTo>
                      <a:pt x="87" y="86"/>
                    </a:lnTo>
                    <a:lnTo>
                      <a:pt x="81" y="87"/>
                    </a:lnTo>
                    <a:lnTo>
                      <a:pt x="74" y="87"/>
                    </a:lnTo>
                    <a:lnTo>
                      <a:pt x="65" y="87"/>
                    </a:lnTo>
                    <a:lnTo>
                      <a:pt x="56" y="84"/>
                    </a:lnTo>
                    <a:lnTo>
                      <a:pt x="59" y="100"/>
                    </a:lnTo>
                    <a:lnTo>
                      <a:pt x="61" y="108"/>
                    </a:lnTo>
                    <a:lnTo>
                      <a:pt x="59" y="116"/>
                    </a:lnTo>
                    <a:lnTo>
                      <a:pt x="56" y="131"/>
                    </a:lnTo>
                    <a:lnTo>
                      <a:pt x="46" y="131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38" name="Ringkøbing-Skjern kant"/>
              <p:cNvSpPr>
                <a:spLocks/>
              </p:cNvSpPr>
              <p:nvPr/>
            </p:nvSpPr>
            <p:spPr bwMode="auto">
              <a:xfrm>
                <a:off x="581025" y="4630744"/>
                <a:ext cx="69850" cy="68263"/>
              </a:xfrm>
              <a:custGeom>
                <a:avLst/>
                <a:gdLst>
                  <a:gd name="T0" fmla="*/ 16 w 130"/>
                  <a:gd name="T1" fmla="*/ 43 h 131"/>
                  <a:gd name="T2" fmla="*/ 12 w 130"/>
                  <a:gd name="T3" fmla="*/ 43 h 131"/>
                  <a:gd name="T4" fmla="*/ 8 w 130"/>
                  <a:gd name="T5" fmla="*/ 43 h 131"/>
                  <a:gd name="T6" fmla="*/ 4 w 130"/>
                  <a:gd name="T7" fmla="*/ 43 h 131"/>
                  <a:gd name="T8" fmla="*/ 0 w 130"/>
                  <a:gd name="T9" fmla="*/ 43 h 131"/>
                  <a:gd name="T10" fmla="*/ 2 w 130"/>
                  <a:gd name="T11" fmla="*/ 40 h 131"/>
                  <a:gd name="T12" fmla="*/ 4 w 130"/>
                  <a:gd name="T13" fmla="*/ 37 h 131"/>
                  <a:gd name="T14" fmla="*/ 5 w 130"/>
                  <a:gd name="T15" fmla="*/ 34 h 131"/>
                  <a:gd name="T16" fmla="*/ 7 w 130"/>
                  <a:gd name="T17" fmla="*/ 32 h 131"/>
                  <a:gd name="T18" fmla="*/ 9 w 130"/>
                  <a:gd name="T19" fmla="*/ 26 h 131"/>
                  <a:gd name="T20" fmla="*/ 10 w 130"/>
                  <a:gd name="T21" fmla="*/ 21 h 131"/>
                  <a:gd name="T22" fmla="*/ 13 w 130"/>
                  <a:gd name="T23" fmla="*/ 11 h 131"/>
                  <a:gd name="T24" fmla="*/ 16 w 130"/>
                  <a:gd name="T25" fmla="*/ 0 h 131"/>
                  <a:gd name="T26" fmla="*/ 17 w 130"/>
                  <a:gd name="T27" fmla="*/ 0 h 131"/>
                  <a:gd name="T28" fmla="*/ 19 w 130"/>
                  <a:gd name="T29" fmla="*/ 0 h 131"/>
                  <a:gd name="T30" fmla="*/ 20 w 130"/>
                  <a:gd name="T31" fmla="*/ 1 h 131"/>
                  <a:gd name="T32" fmla="*/ 20 w 130"/>
                  <a:gd name="T33" fmla="*/ 1 h 131"/>
                  <a:gd name="T34" fmla="*/ 21 w 130"/>
                  <a:gd name="T35" fmla="*/ 3 h 131"/>
                  <a:gd name="T36" fmla="*/ 21 w 130"/>
                  <a:gd name="T37" fmla="*/ 5 h 131"/>
                  <a:gd name="T38" fmla="*/ 21 w 130"/>
                  <a:gd name="T39" fmla="*/ 8 h 131"/>
                  <a:gd name="T40" fmla="*/ 22 w 130"/>
                  <a:gd name="T41" fmla="*/ 11 h 131"/>
                  <a:gd name="T42" fmla="*/ 22 w 130"/>
                  <a:gd name="T43" fmla="*/ 11 h 131"/>
                  <a:gd name="T44" fmla="*/ 23 w 130"/>
                  <a:gd name="T45" fmla="*/ 13 h 131"/>
                  <a:gd name="T46" fmla="*/ 24 w 130"/>
                  <a:gd name="T47" fmla="*/ 14 h 131"/>
                  <a:gd name="T48" fmla="*/ 25 w 130"/>
                  <a:gd name="T49" fmla="*/ 15 h 131"/>
                  <a:gd name="T50" fmla="*/ 28 w 130"/>
                  <a:gd name="T51" fmla="*/ 15 h 131"/>
                  <a:gd name="T52" fmla="*/ 30 w 130"/>
                  <a:gd name="T53" fmla="*/ 14 h 131"/>
                  <a:gd name="T54" fmla="*/ 32 w 130"/>
                  <a:gd name="T55" fmla="*/ 14 h 131"/>
                  <a:gd name="T56" fmla="*/ 34 w 130"/>
                  <a:gd name="T57" fmla="*/ 13 h 131"/>
                  <a:gd name="T58" fmla="*/ 36 w 130"/>
                  <a:gd name="T59" fmla="*/ 12 h 131"/>
                  <a:gd name="T60" fmla="*/ 38 w 130"/>
                  <a:gd name="T61" fmla="*/ 12 h 131"/>
                  <a:gd name="T62" fmla="*/ 41 w 130"/>
                  <a:gd name="T63" fmla="*/ 12 h 131"/>
                  <a:gd name="T64" fmla="*/ 44 w 130"/>
                  <a:gd name="T65" fmla="*/ 12 h 131"/>
                  <a:gd name="T66" fmla="*/ 40 w 130"/>
                  <a:gd name="T67" fmla="*/ 18 h 131"/>
                  <a:gd name="T68" fmla="*/ 36 w 130"/>
                  <a:gd name="T69" fmla="*/ 24 h 131"/>
                  <a:gd name="T70" fmla="*/ 35 w 130"/>
                  <a:gd name="T71" fmla="*/ 26 h 131"/>
                  <a:gd name="T72" fmla="*/ 33 w 130"/>
                  <a:gd name="T73" fmla="*/ 27 h 131"/>
                  <a:gd name="T74" fmla="*/ 31 w 130"/>
                  <a:gd name="T75" fmla="*/ 27 h 131"/>
                  <a:gd name="T76" fmla="*/ 29 w 130"/>
                  <a:gd name="T77" fmla="*/ 28 h 131"/>
                  <a:gd name="T78" fmla="*/ 27 w 130"/>
                  <a:gd name="T79" fmla="*/ 29 h 131"/>
                  <a:gd name="T80" fmla="*/ 25 w 130"/>
                  <a:gd name="T81" fmla="*/ 29 h 131"/>
                  <a:gd name="T82" fmla="*/ 22 w 130"/>
                  <a:gd name="T83" fmla="*/ 29 h 131"/>
                  <a:gd name="T84" fmla="*/ 19 w 130"/>
                  <a:gd name="T85" fmla="*/ 28 h 131"/>
                  <a:gd name="T86" fmla="*/ 20 w 130"/>
                  <a:gd name="T87" fmla="*/ 33 h 131"/>
                  <a:gd name="T88" fmla="*/ 21 w 130"/>
                  <a:gd name="T89" fmla="*/ 35 h 131"/>
                  <a:gd name="T90" fmla="*/ 20 w 130"/>
                  <a:gd name="T91" fmla="*/ 38 h 131"/>
                  <a:gd name="T92" fmla="*/ 19 w 130"/>
                  <a:gd name="T93" fmla="*/ 43 h 131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</a:gdLst>
                <a:ahLst/>
                <a:cxnLst>
                  <a:cxn ang="T94">
                    <a:pos x="T0" y="T1"/>
                  </a:cxn>
                  <a:cxn ang="T95">
                    <a:pos x="T2" y="T3"/>
                  </a:cxn>
                  <a:cxn ang="T96">
                    <a:pos x="T4" y="T5"/>
                  </a:cxn>
                  <a:cxn ang="T97">
                    <a:pos x="T6" y="T7"/>
                  </a:cxn>
                  <a:cxn ang="T98">
                    <a:pos x="T8" y="T9"/>
                  </a:cxn>
                  <a:cxn ang="T99">
                    <a:pos x="T10" y="T11"/>
                  </a:cxn>
                  <a:cxn ang="T100">
                    <a:pos x="T12" y="T13"/>
                  </a:cxn>
                  <a:cxn ang="T101">
                    <a:pos x="T14" y="T15"/>
                  </a:cxn>
                  <a:cxn ang="T102">
                    <a:pos x="T16" y="T17"/>
                  </a:cxn>
                  <a:cxn ang="T103">
                    <a:pos x="T18" y="T19"/>
                  </a:cxn>
                  <a:cxn ang="T104">
                    <a:pos x="T20" y="T21"/>
                  </a:cxn>
                  <a:cxn ang="T105">
                    <a:pos x="T22" y="T23"/>
                  </a:cxn>
                  <a:cxn ang="T106">
                    <a:pos x="T24" y="T25"/>
                  </a:cxn>
                  <a:cxn ang="T107">
                    <a:pos x="T26" y="T27"/>
                  </a:cxn>
                  <a:cxn ang="T108">
                    <a:pos x="T28" y="T29"/>
                  </a:cxn>
                  <a:cxn ang="T109">
                    <a:pos x="T30" y="T31"/>
                  </a:cxn>
                  <a:cxn ang="T110">
                    <a:pos x="T32" y="T33"/>
                  </a:cxn>
                  <a:cxn ang="T111">
                    <a:pos x="T34" y="T35"/>
                  </a:cxn>
                  <a:cxn ang="T112">
                    <a:pos x="T36" y="T37"/>
                  </a:cxn>
                  <a:cxn ang="T113">
                    <a:pos x="T38" y="T39"/>
                  </a:cxn>
                  <a:cxn ang="T114">
                    <a:pos x="T40" y="T41"/>
                  </a:cxn>
                  <a:cxn ang="T115">
                    <a:pos x="T42" y="T43"/>
                  </a:cxn>
                  <a:cxn ang="T116">
                    <a:pos x="T44" y="T45"/>
                  </a:cxn>
                  <a:cxn ang="T117">
                    <a:pos x="T46" y="T47"/>
                  </a:cxn>
                  <a:cxn ang="T118">
                    <a:pos x="T48" y="T49"/>
                  </a:cxn>
                  <a:cxn ang="T119">
                    <a:pos x="T50" y="T51"/>
                  </a:cxn>
                  <a:cxn ang="T120">
                    <a:pos x="T52" y="T53"/>
                  </a:cxn>
                  <a:cxn ang="T121">
                    <a:pos x="T54" y="T55"/>
                  </a:cxn>
                  <a:cxn ang="T122">
                    <a:pos x="T56" y="T57"/>
                  </a:cxn>
                  <a:cxn ang="T123">
                    <a:pos x="T58" y="T59"/>
                  </a:cxn>
                  <a:cxn ang="T124">
                    <a:pos x="T60" y="T61"/>
                  </a:cxn>
                  <a:cxn ang="T125">
                    <a:pos x="T62" y="T63"/>
                  </a:cxn>
                  <a:cxn ang="T126">
                    <a:pos x="T64" y="T65"/>
                  </a:cxn>
                  <a:cxn ang="T127">
                    <a:pos x="T66" y="T67"/>
                  </a:cxn>
                  <a:cxn ang="T128">
                    <a:pos x="T68" y="T69"/>
                  </a:cxn>
                  <a:cxn ang="T129">
                    <a:pos x="T70" y="T71"/>
                  </a:cxn>
                  <a:cxn ang="T130">
                    <a:pos x="T72" y="T73"/>
                  </a:cxn>
                  <a:cxn ang="T131">
                    <a:pos x="T74" y="T75"/>
                  </a:cxn>
                  <a:cxn ang="T132">
                    <a:pos x="T76" y="T77"/>
                  </a:cxn>
                  <a:cxn ang="T133">
                    <a:pos x="T78" y="T79"/>
                  </a:cxn>
                  <a:cxn ang="T134">
                    <a:pos x="T80" y="T81"/>
                  </a:cxn>
                  <a:cxn ang="T135">
                    <a:pos x="T82" y="T83"/>
                  </a:cxn>
                  <a:cxn ang="T136">
                    <a:pos x="T84" y="T85"/>
                  </a:cxn>
                  <a:cxn ang="T137">
                    <a:pos x="T86" y="T87"/>
                  </a:cxn>
                  <a:cxn ang="T138">
                    <a:pos x="T88" y="T89"/>
                  </a:cxn>
                  <a:cxn ang="T139">
                    <a:pos x="T90" y="T91"/>
                  </a:cxn>
                  <a:cxn ang="T140">
                    <a:pos x="T92" y="T93"/>
                  </a:cxn>
                </a:cxnLst>
                <a:rect l="0" t="0" r="r" b="b"/>
                <a:pathLst>
                  <a:path w="130" h="131">
                    <a:moveTo>
                      <a:pt x="46" y="131"/>
                    </a:moveTo>
                    <a:lnTo>
                      <a:pt x="35" y="131"/>
                    </a:lnTo>
                    <a:lnTo>
                      <a:pt x="23" y="131"/>
                    </a:lnTo>
                    <a:lnTo>
                      <a:pt x="11" y="131"/>
                    </a:lnTo>
                    <a:lnTo>
                      <a:pt x="0" y="131"/>
                    </a:lnTo>
                    <a:lnTo>
                      <a:pt x="6" y="122"/>
                    </a:lnTo>
                    <a:lnTo>
                      <a:pt x="11" y="113"/>
                    </a:lnTo>
                    <a:lnTo>
                      <a:pt x="16" y="104"/>
                    </a:lnTo>
                    <a:lnTo>
                      <a:pt x="20" y="96"/>
                    </a:lnTo>
                    <a:lnTo>
                      <a:pt x="26" y="79"/>
                    </a:lnTo>
                    <a:lnTo>
                      <a:pt x="31" y="63"/>
                    </a:lnTo>
                    <a:lnTo>
                      <a:pt x="38" y="32"/>
                    </a:lnTo>
                    <a:lnTo>
                      <a:pt x="46" y="0"/>
                    </a:lnTo>
                    <a:lnTo>
                      <a:pt x="51" y="0"/>
                    </a:lnTo>
                    <a:lnTo>
                      <a:pt x="56" y="1"/>
                    </a:lnTo>
                    <a:lnTo>
                      <a:pt x="58" y="2"/>
                    </a:lnTo>
                    <a:lnTo>
                      <a:pt x="60" y="4"/>
                    </a:lnTo>
                    <a:lnTo>
                      <a:pt x="62" y="10"/>
                    </a:lnTo>
                    <a:lnTo>
                      <a:pt x="63" y="16"/>
                    </a:lnTo>
                    <a:lnTo>
                      <a:pt x="63" y="23"/>
                    </a:lnTo>
                    <a:lnTo>
                      <a:pt x="64" y="32"/>
                    </a:lnTo>
                    <a:lnTo>
                      <a:pt x="65" y="35"/>
                    </a:lnTo>
                    <a:lnTo>
                      <a:pt x="67" y="39"/>
                    </a:lnTo>
                    <a:lnTo>
                      <a:pt x="70" y="43"/>
                    </a:lnTo>
                    <a:lnTo>
                      <a:pt x="75" y="47"/>
                    </a:lnTo>
                    <a:lnTo>
                      <a:pt x="82" y="47"/>
                    </a:lnTo>
                    <a:lnTo>
                      <a:pt x="88" y="44"/>
                    </a:lnTo>
                    <a:lnTo>
                      <a:pt x="95" y="42"/>
                    </a:lnTo>
                    <a:lnTo>
                      <a:pt x="100" y="40"/>
                    </a:lnTo>
                    <a:lnTo>
                      <a:pt x="106" y="38"/>
                    </a:lnTo>
                    <a:lnTo>
                      <a:pt x="112" y="36"/>
                    </a:lnTo>
                    <a:lnTo>
                      <a:pt x="121" y="36"/>
                    </a:lnTo>
                    <a:lnTo>
                      <a:pt x="130" y="38"/>
                    </a:lnTo>
                    <a:lnTo>
                      <a:pt x="119" y="56"/>
                    </a:lnTo>
                    <a:lnTo>
                      <a:pt x="106" y="74"/>
                    </a:lnTo>
                    <a:lnTo>
                      <a:pt x="102" y="78"/>
                    </a:lnTo>
                    <a:lnTo>
                      <a:pt x="98" y="81"/>
                    </a:lnTo>
                    <a:lnTo>
                      <a:pt x="92" y="83"/>
                    </a:lnTo>
                    <a:lnTo>
                      <a:pt x="87" y="86"/>
                    </a:lnTo>
                    <a:lnTo>
                      <a:pt x="81" y="87"/>
                    </a:lnTo>
                    <a:lnTo>
                      <a:pt x="74" y="87"/>
                    </a:lnTo>
                    <a:lnTo>
                      <a:pt x="65" y="87"/>
                    </a:lnTo>
                    <a:lnTo>
                      <a:pt x="56" y="84"/>
                    </a:lnTo>
                    <a:lnTo>
                      <a:pt x="59" y="100"/>
                    </a:lnTo>
                    <a:lnTo>
                      <a:pt x="61" y="108"/>
                    </a:lnTo>
                    <a:lnTo>
                      <a:pt x="59" y="116"/>
                    </a:lnTo>
                    <a:lnTo>
                      <a:pt x="56" y="131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39" name="Line 93"/>
              <p:cNvSpPr>
                <a:spLocks noChangeShapeType="1"/>
              </p:cNvSpPr>
              <p:nvPr/>
            </p:nvSpPr>
            <p:spPr bwMode="auto">
              <a:xfrm flipH="1" flipV="1">
                <a:off x="608013" y="4697419"/>
                <a:ext cx="3175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40" name="Line 97"/>
              <p:cNvSpPr>
                <a:spLocks noChangeShapeType="1"/>
              </p:cNvSpPr>
              <p:nvPr/>
            </p:nvSpPr>
            <p:spPr bwMode="auto">
              <a:xfrm flipV="1">
                <a:off x="608013" y="4699007"/>
                <a:ext cx="3175" cy="3175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41" name="Line 101"/>
              <p:cNvSpPr>
                <a:spLocks noChangeShapeType="1"/>
              </p:cNvSpPr>
              <p:nvPr/>
            </p:nvSpPr>
            <p:spPr bwMode="auto">
              <a:xfrm flipH="1" flipV="1">
                <a:off x="608013" y="4702182"/>
                <a:ext cx="3175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42" name="Line 105"/>
              <p:cNvSpPr>
                <a:spLocks noChangeShapeType="1"/>
              </p:cNvSpPr>
              <p:nvPr/>
            </p:nvSpPr>
            <p:spPr bwMode="auto">
              <a:xfrm flipH="1" flipV="1">
                <a:off x="611188" y="4703769"/>
                <a:ext cx="1588" cy="3175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258" name="Horsens"/>
            <p:cNvGrpSpPr/>
            <p:nvPr/>
          </p:nvGrpSpPr>
          <p:grpSpPr>
            <a:xfrm>
              <a:off x="1606552" y="4418019"/>
              <a:ext cx="501651" cy="331788"/>
              <a:chOff x="1606552" y="4418019"/>
              <a:chExt cx="501651" cy="331788"/>
            </a:xfrm>
            <a:grpFill/>
          </p:grpSpPr>
          <p:sp>
            <p:nvSpPr>
              <p:cNvPr id="317" name="Horsens 3"/>
              <p:cNvSpPr>
                <a:spLocks/>
              </p:cNvSpPr>
              <p:nvPr/>
            </p:nvSpPr>
            <p:spPr bwMode="auto">
              <a:xfrm>
                <a:off x="2052640" y="4667257"/>
                <a:ext cx="55563" cy="26988"/>
              </a:xfrm>
              <a:custGeom>
                <a:avLst/>
                <a:gdLst>
                  <a:gd name="T0" fmla="*/ 35 w 103"/>
                  <a:gd name="T1" fmla="*/ 1 h 51"/>
                  <a:gd name="T2" fmla="*/ 32 w 103"/>
                  <a:gd name="T3" fmla="*/ 4 h 51"/>
                  <a:gd name="T4" fmla="*/ 28 w 103"/>
                  <a:gd name="T5" fmla="*/ 7 h 51"/>
                  <a:gd name="T6" fmla="*/ 24 w 103"/>
                  <a:gd name="T7" fmla="*/ 9 h 51"/>
                  <a:gd name="T8" fmla="*/ 20 w 103"/>
                  <a:gd name="T9" fmla="*/ 11 h 51"/>
                  <a:gd name="T10" fmla="*/ 10 w 103"/>
                  <a:gd name="T11" fmla="*/ 14 h 51"/>
                  <a:gd name="T12" fmla="*/ 0 w 103"/>
                  <a:gd name="T13" fmla="*/ 17 h 51"/>
                  <a:gd name="T14" fmla="*/ 0 w 103"/>
                  <a:gd name="T15" fmla="*/ 13 h 51"/>
                  <a:gd name="T16" fmla="*/ 1 w 103"/>
                  <a:gd name="T17" fmla="*/ 10 h 51"/>
                  <a:gd name="T18" fmla="*/ 2 w 103"/>
                  <a:gd name="T19" fmla="*/ 7 h 51"/>
                  <a:gd name="T20" fmla="*/ 3 w 103"/>
                  <a:gd name="T21" fmla="*/ 5 h 51"/>
                  <a:gd name="T22" fmla="*/ 4 w 103"/>
                  <a:gd name="T23" fmla="*/ 3 h 51"/>
                  <a:gd name="T24" fmla="*/ 6 w 103"/>
                  <a:gd name="T25" fmla="*/ 2 h 51"/>
                  <a:gd name="T26" fmla="*/ 8 w 103"/>
                  <a:gd name="T27" fmla="*/ 1 h 51"/>
                  <a:gd name="T28" fmla="*/ 10 w 103"/>
                  <a:gd name="T29" fmla="*/ 1 h 51"/>
                  <a:gd name="T30" fmla="*/ 13 w 103"/>
                  <a:gd name="T31" fmla="*/ 0 h 51"/>
                  <a:gd name="T32" fmla="*/ 15 w 103"/>
                  <a:gd name="T33" fmla="*/ 0 h 51"/>
                  <a:gd name="T34" fmla="*/ 18 w 103"/>
                  <a:gd name="T35" fmla="*/ 0 h 51"/>
                  <a:gd name="T36" fmla="*/ 21 w 103"/>
                  <a:gd name="T37" fmla="*/ 0 h 51"/>
                  <a:gd name="T38" fmla="*/ 28 w 103"/>
                  <a:gd name="T39" fmla="*/ 1 h 51"/>
                  <a:gd name="T40" fmla="*/ 35 w 103"/>
                  <a:gd name="T41" fmla="*/ 1 h 51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103" h="51">
                    <a:moveTo>
                      <a:pt x="103" y="4"/>
                    </a:moveTo>
                    <a:lnTo>
                      <a:pt x="94" y="13"/>
                    </a:lnTo>
                    <a:lnTo>
                      <a:pt x="82" y="22"/>
                    </a:lnTo>
                    <a:lnTo>
                      <a:pt x="70" y="28"/>
                    </a:lnTo>
                    <a:lnTo>
                      <a:pt x="58" y="33"/>
                    </a:lnTo>
                    <a:lnTo>
                      <a:pt x="29" y="43"/>
                    </a:lnTo>
                    <a:lnTo>
                      <a:pt x="0" y="51"/>
                    </a:lnTo>
                    <a:lnTo>
                      <a:pt x="1" y="40"/>
                    </a:lnTo>
                    <a:lnTo>
                      <a:pt x="3" y="29"/>
                    </a:lnTo>
                    <a:lnTo>
                      <a:pt x="5" y="22"/>
                    </a:lnTo>
                    <a:lnTo>
                      <a:pt x="8" y="16"/>
                    </a:lnTo>
                    <a:lnTo>
                      <a:pt x="12" y="10"/>
                    </a:lnTo>
                    <a:lnTo>
                      <a:pt x="18" y="6"/>
                    </a:lnTo>
                    <a:lnTo>
                      <a:pt x="24" y="3"/>
                    </a:lnTo>
                    <a:lnTo>
                      <a:pt x="30" y="2"/>
                    </a:lnTo>
                    <a:lnTo>
                      <a:pt x="37" y="1"/>
                    </a:lnTo>
                    <a:lnTo>
                      <a:pt x="45" y="0"/>
                    </a:lnTo>
                    <a:lnTo>
                      <a:pt x="52" y="0"/>
                    </a:lnTo>
                    <a:lnTo>
                      <a:pt x="62" y="1"/>
                    </a:lnTo>
                    <a:lnTo>
                      <a:pt x="81" y="3"/>
                    </a:lnTo>
                    <a:lnTo>
                      <a:pt x="103" y="4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18" name="Horsens 3"/>
              <p:cNvSpPr>
                <a:spLocks/>
              </p:cNvSpPr>
              <p:nvPr/>
            </p:nvSpPr>
            <p:spPr bwMode="auto">
              <a:xfrm>
                <a:off x="2052640" y="4667257"/>
                <a:ext cx="55563" cy="26988"/>
              </a:xfrm>
              <a:custGeom>
                <a:avLst/>
                <a:gdLst>
                  <a:gd name="T0" fmla="*/ 35 w 103"/>
                  <a:gd name="T1" fmla="*/ 1 h 51"/>
                  <a:gd name="T2" fmla="*/ 32 w 103"/>
                  <a:gd name="T3" fmla="*/ 4 h 51"/>
                  <a:gd name="T4" fmla="*/ 28 w 103"/>
                  <a:gd name="T5" fmla="*/ 7 h 51"/>
                  <a:gd name="T6" fmla="*/ 24 w 103"/>
                  <a:gd name="T7" fmla="*/ 9 h 51"/>
                  <a:gd name="T8" fmla="*/ 20 w 103"/>
                  <a:gd name="T9" fmla="*/ 11 h 51"/>
                  <a:gd name="T10" fmla="*/ 10 w 103"/>
                  <a:gd name="T11" fmla="*/ 14 h 51"/>
                  <a:gd name="T12" fmla="*/ 0 w 103"/>
                  <a:gd name="T13" fmla="*/ 17 h 51"/>
                  <a:gd name="T14" fmla="*/ 0 w 103"/>
                  <a:gd name="T15" fmla="*/ 13 h 51"/>
                  <a:gd name="T16" fmla="*/ 1 w 103"/>
                  <a:gd name="T17" fmla="*/ 10 h 51"/>
                  <a:gd name="T18" fmla="*/ 2 w 103"/>
                  <a:gd name="T19" fmla="*/ 7 h 51"/>
                  <a:gd name="T20" fmla="*/ 3 w 103"/>
                  <a:gd name="T21" fmla="*/ 5 h 51"/>
                  <a:gd name="T22" fmla="*/ 4 w 103"/>
                  <a:gd name="T23" fmla="*/ 3 h 51"/>
                  <a:gd name="T24" fmla="*/ 6 w 103"/>
                  <a:gd name="T25" fmla="*/ 2 h 51"/>
                  <a:gd name="T26" fmla="*/ 8 w 103"/>
                  <a:gd name="T27" fmla="*/ 1 h 51"/>
                  <a:gd name="T28" fmla="*/ 10 w 103"/>
                  <a:gd name="T29" fmla="*/ 1 h 51"/>
                  <a:gd name="T30" fmla="*/ 13 w 103"/>
                  <a:gd name="T31" fmla="*/ 0 h 51"/>
                  <a:gd name="T32" fmla="*/ 15 w 103"/>
                  <a:gd name="T33" fmla="*/ 0 h 51"/>
                  <a:gd name="T34" fmla="*/ 18 w 103"/>
                  <a:gd name="T35" fmla="*/ 0 h 51"/>
                  <a:gd name="T36" fmla="*/ 21 w 103"/>
                  <a:gd name="T37" fmla="*/ 0 h 51"/>
                  <a:gd name="T38" fmla="*/ 28 w 103"/>
                  <a:gd name="T39" fmla="*/ 1 h 51"/>
                  <a:gd name="T40" fmla="*/ 35 w 103"/>
                  <a:gd name="T41" fmla="*/ 1 h 51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103" h="51">
                    <a:moveTo>
                      <a:pt x="103" y="4"/>
                    </a:moveTo>
                    <a:lnTo>
                      <a:pt x="94" y="13"/>
                    </a:lnTo>
                    <a:lnTo>
                      <a:pt x="82" y="22"/>
                    </a:lnTo>
                    <a:lnTo>
                      <a:pt x="70" y="28"/>
                    </a:lnTo>
                    <a:lnTo>
                      <a:pt x="58" y="33"/>
                    </a:lnTo>
                    <a:lnTo>
                      <a:pt x="29" y="43"/>
                    </a:lnTo>
                    <a:lnTo>
                      <a:pt x="0" y="51"/>
                    </a:lnTo>
                    <a:lnTo>
                      <a:pt x="1" y="40"/>
                    </a:lnTo>
                    <a:lnTo>
                      <a:pt x="3" y="29"/>
                    </a:lnTo>
                    <a:lnTo>
                      <a:pt x="5" y="22"/>
                    </a:lnTo>
                    <a:lnTo>
                      <a:pt x="8" y="16"/>
                    </a:lnTo>
                    <a:lnTo>
                      <a:pt x="12" y="10"/>
                    </a:lnTo>
                    <a:lnTo>
                      <a:pt x="18" y="6"/>
                    </a:lnTo>
                    <a:lnTo>
                      <a:pt x="24" y="3"/>
                    </a:lnTo>
                    <a:lnTo>
                      <a:pt x="30" y="2"/>
                    </a:lnTo>
                    <a:lnTo>
                      <a:pt x="37" y="1"/>
                    </a:lnTo>
                    <a:lnTo>
                      <a:pt x="45" y="0"/>
                    </a:lnTo>
                    <a:lnTo>
                      <a:pt x="52" y="0"/>
                    </a:lnTo>
                    <a:lnTo>
                      <a:pt x="62" y="1"/>
                    </a:lnTo>
                    <a:lnTo>
                      <a:pt x="81" y="3"/>
                    </a:lnTo>
                    <a:lnTo>
                      <a:pt x="103" y="4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19" name="Horsens 3"/>
              <p:cNvSpPr>
                <a:spLocks/>
              </p:cNvSpPr>
              <p:nvPr/>
            </p:nvSpPr>
            <p:spPr bwMode="auto">
              <a:xfrm>
                <a:off x="2073278" y="4705357"/>
                <a:ext cx="30163" cy="9525"/>
              </a:xfrm>
              <a:custGeom>
                <a:avLst/>
                <a:gdLst>
                  <a:gd name="T0" fmla="*/ 19 w 57"/>
                  <a:gd name="T1" fmla="*/ 3 h 19"/>
                  <a:gd name="T2" fmla="*/ 18 w 57"/>
                  <a:gd name="T3" fmla="*/ 4 h 19"/>
                  <a:gd name="T4" fmla="*/ 18 w 57"/>
                  <a:gd name="T5" fmla="*/ 5 h 19"/>
                  <a:gd name="T6" fmla="*/ 17 w 57"/>
                  <a:gd name="T7" fmla="*/ 5 h 19"/>
                  <a:gd name="T8" fmla="*/ 16 w 57"/>
                  <a:gd name="T9" fmla="*/ 6 h 19"/>
                  <a:gd name="T10" fmla="*/ 14 w 57"/>
                  <a:gd name="T11" fmla="*/ 6 h 19"/>
                  <a:gd name="T12" fmla="*/ 11 w 57"/>
                  <a:gd name="T13" fmla="*/ 6 h 19"/>
                  <a:gd name="T14" fmla="*/ 8 w 57"/>
                  <a:gd name="T15" fmla="*/ 6 h 19"/>
                  <a:gd name="T16" fmla="*/ 5 w 57"/>
                  <a:gd name="T17" fmla="*/ 5 h 19"/>
                  <a:gd name="T18" fmla="*/ 2 w 57"/>
                  <a:gd name="T19" fmla="*/ 5 h 19"/>
                  <a:gd name="T20" fmla="*/ 0 w 57"/>
                  <a:gd name="T21" fmla="*/ 6 h 19"/>
                  <a:gd name="T22" fmla="*/ 1 w 57"/>
                  <a:gd name="T23" fmla="*/ 4 h 19"/>
                  <a:gd name="T24" fmla="*/ 1 w 57"/>
                  <a:gd name="T25" fmla="*/ 3 h 19"/>
                  <a:gd name="T26" fmla="*/ 2 w 57"/>
                  <a:gd name="T27" fmla="*/ 2 h 19"/>
                  <a:gd name="T28" fmla="*/ 3 w 57"/>
                  <a:gd name="T29" fmla="*/ 1 h 19"/>
                  <a:gd name="T30" fmla="*/ 4 w 57"/>
                  <a:gd name="T31" fmla="*/ 0 h 19"/>
                  <a:gd name="T32" fmla="*/ 5 w 57"/>
                  <a:gd name="T33" fmla="*/ 0 h 19"/>
                  <a:gd name="T34" fmla="*/ 6 w 57"/>
                  <a:gd name="T35" fmla="*/ 0 h 19"/>
                  <a:gd name="T36" fmla="*/ 8 w 57"/>
                  <a:gd name="T37" fmla="*/ 0 h 19"/>
                  <a:gd name="T38" fmla="*/ 13 w 57"/>
                  <a:gd name="T39" fmla="*/ 2 h 19"/>
                  <a:gd name="T40" fmla="*/ 19 w 57"/>
                  <a:gd name="T41" fmla="*/ 3 h 1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57" h="19">
                    <a:moveTo>
                      <a:pt x="57" y="9"/>
                    </a:moveTo>
                    <a:lnTo>
                      <a:pt x="55" y="13"/>
                    </a:lnTo>
                    <a:lnTo>
                      <a:pt x="54" y="15"/>
                    </a:lnTo>
                    <a:lnTo>
                      <a:pt x="52" y="17"/>
                    </a:lnTo>
                    <a:lnTo>
                      <a:pt x="49" y="18"/>
                    </a:lnTo>
                    <a:lnTo>
                      <a:pt x="42" y="19"/>
                    </a:lnTo>
                    <a:lnTo>
                      <a:pt x="34" y="19"/>
                    </a:lnTo>
                    <a:lnTo>
                      <a:pt x="25" y="18"/>
                    </a:lnTo>
                    <a:lnTo>
                      <a:pt x="15" y="17"/>
                    </a:lnTo>
                    <a:lnTo>
                      <a:pt x="7" y="17"/>
                    </a:lnTo>
                    <a:lnTo>
                      <a:pt x="0" y="18"/>
                    </a:lnTo>
                    <a:lnTo>
                      <a:pt x="2" y="13"/>
                    </a:lnTo>
                    <a:lnTo>
                      <a:pt x="3" y="9"/>
                    </a:lnTo>
                    <a:lnTo>
                      <a:pt x="6" y="6"/>
                    </a:lnTo>
                    <a:lnTo>
                      <a:pt x="8" y="4"/>
                    </a:lnTo>
                    <a:lnTo>
                      <a:pt x="11" y="1"/>
                    </a:lnTo>
                    <a:lnTo>
                      <a:pt x="14" y="0"/>
                    </a:lnTo>
                    <a:lnTo>
                      <a:pt x="19" y="0"/>
                    </a:lnTo>
                    <a:lnTo>
                      <a:pt x="23" y="0"/>
                    </a:lnTo>
                    <a:lnTo>
                      <a:pt x="40" y="5"/>
                    </a:lnTo>
                    <a:lnTo>
                      <a:pt x="57" y="9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20" name="Freeform 73"/>
              <p:cNvSpPr>
                <a:spLocks/>
              </p:cNvSpPr>
              <p:nvPr/>
            </p:nvSpPr>
            <p:spPr bwMode="auto">
              <a:xfrm>
                <a:off x="2073278" y="4705357"/>
                <a:ext cx="30163" cy="9525"/>
              </a:xfrm>
              <a:custGeom>
                <a:avLst/>
                <a:gdLst>
                  <a:gd name="T0" fmla="*/ 19 w 57"/>
                  <a:gd name="T1" fmla="*/ 3 h 19"/>
                  <a:gd name="T2" fmla="*/ 18 w 57"/>
                  <a:gd name="T3" fmla="*/ 4 h 19"/>
                  <a:gd name="T4" fmla="*/ 18 w 57"/>
                  <a:gd name="T5" fmla="*/ 5 h 19"/>
                  <a:gd name="T6" fmla="*/ 17 w 57"/>
                  <a:gd name="T7" fmla="*/ 5 h 19"/>
                  <a:gd name="T8" fmla="*/ 16 w 57"/>
                  <a:gd name="T9" fmla="*/ 6 h 19"/>
                  <a:gd name="T10" fmla="*/ 14 w 57"/>
                  <a:gd name="T11" fmla="*/ 6 h 19"/>
                  <a:gd name="T12" fmla="*/ 11 w 57"/>
                  <a:gd name="T13" fmla="*/ 6 h 19"/>
                  <a:gd name="T14" fmla="*/ 8 w 57"/>
                  <a:gd name="T15" fmla="*/ 6 h 19"/>
                  <a:gd name="T16" fmla="*/ 5 w 57"/>
                  <a:gd name="T17" fmla="*/ 5 h 19"/>
                  <a:gd name="T18" fmla="*/ 2 w 57"/>
                  <a:gd name="T19" fmla="*/ 5 h 19"/>
                  <a:gd name="T20" fmla="*/ 0 w 57"/>
                  <a:gd name="T21" fmla="*/ 6 h 19"/>
                  <a:gd name="T22" fmla="*/ 1 w 57"/>
                  <a:gd name="T23" fmla="*/ 4 h 19"/>
                  <a:gd name="T24" fmla="*/ 1 w 57"/>
                  <a:gd name="T25" fmla="*/ 3 h 19"/>
                  <a:gd name="T26" fmla="*/ 2 w 57"/>
                  <a:gd name="T27" fmla="*/ 2 h 19"/>
                  <a:gd name="T28" fmla="*/ 3 w 57"/>
                  <a:gd name="T29" fmla="*/ 1 h 19"/>
                  <a:gd name="T30" fmla="*/ 4 w 57"/>
                  <a:gd name="T31" fmla="*/ 0 h 19"/>
                  <a:gd name="T32" fmla="*/ 5 w 57"/>
                  <a:gd name="T33" fmla="*/ 0 h 19"/>
                  <a:gd name="T34" fmla="*/ 6 w 57"/>
                  <a:gd name="T35" fmla="*/ 0 h 19"/>
                  <a:gd name="T36" fmla="*/ 8 w 57"/>
                  <a:gd name="T37" fmla="*/ 0 h 19"/>
                  <a:gd name="T38" fmla="*/ 13 w 57"/>
                  <a:gd name="T39" fmla="*/ 2 h 19"/>
                  <a:gd name="T40" fmla="*/ 19 w 57"/>
                  <a:gd name="T41" fmla="*/ 3 h 1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57" h="19">
                    <a:moveTo>
                      <a:pt x="57" y="9"/>
                    </a:moveTo>
                    <a:lnTo>
                      <a:pt x="55" y="13"/>
                    </a:lnTo>
                    <a:lnTo>
                      <a:pt x="54" y="15"/>
                    </a:lnTo>
                    <a:lnTo>
                      <a:pt x="52" y="17"/>
                    </a:lnTo>
                    <a:lnTo>
                      <a:pt x="49" y="18"/>
                    </a:lnTo>
                    <a:lnTo>
                      <a:pt x="42" y="19"/>
                    </a:lnTo>
                    <a:lnTo>
                      <a:pt x="34" y="19"/>
                    </a:lnTo>
                    <a:lnTo>
                      <a:pt x="25" y="18"/>
                    </a:lnTo>
                    <a:lnTo>
                      <a:pt x="15" y="17"/>
                    </a:lnTo>
                    <a:lnTo>
                      <a:pt x="7" y="17"/>
                    </a:lnTo>
                    <a:lnTo>
                      <a:pt x="0" y="18"/>
                    </a:lnTo>
                    <a:lnTo>
                      <a:pt x="2" y="13"/>
                    </a:lnTo>
                    <a:lnTo>
                      <a:pt x="3" y="9"/>
                    </a:lnTo>
                    <a:lnTo>
                      <a:pt x="6" y="6"/>
                    </a:lnTo>
                    <a:lnTo>
                      <a:pt x="8" y="4"/>
                    </a:lnTo>
                    <a:lnTo>
                      <a:pt x="11" y="1"/>
                    </a:lnTo>
                    <a:lnTo>
                      <a:pt x="14" y="0"/>
                    </a:lnTo>
                    <a:lnTo>
                      <a:pt x="19" y="0"/>
                    </a:lnTo>
                    <a:lnTo>
                      <a:pt x="23" y="0"/>
                    </a:lnTo>
                    <a:lnTo>
                      <a:pt x="40" y="5"/>
                    </a:lnTo>
                    <a:lnTo>
                      <a:pt x="57" y="9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21" name="Line 107"/>
              <p:cNvSpPr>
                <a:spLocks noChangeShapeType="1"/>
              </p:cNvSpPr>
              <p:nvPr/>
            </p:nvSpPr>
            <p:spPr bwMode="auto">
              <a:xfrm flipH="1">
                <a:off x="1866903" y="4733932"/>
                <a:ext cx="3175" cy="3175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22" name="Line 111"/>
              <p:cNvSpPr>
                <a:spLocks noChangeShapeType="1"/>
              </p:cNvSpPr>
              <p:nvPr/>
            </p:nvSpPr>
            <p:spPr bwMode="auto">
              <a:xfrm flipH="1" flipV="1">
                <a:off x="1870078" y="4729169"/>
                <a:ext cx="1588" cy="3175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23" name="Horsens 2"/>
              <p:cNvSpPr>
                <a:spLocks/>
              </p:cNvSpPr>
              <p:nvPr/>
            </p:nvSpPr>
            <p:spPr bwMode="auto">
              <a:xfrm>
                <a:off x="1755777" y="4605344"/>
                <a:ext cx="114300" cy="123825"/>
              </a:xfrm>
              <a:custGeom>
                <a:avLst/>
                <a:gdLst>
                  <a:gd name="T0" fmla="*/ 72 w 216"/>
                  <a:gd name="T1" fmla="*/ 78 h 234"/>
                  <a:gd name="T2" fmla="*/ 68 w 216"/>
                  <a:gd name="T3" fmla="*/ 77 h 234"/>
                  <a:gd name="T4" fmla="*/ 64 w 216"/>
                  <a:gd name="T5" fmla="*/ 76 h 234"/>
                  <a:gd name="T6" fmla="*/ 61 w 216"/>
                  <a:gd name="T7" fmla="*/ 75 h 234"/>
                  <a:gd name="T8" fmla="*/ 58 w 216"/>
                  <a:gd name="T9" fmla="*/ 73 h 234"/>
                  <a:gd name="T10" fmla="*/ 55 w 216"/>
                  <a:gd name="T11" fmla="*/ 71 h 234"/>
                  <a:gd name="T12" fmla="*/ 53 w 216"/>
                  <a:gd name="T13" fmla="*/ 69 h 234"/>
                  <a:gd name="T14" fmla="*/ 51 w 216"/>
                  <a:gd name="T15" fmla="*/ 66 h 234"/>
                  <a:gd name="T16" fmla="*/ 49 w 216"/>
                  <a:gd name="T17" fmla="*/ 64 h 234"/>
                  <a:gd name="T18" fmla="*/ 47 w 216"/>
                  <a:gd name="T19" fmla="*/ 61 h 234"/>
                  <a:gd name="T20" fmla="*/ 45 w 216"/>
                  <a:gd name="T21" fmla="*/ 58 h 234"/>
                  <a:gd name="T22" fmla="*/ 44 w 216"/>
                  <a:gd name="T23" fmla="*/ 55 h 234"/>
                  <a:gd name="T24" fmla="*/ 42 w 216"/>
                  <a:gd name="T25" fmla="*/ 52 h 234"/>
                  <a:gd name="T26" fmla="*/ 40 w 216"/>
                  <a:gd name="T27" fmla="*/ 45 h 234"/>
                  <a:gd name="T28" fmla="*/ 38 w 216"/>
                  <a:gd name="T29" fmla="*/ 37 h 234"/>
                  <a:gd name="T30" fmla="*/ 34 w 216"/>
                  <a:gd name="T31" fmla="*/ 37 h 234"/>
                  <a:gd name="T32" fmla="*/ 32 w 216"/>
                  <a:gd name="T33" fmla="*/ 38 h 234"/>
                  <a:gd name="T34" fmla="*/ 29 w 216"/>
                  <a:gd name="T35" fmla="*/ 38 h 234"/>
                  <a:gd name="T36" fmla="*/ 27 w 216"/>
                  <a:gd name="T37" fmla="*/ 39 h 234"/>
                  <a:gd name="T38" fmla="*/ 25 w 216"/>
                  <a:gd name="T39" fmla="*/ 40 h 234"/>
                  <a:gd name="T40" fmla="*/ 22 w 216"/>
                  <a:gd name="T41" fmla="*/ 41 h 234"/>
                  <a:gd name="T42" fmla="*/ 19 w 216"/>
                  <a:gd name="T43" fmla="*/ 41 h 234"/>
                  <a:gd name="T44" fmla="*/ 16 w 216"/>
                  <a:gd name="T45" fmla="*/ 40 h 234"/>
                  <a:gd name="T46" fmla="*/ 15 w 216"/>
                  <a:gd name="T47" fmla="*/ 36 h 234"/>
                  <a:gd name="T48" fmla="*/ 16 w 216"/>
                  <a:gd name="T49" fmla="*/ 32 h 234"/>
                  <a:gd name="T50" fmla="*/ 16 w 216"/>
                  <a:gd name="T51" fmla="*/ 29 h 234"/>
                  <a:gd name="T52" fmla="*/ 17 w 216"/>
                  <a:gd name="T53" fmla="*/ 26 h 234"/>
                  <a:gd name="T54" fmla="*/ 18 w 216"/>
                  <a:gd name="T55" fmla="*/ 23 h 234"/>
                  <a:gd name="T56" fmla="*/ 19 w 216"/>
                  <a:gd name="T57" fmla="*/ 20 h 234"/>
                  <a:gd name="T58" fmla="*/ 19 w 216"/>
                  <a:gd name="T59" fmla="*/ 16 h 234"/>
                  <a:gd name="T60" fmla="*/ 19 w 216"/>
                  <a:gd name="T61" fmla="*/ 12 h 234"/>
                  <a:gd name="T62" fmla="*/ 17 w 216"/>
                  <a:gd name="T63" fmla="*/ 11 h 234"/>
                  <a:gd name="T64" fmla="*/ 14 w 216"/>
                  <a:gd name="T65" fmla="*/ 9 h 234"/>
                  <a:gd name="T66" fmla="*/ 12 w 216"/>
                  <a:gd name="T67" fmla="*/ 8 h 234"/>
                  <a:gd name="T68" fmla="*/ 9 w 216"/>
                  <a:gd name="T69" fmla="*/ 7 h 234"/>
                  <a:gd name="T70" fmla="*/ 6 w 216"/>
                  <a:gd name="T71" fmla="*/ 5 h 234"/>
                  <a:gd name="T72" fmla="*/ 4 w 216"/>
                  <a:gd name="T73" fmla="*/ 4 h 234"/>
                  <a:gd name="T74" fmla="*/ 2 w 216"/>
                  <a:gd name="T75" fmla="*/ 2 h 234"/>
                  <a:gd name="T76" fmla="*/ 0 w 216"/>
                  <a:gd name="T77" fmla="*/ 0 h 234"/>
                  <a:gd name="T78" fmla="*/ 72 w 216"/>
                  <a:gd name="T79" fmla="*/ 78 h 234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0" t="0" r="r" b="b"/>
                <a:pathLst>
                  <a:path w="216" h="234">
                    <a:moveTo>
                      <a:pt x="216" y="234"/>
                    </a:moveTo>
                    <a:lnTo>
                      <a:pt x="205" y="232"/>
                    </a:lnTo>
                    <a:lnTo>
                      <a:pt x="193" y="228"/>
                    </a:lnTo>
                    <a:lnTo>
                      <a:pt x="184" y="224"/>
                    </a:lnTo>
                    <a:lnTo>
                      <a:pt x="174" y="219"/>
                    </a:lnTo>
                    <a:lnTo>
                      <a:pt x="166" y="213"/>
                    </a:lnTo>
                    <a:lnTo>
                      <a:pt x="158" y="206"/>
                    </a:lnTo>
                    <a:lnTo>
                      <a:pt x="152" y="199"/>
                    </a:lnTo>
                    <a:lnTo>
                      <a:pt x="146" y="192"/>
                    </a:lnTo>
                    <a:lnTo>
                      <a:pt x="141" y="183"/>
                    </a:lnTo>
                    <a:lnTo>
                      <a:pt x="135" y="174"/>
                    </a:lnTo>
                    <a:lnTo>
                      <a:pt x="131" y="164"/>
                    </a:lnTo>
                    <a:lnTo>
                      <a:pt x="127" y="155"/>
                    </a:lnTo>
                    <a:lnTo>
                      <a:pt x="119" y="134"/>
                    </a:lnTo>
                    <a:lnTo>
                      <a:pt x="113" y="112"/>
                    </a:lnTo>
                    <a:lnTo>
                      <a:pt x="103" y="112"/>
                    </a:lnTo>
                    <a:lnTo>
                      <a:pt x="95" y="113"/>
                    </a:lnTo>
                    <a:lnTo>
                      <a:pt x="88" y="115"/>
                    </a:lnTo>
                    <a:lnTo>
                      <a:pt x="82" y="118"/>
                    </a:lnTo>
                    <a:lnTo>
                      <a:pt x="75" y="120"/>
                    </a:lnTo>
                    <a:lnTo>
                      <a:pt x="67" y="122"/>
                    </a:lnTo>
                    <a:lnTo>
                      <a:pt x="58" y="123"/>
                    </a:lnTo>
                    <a:lnTo>
                      <a:pt x="48" y="121"/>
                    </a:lnTo>
                    <a:lnTo>
                      <a:pt x="46" y="108"/>
                    </a:lnTo>
                    <a:lnTo>
                      <a:pt x="47" y="97"/>
                    </a:lnTo>
                    <a:lnTo>
                      <a:pt x="49" y="87"/>
                    </a:lnTo>
                    <a:lnTo>
                      <a:pt x="51" y="78"/>
                    </a:lnTo>
                    <a:lnTo>
                      <a:pt x="54" y="69"/>
                    </a:lnTo>
                    <a:lnTo>
                      <a:pt x="56" y="60"/>
                    </a:lnTo>
                    <a:lnTo>
                      <a:pt x="57" y="49"/>
                    </a:lnTo>
                    <a:lnTo>
                      <a:pt x="57" y="37"/>
                    </a:lnTo>
                    <a:lnTo>
                      <a:pt x="50" y="32"/>
                    </a:lnTo>
                    <a:lnTo>
                      <a:pt x="43" y="27"/>
                    </a:lnTo>
                    <a:lnTo>
                      <a:pt x="35" y="23"/>
                    </a:lnTo>
                    <a:lnTo>
                      <a:pt x="27" y="20"/>
                    </a:lnTo>
                    <a:lnTo>
                      <a:pt x="19" y="16"/>
                    </a:lnTo>
                    <a:lnTo>
                      <a:pt x="12" y="12"/>
                    </a:lnTo>
                    <a:lnTo>
                      <a:pt x="6" y="6"/>
                    </a:lnTo>
                    <a:lnTo>
                      <a:pt x="0" y="0"/>
                    </a:lnTo>
                    <a:lnTo>
                      <a:pt x="216" y="234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24" name="Horsens kant 2"/>
              <p:cNvSpPr>
                <a:spLocks/>
              </p:cNvSpPr>
              <p:nvPr/>
            </p:nvSpPr>
            <p:spPr bwMode="auto">
              <a:xfrm>
                <a:off x="1755777" y="4605344"/>
                <a:ext cx="114300" cy="123825"/>
              </a:xfrm>
              <a:custGeom>
                <a:avLst/>
                <a:gdLst>
                  <a:gd name="T0" fmla="*/ 72 w 216"/>
                  <a:gd name="T1" fmla="*/ 78 h 234"/>
                  <a:gd name="T2" fmla="*/ 68 w 216"/>
                  <a:gd name="T3" fmla="*/ 77 h 234"/>
                  <a:gd name="T4" fmla="*/ 64 w 216"/>
                  <a:gd name="T5" fmla="*/ 76 h 234"/>
                  <a:gd name="T6" fmla="*/ 61 w 216"/>
                  <a:gd name="T7" fmla="*/ 75 h 234"/>
                  <a:gd name="T8" fmla="*/ 58 w 216"/>
                  <a:gd name="T9" fmla="*/ 73 h 234"/>
                  <a:gd name="T10" fmla="*/ 55 w 216"/>
                  <a:gd name="T11" fmla="*/ 71 h 234"/>
                  <a:gd name="T12" fmla="*/ 53 w 216"/>
                  <a:gd name="T13" fmla="*/ 69 h 234"/>
                  <a:gd name="T14" fmla="*/ 51 w 216"/>
                  <a:gd name="T15" fmla="*/ 66 h 234"/>
                  <a:gd name="T16" fmla="*/ 49 w 216"/>
                  <a:gd name="T17" fmla="*/ 64 h 234"/>
                  <a:gd name="T18" fmla="*/ 47 w 216"/>
                  <a:gd name="T19" fmla="*/ 61 h 234"/>
                  <a:gd name="T20" fmla="*/ 45 w 216"/>
                  <a:gd name="T21" fmla="*/ 58 h 234"/>
                  <a:gd name="T22" fmla="*/ 44 w 216"/>
                  <a:gd name="T23" fmla="*/ 55 h 234"/>
                  <a:gd name="T24" fmla="*/ 42 w 216"/>
                  <a:gd name="T25" fmla="*/ 52 h 234"/>
                  <a:gd name="T26" fmla="*/ 40 w 216"/>
                  <a:gd name="T27" fmla="*/ 45 h 234"/>
                  <a:gd name="T28" fmla="*/ 38 w 216"/>
                  <a:gd name="T29" fmla="*/ 37 h 234"/>
                  <a:gd name="T30" fmla="*/ 34 w 216"/>
                  <a:gd name="T31" fmla="*/ 37 h 234"/>
                  <a:gd name="T32" fmla="*/ 32 w 216"/>
                  <a:gd name="T33" fmla="*/ 38 h 234"/>
                  <a:gd name="T34" fmla="*/ 29 w 216"/>
                  <a:gd name="T35" fmla="*/ 38 h 234"/>
                  <a:gd name="T36" fmla="*/ 27 w 216"/>
                  <a:gd name="T37" fmla="*/ 39 h 234"/>
                  <a:gd name="T38" fmla="*/ 25 w 216"/>
                  <a:gd name="T39" fmla="*/ 40 h 234"/>
                  <a:gd name="T40" fmla="*/ 22 w 216"/>
                  <a:gd name="T41" fmla="*/ 41 h 234"/>
                  <a:gd name="T42" fmla="*/ 19 w 216"/>
                  <a:gd name="T43" fmla="*/ 41 h 234"/>
                  <a:gd name="T44" fmla="*/ 16 w 216"/>
                  <a:gd name="T45" fmla="*/ 40 h 234"/>
                  <a:gd name="T46" fmla="*/ 15 w 216"/>
                  <a:gd name="T47" fmla="*/ 36 h 234"/>
                  <a:gd name="T48" fmla="*/ 16 w 216"/>
                  <a:gd name="T49" fmla="*/ 32 h 234"/>
                  <a:gd name="T50" fmla="*/ 16 w 216"/>
                  <a:gd name="T51" fmla="*/ 29 h 234"/>
                  <a:gd name="T52" fmla="*/ 17 w 216"/>
                  <a:gd name="T53" fmla="*/ 26 h 234"/>
                  <a:gd name="T54" fmla="*/ 18 w 216"/>
                  <a:gd name="T55" fmla="*/ 23 h 234"/>
                  <a:gd name="T56" fmla="*/ 19 w 216"/>
                  <a:gd name="T57" fmla="*/ 20 h 234"/>
                  <a:gd name="T58" fmla="*/ 19 w 216"/>
                  <a:gd name="T59" fmla="*/ 16 h 234"/>
                  <a:gd name="T60" fmla="*/ 19 w 216"/>
                  <a:gd name="T61" fmla="*/ 12 h 234"/>
                  <a:gd name="T62" fmla="*/ 17 w 216"/>
                  <a:gd name="T63" fmla="*/ 11 h 234"/>
                  <a:gd name="T64" fmla="*/ 14 w 216"/>
                  <a:gd name="T65" fmla="*/ 9 h 234"/>
                  <a:gd name="T66" fmla="*/ 12 w 216"/>
                  <a:gd name="T67" fmla="*/ 8 h 234"/>
                  <a:gd name="T68" fmla="*/ 9 w 216"/>
                  <a:gd name="T69" fmla="*/ 7 h 234"/>
                  <a:gd name="T70" fmla="*/ 6 w 216"/>
                  <a:gd name="T71" fmla="*/ 5 h 234"/>
                  <a:gd name="T72" fmla="*/ 4 w 216"/>
                  <a:gd name="T73" fmla="*/ 4 h 234"/>
                  <a:gd name="T74" fmla="*/ 2 w 216"/>
                  <a:gd name="T75" fmla="*/ 2 h 234"/>
                  <a:gd name="T76" fmla="*/ 0 w 216"/>
                  <a:gd name="T77" fmla="*/ 0 h 234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</a:gdLst>
                <a:ahLst/>
                <a:cxnLst>
                  <a:cxn ang="T78">
                    <a:pos x="T0" y="T1"/>
                  </a:cxn>
                  <a:cxn ang="T79">
                    <a:pos x="T2" y="T3"/>
                  </a:cxn>
                  <a:cxn ang="T80">
                    <a:pos x="T4" y="T5"/>
                  </a:cxn>
                  <a:cxn ang="T81">
                    <a:pos x="T6" y="T7"/>
                  </a:cxn>
                  <a:cxn ang="T82">
                    <a:pos x="T8" y="T9"/>
                  </a:cxn>
                  <a:cxn ang="T83">
                    <a:pos x="T10" y="T11"/>
                  </a:cxn>
                  <a:cxn ang="T84">
                    <a:pos x="T12" y="T13"/>
                  </a:cxn>
                  <a:cxn ang="T85">
                    <a:pos x="T14" y="T15"/>
                  </a:cxn>
                  <a:cxn ang="T86">
                    <a:pos x="T16" y="T17"/>
                  </a:cxn>
                  <a:cxn ang="T87">
                    <a:pos x="T18" y="T19"/>
                  </a:cxn>
                  <a:cxn ang="T88">
                    <a:pos x="T20" y="T21"/>
                  </a:cxn>
                  <a:cxn ang="T89">
                    <a:pos x="T22" y="T23"/>
                  </a:cxn>
                  <a:cxn ang="T90">
                    <a:pos x="T24" y="T25"/>
                  </a:cxn>
                  <a:cxn ang="T91">
                    <a:pos x="T26" y="T27"/>
                  </a:cxn>
                  <a:cxn ang="T92">
                    <a:pos x="T28" y="T29"/>
                  </a:cxn>
                  <a:cxn ang="T93">
                    <a:pos x="T30" y="T31"/>
                  </a:cxn>
                  <a:cxn ang="T94">
                    <a:pos x="T32" y="T33"/>
                  </a:cxn>
                  <a:cxn ang="T95">
                    <a:pos x="T34" y="T35"/>
                  </a:cxn>
                  <a:cxn ang="T96">
                    <a:pos x="T36" y="T37"/>
                  </a:cxn>
                  <a:cxn ang="T97">
                    <a:pos x="T38" y="T39"/>
                  </a:cxn>
                  <a:cxn ang="T98">
                    <a:pos x="T40" y="T41"/>
                  </a:cxn>
                  <a:cxn ang="T99">
                    <a:pos x="T42" y="T43"/>
                  </a:cxn>
                  <a:cxn ang="T100">
                    <a:pos x="T44" y="T45"/>
                  </a:cxn>
                  <a:cxn ang="T101">
                    <a:pos x="T46" y="T47"/>
                  </a:cxn>
                  <a:cxn ang="T102">
                    <a:pos x="T48" y="T49"/>
                  </a:cxn>
                  <a:cxn ang="T103">
                    <a:pos x="T50" y="T51"/>
                  </a:cxn>
                  <a:cxn ang="T104">
                    <a:pos x="T52" y="T53"/>
                  </a:cxn>
                  <a:cxn ang="T105">
                    <a:pos x="T54" y="T55"/>
                  </a:cxn>
                  <a:cxn ang="T106">
                    <a:pos x="T56" y="T57"/>
                  </a:cxn>
                  <a:cxn ang="T107">
                    <a:pos x="T58" y="T59"/>
                  </a:cxn>
                  <a:cxn ang="T108">
                    <a:pos x="T60" y="T61"/>
                  </a:cxn>
                  <a:cxn ang="T109">
                    <a:pos x="T62" y="T63"/>
                  </a:cxn>
                  <a:cxn ang="T110">
                    <a:pos x="T64" y="T65"/>
                  </a:cxn>
                  <a:cxn ang="T111">
                    <a:pos x="T66" y="T67"/>
                  </a:cxn>
                  <a:cxn ang="T112">
                    <a:pos x="T68" y="T69"/>
                  </a:cxn>
                  <a:cxn ang="T113">
                    <a:pos x="T70" y="T71"/>
                  </a:cxn>
                  <a:cxn ang="T114">
                    <a:pos x="T72" y="T73"/>
                  </a:cxn>
                  <a:cxn ang="T115">
                    <a:pos x="T74" y="T75"/>
                  </a:cxn>
                  <a:cxn ang="T116">
                    <a:pos x="T76" y="T77"/>
                  </a:cxn>
                </a:cxnLst>
                <a:rect l="0" t="0" r="r" b="b"/>
                <a:pathLst>
                  <a:path w="216" h="234">
                    <a:moveTo>
                      <a:pt x="216" y="234"/>
                    </a:moveTo>
                    <a:lnTo>
                      <a:pt x="205" y="232"/>
                    </a:lnTo>
                    <a:lnTo>
                      <a:pt x="193" y="228"/>
                    </a:lnTo>
                    <a:lnTo>
                      <a:pt x="184" y="224"/>
                    </a:lnTo>
                    <a:lnTo>
                      <a:pt x="174" y="219"/>
                    </a:lnTo>
                    <a:lnTo>
                      <a:pt x="166" y="213"/>
                    </a:lnTo>
                    <a:lnTo>
                      <a:pt x="158" y="206"/>
                    </a:lnTo>
                    <a:lnTo>
                      <a:pt x="152" y="199"/>
                    </a:lnTo>
                    <a:lnTo>
                      <a:pt x="146" y="192"/>
                    </a:lnTo>
                    <a:lnTo>
                      <a:pt x="141" y="183"/>
                    </a:lnTo>
                    <a:lnTo>
                      <a:pt x="135" y="174"/>
                    </a:lnTo>
                    <a:lnTo>
                      <a:pt x="131" y="164"/>
                    </a:lnTo>
                    <a:lnTo>
                      <a:pt x="127" y="155"/>
                    </a:lnTo>
                    <a:lnTo>
                      <a:pt x="119" y="134"/>
                    </a:lnTo>
                    <a:lnTo>
                      <a:pt x="113" y="112"/>
                    </a:lnTo>
                    <a:lnTo>
                      <a:pt x="103" y="112"/>
                    </a:lnTo>
                    <a:lnTo>
                      <a:pt x="95" y="113"/>
                    </a:lnTo>
                    <a:lnTo>
                      <a:pt x="88" y="115"/>
                    </a:lnTo>
                    <a:lnTo>
                      <a:pt x="82" y="118"/>
                    </a:lnTo>
                    <a:lnTo>
                      <a:pt x="75" y="120"/>
                    </a:lnTo>
                    <a:lnTo>
                      <a:pt x="67" y="122"/>
                    </a:lnTo>
                    <a:lnTo>
                      <a:pt x="58" y="123"/>
                    </a:lnTo>
                    <a:lnTo>
                      <a:pt x="48" y="121"/>
                    </a:lnTo>
                    <a:lnTo>
                      <a:pt x="46" y="108"/>
                    </a:lnTo>
                    <a:lnTo>
                      <a:pt x="47" y="97"/>
                    </a:lnTo>
                    <a:lnTo>
                      <a:pt x="49" y="87"/>
                    </a:lnTo>
                    <a:lnTo>
                      <a:pt x="51" y="78"/>
                    </a:lnTo>
                    <a:lnTo>
                      <a:pt x="54" y="69"/>
                    </a:lnTo>
                    <a:lnTo>
                      <a:pt x="56" y="60"/>
                    </a:lnTo>
                    <a:lnTo>
                      <a:pt x="57" y="49"/>
                    </a:lnTo>
                    <a:lnTo>
                      <a:pt x="57" y="37"/>
                    </a:lnTo>
                    <a:lnTo>
                      <a:pt x="50" y="32"/>
                    </a:lnTo>
                    <a:lnTo>
                      <a:pt x="43" y="27"/>
                    </a:lnTo>
                    <a:lnTo>
                      <a:pt x="35" y="23"/>
                    </a:lnTo>
                    <a:lnTo>
                      <a:pt x="27" y="20"/>
                    </a:lnTo>
                    <a:lnTo>
                      <a:pt x="19" y="16"/>
                    </a:lnTo>
                    <a:lnTo>
                      <a:pt x="12" y="12"/>
                    </a:lnTo>
                    <a:lnTo>
                      <a:pt x="6" y="6"/>
                    </a:lnTo>
                    <a:lnTo>
                      <a:pt x="0" y="0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25" name="Line 115"/>
              <p:cNvSpPr>
                <a:spLocks noChangeShapeType="1"/>
              </p:cNvSpPr>
              <p:nvPr/>
            </p:nvSpPr>
            <p:spPr bwMode="auto">
              <a:xfrm>
                <a:off x="1755777" y="4605344"/>
                <a:ext cx="4763" cy="0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26" name="Line 117"/>
              <p:cNvSpPr>
                <a:spLocks noChangeShapeType="1"/>
              </p:cNvSpPr>
              <p:nvPr/>
            </p:nvSpPr>
            <p:spPr bwMode="auto">
              <a:xfrm>
                <a:off x="1752602" y="4603757"/>
                <a:ext cx="3175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27" name="Horsens"/>
              <p:cNvSpPr>
                <a:spLocks/>
              </p:cNvSpPr>
              <p:nvPr/>
            </p:nvSpPr>
            <p:spPr bwMode="auto">
              <a:xfrm>
                <a:off x="1606552" y="4418019"/>
                <a:ext cx="450851" cy="331788"/>
              </a:xfrm>
              <a:custGeom>
                <a:avLst/>
                <a:gdLst>
                  <a:gd name="T0" fmla="*/ 71 w 853"/>
                  <a:gd name="T1" fmla="*/ 120 h 625"/>
                  <a:gd name="T2" fmla="*/ 53 w 853"/>
                  <a:gd name="T3" fmla="*/ 120 h 625"/>
                  <a:gd name="T4" fmla="*/ 36 w 853"/>
                  <a:gd name="T5" fmla="*/ 117 h 625"/>
                  <a:gd name="T6" fmla="*/ 23 w 853"/>
                  <a:gd name="T7" fmla="*/ 92 h 625"/>
                  <a:gd name="T8" fmla="*/ 15 w 853"/>
                  <a:gd name="T9" fmla="*/ 74 h 625"/>
                  <a:gd name="T10" fmla="*/ 4 w 853"/>
                  <a:gd name="T11" fmla="*/ 64 h 625"/>
                  <a:gd name="T12" fmla="*/ 22 w 853"/>
                  <a:gd name="T13" fmla="*/ 54 h 625"/>
                  <a:gd name="T14" fmla="*/ 40 w 853"/>
                  <a:gd name="T15" fmla="*/ 51 h 625"/>
                  <a:gd name="T16" fmla="*/ 53 w 853"/>
                  <a:gd name="T17" fmla="*/ 54 h 625"/>
                  <a:gd name="T18" fmla="*/ 60 w 853"/>
                  <a:gd name="T19" fmla="*/ 52 h 625"/>
                  <a:gd name="T20" fmla="*/ 65 w 853"/>
                  <a:gd name="T21" fmla="*/ 48 h 625"/>
                  <a:gd name="T22" fmla="*/ 69 w 853"/>
                  <a:gd name="T23" fmla="*/ 46 h 625"/>
                  <a:gd name="T24" fmla="*/ 71 w 853"/>
                  <a:gd name="T25" fmla="*/ 32 h 625"/>
                  <a:gd name="T26" fmla="*/ 69 w 853"/>
                  <a:gd name="T27" fmla="*/ 23 h 625"/>
                  <a:gd name="T28" fmla="*/ 58 w 853"/>
                  <a:gd name="T29" fmla="*/ 17 h 625"/>
                  <a:gd name="T30" fmla="*/ 51 w 853"/>
                  <a:gd name="T31" fmla="*/ 10 h 625"/>
                  <a:gd name="T32" fmla="*/ 55 w 853"/>
                  <a:gd name="T33" fmla="*/ 4 h 625"/>
                  <a:gd name="T34" fmla="*/ 66 w 853"/>
                  <a:gd name="T35" fmla="*/ 0 h 625"/>
                  <a:gd name="T36" fmla="*/ 85 w 853"/>
                  <a:gd name="T37" fmla="*/ 4 h 625"/>
                  <a:gd name="T38" fmla="*/ 108 w 853"/>
                  <a:gd name="T39" fmla="*/ 8 h 625"/>
                  <a:gd name="T40" fmla="*/ 111 w 853"/>
                  <a:gd name="T41" fmla="*/ 12 h 625"/>
                  <a:gd name="T42" fmla="*/ 118 w 853"/>
                  <a:gd name="T43" fmla="*/ 19 h 625"/>
                  <a:gd name="T44" fmla="*/ 156 w 853"/>
                  <a:gd name="T45" fmla="*/ 14 h 625"/>
                  <a:gd name="T46" fmla="*/ 181 w 853"/>
                  <a:gd name="T47" fmla="*/ 18 h 625"/>
                  <a:gd name="T48" fmla="*/ 176 w 853"/>
                  <a:gd name="T49" fmla="*/ 34 h 625"/>
                  <a:gd name="T50" fmla="*/ 169 w 853"/>
                  <a:gd name="T51" fmla="*/ 43 h 625"/>
                  <a:gd name="T52" fmla="*/ 162 w 853"/>
                  <a:gd name="T53" fmla="*/ 51 h 625"/>
                  <a:gd name="T54" fmla="*/ 165 w 853"/>
                  <a:gd name="T55" fmla="*/ 66 h 625"/>
                  <a:gd name="T56" fmla="*/ 180 w 853"/>
                  <a:gd name="T57" fmla="*/ 83 h 625"/>
                  <a:gd name="T58" fmla="*/ 197 w 853"/>
                  <a:gd name="T59" fmla="*/ 89 h 625"/>
                  <a:gd name="T60" fmla="*/ 214 w 853"/>
                  <a:gd name="T61" fmla="*/ 80 h 625"/>
                  <a:gd name="T62" fmla="*/ 235 w 853"/>
                  <a:gd name="T63" fmla="*/ 74 h 625"/>
                  <a:gd name="T64" fmla="*/ 246 w 853"/>
                  <a:gd name="T65" fmla="*/ 67 h 625"/>
                  <a:gd name="T66" fmla="*/ 252 w 853"/>
                  <a:gd name="T67" fmla="*/ 64 h 625"/>
                  <a:gd name="T68" fmla="*/ 263 w 853"/>
                  <a:gd name="T69" fmla="*/ 70 h 625"/>
                  <a:gd name="T70" fmla="*/ 273 w 853"/>
                  <a:gd name="T71" fmla="*/ 75 h 625"/>
                  <a:gd name="T72" fmla="*/ 280 w 853"/>
                  <a:gd name="T73" fmla="*/ 84 h 625"/>
                  <a:gd name="T74" fmla="*/ 275 w 853"/>
                  <a:gd name="T75" fmla="*/ 100 h 625"/>
                  <a:gd name="T76" fmla="*/ 274 w 853"/>
                  <a:gd name="T77" fmla="*/ 118 h 625"/>
                  <a:gd name="T78" fmla="*/ 282 w 853"/>
                  <a:gd name="T79" fmla="*/ 144 h 625"/>
                  <a:gd name="T80" fmla="*/ 267 w 853"/>
                  <a:gd name="T81" fmla="*/ 148 h 625"/>
                  <a:gd name="T82" fmla="*/ 256 w 853"/>
                  <a:gd name="T83" fmla="*/ 148 h 625"/>
                  <a:gd name="T84" fmla="*/ 255 w 853"/>
                  <a:gd name="T85" fmla="*/ 145 h 625"/>
                  <a:gd name="T86" fmla="*/ 248 w 853"/>
                  <a:gd name="T87" fmla="*/ 145 h 625"/>
                  <a:gd name="T88" fmla="*/ 244 w 853"/>
                  <a:gd name="T89" fmla="*/ 151 h 625"/>
                  <a:gd name="T90" fmla="*/ 234 w 853"/>
                  <a:gd name="T91" fmla="*/ 162 h 625"/>
                  <a:gd name="T92" fmla="*/ 218 w 853"/>
                  <a:gd name="T93" fmla="*/ 162 h 625"/>
                  <a:gd name="T94" fmla="*/ 213 w 853"/>
                  <a:gd name="T95" fmla="*/ 158 h 625"/>
                  <a:gd name="T96" fmla="*/ 204 w 853"/>
                  <a:gd name="T97" fmla="*/ 161 h 625"/>
                  <a:gd name="T98" fmla="*/ 194 w 853"/>
                  <a:gd name="T99" fmla="*/ 168 h 625"/>
                  <a:gd name="T100" fmla="*/ 198 w 853"/>
                  <a:gd name="T101" fmla="*/ 173 h 625"/>
                  <a:gd name="T102" fmla="*/ 227 w 853"/>
                  <a:gd name="T103" fmla="*/ 181 h 625"/>
                  <a:gd name="T104" fmla="*/ 238 w 853"/>
                  <a:gd name="T105" fmla="*/ 192 h 625"/>
                  <a:gd name="T106" fmla="*/ 233 w 853"/>
                  <a:gd name="T107" fmla="*/ 198 h 625"/>
                  <a:gd name="T108" fmla="*/ 225 w 853"/>
                  <a:gd name="T109" fmla="*/ 202 h 625"/>
                  <a:gd name="T110" fmla="*/ 201 w 853"/>
                  <a:gd name="T111" fmla="*/ 204 h 625"/>
                  <a:gd name="T112" fmla="*/ 179 w 853"/>
                  <a:gd name="T113" fmla="*/ 206 h 625"/>
                  <a:gd name="T114" fmla="*/ 174 w 853"/>
                  <a:gd name="T115" fmla="*/ 208 h 625"/>
                  <a:gd name="T116" fmla="*/ 172 w 853"/>
                  <a:gd name="T117" fmla="*/ 200 h 625"/>
                  <a:gd name="T118" fmla="*/ 170 w 853"/>
                  <a:gd name="T119" fmla="*/ 197 h 625"/>
                  <a:gd name="T120" fmla="*/ 94 w 853"/>
                  <a:gd name="T121" fmla="*/ 118 h 625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853" h="625">
                    <a:moveTo>
                      <a:pt x="281" y="354"/>
                    </a:moveTo>
                    <a:lnTo>
                      <a:pt x="256" y="354"/>
                    </a:lnTo>
                    <a:lnTo>
                      <a:pt x="233" y="356"/>
                    </a:lnTo>
                    <a:lnTo>
                      <a:pt x="212" y="358"/>
                    </a:lnTo>
                    <a:lnTo>
                      <a:pt x="192" y="360"/>
                    </a:lnTo>
                    <a:lnTo>
                      <a:pt x="181" y="360"/>
                    </a:lnTo>
                    <a:lnTo>
                      <a:pt x="171" y="360"/>
                    </a:lnTo>
                    <a:lnTo>
                      <a:pt x="159" y="359"/>
                    </a:lnTo>
                    <a:lnTo>
                      <a:pt x="148" y="358"/>
                    </a:lnTo>
                    <a:lnTo>
                      <a:pt x="136" y="356"/>
                    </a:lnTo>
                    <a:lnTo>
                      <a:pt x="124" y="353"/>
                    </a:lnTo>
                    <a:lnTo>
                      <a:pt x="109" y="349"/>
                    </a:lnTo>
                    <a:lnTo>
                      <a:pt x="94" y="344"/>
                    </a:lnTo>
                    <a:lnTo>
                      <a:pt x="85" y="322"/>
                    </a:lnTo>
                    <a:lnTo>
                      <a:pt x="76" y="299"/>
                    </a:lnTo>
                    <a:lnTo>
                      <a:pt x="68" y="276"/>
                    </a:lnTo>
                    <a:lnTo>
                      <a:pt x="59" y="253"/>
                    </a:lnTo>
                    <a:lnTo>
                      <a:pt x="54" y="242"/>
                    </a:lnTo>
                    <a:lnTo>
                      <a:pt x="49" y="232"/>
                    </a:lnTo>
                    <a:lnTo>
                      <a:pt x="44" y="221"/>
                    </a:lnTo>
                    <a:lnTo>
                      <a:pt x="36" y="213"/>
                    </a:lnTo>
                    <a:lnTo>
                      <a:pt x="29" y="204"/>
                    </a:lnTo>
                    <a:lnTo>
                      <a:pt x="20" y="197"/>
                    </a:lnTo>
                    <a:lnTo>
                      <a:pt x="11" y="190"/>
                    </a:lnTo>
                    <a:lnTo>
                      <a:pt x="0" y="184"/>
                    </a:lnTo>
                    <a:lnTo>
                      <a:pt x="21" y="176"/>
                    </a:lnTo>
                    <a:lnTo>
                      <a:pt x="44" y="169"/>
                    </a:lnTo>
                    <a:lnTo>
                      <a:pt x="65" y="161"/>
                    </a:lnTo>
                    <a:lnTo>
                      <a:pt x="87" y="156"/>
                    </a:lnTo>
                    <a:lnTo>
                      <a:pt x="98" y="155"/>
                    </a:lnTo>
                    <a:lnTo>
                      <a:pt x="109" y="154"/>
                    </a:lnTo>
                    <a:lnTo>
                      <a:pt x="119" y="153"/>
                    </a:lnTo>
                    <a:lnTo>
                      <a:pt x="130" y="154"/>
                    </a:lnTo>
                    <a:lnTo>
                      <a:pt x="140" y="155"/>
                    </a:lnTo>
                    <a:lnTo>
                      <a:pt x="151" y="158"/>
                    </a:lnTo>
                    <a:lnTo>
                      <a:pt x="160" y="161"/>
                    </a:lnTo>
                    <a:lnTo>
                      <a:pt x="170" y="166"/>
                    </a:lnTo>
                    <a:lnTo>
                      <a:pt x="174" y="163"/>
                    </a:lnTo>
                    <a:lnTo>
                      <a:pt x="177" y="160"/>
                    </a:lnTo>
                    <a:lnTo>
                      <a:pt x="180" y="156"/>
                    </a:lnTo>
                    <a:lnTo>
                      <a:pt x="183" y="152"/>
                    </a:lnTo>
                    <a:lnTo>
                      <a:pt x="186" y="148"/>
                    </a:lnTo>
                    <a:lnTo>
                      <a:pt x="191" y="145"/>
                    </a:lnTo>
                    <a:lnTo>
                      <a:pt x="194" y="144"/>
                    </a:lnTo>
                    <a:lnTo>
                      <a:pt x="197" y="145"/>
                    </a:lnTo>
                    <a:lnTo>
                      <a:pt x="201" y="145"/>
                    </a:lnTo>
                    <a:lnTo>
                      <a:pt x="207" y="148"/>
                    </a:lnTo>
                    <a:lnTo>
                      <a:pt x="206" y="137"/>
                    </a:lnTo>
                    <a:lnTo>
                      <a:pt x="206" y="128"/>
                    </a:lnTo>
                    <a:lnTo>
                      <a:pt x="207" y="119"/>
                    </a:lnTo>
                    <a:lnTo>
                      <a:pt x="209" y="112"/>
                    </a:lnTo>
                    <a:lnTo>
                      <a:pt x="213" y="97"/>
                    </a:lnTo>
                    <a:lnTo>
                      <a:pt x="216" y="82"/>
                    </a:lnTo>
                    <a:lnTo>
                      <a:pt x="213" y="77"/>
                    </a:lnTo>
                    <a:lnTo>
                      <a:pt x="210" y="73"/>
                    </a:lnTo>
                    <a:lnTo>
                      <a:pt x="206" y="70"/>
                    </a:lnTo>
                    <a:lnTo>
                      <a:pt x="201" y="65"/>
                    </a:lnTo>
                    <a:lnTo>
                      <a:pt x="192" y="60"/>
                    </a:lnTo>
                    <a:lnTo>
                      <a:pt x="183" y="55"/>
                    </a:lnTo>
                    <a:lnTo>
                      <a:pt x="173" y="50"/>
                    </a:lnTo>
                    <a:lnTo>
                      <a:pt x="164" y="43"/>
                    </a:lnTo>
                    <a:lnTo>
                      <a:pt x="159" y="39"/>
                    </a:lnTo>
                    <a:lnTo>
                      <a:pt x="156" y="36"/>
                    </a:lnTo>
                    <a:lnTo>
                      <a:pt x="153" y="31"/>
                    </a:lnTo>
                    <a:lnTo>
                      <a:pt x="151" y="25"/>
                    </a:lnTo>
                    <a:lnTo>
                      <a:pt x="155" y="20"/>
                    </a:lnTo>
                    <a:lnTo>
                      <a:pt x="159" y="16"/>
                    </a:lnTo>
                    <a:lnTo>
                      <a:pt x="165" y="12"/>
                    </a:lnTo>
                    <a:lnTo>
                      <a:pt x="169" y="9"/>
                    </a:lnTo>
                    <a:lnTo>
                      <a:pt x="178" y="4"/>
                    </a:lnTo>
                    <a:lnTo>
                      <a:pt x="189" y="1"/>
                    </a:lnTo>
                    <a:lnTo>
                      <a:pt x="199" y="0"/>
                    </a:lnTo>
                    <a:lnTo>
                      <a:pt x="210" y="0"/>
                    </a:lnTo>
                    <a:lnTo>
                      <a:pt x="220" y="1"/>
                    </a:lnTo>
                    <a:lnTo>
                      <a:pt x="232" y="4"/>
                    </a:lnTo>
                    <a:lnTo>
                      <a:pt x="256" y="11"/>
                    </a:lnTo>
                    <a:lnTo>
                      <a:pt x="283" y="18"/>
                    </a:lnTo>
                    <a:lnTo>
                      <a:pt x="295" y="21"/>
                    </a:lnTo>
                    <a:lnTo>
                      <a:pt x="309" y="23"/>
                    </a:lnTo>
                    <a:lnTo>
                      <a:pt x="324" y="25"/>
                    </a:lnTo>
                    <a:lnTo>
                      <a:pt x="338" y="25"/>
                    </a:lnTo>
                    <a:lnTo>
                      <a:pt x="335" y="29"/>
                    </a:lnTo>
                    <a:lnTo>
                      <a:pt x="333" y="33"/>
                    </a:lnTo>
                    <a:lnTo>
                      <a:pt x="332" y="37"/>
                    </a:lnTo>
                    <a:lnTo>
                      <a:pt x="330" y="41"/>
                    </a:lnTo>
                    <a:lnTo>
                      <a:pt x="329" y="52"/>
                    </a:lnTo>
                    <a:lnTo>
                      <a:pt x="329" y="63"/>
                    </a:lnTo>
                    <a:lnTo>
                      <a:pt x="354" y="58"/>
                    </a:lnTo>
                    <a:lnTo>
                      <a:pt x="382" y="53"/>
                    </a:lnTo>
                    <a:lnTo>
                      <a:pt x="411" y="49"/>
                    </a:lnTo>
                    <a:lnTo>
                      <a:pt x="439" y="45"/>
                    </a:lnTo>
                    <a:lnTo>
                      <a:pt x="469" y="43"/>
                    </a:lnTo>
                    <a:lnTo>
                      <a:pt x="496" y="42"/>
                    </a:lnTo>
                    <a:lnTo>
                      <a:pt x="522" y="42"/>
                    </a:lnTo>
                    <a:lnTo>
                      <a:pt x="544" y="44"/>
                    </a:lnTo>
                    <a:lnTo>
                      <a:pt x="544" y="53"/>
                    </a:lnTo>
                    <a:lnTo>
                      <a:pt x="542" y="65"/>
                    </a:lnTo>
                    <a:lnTo>
                      <a:pt x="537" y="80"/>
                    </a:lnTo>
                    <a:lnTo>
                      <a:pt x="531" y="95"/>
                    </a:lnTo>
                    <a:lnTo>
                      <a:pt x="528" y="103"/>
                    </a:lnTo>
                    <a:lnTo>
                      <a:pt x="524" y="110"/>
                    </a:lnTo>
                    <a:lnTo>
                      <a:pt x="518" y="117"/>
                    </a:lnTo>
                    <a:lnTo>
                      <a:pt x="513" y="123"/>
                    </a:lnTo>
                    <a:lnTo>
                      <a:pt x="508" y="129"/>
                    </a:lnTo>
                    <a:lnTo>
                      <a:pt x="502" y="133"/>
                    </a:lnTo>
                    <a:lnTo>
                      <a:pt x="495" y="136"/>
                    </a:lnTo>
                    <a:lnTo>
                      <a:pt x="488" y="138"/>
                    </a:lnTo>
                    <a:lnTo>
                      <a:pt x="487" y="153"/>
                    </a:lnTo>
                    <a:lnTo>
                      <a:pt x="488" y="166"/>
                    </a:lnTo>
                    <a:lnTo>
                      <a:pt x="489" y="178"/>
                    </a:lnTo>
                    <a:lnTo>
                      <a:pt x="491" y="189"/>
                    </a:lnTo>
                    <a:lnTo>
                      <a:pt x="495" y="198"/>
                    </a:lnTo>
                    <a:lnTo>
                      <a:pt x="499" y="206"/>
                    </a:lnTo>
                    <a:lnTo>
                      <a:pt x="505" y="214"/>
                    </a:lnTo>
                    <a:lnTo>
                      <a:pt x="510" y="221"/>
                    </a:lnTo>
                    <a:lnTo>
                      <a:pt x="542" y="248"/>
                    </a:lnTo>
                    <a:lnTo>
                      <a:pt x="582" y="278"/>
                    </a:lnTo>
                    <a:lnTo>
                      <a:pt x="585" y="274"/>
                    </a:lnTo>
                    <a:lnTo>
                      <a:pt x="588" y="269"/>
                    </a:lnTo>
                    <a:lnTo>
                      <a:pt x="592" y="265"/>
                    </a:lnTo>
                    <a:lnTo>
                      <a:pt x="596" y="261"/>
                    </a:lnTo>
                    <a:lnTo>
                      <a:pt x="607" y="255"/>
                    </a:lnTo>
                    <a:lnTo>
                      <a:pt x="617" y="249"/>
                    </a:lnTo>
                    <a:lnTo>
                      <a:pt x="642" y="240"/>
                    </a:lnTo>
                    <a:lnTo>
                      <a:pt x="667" y="233"/>
                    </a:lnTo>
                    <a:lnTo>
                      <a:pt x="680" y="230"/>
                    </a:lnTo>
                    <a:lnTo>
                      <a:pt x="692" y="225"/>
                    </a:lnTo>
                    <a:lnTo>
                      <a:pt x="705" y="221"/>
                    </a:lnTo>
                    <a:lnTo>
                      <a:pt x="715" y="216"/>
                    </a:lnTo>
                    <a:lnTo>
                      <a:pt x="726" y="211"/>
                    </a:lnTo>
                    <a:lnTo>
                      <a:pt x="735" y="203"/>
                    </a:lnTo>
                    <a:lnTo>
                      <a:pt x="740" y="199"/>
                    </a:lnTo>
                    <a:lnTo>
                      <a:pt x="744" y="195"/>
                    </a:lnTo>
                    <a:lnTo>
                      <a:pt x="747" y="190"/>
                    </a:lnTo>
                    <a:lnTo>
                      <a:pt x="750" y="184"/>
                    </a:lnTo>
                    <a:lnTo>
                      <a:pt x="756" y="191"/>
                    </a:lnTo>
                    <a:lnTo>
                      <a:pt x="763" y="196"/>
                    </a:lnTo>
                    <a:lnTo>
                      <a:pt x="769" y="200"/>
                    </a:lnTo>
                    <a:lnTo>
                      <a:pt x="776" y="203"/>
                    </a:lnTo>
                    <a:lnTo>
                      <a:pt x="789" y="209"/>
                    </a:lnTo>
                    <a:lnTo>
                      <a:pt x="803" y="214"/>
                    </a:lnTo>
                    <a:lnTo>
                      <a:pt x="809" y="217"/>
                    </a:lnTo>
                    <a:lnTo>
                      <a:pt x="815" y="220"/>
                    </a:lnTo>
                    <a:lnTo>
                      <a:pt x="821" y="223"/>
                    </a:lnTo>
                    <a:lnTo>
                      <a:pt x="826" y="229"/>
                    </a:lnTo>
                    <a:lnTo>
                      <a:pt x="831" y="234"/>
                    </a:lnTo>
                    <a:lnTo>
                      <a:pt x="835" y="241"/>
                    </a:lnTo>
                    <a:lnTo>
                      <a:pt x="840" y="250"/>
                    </a:lnTo>
                    <a:lnTo>
                      <a:pt x="844" y="260"/>
                    </a:lnTo>
                    <a:lnTo>
                      <a:pt x="835" y="273"/>
                    </a:lnTo>
                    <a:lnTo>
                      <a:pt x="830" y="287"/>
                    </a:lnTo>
                    <a:lnTo>
                      <a:pt x="826" y="300"/>
                    </a:lnTo>
                    <a:lnTo>
                      <a:pt x="823" y="313"/>
                    </a:lnTo>
                    <a:lnTo>
                      <a:pt x="822" y="325"/>
                    </a:lnTo>
                    <a:lnTo>
                      <a:pt x="823" y="339"/>
                    </a:lnTo>
                    <a:lnTo>
                      <a:pt x="824" y="352"/>
                    </a:lnTo>
                    <a:lnTo>
                      <a:pt x="826" y="363"/>
                    </a:lnTo>
                    <a:lnTo>
                      <a:pt x="832" y="388"/>
                    </a:lnTo>
                    <a:lnTo>
                      <a:pt x="840" y="410"/>
                    </a:lnTo>
                    <a:lnTo>
                      <a:pt x="847" y="430"/>
                    </a:lnTo>
                    <a:lnTo>
                      <a:pt x="853" y="447"/>
                    </a:lnTo>
                    <a:lnTo>
                      <a:pt x="836" y="446"/>
                    </a:lnTo>
                    <a:lnTo>
                      <a:pt x="820" y="444"/>
                    </a:lnTo>
                    <a:lnTo>
                      <a:pt x="803" y="444"/>
                    </a:lnTo>
                    <a:lnTo>
                      <a:pt x="787" y="444"/>
                    </a:lnTo>
                    <a:lnTo>
                      <a:pt x="780" y="443"/>
                    </a:lnTo>
                    <a:lnTo>
                      <a:pt x="774" y="443"/>
                    </a:lnTo>
                    <a:lnTo>
                      <a:pt x="770" y="442"/>
                    </a:lnTo>
                    <a:lnTo>
                      <a:pt x="766" y="440"/>
                    </a:lnTo>
                    <a:lnTo>
                      <a:pt x="764" y="438"/>
                    </a:lnTo>
                    <a:lnTo>
                      <a:pt x="764" y="436"/>
                    </a:lnTo>
                    <a:lnTo>
                      <a:pt x="765" y="433"/>
                    </a:lnTo>
                    <a:lnTo>
                      <a:pt x="769" y="429"/>
                    </a:lnTo>
                    <a:lnTo>
                      <a:pt x="758" y="430"/>
                    </a:lnTo>
                    <a:lnTo>
                      <a:pt x="750" y="433"/>
                    </a:lnTo>
                    <a:lnTo>
                      <a:pt x="746" y="435"/>
                    </a:lnTo>
                    <a:lnTo>
                      <a:pt x="743" y="437"/>
                    </a:lnTo>
                    <a:lnTo>
                      <a:pt x="740" y="440"/>
                    </a:lnTo>
                    <a:lnTo>
                      <a:pt x="737" y="443"/>
                    </a:lnTo>
                    <a:lnTo>
                      <a:pt x="733" y="452"/>
                    </a:lnTo>
                    <a:lnTo>
                      <a:pt x="731" y="461"/>
                    </a:lnTo>
                    <a:lnTo>
                      <a:pt x="730" y="472"/>
                    </a:lnTo>
                    <a:lnTo>
                      <a:pt x="731" y="484"/>
                    </a:lnTo>
                    <a:lnTo>
                      <a:pt x="704" y="484"/>
                    </a:lnTo>
                    <a:lnTo>
                      <a:pt x="674" y="486"/>
                    </a:lnTo>
                    <a:lnTo>
                      <a:pt x="667" y="486"/>
                    </a:lnTo>
                    <a:lnTo>
                      <a:pt x="661" y="484"/>
                    </a:lnTo>
                    <a:lnTo>
                      <a:pt x="655" y="483"/>
                    </a:lnTo>
                    <a:lnTo>
                      <a:pt x="650" y="481"/>
                    </a:lnTo>
                    <a:lnTo>
                      <a:pt x="645" y="479"/>
                    </a:lnTo>
                    <a:lnTo>
                      <a:pt x="642" y="476"/>
                    </a:lnTo>
                    <a:lnTo>
                      <a:pt x="640" y="471"/>
                    </a:lnTo>
                    <a:lnTo>
                      <a:pt x="637" y="466"/>
                    </a:lnTo>
                    <a:lnTo>
                      <a:pt x="629" y="470"/>
                    </a:lnTo>
                    <a:lnTo>
                      <a:pt x="622" y="475"/>
                    </a:lnTo>
                    <a:lnTo>
                      <a:pt x="614" y="481"/>
                    </a:lnTo>
                    <a:lnTo>
                      <a:pt x="607" y="487"/>
                    </a:lnTo>
                    <a:lnTo>
                      <a:pt x="599" y="493"/>
                    </a:lnTo>
                    <a:lnTo>
                      <a:pt x="592" y="497"/>
                    </a:lnTo>
                    <a:lnTo>
                      <a:pt x="583" y="501"/>
                    </a:lnTo>
                    <a:lnTo>
                      <a:pt x="572" y="503"/>
                    </a:lnTo>
                    <a:lnTo>
                      <a:pt x="578" y="509"/>
                    </a:lnTo>
                    <a:lnTo>
                      <a:pt x="586" y="514"/>
                    </a:lnTo>
                    <a:lnTo>
                      <a:pt x="594" y="518"/>
                    </a:lnTo>
                    <a:lnTo>
                      <a:pt x="603" y="522"/>
                    </a:lnTo>
                    <a:lnTo>
                      <a:pt x="621" y="529"/>
                    </a:lnTo>
                    <a:lnTo>
                      <a:pt x="640" y="534"/>
                    </a:lnTo>
                    <a:lnTo>
                      <a:pt x="681" y="542"/>
                    </a:lnTo>
                    <a:lnTo>
                      <a:pt x="722" y="550"/>
                    </a:lnTo>
                    <a:lnTo>
                      <a:pt x="721" y="558"/>
                    </a:lnTo>
                    <a:lnTo>
                      <a:pt x="720" y="566"/>
                    </a:lnTo>
                    <a:lnTo>
                      <a:pt x="716" y="573"/>
                    </a:lnTo>
                    <a:lnTo>
                      <a:pt x="713" y="578"/>
                    </a:lnTo>
                    <a:lnTo>
                      <a:pt x="709" y="583"/>
                    </a:lnTo>
                    <a:lnTo>
                      <a:pt x="705" y="589"/>
                    </a:lnTo>
                    <a:lnTo>
                      <a:pt x="700" y="593"/>
                    </a:lnTo>
                    <a:lnTo>
                      <a:pt x="694" y="596"/>
                    </a:lnTo>
                    <a:lnTo>
                      <a:pt x="688" y="599"/>
                    </a:lnTo>
                    <a:lnTo>
                      <a:pt x="682" y="601"/>
                    </a:lnTo>
                    <a:lnTo>
                      <a:pt x="675" y="603"/>
                    </a:lnTo>
                    <a:lnTo>
                      <a:pt x="668" y="606"/>
                    </a:lnTo>
                    <a:lnTo>
                      <a:pt x="652" y="608"/>
                    </a:lnTo>
                    <a:lnTo>
                      <a:pt x="636" y="610"/>
                    </a:lnTo>
                    <a:lnTo>
                      <a:pt x="604" y="611"/>
                    </a:lnTo>
                    <a:lnTo>
                      <a:pt x="572" y="612"/>
                    </a:lnTo>
                    <a:lnTo>
                      <a:pt x="558" y="613"/>
                    </a:lnTo>
                    <a:lnTo>
                      <a:pt x="545" y="616"/>
                    </a:lnTo>
                    <a:lnTo>
                      <a:pt x="539" y="617"/>
                    </a:lnTo>
                    <a:lnTo>
                      <a:pt x="534" y="619"/>
                    </a:lnTo>
                    <a:lnTo>
                      <a:pt x="529" y="622"/>
                    </a:lnTo>
                    <a:lnTo>
                      <a:pt x="525" y="625"/>
                    </a:lnTo>
                    <a:lnTo>
                      <a:pt x="522" y="623"/>
                    </a:lnTo>
                    <a:lnTo>
                      <a:pt x="518" y="620"/>
                    </a:lnTo>
                    <a:lnTo>
                      <a:pt x="517" y="615"/>
                    </a:lnTo>
                    <a:lnTo>
                      <a:pt x="516" y="611"/>
                    </a:lnTo>
                    <a:lnTo>
                      <a:pt x="516" y="599"/>
                    </a:lnTo>
                    <a:lnTo>
                      <a:pt x="516" y="588"/>
                    </a:lnTo>
                    <a:lnTo>
                      <a:pt x="513" y="588"/>
                    </a:lnTo>
                    <a:lnTo>
                      <a:pt x="511" y="588"/>
                    </a:lnTo>
                    <a:lnTo>
                      <a:pt x="510" y="589"/>
                    </a:lnTo>
                    <a:lnTo>
                      <a:pt x="508" y="590"/>
                    </a:lnTo>
                    <a:lnTo>
                      <a:pt x="507" y="593"/>
                    </a:lnTo>
                    <a:lnTo>
                      <a:pt x="507" y="597"/>
                    </a:lnTo>
                    <a:lnTo>
                      <a:pt x="281" y="354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28" name="Horsens kant"/>
              <p:cNvSpPr>
                <a:spLocks/>
              </p:cNvSpPr>
              <p:nvPr/>
            </p:nvSpPr>
            <p:spPr bwMode="auto">
              <a:xfrm>
                <a:off x="1606552" y="4418019"/>
                <a:ext cx="450851" cy="331788"/>
              </a:xfrm>
              <a:custGeom>
                <a:avLst/>
                <a:gdLst>
                  <a:gd name="T0" fmla="*/ 71 w 853"/>
                  <a:gd name="T1" fmla="*/ 120 h 625"/>
                  <a:gd name="T2" fmla="*/ 53 w 853"/>
                  <a:gd name="T3" fmla="*/ 120 h 625"/>
                  <a:gd name="T4" fmla="*/ 36 w 853"/>
                  <a:gd name="T5" fmla="*/ 117 h 625"/>
                  <a:gd name="T6" fmla="*/ 23 w 853"/>
                  <a:gd name="T7" fmla="*/ 92 h 625"/>
                  <a:gd name="T8" fmla="*/ 15 w 853"/>
                  <a:gd name="T9" fmla="*/ 74 h 625"/>
                  <a:gd name="T10" fmla="*/ 4 w 853"/>
                  <a:gd name="T11" fmla="*/ 64 h 625"/>
                  <a:gd name="T12" fmla="*/ 22 w 853"/>
                  <a:gd name="T13" fmla="*/ 54 h 625"/>
                  <a:gd name="T14" fmla="*/ 40 w 853"/>
                  <a:gd name="T15" fmla="*/ 51 h 625"/>
                  <a:gd name="T16" fmla="*/ 53 w 853"/>
                  <a:gd name="T17" fmla="*/ 54 h 625"/>
                  <a:gd name="T18" fmla="*/ 60 w 853"/>
                  <a:gd name="T19" fmla="*/ 52 h 625"/>
                  <a:gd name="T20" fmla="*/ 65 w 853"/>
                  <a:gd name="T21" fmla="*/ 48 h 625"/>
                  <a:gd name="T22" fmla="*/ 69 w 853"/>
                  <a:gd name="T23" fmla="*/ 46 h 625"/>
                  <a:gd name="T24" fmla="*/ 71 w 853"/>
                  <a:gd name="T25" fmla="*/ 32 h 625"/>
                  <a:gd name="T26" fmla="*/ 69 w 853"/>
                  <a:gd name="T27" fmla="*/ 23 h 625"/>
                  <a:gd name="T28" fmla="*/ 58 w 853"/>
                  <a:gd name="T29" fmla="*/ 17 h 625"/>
                  <a:gd name="T30" fmla="*/ 51 w 853"/>
                  <a:gd name="T31" fmla="*/ 10 h 625"/>
                  <a:gd name="T32" fmla="*/ 55 w 853"/>
                  <a:gd name="T33" fmla="*/ 4 h 625"/>
                  <a:gd name="T34" fmla="*/ 66 w 853"/>
                  <a:gd name="T35" fmla="*/ 0 h 625"/>
                  <a:gd name="T36" fmla="*/ 85 w 853"/>
                  <a:gd name="T37" fmla="*/ 4 h 625"/>
                  <a:gd name="T38" fmla="*/ 108 w 853"/>
                  <a:gd name="T39" fmla="*/ 8 h 625"/>
                  <a:gd name="T40" fmla="*/ 111 w 853"/>
                  <a:gd name="T41" fmla="*/ 12 h 625"/>
                  <a:gd name="T42" fmla="*/ 118 w 853"/>
                  <a:gd name="T43" fmla="*/ 19 h 625"/>
                  <a:gd name="T44" fmla="*/ 156 w 853"/>
                  <a:gd name="T45" fmla="*/ 14 h 625"/>
                  <a:gd name="T46" fmla="*/ 181 w 853"/>
                  <a:gd name="T47" fmla="*/ 18 h 625"/>
                  <a:gd name="T48" fmla="*/ 176 w 853"/>
                  <a:gd name="T49" fmla="*/ 34 h 625"/>
                  <a:gd name="T50" fmla="*/ 169 w 853"/>
                  <a:gd name="T51" fmla="*/ 43 h 625"/>
                  <a:gd name="T52" fmla="*/ 162 w 853"/>
                  <a:gd name="T53" fmla="*/ 51 h 625"/>
                  <a:gd name="T54" fmla="*/ 165 w 853"/>
                  <a:gd name="T55" fmla="*/ 66 h 625"/>
                  <a:gd name="T56" fmla="*/ 180 w 853"/>
                  <a:gd name="T57" fmla="*/ 83 h 625"/>
                  <a:gd name="T58" fmla="*/ 197 w 853"/>
                  <a:gd name="T59" fmla="*/ 89 h 625"/>
                  <a:gd name="T60" fmla="*/ 214 w 853"/>
                  <a:gd name="T61" fmla="*/ 80 h 625"/>
                  <a:gd name="T62" fmla="*/ 235 w 853"/>
                  <a:gd name="T63" fmla="*/ 74 h 625"/>
                  <a:gd name="T64" fmla="*/ 246 w 853"/>
                  <a:gd name="T65" fmla="*/ 67 h 625"/>
                  <a:gd name="T66" fmla="*/ 252 w 853"/>
                  <a:gd name="T67" fmla="*/ 64 h 625"/>
                  <a:gd name="T68" fmla="*/ 263 w 853"/>
                  <a:gd name="T69" fmla="*/ 70 h 625"/>
                  <a:gd name="T70" fmla="*/ 273 w 853"/>
                  <a:gd name="T71" fmla="*/ 75 h 625"/>
                  <a:gd name="T72" fmla="*/ 280 w 853"/>
                  <a:gd name="T73" fmla="*/ 84 h 625"/>
                  <a:gd name="T74" fmla="*/ 275 w 853"/>
                  <a:gd name="T75" fmla="*/ 100 h 625"/>
                  <a:gd name="T76" fmla="*/ 274 w 853"/>
                  <a:gd name="T77" fmla="*/ 118 h 625"/>
                  <a:gd name="T78" fmla="*/ 282 w 853"/>
                  <a:gd name="T79" fmla="*/ 144 h 625"/>
                  <a:gd name="T80" fmla="*/ 267 w 853"/>
                  <a:gd name="T81" fmla="*/ 148 h 625"/>
                  <a:gd name="T82" fmla="*/ 256 w 853"/>
                  <a:gd name="T83" fmla="*/ 148 h 625"/>
                  <a:gd name="T84" fmla="*/ 255 w 853"/>
                  <a:gd name="T85" fmla="*/ 145 h 625"/>
                  <a:gd name="T86" fmla="*/ 248 w 853"/>
                  <a:gd name="T87" fmla="*/ 145 h 625"/>
                  <a:gd name="T88" fmla="*/ 244 w 853"/>
                  <a:gd name="T89" fmla="*/ 151 h 625"/>
                  <a:gd name="T90" fmla="*/ 234 w 853"/>
                  <a:gd name="T91" fmla="*/ 162 h 625"/>
                  <a:gd name="T92" fmla="*/ 218 w 853"/>
                  <a:gd name="T93" fmla="*/ 162 h 625"/>
                  <a:gd name="T94" fmla="*/ 213 w 853"/>
                  <a:gd name="T95" fmla="*/ 158 h 625"/>
                  <a:gd name="T96" fmla="*/ 204 w 853"/>
                  <a:gd name="T97" fmla="*/ 161 h 625"/>
                  <a:gd name="T98" fmla="*/ 194 w 853"/>
                  <a:gd name="T99" fmla="*/ 168 h 625"/>
                  <a:gd name="T100" fmla="*/ 198 w 853"/>
                  <a:gd name="T101" fmla="*/ 173 h 625"/>
                  <a:gd name="T102" fmla="*/ 227 w 853"/>
                  <a:gd name="T103" fmla="*/ 181 h 625"/>
                  <a:gd name="T104" fmla="*/ 238 w 853"/>
                  <a:gd name="T105" fmla="*/ 192 h 625"/>
                  <a:gd name="T106" fmla="*/ 233 w 853"/>
                  <a:gd name="T107" fmla="*/ 198 h 625"/>
                  <a:gd name="T108" fmla="*/ 225 w 853"/>
                  <a:gd name="T109" fmla="*/ 202 h 625"/>
                  <a:gd name="T110" fmla="*/ 201 w 853"/>
                  <a:gd name="T111" fmla="*/ 204 h 625"/>
                  <a:gd name="T112" fmla="*/ 179 w 853"/>
                  <a:gd name="T113" fmla="*/ 206 h 625"/>
                  <a:gd name="T114" fmla="*/ 174 w 853"/>
                  <a:gd name="T115" fmla="*/ 208 h 625"/>
                  <a:gd name="T116" fmla="*/ 172 w 853"/>
                  <a:gd name="T117" fmla="*/ 200 h 625"/>
                  <a:gd name="T118" fmla="*/ 170 w 853"/>
                  <a:gd name="T119" fmla="*/ 197 h 625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853" h="625">
                    <a:moveTo>
                      <a:pt x="281" y="354"/>
                    </a:moveTo>
                    <a:lnTo>
                      <a:pt x="256" y="354"/>
                    </a:lnTo>
                    <a:lnTo>
                      <a:pt x="233" y="356"/>
                    </a:lnTo>
                    <a:lnTo>
                      <a:pt x="212" y="358"/>
                    </a:lnTo>
                    <a:lnTo>
                      <a:pt x="192" y="360"/>
                    </a:lnTo>
                    <a:lnTo>
                      <a:pt x="181" y="360"/>
                    </a:lnTo>
                    <a:lnTo>
                      <a:pt x="171" y="360"/>
                    </a:lnTo>
                    <a:lnTo>
                      <a:pt x="159" y="359"/>
                    </a:lnTo>
                    <a:lnTo>
                      <a:pt x="148" y="358"/>
                    </a:lnTo>
                    <a:lnTo>
                      <a:pt x="136" y="356"/>
                    </a:lnTo>
                    <a:lnTo>
                      <a:pt x="124" y="353"/>
                    </a:lnTo>
                    <a:lnTo>
                      <a:pt x="109" y="349"/>
                    </a:lnTo>
                    <a:lnTo>
                      <a:pt x="94" y="344"/>
                    </a:lnTo>
                    <a:lnTo>
                      <a:pt x="85" y="322"/>
                    </a:lnTo>
                    <a:lnTo>
                      <a:pt x="76" y="299"/>
                    </a:lnTo>
                    <a:lnTo>
                      <a:pt x="68" y="276"/>
                    </a:lnTo>
                    <a:lnTo>
                      <a:pt x="59" y="253"/>
                    </a:lnTo>
                    <a:lnTo>
                      <a:pt x="54" y="242"/>
                    </a:lnTo>
                    <a:lnTo>
                      <a:pt x="49" y="232"/>
                    </a:lnTo>
                    <a:lnTo>
                      <a:pt x="44" y="221"/>
                    </a:lnTo>
                    <a:lnTo>
                      <a:pt x="36" y="213"/>
                    </a:lnTo>
                    <a:lnTo>
                      <a:pt x="29" y="204"/>
                    </a:lnTo>
                    <a:lnTo>
                      <a:pt x="20" y="197"/>
                    </a:lnTo>
                    <a:lnTo>
                      <a:pt x="11" y="190"/>
                    </a:lnTo>
                    <a:lnTo>
                      <a:pt x="0" y="184"/>
                    </a:lnTo>
                    <a:lnTo>
                      <a:pt x="21" y="176"/>
                    </a:lnTo>
                    <a:lnTo>
                      <a:pt x="44" y="169"/>
                    </a:lnTo>
                    <a:lnTo>
                      <a:pt x="65" y="161"/>
                    </a:lnTo>
                    <a:lnTo>
                      <a:pt x="87" y="156"/>
                    </a:lnTo>
                    <a:lnTo>
                      <a:pt x="98" y="155"/>
                    </a:lnTo>
                    <a:lnTo>
                      <a:pt x="109" y="154"/>
                    </a:lnTo>
                    <a:lnTo>
                      <a:pt x="119" y="153"/>
                    </a:lnTo>
                    <a:lnTo>
                      <a:pt x="130" y="154"/>
                    </a:lnTo>
                    <a:lnTo>
                      <a:pt x="140" y="155"/>
                    </a:lnTo>
                    <a:lnTo>
                      <a:pt x="151" y="158"/>
                    </a:lnTo>
                    <a:lnTo>
                      <a:pt x="160" y="161"/>
                    </a:lnTo>
                    <a:lnTo>
                      <a:pt x="170" y="166"/>
                    </a:lnTo>
                    <a:lnTo>
                      <a:pt x="174" y="163"/>
                    </a:lnTo>
                    <a:lnTo>
                      <a:pt x="177" y="160"/>
                    </a:lnTo>
                    <a:lnTo>
                      <a:pt x="180" y="156"/>
                    </a:lnTo>
                    <a:lnTo>
                      <a:pt x="183" y="152"/>
                    </a:lnTo>
                    <a:lnTo>
                      <a:pt x="186" y="148"/>
                    </a:lnTo>
                    <a:lnTo>
                      <a:pt x="191" y="145"/>
                    </a:lnTo>
                    <a:lnTo>
                      <a:pt x="194" y="144"/>
                    </a:lnTo>
                    <a:lnTo>
                      <a:pt x="197" y="145"/>
                    </a:lnTo>
                    <a:lnTo>
                      <a:pt x="201" y="145"/>
                    </a:lnTo>
                    <a:lnTo>
                      <a:pt x="207" y="148"/>
                    </a:lnTo>
                    <a:lnTo>
                      <a:pt x="206" y="137"/>
                    </a:lnTo>
                    <a:lnTo>
                      <a:pt x="206" y="128"/>
                    </a:lnTo>
                    <a:lnTo>
                      <a:pt x="207" y="119"/>
                    </a:lnTo>
                    <a:lnTo>
                      <a:pt x="209" y="112"/>
                    </a:lnTo>
                    <a:lnTo>
                      <a:pt x="213" y="97"/>
                    </a:lnTo>
                    <a:lnTo>
                      <a:pt x="216" y="82"/>
                    </a:lnTo>
                    <a:lnTo>
                      <a:pt x="213" y="77"/>
                    </a:lnTo>
                    <a:lnTo>
                      <a:pt x="210" y="73"/>
                    </a:lnTo>
                    <a:lnTo>
                      <a:pt x="206" y="70"/>
                    </a:lnTo>
                    <a:lnTo>
                      <a:pt x="201" y="65"/>
                    </a:lnTo>
                    <a:lnTo>
                      <a:pt x="192" y="60"/>
                    </a:lnTo>
                    <a:lnTo>
                      <a:pt x="183" y="55"/>
                    </a:lnTo>
                    <a:lnTo>
                      <a:pt x="173" y="50"/>
                    </a:lnTo>
                    <a:lnTo>
                      <a:pt x="164" y="43"/>
                    </a:lnTo>
                    <a:lnTo>
                      <a:pt x="159" y="39"/>
                    </a:lnTo>
                    <a:lnTo>
                      <a:pt x="156" y="36"/>
                    </a:lnTo>
                    <a:lnTo>
                      <a:pt x="153" y="31"/>
                    </a:lnTo>
                    <a:lnTo>
                      <a:pt x="151" y="25"/>
                    </a:lnTo>
                    <a:lnTo>
                      <a:pt x="155" y="20"/>
                    </a:lnTo>
                    <a:lnTo>
                      <a:pt x="159" y="16"/>
                    </a:lnTo>
                    <a:lnTo>
                      <a:pt x="165" y="12"/>
                    </a:lnTo>
                    <a:lnTo>
                      <a:pt x="169" y="9"/>
                    </a:lnTo>
                    <a:lnTo>
                      <a:pt x="178" y="4"/>
                    </a:lnTo>
                    <a:lnTo>
                      <a:pt x="189" y="1"/>
                    </a:lnTo>
                    <a:lnTo>
                      <a:pt x="199" y="0"/>
                    </a:lnTo>
                    <a:lnTo>
                      <a:pt x="210" y="0"/>
                    </a:lnTo>
                    <a:lnTo>
                      <a:pt x="220" y="1"/>
                    </a:lnTo>
                    <a:lnTo>
                      <a:pt x="232" y="4"/>
                    </a:lnTo>
                    <a:lnTo>
                      <a:pt x="256" y="11"/>
                    </a:lnTo>
                    <a:lnTo>
                      <a:pt x="283" y="18"/>
                    </a:lnTo>
                    <a:lnTo>
                      <a:pt x="295" y="21"/>
                    </a:lnTo>
                    <a:lnTo>
                      <a:pt x="309" y="23"/>
                    </a:lnTo>
                    <a:lnTo>
                      <a:pt x="324" y="25"/>
                    </a:lnTo>
                    <a:lnTo>
                      <a:pt x="338" y="25"/>
                    </a:lnTo>
                    <a:lnTo>
                      <a:pt x="335" y="29"/>
                    </a:lnTo>
                    <a:lnTo>
                      <a:pt x="333" y="33"/>
                    </a:lnTo>
                    <a:lnTo>
                      <a:pt x="332" y="37"/>
                    </a:lnTo>
                    <a:lnTo>
                      <a:pt x="330" y="41"/>
                    </a:lnTo>
                    <a:lnTo>
                      <a:pt x="329" y="52"/>
                    </a:lnTo>
                    <a:lnTo>
                      <a:pt x="329" y="63"/>
                    </a:lnTo>
                    <a:lnTo>
                      <a:pt x="354" y="58"/>
                    </a:lnTo>
                    <a:lnTo>
                      <a:pt x="382" y="53"/>
                    </a:lnTo>
                    <a:lnTo>
                      <a:pt x="411" y="49"/>
                    </a:lnTo>
                    <a:lnTo>
                      <a:pt x="439" y="45"/>
                    </a:lnTo>
                    <a:lnTo>
                      <a:pt x="469" y="43"/>
                    </a:lnTo>
                    <a:lnTo>
                      <a:pt x="496" y="42"/>
                    </a:lnTo>
                    <a:lnTo>
                      <a:pt x="522" y="42"/>
                    </a:lnTo>
                    <a:lnTo>
                      <a:pt x="544" y="44"/>
                    </a:lnTo>
                    <a:lnTo>
                      <a:pt x="544" y="53"/>
                    </a:lnTo>
                    <a:lnTo>
                      <a:pt x="542" y="65"/>
                    </a:lnTo>
                    <a:lnTo>
                      <a:pt x="537" y="80"/>
                    </a:lnTo>
                    <a:lnTo>
                      <a:pt x="531" y="95"/>
                    </a:lnTo>
                    <a:lnTo>
                      <a:pt x="528" y="103"/>
                    </a:lnTo>
                    <a:lnTo>
                      <a:pt x="524" y="110"/>
                    </a:lnTo>
                    <a:lnTo>
                      <a:pt x="518" y="117"/>
                    </a:lnTo>
                    <a:lnTo>
                      <a:pt x="513" y="123"/>
                    </a:lnTo>
                    <a:lnTo>
                      <a:pt x="508" y="129"/>
                    </a:lnTo>
                    <a:lnTo>
                      <a:pt x="502" y="133"/>
                    </a:lnTo>
                    <a:lnTo>
                      <a:pt x="495" y="136"/>
                    </a:lnTo>
                    <a:lnTo>
                      <a:pt x="488" y="138"/>
                    </a:lnTo>
                    <a:lnTo>
                      <a:pt x="487" y="153"/>
                    </a:lnTo>
                    <a:lnTo>
                      <a:pt x="488" y="166"/>
                    </a:lnTo>
                    <a:lnTo>
                      <a:pt x="489" y="178"/>
                    </a:lnTo>
                    <a:lnTo>
                      <a:pt x="491" y="189"/>
                    </a:lnTo>
                    <a:lnTo>
                      <a:pt x="495" y="198"/>
                    </a:lnTo>
                    <a:lnTo>
                      <a:pt x="499" y="206"/>
                    </a:lnTo>
                    <a:lnTo>
                      <a:pt x="505" y="214"/>
                    </a:lnTo>
                    <a:lnTo>
                      <a:pt x="510" y="221"/>
                    </a:lnTo>
                    <a:lnTo>
                      <a:pt x="542" y="248"/>
                    </a:lnTo>
                    <a:lnTo>
                      <a:pt x="582" y="278"/>
                    </a:lnTo>
                    <a:lnTo>
                      <a:pt x="585" y="274"/>
                    </a:lnTo>
                    <a:lnTo>
                      <a:pt x="588" y="269"/>
                    </a:lnTo>
                    <a:lnTo>
                      <a:pt x="592" y="265"/>
                    </a:lnTo>
                    <a:lnTo>
                      <a:pt x="596" y="261"/>
                    </a:lnTo>
                    <a:lnTo>
                      <a:pt x="607" y="255"/>
                    </a:lnTo>
                    <a:lnTo>
                      <a:pt x="617" y="249"/>
                    </a:lnTo>
                    <a:lnTo>
                      <a:pt x="642" y="240"/>
                    </a:lnTo>
                    <a:lnTo>
                      <a:pt x="667" y="233"/>
                    </a:lnTo>
                    <a:lnTo>
                      <a:pt x="680" y="230"/>
                    </a:lnTo>
                    <a:lnTo>
                      <a:pt x="692" y="225"/>
                    </a:lnTo>
                    <a:lnTo>
                      <a:pt x="705" y="221"/>
                    </a:lnTo>
                    <a:lnTo>
                      <a:pt x="715" y="216"/>
                    </a:lnTo>
                    <a:lnTo>
                      <a:pt x="726" y="211"/>
                    </a:lnTo>
                    <a:lnTo>
                      <a:pt x="735" y="203"/>
                    </a:lnTo>
                    <a:lnTo>
                      <a:pt x="740" y="199"/>
                    </a:lnTo>
                    <a:lnTo>
                      <a:pt x="744" y="195"/>
                    </a:lnTo>
                    <a:lnTo>
                      <a:pt x="747" y="190"/>
                    </a:lnTo>
                    <a:lnTo>
                      <a:pt x="750" y="184"/>
                    </a:lnTo>
                    <a:lnTo>
                      <a:pt x="756" y="191"/>
                    </a:lnTo>
                    <a:lnTo>
                      <a:pt x="763" y="196"/>
                    </a:lnTo>
                    <a:lnTo>
                      <a:pt x="769" y="200"/>
                    </a:lnTo>
                    <a:lnTo>
                      <a:pt x="776" y="203"/>
                    </a:lnTo>
                    <a:lnTo>
                      <a:pt x="789" y="209"/>
                    </a:lnTo>
                    <a:lnTo>
                      <a:pt x="803" y="214"/>
                    </a:lnTo>
                    <a:lnTo>
                      <a:pt x="809" y="217"/>
                    </a:lnTo>
                    <a:lnTo>
                      <a:pt x="815" y="220"/>
                    </a:lnTo>
                    <a:lnTo>
                      <a:pt x="821" y="223"/>
                    </a:lnTo>
                    <a:lnTo>
                      <a:pt x="826" y="229"/>
                    </a:lnTo>
                    <a:lnTo>
                      <a:pt x="831" y="234"/>
                    </a:lnTo>
                    <a:lnTo>
                      <a:pt x="835" y="241"/>
                    </a:lnTo>
                    <a:lnTo>
                      <a:pt x="840" y="250"/>
                    </a:lnTo>
                    <a:lnTo>
                      <a:pt x="844" y="260"/>
                    </a:lnTo>
                    <a:lnTo>
                      <a:pt x="835" y="273"/>
                    </a:lnTo>
                    <a:lnTo>
                      <a:pt x="830" y="287"/>
                    </a:lnTo>
                    <a:lnTo>
                      <a:pt x="826" y="300"/>
                    </a:lnTo>
                    <a:lnTo>
                      <a:pt x="823" y="313"/>
                    </a:lnTo>
                    <a:lnTo>
                      <a:pt x="822" y="325"/>
                    </a:lnTo>
                    <a:lnTo>
                      <a:pt x="823" y="339"/>
                    </a:lnTo>
                    <a:lnTo>
                      <a:pt x="824" y="352"/>
                    </a:lnTo>
                    <a:lnTo>
                      <a:pt x="826" y="363"/>
                    </a:lnTo>
                    <a:lnTo>
                      <a:pt x="832" y="388"/>
                    </a:lnTo>
                    <a:lnTo>
                      <a:pt x="840" y="410"/>
                    </a:lnTo>
                    <a:lnTo>
                      <a:pt x="847" y="430"/>
                    </a:lnTo>
                    <a:lnTo>
                      <a:pt x="853" y="447"/>
                    </a:lnTo>
                    <a:lnTo>
                      <a:pt x="836" y="446"/>
                    </a:lnTo>
                    <a:lnTo>
                      <a:pt x="820" y="444"/>
                    </a:lnTo>
                    <a:lnTo>
                      <a:pt x="803" y="444"/>
                    </a:lnTo>
                    <a:lnTo>
                      <a:pt x="787" y="444"/>
                    </a:lnTo>
                    <a:lnTo>
                      <a:pt x="780" y="443"/>
                    </a:lnTo>
                    <a:lnTo>
                      <a:pt x="774" y="443"/>
                    </a:lnTo>
                    <a:lnTo>
                      <a:pt x="770" y="442"/>
                    </a:lnTo>
                    <a:lnTo>
                      <a:pt x="766" y="440"/>
                    </a:lnTo>
                    <a:lnTo>
                      <a:pt x="764" y="438"/>
                    </a:lnTo>
                    <a:lnTo>
                      <a:pt x="764" y="436"/>
                    </a:lnTo>
                    <a:lnTo>
                      <a:pt x="765" y="433"/>
                    </a:lnTo>
                    <a:lnTo>
                      <a:pt x="769" y="429"/>
                    </a:lnTo>
                    <a:lnTo>
                      <a:pt x="758" y="430"/>
                    </a:lnTo>
                    <a:lnTo>
                      <a:pt x="750" y="433"/>
                    </a:lnTo>
                    <a:lnTo>
                      <a:pt x="746" y="435"/>
                    </a:lnTo>
                    <a:lnTo>
                      <a:pt x="743" y="437"/>
                    </a:lnTo>
                    <a:lnTo>
                      <a:pt x="740" y="440"/>
                    </a:lnTo>
                    <a:lnTo>
                      <a:pt x="737" y="443"/>
                    </a:lnTo>
                    <a:lnTo>
                      <a:pt x="733" y="452"/>
                    </a:lnTo>
                    <a:lnTo>
                      <a:pt x="731" y="461"/>
                    </a:lnTo>
                    <a:lnTo>
                      <a:pt x="730" y="472"/>
                    </a:lnTo>
                    <a:lnTo>
                      <a:pt x="731" y="484"/>
                    </a:lnTo>
                    <a:lnTo>
                      <a:pt x="704" y="484"/>
                    </a:lnTo>
                    <a:lnTo>
                      <a:pt x="674" y="486"/>
                    </a:lnTo>
                    <a:lnTo>
                      <a:pt x="667" y="486"/>
                    </a:lnTo>
                    <a:lnTo>
                      <a:pt x="661" y="484"/>
                    </a:lnTo>
                    <a:lnTo>
                      <a:pt x="655" y="483"/>
                    </a:lnTo>
                    <a:lnTo>
                      <a:pt x="650" y="481"/>
                    </a:lnTo>
                    <a:lnTo>
                      <a:pt x="645" y="479"/>
                    </a:lnTo>
                    <a:lnTo>
                      <a:pt x="642" y="476"/>
                    </a:lnTo>
                    <a:lnTo>
                      <a:pt x="640" y="471"/>
                    </a:lnTo>
                    <a:lnTo>
                      <a:pt x="637" y="466"/>
                    </a:lnTo>
                    <a:lnTo>
                      <a:pt x="629" y="470"/>
                    </a:lnTo>
                    <a:lnTo>
                      <a:pt x="622" y="475"/>
                    </a:lnTo>
                    <a:lnTo>
                      <a:pt x="614" y="481"/>
                    </a:lnTo>
                    <a:lnTo>
                      <a:pt x="607" y="487"/>
                    </a:lnTo>
                    <a:lnTo>
                      <a:pt x="599" y="493"/>
                    </a:lnTo>
                    <a:lnTo>
                      <a:pt x="592" y="497"/>
                    </a:lnTo>
                    <a:lnTo>
                      <a:pt x="583" y="501"/>
                    </a:lnTo>
                    <a:lnTo>
                      <a:pt x="572" y="503"/>
                    </a:lnTo>
                    <a:lnTo>
                      <a:pt x="578" y="509"/>
                    </a:lnTo>
                    <a:lnTo>
                      <a:pt x="586" y="514"/>
                    </a:lnTo>
                    <a:lnTo>
                      <a:pt x="594" y="518"/>
                    </a:lnTo>
                    <a:lnTo>
                      <a:pt x="603" y="522"/>
                    </a:lnTo>
                    <a:lnTo>
                      <a:pt x="621" y="529"/>
                    </a:lnTo>
                    <a:lnTo>
                      <a:pt x="640" y="534"/>
                    </a:lnTo>
                    <a:lnTo>
                      <a:pt x="681" y="542"/>
                    </a:lnTo>
                    <a:lnTo>
                      <a:pt x="722" y="550"/>
                    </a:lnTo>
                    <a:lnTo>
                      <a:pt x="721" y="558"/>
                    </a:lnTo>
                    <a:lnTo>
                      <a:pt x="720" y="566"/>
                    </a:lnTo>
                    <a:lnTo>
                      <a:pt x="716" y="573"/>
                    </a:lnTo>
                    <a:lnTo>
                      <a:pt x="713" y="578"/>
                    </a:lnTo>
                    <a:lnTo>
                      <a:pt x="709" y="583"/>
                    </a:lnTo>
                    <a:lnTo>
                      <a:pt x="705" y="589"/>
                    </a:lnTo>
                    <a:lnTo>
                      <a:pt x="700" y="593"/>
                    </a:lnTo>
                    <a:lnTo>
                      <a:pt x="694" y="596"/>
                    </a:lnTo>
                    <a:lnTo>
                      <a:pt x="688" y="599"/>
                    </a:lnTo>
                    <a:lnTo>
                      <a:pt x="682" y="601"/>
                    </a:lnTo>
                    <a:lnTo>
                      <a:pt x="675" y="603"/>
                    </a:lnTo>
                    <a:lnTo>
                      <a:pt x="668" y="606"/>
                    </a:lnTo>
                    <a:lnTo>
                      <a:pt x="652" y="608"/>
                    </a:lnTo>
                    <a:lnTo>
                      <a:pt x="636" y="610"/>
                    </a:lnTo>
                    <a:lnTo>
                      <a:pt x="604" y="611"/>
                    </a:lnTo>
                    <a:lnTo>
                      <a:pt x="572" y="612"/>
                    </a:lnTo>
                    <a:lnTo>
                      <a:pt x="558" y="613"/>
                    </a:lnTo>
                    <a:lnTo>
                      <a:pt x="545" y="616"/>
                    </a:lnTo>
                    <a:lnTo>
                      <a:pt x="539" y="617"/>
                    </a:lnTo>
                    <a:lnTo>
                      <a:pt x="534" y="619"/>
                    </a:lnTo>
                    <a:lnTo>
                      <a:pt x="529" y="622"/>
                    </a:lnTo>
                    <a:lnTo>
                      <a:pt x="525" y="625"/>
                    </a:lnTo>
                    <a:lnTo>
                      <a:pt x="522" y="623"/>
                    </a:lnTo>
                    <a:lnTo>
                      <a:pt x="518" y="620"/>
                    </a:lnTo>
                    <a:lnTo>
                      <a:pt x="517" y="615"/>
                    </a:lnTo>
                    <a:lnTo>
                      <a:pt x="516" y="611"/>
                    </a:lnTo>
                    <a:lnTo>
                      <a:pt x="516" y="599"/>
                    </a:lnTo>
                    <a:lnTo>
                      <a:pt x="516" y="588"/>
                    </a:lnTo>
                    <a:lnTo>
                      <a:pt x="513" y="588"/>
                    </a:lnTo>
                    <a:lnTo>
                      <a:pt x="511" y="588"/>
                    </a:lnTo>
                    <a:lnTo>
                      <a:pt x="510" y="589"/>
                    </a:lnTo>
                    <a:lnTo>
                      <a:pt x="508" y="590"/>
                    </a:lnTo>
                    <a:lnTo>
                      <a:pt x="507" y="593"/>
                    </a:lnTo>
                    <a:lnTo>
                      <a:pt x="507" y="597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29" name="Line 121"/>
              <p:cNvSpPr>
                <a:spLocks noChangeShapeType="1"/>
              </p:cNvSpPr>
              <p:nvPr/>
            </p:nvSpPr>
            <p:spPr bwMode="auto">
              <a:xfrm flipH="1" flipV="1">
                <a:off x="1871665" y="4732344"/>
                <a:ext cx="3175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30" name="Line 123"/>
              <p:cNvSpPr>
                <a:spLocks noChangeShapeType="1"/>
              </p:cNvSpPr>
              <p:nvPr/>
            </p:nvSpPr>
            <p:spPr bwMode="auto">
              <a:xfrm>
                <a:off x="1866903" y="4737107"/>
                <a:ext cx="3175" cy="3175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259" name="Hedensted"/>
            <p:cNvSpPr>
              <a:spLocks/>
            </p:cNvSpPr>
            <p:nvPr/>
          </p:nvSpPr>
          <p:spPr bwMode="auto">
            <a:xfrm>
              <a:off x="1543052" y="4605344"/>
              <a:ext cx="544513" cy="303213"/>
            </a:xfrm>
            <a:custGeom>
              <a:avLst/>
              <a:gdLst>
                <a:gd name="T0" fmla="*/ 211 w 1030"/>
                <a:gd name="T1" fmla="*/ 88 h 571"/>
                <a:gd name="T2" fmla="*/ 237 w 1030"/>
                <a:gd name="T3" fmla="*/ 92 h 571"/>
                <a:gd name="T4" fmla="*/ 261 w 1030"/>
                <a:gd name="T5" fmla="*/ 88 h 571"/>
                <a:gd name="T6" fmla="*/ 274 w 1030"/>
                <a:gd name="T7" fmla="*/ 80 h 571"/>
                <a:gd name="T8" fmla="*/ 281 w 1030"/>
                <a:gd name="T9" fmla="*/ 69 h 571"/>
                <a:gd name="T10" fmla="*/ 293 w 1030"/>
                <a:gd name="T11" fmla="*/ 71 h 571"/>
                <a:gd name="T12" fmla="*/ 305 w 1030"/>
                <a:gd name="T13" fmla="*/ 72 h 571"/>
                <a:gd name="T14" fmla="*/ 310 w 1030"/>
                <a:gd name="T15" fmla="*/ 66 h 571"/>
                <a:gd name="T16" fmla="*/ 312 w 1030"/>
                <a:gd name="T17" fmla="*/ 72 h 571"/>
                <a:gd name="T18" fmla="*/ 316 w 1030"/>
                <a:gd name="T19" fmla="*/ 76 h 571"/>
                <a:gd name="T20" fmla="*/ 328 w 1030"/>
                <a:gd name="T21" fmla="*/ 72 h 571"/>
                <a:gd name="T22" fmla="*/ 332 w 1030"/>
                <a:gd name="T23" fmla="*/ 81 h 571"/>
                <a:gd name="T24" fmla="*/ 330 w 1030"/>
                <a:gd name="T25" fmla="*/ 89 h 571"/>
                <a:gd name="T26" fmla="*/ 318 w 1030"/>
                <a:gd name="T27" fmla="*/ 102 h 571"/>
                <a:gd name="T28" fmla="*/ 309 w 1030"/>
                <a:gd name="T29" fmla="*/ 109 h 571"/>
                <a:gd name="T30" fmla="*/ 314 w 1030"/>
                <a:gd name="T31" fmla="*/ 121 h 571"/>
                <a:gd name="T32" fmla="*/ 332 w 1030"/>
                <a:gd name="T33" fmla="*/ 126 h 571"/>
                <a:gd name="T34" fmla="*/ 338 w 1030"/>
                <a:gd name="T35" fmla="*/ 130 h 571"/>
                <a:gd name="T36" fmla="*/ 314 w 1030"/>
                <a:gd name="T37" fmla="*/ 141 h 571"/>
                <a:gd name="T38" fmla="*/ 302 w 1030"/>
                <a:gd name="T39" fmla="*/ 147 h 571"/>
                <a:gd name="T40" fmla="*/ 306 w 1030"/>
                <a:gd name="T41" fmla="*/ 155 h 571"/>
                <a:gd name="T42" fmla="*/ 315 w 1030"/>
                <a:gd name="T43" fmla="*/ 162 h 571"/>
                <a:gd name="T44" fmla="*/ 296 w 1030"/>
                <a:gd name="T45" fmla="*/ 169 h 571"/>
                <a:gd name="T46" fmla="*/ 250 w 1030"/>
                <a:gd name="T47" fmla="*/ 177 h 571"/>
                <a:gd name="T48" fmla="*/ 221 w 1030"/>
                <a:gd name="T49" fmla="*/ 191 h 571"/>
                <a:gd name="T50" fmla="*/ 169 w 1030"/>
                <a:gd name="T51" fmla="*/ 173 h 571"/>
                <a:gd name="T52" fmla="*/ 144 w 1030"/>
                <a:gd name="T53" fmla="*/ 155 h 571"/>
                <a:gd name="T54" fmla="*/ 148 w 1030"/>
                <a:gd name="T55" fmla="*/ 144 h 571"/>
                <a:gd name="T56" fmla="*/ 146 w 1030"/>
                <a:gd name="T57" fmla="*/ 135 h 571"/>
                <a:gd name="T58" fmla="*/ 137 w 1030"/>
                <a:gd name="T59" fmla="*/ 127 h 571"/>
                <a:gd name="T60" fmla="*/ 113 w 1030"/>
                <a:gd name="T61" fmla="*/ 124 h 571"/>
                <a:gd name="T62" fmla="*/ 103 w 1030"/>
                <a:gd name="T63" fmla="*/ 124 h 571"/>
                <a:gd name="T64" fmla="*/ 102 w 1030"/>
                <a:gd name="T65" fmla="*/ 116 h 571"/>
                <a:gd name="T66" fmla="*/ 93 w 1030"/>
                <a:gd name="T67" fmla="*/ 113 h 571"/>
                <a:gd name="T68" fmla="*/ 71 w 1030"/>
                <a:gd name="T69" fmla="*/ 120 h 571"/>
                <a:gd name="T70" fmla="*/ 58 w 1030"/>
                <a:gd name="T71" fmla="*/ 120 h 571"/>
                <a:gd name="T72" fmla="*/ 64 w 1030"/>
                <a:gd name="T73" fmla="*/ 106 h 571"/>
                <a:gd name="T74" fmla="*/ 61 w 1030"/>
                <a:gd name="T75" fmla="*/ 80 h 571"/>
                <a:gd name="T76" fmla="*/ 52 w 1030"/>
                <a:gd name="T77" fmla="*/ 68 h 571"/>
                <a:gd name="T78" fmla="*/ 42 w 1030"/>
                <a:gd name="T79" fmla="*/ 63 h 571"/>
                <a:gd name="T80" fmla="*/ 34 w 1030"/>
                <a:gd name="T81" fmla="*/ 54 h 571"/>
                <a:gd name="T82" fmla="*/ 27 w 1030"/>
                <a:gd name="T83" fmla="*/ 35 h 571"/>
                <a:gd name="T84" fmla="*/ 0 w 1030"/>
                <a:gd name="T85" fmla="*/ 3 h 571"/>
                <a:gd name="T86" fmla="*/ 37 w 1030"/>
                <a:gd name="T87" fmla="*/ 9 h 571"/>
                <a:gd name="T88" fmla="*/ 78 w 1030"/>
                <a:gd name="T89" fmla="*/ 9 h 571"/>
                <a:gd name="T90" fmla="*/ 118 w 1030"/>
                <a:gd name="T91" fmla="*/ 2 h 571"/>
                <a:gd name="T92" fmla="*/ 143 w 1030"/>
                <a:gd name="T93" fmla="*/ 10 h 571"/>
                <a:gd name="T94" fmla="*/ 147 w 1030"/>
                <a:gd name="T95" fmla="*/ 31 h 571"/>
                <a:gd name="T96" fmla="*/ 153 w 1030"/>
                <a:gd name="T97" fmla="*/ 44 h 571"/>
                <a:gd name="T98" fmla="*/ 170 w 1030"/>
                <a:gd name="T99" fmla="*/ 44 h 571"/>
                <a:gd name="T100" fmla="*/ 178 w 1030"/>
                <a:gd name="T101" fmla="*/ 63 h 571"/>
                <a:gd name="T102" fmla="*/ 190 w 1030"/>
                <a:gd name="T103" fmla="*/ 76 h 571"/>
                <a:gd name="T104" fmla="*/ 206 w 1030"/>
                <a:gd name="T105" fmla="*/ 81 h 57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1030" h="571">
                  <a:moveTo>
                    <a:pt x="618" y="253"/>
                  </a:moveTo>
                  <a:lnTo>
                    <a:pt x="622" y="256"/>
                  </a:lnTo>
                  <a:lnTo>
                    <a:pt x="625" y="258"/>
                  </a:lnTo>
                  <a:lnTo>
                    <a:pt x="630" y="261"/>
                  </a:lnTo>
                  <a:lnTo>
                    <a:pt x="635" y="263"/>
                  </a:lnTo>
                  <a:lnTo>
                    <a:pt x="647" y="268"/>
                  </a:lnTo>
                  <a:lnTo>
                    <a:pt x="662" y="272"/>
                  </a:lnTo>
                  <a:lnTo>
                    <a:pt x="677" y="275"/>
                  </a:lnTo>
                  <a:lnTo>
                    <a:pt x="695" y="276"/>
                  </a:lnTo>
                  <a:lnTo>
                    <a:pt x="713" y="276"/>
                  </a:lnTo>
                  <a:lnTo>
                    <a:pt x="731" y="275"/>
                  </a:lnTo>
                  <a:lnTo>
                    <a:pt x="750" y="273"/>
                  </a:lnTo>
                  <a:lnTo>
                    <a:pt x="768" y="268"/>
                  </a:lnTo>
                  <a:lnTo>
                    <a:pt x="776" y="265"/>
                  </a:lnTo>
                  <a:lnTo>
                    <a:pt x="785" y="262"/>
                  </a:lnTo>
                  <a:lnTo>
                    <a:pt x="793" y="259"/>
                  </a:lnTo>
                  <a:lnTo>
                    <a:pt x="801" y="255"/>
                  </a:lnTo>
                  <a:lnTo>
                    <a:pt x="808" y="251"/>
                  </a:lnTo>
                  <a:lnTo>
                    <a:pt x="815" y="245"/>
                  </a:lnTo>
                  <a:lnTo>
                    <a:pt x="822" y="240"/>
                  </a:lnTo>
                  <a:lnTo>
                    <a:pt x="827" y="235"/>
                  </a:lnTo>
                  <a:lnTo>
                    <a:pt x="832" y="228"/>
                  </a:lnTo>
                  <a:lnTo>
                    <a:pt x="836" y="221"/>
                  </a:lnTo>
                  <a:lnTo>
                    <a:pt x="841" y="214"/>
                  </a:lnTo>
                  <a:lnTo>
                    <a:pt x="843" y="205"/>
                  </a:lnTo>
                  <a:lnTo>
                    <a:pt x="848" y="205"/>
                  </a:lnTo>
                  <a:lnTo>
                    <a:pt x="853" y="205"/>
                  </a:lnTo>
                  <a:lnTo>
                    <a:pt x="859" y="206"/>
                  </a:lnTo>
                  <a:lnTo>
                    <a:pt x="866" y="208"/>
                  </a:lnTo>
                  <a:lnTo>
                    <a:pt x="879" y="212"/>
                  </a:lnTo>
                  <a:lnTo>
                    <a:pt x="893" y="216"/>
                  </a:lnTo>
                  <a:lnTo>
                    <a:pt x="900" y="217"/>
                  </a:lnTo>
                  <a:lnTo>
                    <a:pt x="906" y="217"/>
                  </a:lnTo>
                  <a:lnTo>
                    <a:pt x="911" y="217"/>
                  </a:lnTo>
                  <a:lnTo>
                    <a:pt x="916" y="215"/>
                  </a:lnTo>
                  <a:lnTo>
                    <a:pt x="921" y="213"/>
                  </a:lnTo>
                  <a:lnTo>
                    <a:pt x="924" y="208"/>
                  </a:lnTo>
                  <a:lnTo>
                    <a:pt x="926" y="203"/>
                  </a:lnTo>
                  <a:lnTo>
                    <a:pt x="927" y="196"/>
                  </a:lnTo>
                  <a:lnTo>
                    <a:pt x="931" y="197"/>
                  </a:lnTo>
                  <a:lnTo>
                    <a:pt x="934" y="198"/>
                  </a:lnTo>
                  <a:lnTo>
                    <a:pt x="936" y="200"/>
                  </a:lnTo>
                  <a:lnTo>
                    <a:pt x="937" y="202"/>
                  </a:lnTo>
                  <a:lnTo>
                    <a:pt x="938" y="207"/>
                  </a:lnTo>
                  <a:lnTo>
                    <a:pt x="937" y="214"/>
                  </a:lnTo>
                  <a:lnTo>
                    <a:pt x="931" y="225"/>
                  </a:lnTo>
                  <a:lnTo>
                    <a:pt x="927" y="234"/>
                  </a:lnTo>
                  <a:lnTo>
                    <a:pt x="936" y="234"/>
                  </a:lnTo>
                  <a:lnTo>
                    <a:pt x="944" y="232"/>
                  </a:lnTo>
                  <a:lnTo>
                    <a:pt x="950" y="228"/>
                  </a:lnTo>
                  <a:lnTo>
                    <a:pt x="955" y="224"/>
                  </a:lnTo>
                  <a:lnTo>
                    <a:pt x="961" y="220"/>
                  </a:lnTo>
                  <a:lnTo>
                    <a:pt x="967" y="217"/>
                  </a:lnTo>
                  <a:lnTo>
                    <a:pt x="974" y="215"/>
                  </a:lnTo>
                  <a:lnTo>
                    <a:pt x="984" y="215"/>
                  </a:lnTo>
                  <a:lnTo>
                    <a:pt x="986" y="221"/>
                  </a:lnTo>
                  <a:lnTo>
                    <a:pt x="988" y="226"/>
                  </a:lnTo>
                  <a:lnTo>
                    <a:pt x="991" y="232"/>
                  </a:lnTo>
                  <a:lnTo>
                    <a:pt x="994" y="236"/>
                  </a:lnTo>
                  <a:lnTo>
                    <a:pt x="997" y="241"/>
                  </a:lnTo>
                  <a:lnTo>
                    <a:pt x="1001" y="247"/>
                  </a:lnTo>
                  <a:lnTo>
                    <a:pt x="1002" y="254"/>
                  </a:lnTo>
                  <a:lnTo>
                    <a:pt x="1002" y="262"/>
                  </a:lnTo>
                  <a:lnTo>
                    <a:pt x="995" y="264"/>
                  </a:lnTo>
                  <a:lnTo>
                    <a:pt x="990" y="267"/>
                  </a:lnTo>
                  <a:lnTo>
                    <a:pt x="985" y="271"/>
                  </a:lnTo>
                  <a:lnTo>
                    <a:pt x="981" y="275"/>
                  </a:lnTo>
                  <a:lnTo>
                    <a:pt x="972" y="284"/>
                  </a:lnTo>
                  <a:lnTo>
                    <a:pt x="964" y="294"/>
                  </a:lnTo>
                  <a:lnTo>
                    <a:pt x="956" y="304"/>
                  </a:lnTo>
                  <a:lnTo>
                    <a:pt x="948" y="313"/>
                  </a:lnTo>
                  <a:lnTo>
                    <a:pt x="944" y="317"/>
                  </a:lnTo>
                  <a:lnTo>
                    <a:pt x="938" y="321"/>
                  </a:lnTo>
                  <a:lnTo>
                    <a:pt x="933" y="324"/>
                  </a:lnTo>
                  <a:lnTo>
                    <a:pt x="927" y="327"/>
                  </a:lnTo>
                  <a:lnTo>
                    <a:pt x="927" y="337"/>
                  </a:lnTo>
                  <a:lnTo>
                    <a:pt x="929" y="345"/>
                  </a:lnTo>
                  <a:lnTo>
                    <a:pt x="931" y="353"/>
                  </a:lnTo>
                  <a:lnTo>
                    <a:pt x="935" y="358"/>
                  </a:lnTo>
                  <a:lnTo>
                    <a:pt x="942" y="363"/>
                  </a:lnTo>
                  <a:lnTo>
                    <a:pt x="948" y="366"/>
                  </a:lnTo>
                  <a:lnTo>
                    <a:pt x="955" y="370"/>
                  </a:lnTo>
                  <a:lnTo>
                    <a:pt x="963" y="371"/>
                  </a:lnTo>
                  <a:lnTo>
                    <a:pt x="980" y="374"/>
                  </a:lnTo>
                  <a:lnTo>
                    <a:pt x="997" y="376"/>
                  </a:lnTo>
                  <a:lnTo>
                    <a:pt x="1007" y="377"/>
                  </a:lnTo>
                  <a:lnTo>
                    <a:pt x="1015" y="379"/>
                  </a:lnTo>
                  <a:lnTo>
                    <a:pt x="1023" y="381"/>
                  </a:lnTo>
                  <a:lnTo>
                    <a:pt x="1030" y="383"/>
                  </a:lnTo>
                  <a:lnTo>
                    <a:pt x="1014" y="388"/>
                  </a:lnTo>
                  <a:lnTo>
                    <a:pt x="1000" y="395"/>
                  </a:lnTo>
                  <a:lnTo>
                    <a:pt x="985" y="401"/>
                  </a:lnTo>
                  <a:lnTo>
                    <a:pt x="971" y="408"/>
                  </a:lnTo>
                  <a:lnTo>
                    <a:pt x="957" y="416"/>
                  </a:lnTo>
                  <a:lnTo>
                    <a:pt x="943" y="422"/>
                  </a:lnTo>
                  <a:lnTo>
                    <a:pt x="934" y="424"/>
                  </a:lnTo>
                  <a:lnTo>
                    <a:pt x="926" y="427"/>
                  </a:lnTo>
                  <a:lnTo>
                    <a:pt x="917" y="428"/>
                  </a:lnTo>
                  <a:lnTo>
                    <a:pt x="908" y="431"/>
                  </a:lnTo>
                  <a:lnTo>
                    <a:pt x="908" y="438"/>
                  </a:lnTo>
                  <a:lnTo>
                    <a:pt x="908" y="444"/>
                  </a:lnTo>
                  <a:lnTo>
                    <a:pt x="910" y="451"/>
                  </a:lnTo>
                  <a:lnTo>
                    <a:pt x="912" y="455"/>
                  </a:lnTo>
                  <a:lnTo>
                    <a:pt x="914" y="459"/>
                  </a:lnTo>
                  <a:lnTo>
                    <a:pt x="918" y="463"/>
                  </a:lnTo>
                  <a:lnTo>
                    <a:pt x="922" y="466"/>
                  </a:lnTo>
                  <a:lnTo>
                    <a:pt x="926" y="469"/>
                  </a:lnTo>
                  <a:lnTo>
                    <a:pt x="934" y="474"/>
                  </a:lnTo>
                  <a:lnTo>
                    <a:pt x="944" y="480"/>
                  </a:lnTo>
                  <a:lnTo>
                    <a:pt x="947" y="483"/>
                  </a:lnTo>
                  <a:lnTo>
                    <a:pt x="950" y="486"/>
                  </a:lnTo>
                  <a:lnTo>
                    <a:pt x="953" y="491"/>
                  </a:lnTo>
                  <a:lnTo>
                    <a:pt x="955" y="496"/>
                  </a:lnTo>
                  <a:lnTo>
                    <a:pt x="925" y="501"/>
                  </a:lnTo>
                  <a:lnTo>
                    <a:pt x="890" y="505"/>
                  </a:lnTo>
                  <a:lnTo>
                    <a:pt x="851" y="511"/>
                  </a:lnTo>
                  <a:lnTo>
                    <a:pt x="811" y="517"/>
                  </a:lnTo>
                  <a:lnTo>
                    <a:pt x="791" y="520"/>
                  </a:lnTo>
                  <a:lnTo>
                    <a:pt x="771" y="525"/>
                  </a:lnTo>
                  <a:lnTo>
                    <a:pt x="751" y="530"/>
                  </a:lnTo>
                  <a:lnTo>
                    <a:pt x="732" y="536"/>
                  </a:lnTo>
                  <a:lnTo>
                    <a:pt x="714" y="543"/>
                  </a:lnTo>
                  <a:lnTo>
                    <a:pt x="696" y="551"/>
                  </a:lnTo>
                  <a:lnTo>
                    <a:pt x="679" y="560"/>
                  </a:lnTo>
                  <a:lnTo>
                    <a:pt x="665" y="571"/>
                  </a:lnTo>
                  <a:lnTo>
                    <a:pt x="631" y="563"/>
                  </a:lnTo>
                  <a:lnTo>
                    <a:pt x="598" y="554"/>
                  </a:lnTo>
                  <a:lnTo>
                    <a:pt x="567" y="542"/>
                  </a:lnTo>
                  <a:lnTo>
                    <a:pt x="536" y="531"/>
                  </a:lnTo>
                  <a:lnTo>
                    <a:pt x="507" y="518"/>
                  </a:lnTo>
                  <a:lnTo>
                    <a:pt x="478" y="504"/>
                  </a:lnTo>
                  <a:lnTo>
                    <a:pt x="450" y="491"/>
                  </a:lnTo>
                  <a:lnTo>
                    <a:pt x="421" y="477"/>
                  </a:lnTo>
                  <a:lnTo>
                    <a:pt x="428" y="470"/>
                  </a:lnTo>
                  <a:lnTo>
                    <a:pt x="433" y="463"/>
                  </a:lnTo>
                  <a:lnTo>
                    <a:pt x="437" y="456"/>
                  </a:lnTo>
                  <a:lnTo>
                    <a:pt x="440" y="450"/>
                  </a:lnTo>
                  <a:lnTo>
                    <a:pt x="443" y="443"/>
                  </a:lnTo>
                  <a:lnTo>
                    <a:pt x="444" y="437"/>
                  </a:lnTo>
                  <a:lnTo>
                    <a:pt x="445" y="431"/>
                  </a:lnTo>
                  <a:lnTo>
                    <a:pt x="445" y="424"/>
                  </a:lnTo>
                  <a:lnTo>
                    <a:pt x="444" y="419"/>
                  </a:lnTo>
                  <a:lnTo>
                    <a:pt x="443" y="413"/>
                  </a:lnTo>
                  <a:lnTo>
                    <a:pt x="440" y="407"/>
                  </a:lnTo>
                  <a:lnTo>
                    <a:pt x="437" y="403"/>
                  </a:lnTo>
                  <a:lnTo>
                    <a:pt x="434" y="398"/>
                  </a:lnTo>
                  <a:lnTo>
                    <a:pt x="431" y="394"/>
                  </a:lnTo>
                  <a:lnTo>
                    <a:pt x="427" y="390"/>
                  </a:lnTo>
                  <a:lnTo>
                    <a:pt x="421" y="385"/>
                  </a:lnTo>
                  <a:lnTo>
                    <a:pt x="411" y="379"/>
                  </a:lnTo>
                  <a:lnTo>
                    <a:pt x="398" y="374"/>
                  </a:lnTo>
                  <a:lnTo>
                    <a:pt x="385" y="371"/>
                  </a:lnTo>
                  <a:lnTo>
                    <a:pt x="370" y="370"/>
                  </a:lnTo>
                  <a:lnTo>
                    <a:pt x="355" y="370"/>
                  </a:lnTo>
                  <a:lnTo>
                    <a:pt x="339" y="372"/>
                  </a:lnTo>
                  <a:lnTo>
                    <a:pt x="332" y="374"/>
                  </a:lnTo>
                  <a:lnTo>
                    <a:pt x="325" y="377"/>
                  </a:lnTo>
                  <a:lnTo>
                    <a:pt x="316" y="380"/>
                  </a:lnTo>
                  <a:lnTo>
                    <a:pt x="309" y="383"/>
                  </a:lnTo>
                  <a:lnTo>
                    <a:pt x="310" y="370"/>
                  </a:lnTo>
                  <a:lnTo>
                    <a:pt x="310" y="362"/>
                  </a:lnTo>
                  <a:lnTo>
                    <a:pt x="310" y="358"/>
                  </a:lnTo>
                  <a:lnTo>
                    <a:pt x="309" y="355"/>
                  </a:lnTo>
                  <a:lnTo>
                    <a:pt x="307" y="351"/>
                  </a:lnTo>
                  <a:lnTo>
                    <a:pt x="305" y="347"/>
                  </a:lnTo>
                  <a:lnTo>
                    <a:pt x="302" y="344"/>
                  </a:lnTo>
                  <a:lnTo>
                    <a:pt x="299" y="342"/>
                  </a:lnTo>
                  <a:lnTo>
                    <a:pt x="294" y="339"/>
                  </a:lnTo>
                  <a:lnTo>
                    <a:pt x="287" y="337"/>
                  </a:lnTo>
                  <a:lnTo>
                    <a:pt x="279" y="337"/>
                  </a:lnTo>
                  <a:lnTo>
                    <a:pt x="271" y="339"/>
                  </a:lnTo>
                  <a:lnTo>
                    <a:pt x="262" y="341"/>
                  </a:lnTo>
                  <a:lnTo>
                    <a:pt x="253" y="344"/>
                  </a:lnTo>
                  <a:lnTo>
                    <a:pt x="233" y="353"/>
                  </a:lnTo>
                  <a:lnTo>
                    <a:pt x="212" y="360"/>
                  </a:lnTo>
                  <a:lnTo>
                    <a:pt x="201" y="362"/>
                  </a:lnTo>
                  <a:lnTo>
                    <a:pt x="190" y="364"/>
                  </a:lnTo>
                  <a:lnTo>
                    <a:pt x="179" y="365"/>
                  </a:lnTo>
                  <a:lnTo>
                    <a:pt x="169" y="364"/>
                  </a:lnTo>
                  <a:lnTo>
                    <a:pt x="173" y="360"/>
                  </a:lnTo>
                  <a:lnTo>
                    <a:pt x="177" y="356"/>
                  </a:lnTo>
                  <a:lnTo>
                    <a:pt x="180" y="351"/>
                  </a:lnTo>
                  <a:lnTo>
                    <a:pt x="183" y="345"/>
                  </a:lnTo>
                  <a:lnTo>
                    <a:pt x="189" y="332"/>
                  </a:lnTo>
                  <a:lnTo>
                    <a:pt x="192" y="318"/>
                  </a:lnTo>
                  <a:lnTo>
                    <a:pt x="193" y="303"/>
                  </a:lnTo>
                  <a:lnTo>
                    <a:pt x="193" y="287"/>
                  </a:lnTo>
                  <a:lnTo>
                    <a:pt x="191" y="272"/>
                  </a:lnTo>
                  <a:lnTo>
                    <a:pt x="188" y="256"/>
                  </a:lnTo>
                  <a:lnTo>
                    <a:pt x="182" y="240"/>
                  </a:lnTo>
                  <a:lnTo>
                    <a:pt x="176" y="226"/>
                  </a:lnTo>
                  <a:lnTo>
                    <a:pt x="172" y="220"/>
                  </a:lnTo>
                  <a:lnTo>
                    <a:pt x="168" y="214"/>
                  </a:lnTo>
                  <a:lnTo>
                    <a:pt x="162" y="208"/>
                  </a:lnTo>
                  <a:lnTo>
                    <a:pt x="157" y="203"/>
                  </a:lnTo>
                  <a:lnTo>
                    <a:pt x="152" y="199"/>
                  </a:lnTo>
                  <a:lnTo>
                    <a:pt x="147" y="195"/>
                  </a:lnTo>
                  <a:lnTo>
                    <a:pt x="140" y="192"/>
                  </a:lnTo>
                  <a:lnTo>
                    <a:pt x="133" y="188"/>
                  </a:lnTo>
                  <a:lnTo>
                    <a:pt x="127" y="187"/>
                  </a:lnTo>
                  <a:lnTo>
                    <a:pt x="119" y="186"/>
                  </a:lnTo>
                  <a:lnTo>
                    <a:pt x="111" y="186"/>
                  </a:lnTo>
                  <a:lnTo>
                    <a:pt x="103" y="186"/>
                  </a:lnTo>
                  <a:lnTo>
                    <a:pt x="104" y="174"/>
                  </a:lnTo>
                  <a:lnTo>
                    <a:pt x="103" y="161"/>
                  </a:lnTo>
                  <a:lnTo>
                    <a:pt x="101" y="148"/>
                  </a:lnTo>
                  <a:lnTo>
                    <a:pt x="98" y="137"/>
                  </a:lnTo>
                  <a:lnTo>
                    <a:pt x="94" y="126"/>
                  </a:lnTo>
                  <a:lnTo>
                    <a:pt x="88" y="115"/>
                  </a:lnTo>
                  <a:lnTo>
                    <a:pt x="80" y="104"/>
                  </a:lnTo>
                  <a:lnTo>
                    <a:pt x="73" y="94"/>
                  </a:lnTo>
                  <a:lnTo>
                    <a:pt x="56" y="74"/>
                  </a:lnTo>
                  <a:lnTo>
                    <a:pt x="37" y="53"/>
                  </a:lnTo>
                  <a:lnTo>
                    <a:pt x="18" y="32"/>
                  </a:lnTo>
                  <a:lnTo>
                    <a:pt x="0" y="8"/>
                  </a:lnTo>
                  <a:lnTo>
                    <a:pt x="20" y="14"/>
                  </a:lnTo>
                  <a:lnTo>
                    <a:pt x="41" y="19"/>
                  </a:lnTo>
                  <a:lnTo>
                    <a:pt x="63" y="22"/>
                  </a:lnTo>
                  <a:lnTo>
                    <a:pt x="86" y="25"/>
                  </a:lnTo>
                  <a:lnTo>
                    <a:pt x="110" y="27"/>
                  </a:lnTo>
                  <a:lnTo>
                    <a:pt x="134" y="28"/>
                  </a:lnTo>
                  <a:lnTo>
                    <a:pt x="158" y="29"/>
                  </a:lnTo>
                  <a:lnTo>
                    <a:pt x="183" y="29"/>
                  </a:lnTo>
                  <a:lnTo>
                    <a:pt x="209" y="28"/>
                  </a:lnTo>
                  <a:lnTo>
                    <a:pt x="234" y="26"/>
                  </a:lnTo>
                  <a:lnTo>
                    <a:pt x="258" y="24"/>
                  </a:lnTo>
                  <a:lnTo>
                    <a:pt x="282" y="20"/>
                  </a:lnTo>
                  <a:lnTo>
                    <a:pt x="307" y="17"/>
                  </a:lnTo>
                  <a:lnTo>
                    <a:pt x="330" y="12"/>
                  </a:lnTo>
                  <a:lnTo>
                    <a:pt x="353" y="6"/>
                  </a:lnTo>
                  <a:lnTo>
                    <a:pt x="375" y="0"/>
                  </a:lnTo>
                  <a:lnTo>
                    <a:pt x="392" y="9"/>
                  </a:lnTo>
                  <a:lnTo>
                    <a:pt x="410" y="21"/>
                  </a:lnTo>
                  <a:lnTo>
                    <a:pt x="418" y="26"/>
                  </a:lnTo>
                  <a:lnTo>
                    <a:pt x="428" y="30"/>
                  </a:lnTo>
                  <a:lnTo>
                    <a:pt x="438" y="35"/>
                  </a:lnTo>
                  <a:lnTo>
                    <a:pt x="450" y="37"/>
                  </a:lnTo>
                  <a:lnTo>
                    <a:pt x="447" y="59"/>
                  </a:lnTo>
                  <a:lnTo>
                    <a:pt x="441" y="81"/>
                  </a:lnTo>
                  <a:lnTo>
                    <a:pt x="440" y="92"/>
                  </a:lnTo>
                  <a:lnTo>
                    <a:pt x="439" y="103"/>
                  </a:lnTo>
                  <a:lnTo>
                    <a:pt x="439" y="117"/>
                  </a:lnTo>
                  <a:lnTo>
                    <a:pt x="440" y="130"/>
                  </a:lnTo>
                  <a:lnTo>
                    <a:pt x="451" y="132"/>
                  </a:lnTo>
                  <a:lnTo>
                    <a:pt x="460" y="132"/>
                  </a:lnTo>
                  <a:lnTo>
                    <a:pt x="469" y="130"/>
                  </a:lnTo>
                  <a:lnTo>
                    <a:pt x="476" y="129"/>
                  </a:lnTo>
                  <a:lnTo>
                    <a:pt x="491" y="124"/>
                  </a:lnTo>
                  <a:lnTo>
                    <a:pt x="506" y="121"/>
                  </a:lnTo>
                  <a:lnTo>
                    <a:pt x="510" y="133"/>
                  </a:lnTo>
                  <a:lnTo>
                    <a:pt x="513" y="145"/>
                  </a:lnTo>
                  <a:lnTo>
                    <a:pt x="518" y="156"/>
                  </a:lnTo>
                  <a:lnTo>
                    <a:pt x="524" y="167"/>
                  </a:lnTo>
                  <a:lnTo>
                    <a:pt x="529" y="178"/>
                  </a:lnTo>
                  <a:lnTo>
                    <a:pt x="535" y="187"/>
                  </a:lnTo>
                  <a:lnTo>
                    <a:pt x="541" y="197"/>
                  </a:lnTo>
                  <a:lnTo>
                    <a:pt x="548" y="206"/>
                  </a:lnTo>
                  <a:lnTo>
                    <a:pt x="555" y="214"/>
                  </a:lnTo>
                  <a:lnTo>
                    <a:pt x="564" y="221"/>
                  </a:lnTo>
                  <a:lnTo>
                    <a:pt x="571" y="227"/>
                  </a:lnTo>
                  <a:lnTo>
                    <a:pt x="579" y="233"/>
                  </a:lnTo>
                  <a:lnTo>
                    <a:pt x="589" y="237"/>
                  </a:lnTo>
                  <a:lnTo>
                    <a:pt x="598" y="240"/>
                  </a:lnTo>
                  <a:lnTo>
                    <a:pt x="608" y="242"/>
                  </a:lnTo>
                  <a:lnTo>
                    <a:pt x="618" y="243"/>
                  </a:lnTo>
                  <a:lnTo>
                    <a:pt x="618" y="253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260" name="Hedensted kant"/>
            <p:cNvSpPr>
              <a:spLocks/>
            </p:cNvSpPr>
            <p:nvPr/>
          </p:nvSpPr>
          <p:spPr bwMode="auto">
            <a:xfrm>
              <a:off x="1543052" y="4605344"/>
              <a:ext cx="544513" cy="303213"/>
            </a:xfrm>
            <a:custGeom>
              <a:avLst/>
              <a:gdLst>
                <a:gd name="T0" fmla="*/ 211 w 1030"/>
                <a:gd name="T1" fmla="*/ 88 h 571"/>
                <a:gd name="T2" fmla="*/ 237 w 1030"/>
                <a:gd name="T3" fmla="*/ 92 h 571"/>
                <a:gd name="T4" fmla="*/ 261 w 1030"/>
                <a:gd name="T5" fmla="*/ 88 h 571"/>
                <a:gd name="T6" fmla="*/ 274 w 1030"/>
                <a:gd name="T7" fmla="*/ 80 h 571"/>
                <a:gd name="T8" fmla="*/ 281 w 1030"/>
                <a:gd name="T9" fmla="*/ 69 h 571"/>
                <a:gd name="T10" fmla="*/ 293 w 1030"/>
                <a:gd name="T11" fmla="*/ 71 h 571"/>
                <a:gd name="T12" fmla="*/ 305 w 1030"/>
                <a:gd name="T13" fmla="*/ 72 h 571"/>
                <a:gd name="T14" fmla="*/ 310 w 1030"/>
                <a:gd name="T15" fmla="*/ 66 h 571"/>
                <a:gd name="T16" fmla="*/ 312 w 1030"/>
                <a:gd name="T17" fmla="*/ 72 h 571"/>
                <a:gd name="T18" fmla="*/ 316 w 1030"/>
                <a:gd name="T19" fmla="*/ 76 h 571"/>
                <a:gd name="T20" fmla="*/ 328 w 1030"/>
                <a:gd name="T21" fmla="*/ 72 h 571"/>
                <a:gd name="T22" fmla="*/ 332 w 1030"/>
                <a:gd name="T23" fmla="*/ 81 h 571"/>
                <a:gd name="T24" fmla="*/ 330 w 1030"/>
                <a:gd name="T25" fmla="*/ 89 h 571"/>
                <a:gd name="T26" fmla="*/ 318 w 1030"/>
                <a:gd name="T27" fmla="*/ 102 h 571"/>
                <a:gd name="T28" fmla="*/ 309 w 1030"/>
                <a:gd name="T29" fmla="*/ 109 h 571"/>
                <a:gd name="T30" fmla="*/ 314 w 1030"/>
                <a:gd name="T31" fmla="*/ 121 h 571"/>
                <a:gd name="T32" fmla="*/ 332 w 1030"/>
                <a:gd name="T33" fmla="*/ 126 h 571"/>
                <a:gd name="T34" fmla="*/ 338 w 1030"/>
                <a:gd name="T35" fmla="*/ 130 h 571"/>
                <a:gd name="T36" fmla="*/ 314 w 1030"/>
                <a:gd name="T37" fmla="*/ 141 h 571"/>
                <a:gd name="T38" fmla="*/ 302 w 1030"/>
                <a:gd name="T39" fmla="*/ 147 h 571"/>
                <a:gd name="T40" fmla="*/ 306 w 1030"/>
                <a:gd name="T41" fmla="*/ 155 h 571"/>
                <a:gd name="T42" fmla="*/ 315 w 1030"/>
                <a:gd name="T43" fmla="*/ 162 h 571"/>
                <a:gd name="T44" fmla="*/ 296 w 1030"/>
                <a:gd name="T45" fmla="*/ 169 h 571"/>
                <a:gd name="T46" fmla="*/ 250 w 1030"/>
                <a:gd name="T47" fmla="*/ 177 h 571"/>
                <a:gd name="T48" fmla="*/ 221 w 1030"/>
                <a:gd name="T49" fmla="*/ 191 h 571"/>
                <a:gd name="T50" fmla="*/ 169 w 1030"/>
                <a:gd name="T51" fmla="*/ 173 h 571"/>
                <a:gd name="T52" fmla="*/ 144 w 1030"/>
                <a:gd name="T53" fmla="*/ 155 h 571"/>
                <a:gd name="T54" fmla="*/ 148 w 1030"/>
                <a:gd name="T55" fmla="*/ 144 h 571"/>
                <a:gd name="T56" fmla="*/ 146 w 1030"/>
                <a:gd name="T57" fmla="*/ 135 h 571"/>
                <a:gd name="T58" fmla="*/ 137 w 1030"/>
                <a:gd name="T59" fmla="*/ 127 h 571"/>
                <a:gd name="T60" fmla="*/ 113 w 1030"/>
                <a:gd name="T61" fmla="*/ 124 h 571"/>
                <a:gd name="T62" fmla="*/ 103 w 1030"/>
                <a:gd name="T63" fmla="*/ 124 h 571"/>
                <a:gd name="T64" fmla="*/ 102 w 1030"/>
                <a:gd name="T65" fmla="*/ 116 h 571"/>
                <a:gd name="T66" fmla="*/ 93 w 1030"/>
                <a:gd name="T67" fmla="*/ 113 h 571"/>
                <a:gd name="T68" fmla="*/ 71 w 1030"/>
                <a:gd name="T69" fmla="*/ 120 h 571"/>
                <a:gd name="T70" fmla="*/ 58 w 1030"/>
                <a:gd name="T71" fmla="*/ 120 h 571"/>
                <a:gd name="T72" fmla="*/ 64 w 1030"/>
                <a:gd name="T73" fmla="*/ 106 h 571"/>
                <a:gd name="T74" fmla="*/ 61 w 1030"/>
                <a:gd name="T75" fmla="*/ 80 h 571"/>
                <a:gd name="T76" fmla="*/ 52 w 1030"/>
                <a:gd name="T77" fmla="*/ 68 h 571"/>
                <a:gd name="T78" fmla="*/ 42 w 1030"/>
                <a:gd name="T79" fmla="*/ 63 h 571"/>
                <a:gd name="T80" fmla="*/ 34 w 1030"/>
                <a:gd name="T81" fmla="*/ 54 h 571"/>
                <a:gd name="T82" fmla="*/ 27 w 1030"/>
                <a:gd name="T83" fmla="*/ 35 h 571"/>
                <a:gd name="T84" fmla="*/ 0 w 1030"/>
                <a:gd name="T85" fmla="*/ 3 h 571"/>
                <a:gd name="T86" fmla="*/ 37 w 1030"/>
                <a:gd name="T87" fmla="*/ 9 h 571"/>
                <a:gd name="T88" fmla="*/ 78 w 1030"/>
                <a:gd name="T89" fmla="*/ 9 h 571"/>
                <a:gd name="T90" fmla="*/ 118 w 1030"/>
                <a:gd name="T91" fmla="*/ 2 h 571"/>
                <a:gd name="T92" fmla="*/ 143 w 1030"/>
                <a:gd name="T93" fmla="*/ 10 h 571"/>
                <a:gd name="T94" fmla="*/ 147 w 1030"/>
                <a:gd name="T95" fmla="*/ 31 h 571"/>
                <a:gd name="T96" fmla="*/ 153 w 1030"/>
                <a:gd name="T97" fmla="*/ 44 h 571"/>
                <a:gd name="T98" fmla="*/ 170 w 1030"/>
                <a:gd name="T99" fmla="*/ 44 h 571"/>
                <a:gd name="T100" fmla="*/ 178 w 1030"/>
                <a:gd name="T101" fmla="*/ 63 h 571"/>
                <a:gd name="T102" fmla="*/ 190 w 1030"/>
                <a:gd name="T103" fmla="*/ 76 h 571"/>
                <a:gd name="T104" fmla="*/ 206 w 1030"/>
                <a:gd name="T105" fmla="*/ 81 h 57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1030" h="571">
                  <a:moveTo>
                    <a:pt x="618" y="253"/>
                  </a:moveTo>
                  <a:lnTo>
                    <a:pt x="622" y="256"/>
                  </a:lnTo>
                  <a:lnTo>
                    <a:pt x="625" y="258"/>
                  </a:lnTo>
                  <a:lnTo>
                    <a:pt x="630" y="261"/>
                  </a:lnTo>
                  <a:lnTo>
                    <a:pt x="635" y="263"/>
                  </a:lnTo>
                  <a:lnTo>
                    <a:pt x="647" y="268"/>
                  </a:lnTo>
                  <a:lnTo>
                    <a:pt x="662" y="272"/>
                  </a:lnTo>
                  <a:lnTo>
                    <a:pt x="677" y="275"/>
                  </a:lnTo>
                  <a:lnTo>
                    <a:pt x="695" y="276"/>
                  </a:lnTo>
                  <a:lnTo>
                    <a:pt x="713" y="276"/>
                  </a:lnTo>
                  <a:lnTo>
                    <a:pt x="731" y="275"/>
                  </a:lnTo>
                  <a:lnTo>
                    <a:pt x="750" y="273"/>
                  </a:lnTo>
                  <a:lnTo>
                    <a:pt x="768" y="268"/>
                  </a:lnTo>
                  <a:lnTo>
                    <a:pt x="776" y="265"/>
                  </a:lnTo>
                  <a:lnTo>
                    <a:pt x="785" y="262"/>
                  </a:lnTo>
                  <a:lnTo>
                    <a:pt x="793" y="259"/>
                  </a:lnTo>
                  <a:lnTo>
                    <a:pt x="801" y="255"/>
                  </a:lnTo>
                  <a:lnTo>
                    <a:pt x="808" y="251"/>
                  </a:lnTo>
                  <a:lnTo>
                    <a:pt x="815" y="245"/>
                  </a:lnTo>
                  <a:lnTo>
                    <a:pt x="822" y="240"/>
                  </a:lnTo>
                  <a:lnTo>
                    <a:pt x="827" y="235"/>
                  </a:lnTo>
                  <a:lnTo>
                    <a:pt x="832" y="228"/>
                  </a:lnTo>
                  <a:lnTo>
                    <a:pt x="836" y="221"/>
                  </a:lnTo>
                  <a:lnTo>
                    <a:pt x="841" y="214"/>
                  </a:lnTo>
                  <a:lnTo>
                    <a:pt x="843" y="205"/>
                  </a:lnTo>
                  <a:lnTo>
                    <a:pt x="848" y="205"/>
                  </a:lnTo>
                  <a:lnTo>
                    <a:pt x="853" y="205"/>
                  </a:lnTo>
                  <a:lnTo>
                    <a:pt x="859" y="206"/>
                  </a:lnTo>
                  <a:lnTo>
                    <a:pt x="866" y="208"/>
                  </a:lnTo>
                  <a:lnTo>
                    <a:pt x="879" y="212"/>
                  </a:lnTo>
                  <a:lnTo>
                    <a:pt x="893" y="216"/>
                  </a:lnTo>
                  <a:lnTo>
                    <a:pt x="900" y="217"/>
                  </a:lnTo>
                  <a:lnTo>
                    <a:pt x="906" y="217"/>
                  </a:lnTo>
                  <a:lnTo>
                    <a:pt x="911" y="217"/>
                  </a:lnTo>
                  <a:lnTo>
                    <a:pt x="916" y="215"/>
                  </a:lnTo>
                  <a:lnTo>
                    <a:pt x="921" y="213"/>
                  </a:lnTo>
                  <a:lnTo>
                    <a:pt x="924" y="208"/>
                  </a:lnTo>
                  <a:lnTo>
                    <a:pt x="926" y="203"/>
                  </a:lnTo>
                  <a:lnTo>
                    <a:pt x="927" y="196"/>
                  </a:lnTo>
                  <a:lnTo>
                    <a:pt x="931" y="197"/>
                  </a:lnTo>
                  <a:lnTo>
                    <a:pt x="934" y="198"/>
                  </a:lnTo>
                  <a:lnTo>
                    <a:pt x="936" y="200"/>
                  </a:lnTo>
                  <a:lnTo>
                    <a:pt x="937" y="202"/>
                  </a:lnTo>
                  <a:lnTo>
                    <a:pt x="938" y="207"/>
                  </a:lnTo>
                  <a:lnTo>
                    <a:pt x="937" y="214"/>
                  </a:lnTo>
                  <a:lnTo>
                    <a:pt x="931" y="225"/>
                  </a:lnTo>
                  <a:lnTo>
                    <a:pt x="927" y="234"/>
                  </a:lnTo>
                  <a:lnTo>
                    <a:pt x="936" y="234"/>
                  </a:lnTo>
                  <a:lnTo>
                    <a:pt x="944" y="232"/>
                  </a:lnTo>
                  <a:lnTo>
                    <a:pt x="950" y="228"/>
                  </a:lnTo>
                  <a:lnTo>
                    <a:pt x="955" y="224"/>
                  </a:lnTo>
                  <a:lnTo>
                    <a:pt x="961" y="220"/>
                  </a:lnTo>
                  <a:lnTo>
                    <a:pt x="967" y="217"/>
                  </a:lnTo>
                  <a:lnTo>
                    <a:pt x="974" y="215"/>
                  </a:lnTo>
                  <a:lnTo>
                    <a:pt x="984" y="215"/>
                  </a:lnTo>
                  <a:lnTo>
                    <a:pt x="986" y="221"/>
                  </a:lnTo>
                  <a:lnTo>
                    <a:pt x="988" y="226"/>
                  </a:lnTo>
                  <a:lnTo>
                    <a:pt x="991" y="232"/>
                  </a:lnTo>
                  <a:lnTo>
                    <a:pt x="994" y="236"/>
                  </a:lnTo>
                  <a:lnTo>
                    <a:pt x="997" y="241"/>
                  </a:lnTo>
                  <a:lnTo>
                    <a:pt x="1001" y="247"/>
                  </a:lnTo>
                  <a:lnTo>
                    <a:pt x="1002" y="254"/>
                  </a:lnTo>
                  <a:lnTo>
                    <a:pt x="1002" y="262"/>
                  </a:lnTo>
                  <a:lnTo>
                    <a:pt x="995" y="264"/>
                  </a:lnTo>
                  <a:lnTo>
                    <a:pt x="990" y="267"/>
                  </a:lnTo>
                  <a:lnTo>
                    <a:pt x="985" y="271"/>
                  </a:lnTo>
                  <a:lnTo>
                    <a:pt x="981" y="275"/>
                  </a:lnTo>
                  <a:lnTo>
                    <a:pt x="972" y="284"/>
                  </a:lnTo>
                  <a:lnTo>
                    <a:pt x="964" y="294"/>
                  </a:lnTo>
                  <a:lnTo>
                    <a:pt x="956" y="304"/>
                  </a:lnTo>
                  <a:lnTo>
                    <a:pt x="948" y="313"/>
                  </a:lnTo>
                  <a:lnTo>
                    <a:pt x="944" y="317"/>
                  </a:lnTo>
                  <a:lnTo>
                    <a:pt x="938" y="321"/>
                  </a:lnTo>
                  <a:lnTo>
                    <a:pt x="933" y="324"/>
                  </a:lnTo>
                  <a:lnTo>
                    <a:pt x="927" y="327"/>
                  </a:lnTo>
                  <a:lnTo>
                    <a:pt x="927" y="337"/>
                  </a:lnTo>
                  <a:lnTo>
                    <a:pt x="929" y="345"/>
                  </a:lnTo>
                  <a:lnTo>
                    <a:pt x="931" y="353"/>
                  </a:lnTo>
                  <a:lnTo>
                    <a:pt x="935" y="358"/>
                  </a:lnTo>
                  <a:lnTo>
                    <a:pt x="942" y="363"/>
                  </a:lnTo>
                  <a:lnTo>
                    <a:pt x="948" y="366"/>
                  </a:lnTo>
                  <a:lnTo>
                    <a:pt x="955" y="370"/>
                  </a:lnTo>
                  <a:lnTo>
                    <a:pt x="963" y="371"/>
                  </a:lnTo>
                  <a:lnTo>
                    <a:pt x="980" y="374"/>
                  </a:lnTo>
                  <a:lnTo>
                    <a:pt x="997" y="376"/>
                  </a:lnTo>
                  <a:lnTo>
                    <a:pt x="1007" y="377"/>
                  </a:lnTo>
                  <a:lnTo>
                    <a:pt x="1015" y="379"/>
                  </a:lnTo>
                  <a:lnTo>
                    <a:pt x="1023" y="381"/>
                  </a:lnTo>
                  <a:lnTo>
                    <a:pt x="1030" y="383"/>
                  </a:lnTo>
                  <a:lnTo>
                    <a:pt x="1014" y="388"/>
                  </a:lnTo>
                  <a:lnTo>
                    <a:pt x="1000" y="395"/>
                  </a:lnTo>
                  <a:lnTo>
                    <a:pt x="985" y="401"/>
                  </a:lnTo>
                  <a:lnTo>
                    <a:pt x="971" y="408"/>
                  </a:lnTo>
                  <a:lnTo>
                    <a:pt x="957" y="416"/>
                  </a:lnTo>
                  <a:lnTo>
                    <a:pt x="943" y="422"/>
                  </a:lnTo>
                  <a:lnTo>
                    <a:pt x="934" y="424"/>
                  </a:lnTo>
                  <a:lnTo>
                    <a:pt x="926" y="427"/>
                  </a:lnTo>
                  <a:lnTo>
                    <a:pt x="917" y="428"/>
                  </a:lnTo>
                  <a:lnTo>
                    <a:pt x="908" y="431"/>
                  </a:lnTo>
                  <a:lnTo>
                    <a:pt x="908" y="438"/>
                  </a:lnTo>
                  <a:lnTo>
                    <a:pt x="908" y="444"/>
                  </a:lnTo>
                  <a:lnTo>
                    <a:pt x="910" y="451"/>
                  </a:lnTo>
                  <a:lnTo>
                    <a:pt x="912" y="455"/>
                  </a:lnTo>
                  <a:lnTo>
                    <a:pt x="914" y="459"/>
                  </a:lnTo>
                  <a:lnTo>
                    <a:pt x="918" y="463"/>
                  </a:lnTo>
                  <a:lnTo>
                    <a:pt x="922" y="466"/>
                  </a:lnTo>
                  <a:lnTo>
                    <a:pt x="926" y="469"/>
                  </a:lnTo>
                  <a:lnTo>
                    <a:pt x="934" y="474"/>
                  </a:lnTo>
                  <a:lnTo>
                    <a:pt x="944" y="480"/>
                  </a:lnTo>
                  <a:lnTo>
                    <a:pt x="947" y="483"/>
                  </a:lnTo>
                  <a:lnTo>
                    <a:pt x="950" y="486"/>
                  </a:lnTo>
                  <a:lnTo>
                    <a:pt x="953" y="491"/>
                  </a:lnTo>
                  <a:lnTo>
                    <a:pt x="955" y="496"/>
                  </a:lnTo>
                  <a:lnTo>
                    <a:pt x="925" y="501"/>
                  </a:lnTo>
                  <a:lnTo>
                    <a:pt x="890" y="505"/>
                  </a:lnTo>
                  <a:lnTo>
                    <a:pt x="851" y="511"/>
                  </a:lnTo>
                  <a:lnTo>
                    <a:pt x="811" y="517"/>
                  </a:lnTo>
                  <a:lnTo>
                    <a:pt x="791" y="520"/>
                  </a:lnTo>
                  <a:lnTo>
                    <a:pt x="771" y="525"/>
                  </a:lnTo>
                  <a:lnTo>
                    <a:pt x="751" y="530"/>
                  </a:lnTo>
                  <a:lnTo>
                    <a:pt x="732" y="536"/>
                  </a:lnTo>
                  <a:lnTo>
                    <a:pt x="714" y="543"/>
                  </a:lnTo>
                  <a:lnTo>
                    <a:pt x="696" y="551"/>
                  </a:lnTo>
                  <a:lnTo>
                    <a:pt x="679" y="560"/>
                  </a:lnTo>
                  <a:lnTo>
                    <a:pt x="665" y="571"/>
                  </a:lnTo>
                  <a:lnTo>
                    <a:pt x="631" y="563"/>
                  </a:lnTo>
                  <a:lnTo>
                    <a:pt x="598" y="554"/>
                  </a:lnTo>
                  <a:lnTo>
                    <a:pt x="567" y="542"/>
                  </a:lnTo>
                  <a:lnTo>
                    <a:pt x="536" y="531"/>
                  </a:lnTo>
                  <a:lnTo>
                    <a:pt x="507" y="518"/>
                  </a:lnTo>
                  <a:lnTo>
                    <a:pt x="478" y="504"/>
                  </a:lnTo>
                  <a:lnTo>
                    <a:pt x="450" y="491"/>
                  </a:lnTo>
                  <a:lnTo>
                    <a:pt x="421" y="477"/>
                  </a:lnTo>
                  <a:lnTo>
                    <a:pt x="428" y="470"/>
                  </a:lnTo>
                  <a:lnTo>
                    <a:pt x="433" y="463"/>
                  </a:lnTo>
                  <a:lnTo>
                    <a:pt x="437" y="456"/>
                  </a:lnTo>
                  <a:lnTo>
                    <a:pt x="440" y="450"/>
                  </a:lnTo>
                  <a:lnTo>
                    <a:pt x="443" y="443"/>
                  </a:lnTo>
                  <a:lnTo>
                    <a:pt x="444" y="437"/>
                  </a:lnTo>
                  <a:lnTo>
                    <a:pt x="445" y="431"/>
                  </a:lnTo>
                  <a:lnTo>
                    <a:pt x="445" y="424"/>
                  </a:lnTo>
                  <a:lnTo>
                    <a:pt x="444" y="419"/>
                  </a:lnTo>
                  <a:lnTo>
                    <a:pt x="443" y="413"/>
                  </a:lnTo>
                  <a:lnTo>
                    <a:pt x="440" y="407"/>
                  </a:lnTo>
                  <a:lnTo>
                    <a:pt x="437" y="403"/>
                  </a:lnTo>
                  <a:lnTo>
                    <a:pt x="434" y="398"/>
                  </a:lnTo>
                  <a:lnTo>
                    <a:pt x="431" y="394"/>
                  </a:lnTo>
                  <a:lnTo>
                    <a:pt x="427" y="390"/>
                  </a:lnTo>
                  <a:lnTo>
                    <a:pt x="421" y="385"/>
                  </a:lnTo>
                  <a:lnTo>
                    <a:pt x="411" y="379"/>
                  </a:lnTo>
                  <a:lnTo>
                    <a:pt x="398" y="374"/>
                  </a:lnTo>
                  <a:lnTo>
                    <a:pt x="385" y="371"/>
                  </a:lnTo>
                  <a:lnTo>
                    <a:pt x="370" y="370"/>
                  </a:lnTo>
                  <a:lnTo>
                    <a:pt x="355" y="370"/>
                  </a:lnTo>
                  <a:lnTo>
                    <a:pt x="339" y="372"/>
                  </a:lnTo>
                  <a:lnTo>
                    <a:pt x="332" y="374"/>
                  </a:lnTo>
                  <a:lnTo>
                    <a:pt x="325" y="377"/>
                  </a:lnTo>
                  <a:lnTo>
                    <a:pt x="316" y="380"/>
                  </a:lnTo>
                  <a:lnTo>
                    <a:pt x="309" y="383"/>
                  </a:lnTo>
                  <a:lnTo>
                    <a:pt x="310" y="370"/>
                  </a:lnTo>
                  <a:lnTo>
                    <a:pt x="310" y="362"/>
                  </a:lnTo>
                  <a:lnTo>
                    <a:pt x="310" y="358"/>
                  </a:lnTo>
                  <a:lnTo>
                    <a:pt x="309" y="355"/>
                  </a:lnTo>
                  <a:lnTo>
                    <a:pt x="307" y="351"/>
                  </a:lnTo>
                  <a:lnTo>
                    <a:pt x="305" y="347"/>
                  </a:lnTo>
                  <a:lnTo>
                    <a:pt x="302" y="344"/>
                  </a:lnTo>
                  <a:lnTo>
                    <a:pt x="299" y="342"/>
                  </a:lnTo>
                  <a:lnTo>
                    <a:pt x="294" y="339"/>
                  </a:lnTo>
                  <a:lnTo>
                    <a:pt x="287" y="337"/>
                  </a:lnTo>
                  <a:lnTo>
                    <a:pt x="279" y="337"/>
                  </a:lnTo>
                  <a:lnTo>
                    <a:pt x="271" y="339"/>
                  </a:lnTo>
                  <a:lnTo>
                    <a:pt x="262" y="341"/>
                  </a:lnTo>
                  <a:lnTo>
                    <a:pt x="253" y="344"/>
                  </a:lnTo>
                  <a:lnTo>
                    <a:pt x="233" y="353"/>
                  </a:lnTo>
                  <a:lnTo>
                    <a:pt x="212" y="360"/>
                  </a:lnTo>
                  <a:lnTo>
                    <a:pt x="201" y="362"/>
                  </a:lnTo>
                  <a:lnTo>
                    <a:pt x="190" y="364"/>
                  </a:lnTo>
                  <a:lnTo>
                    <a:pt x="179" y="365"/>
                  </a:lnTo>
                  <a:lnTo>
                    <a:pt x="169" y="364"/>
                  </a:lnTo>
                  <a:lnTo>
                    <a:pt x="173" y="360"/>
                  </a:lnTo>
                  <a:lnTo>
                    <a:pt x="177" y="356"/>
                  </a:lnTo>
                  <a:lnTo>
                    <a:pt x="180" y="351"/>
                  </a:lnTo>
                  <a:lnTo>
                    <a:pt x="183" y="345"/>
                  </a:lnTo>
                  <a:lnTo>
                    <a:pt x="189" y="332"/>
                  </a:lnTo>
                  <a:lnTo>
                    <a:pt x="192" y="318"/>
                  </a:lnTo>
                  <a:lnTo>
                    <a:pt x="193" y="303"/>
                  </a:lnTo>
                  <a:lnTo>
                    <a:pt x="193" y="287"/>
                  </a:lnTo>
                  <a:lnTo>
                    <a:pt x="191" y="272"/>
                  </a:lnTo>
                  <a:lnTo>
                    <a:pt x="188" y="256"/>
                  </a:lnTo>
                  <a:lnTo>
                    <a:pt x="182" y="240"/>
                  </a:lnTo>
                  <a:lnTo>
                    <a:pt x="176" y="226"/>
                  </a:lnTo>
                  <a:lnTo>
                    <a:pt x="172" y="220"/>
                  </a:lnTo>
                  <a:lnTo>
                    <a:pt x="168" y="214"/>
                  </a:lnTo>
                  <a:lnTo>
                    <a:pt x="162" y="208"/>
                  </a:lnTo>
                  <a:lnTo>
                    <a:pt x="157" y="203"/>
                  </a:lnTo>
                  <a:lnTo>
                    <a:pt x="152" y="199"/>
                  </a:lnTo>
                  <a:lnTo>
                    <a:pt x="147" y="195"/>
                  </a:lnTo>
                  <a:lnTo>
                    <a:pt x="140" y="192"/>
                  </a:lnTo>
                  <a:lnTo>
                    <a:pt x="133" y="188"/>
                  </a:lnTo>
                  <a:lnTo>
                    <a:pt x="127" y="187"/>
                  </a:lnTo>
                  <a:lnTo>
                    <a:pt x="119" y="186"/>
                  </a:lnTo>
                  <a:lnTo>
                    <a:pt x="111" y="186"/>
                  </a:lnTo>
                  <a:lnTo>
                    <a:pt x="103" y="186"/>
                  </a:lnTo>
                  <a:lnTo>
                    <a:pt x="104" y="174"/>
                  </a:lnTo>
                  <a:lnTo>
                    <a:pt x="103" y="161"/>
                  </a:lnTo>
                  <a:lnTo>
                    <a:pt x="101" y="148"/>
                  </a:lnTo>
                  <a:lnTo>
                    <a:pt x="98" y="137"/>
                  </a:lnTo>
                  <a:lnTo>
                    <a:pt x="94" y="126"/>
                  </a:lnTo>
                  <a:lnTo>
                    <a:pt x="88" y="115"/>
                  </a:lnTo>
                  <a:lnTo>
                    <a:pt x="80" y="104"/>
                  </a:lnTo>
                  <a:lnTo>
                    <a:pt x="73" y="94"/>
                  </a:lnTo>
                  <a:lnTo>
                    <a:pt x="56" y="74"/>
                  </a:lnTo>
                  <a:lnTo>
                    <a:pt x="37" y="53"/>
                  </a:lnTo>
                  <a:lnTo>
                    <a:pt x="18" y="32"/>
                  </a:lnTo>
                  <a:lnTo>
                    <a:pt x="0" y="8"/>
                  </a:lnTo>
                  <a:lnTo>
                    <a:pt x="20" y="14"/>
                  </a:lnTo>
                  <a:lnTo>
                    <a:pt x="41" y="19"/>
                  </a:lnTo>
                  <a:lnTo>
                    <a:pt x="63" y="22"/>
                  </a:lnTo>
                  <a:lnTo>
                    <a:pt x="86" y="25"/>
                  </a:lnTo>
                  <a:lnTo>
                    <a:pt x="110" y="27"/>
                  </a:lnTo>
                  <a:lnTo>
                    <a:pt x="134" y="28"/>
                  </a:lnTo>
                  <a:lnTo>
                    <a:pt x="158" y="29"/>
                  </a:lnTo>
                  <a:lnTo>
                    <a:pt x="183" y="29"/>
                  </a:lnTo>
                  <a:lnTo>
                    <a:pt x="209" y="28"/>
                  </a:lnTo>
                  <a:lnTo>
                    <a:pt x="234" y="26"/>
                  </a:lnTo>
                  <a:lnTo>
                    <a:pt x="258" y="24"/>
                  </a:lnTo>
                  <a:lnTo>
                    <a:pt x="282" y="20"/>
                  </a:lnTo>
                  <a:lnTo>
                    <a:pt x="307" y="17"/>
                  </a:lnTo>
                  <a:lnTo>
                    <a:pt x="330" y="12"/>
                  </a:lnTo>
                  <a:lnTo>
                    <a:pt x="353" y="6"/>
                  </a:lnTo>
                  <a:lnTo>
                    <a:pt x="375" y="0"/>
                  </a:lnTo>
                  <a:lnTo>
                    <a:pt x="392" y="9"/>
                  </a:lnTo>
                  <a:lnTo>
                    <a:pt x="410" y="21"/>
                  </a:lnTo>
                  <a:lnTo>
                    <a:pt x="418" y="26"/>
                  </a:lnTo>
                  <a:lnTo>
                    <a:pt x="428" y="30"/>
                  </a:lnTo>
                  <a:lnTo>
                    <a:pt x="438" y="35"/>
                  </a:lnTo>
                  <a:lnTo>
                    <a:pt x="450" y="37"/>
                  </a:lnTo>
                  <a:lnTo>
                    <a:pt x="447" y="59"/>
                  </a:lnTo>
                  <a:lnTo>
                    <a:pt x="441" y="81"/>
                  </a:lnTo>
                  <a:lnTo>
                    <a:pt x="440" y="92"/>
                  </a:lnTo>
                  <a:lnTo>
                    <a:pt x="439" y="103"/>
                  </a:lnTo>
                  <a:lnTo>
                    <a:pt x="439" y="117"/>
                  </a:lnTo>
                  <a:lnTo>
                    <a:pt x="440" y="130"/>
                  </a:lnTo>
                  <a:lnTo>
                    <a:pt x="451" y="132"/>
                  </a:lnTo>
                  <a:lnTo>
                    <a:pt x="460" y="132"/>
                  </a:lnTo>
                  <a:lnTo>
                    <a:pt x="469" y="130"/>
                  </a:lnTo>
                  <a:lnTo>
                    <a:pt x="476" y="129"/>
                  </a:lnTo>
                  <a:lnTo>
                    <a:pt x="491" y="124"/>
                  </a:lnTo>
                  <a:lnTo>
                    <a:pt x="506" y="121"/>
                  </a:lnTo>
                  <a:lnTo>
                    <a:pt x="510" y="133"/>
                  </a:lnTo>
                  <a:lnTo>
                    <a:pt x="513" y="145"/>
                  </a:lnTo>
                  <a:lnTo>
                    <a:pt x="518" y="156"/>
                  </a:lnTo>
                  <a:lnTo>
                    <a:pt x="524" y="167"/>
                  </a:lnTo>
                  <a:lnTo>
                    <a:pt x="529" y="178"/>
                  </a:lnTo>
                  <a:lnTo>
                    <a:pt x="535" y="187"/>
                  </a:lnTo>
                  <a:lnTo>
                    <a:pt x="541" y="197"/>
                  </a:lnTo>
                  <a:lnTo>
                    <a:pt x="548" y="206"/>
                  </a:lnTo>
                  <a:lnTo>
                    <a:pt x="555" y="214"/>
                  </a:lnTo>
                  <a:lnTo>
                    <a:pt x="564" y="221"/>
                  </a:lnTo>
                  <a:lnTo>
                    <a:pt x="571" y="227"/>
                  </a:lnTo>
                  <a:lnTo>
                    <a:pt x="579" y="233"/>
                  </a:lnTo>
                  <a:lnTo>
                    <a:pt x="589" y="237"/>
                  </a:lnTo>
                  <a:lnTo>
                    <a:pt x="598" y="240"/>
                  </a:lnTo>
                  <a:lnTo>
                    <a:pt x="608" y="242"/>
                  </a:lnTo>
                  <a:lnTo>
                    <a:pt x="618" y="243"/>
                  </a:lnTo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61" name="Odder"/>
            <p:cNvSpPr>
              <a:spLocks/>
            </p:cNvSpPr>
            <p:nvPr/>
          </p:nvSpPr>
          <p:spPr bwMode="auto">
            <a:xfrm>
              <a:off x="2043115" y="4470407"/>
              <a:ext cx="188913" cy="223838"/>
            </a:xfrm>
            <a:custGeom>
              <a:avLst/>
              <a:gdLst>
                <a:gd name="T0" fmla="*/ 117 w 356"/>
                <a:gd name="T1" fmla="*/ 4 h 424"/>
                <a:gd name="T2" fmla="*/ 115 w 356"/>
                <a:gd name="T3" fmla="*/ 14 h 424"/>
                <a:gd name="T4" fmla="*/ 115 w 356"/>
                <a:gd name="T5" fmla="*/ 54 h 424"/>
                <a:gd name="T6" fmla="*/ 113 w 356"/>
                <a:gd name="T7" fmla="*/ 76 h 424"/>
                <a:gd name="T8" fmla="*/ 108 w 356"/>
                <a:gd name="T9" fmla="*/ 87 h 424"/>
                <a:gd name="T10" fmla="*/ 101 w 356"/>
                <a:gd name="T11" fmla="*/ 97 h 424"/>
                <a:gd name="T12" fmla="*/ 90 w 356"/>
                <a:gd name="T13" fmla="*/ 104 h 424"/>
                <a:gd name="T14" fmla="*/ 83 w 356"/>
                <a:gd name="T15" fmla="*/ 111 h 424"/>
                <a:gd name="T16" fmla="*/ 86 w 356"/>
                <a:gd name="T17" fmla="*/ 123 h 424"/>
                <a:gd name="T18" fmla="*/ 86 w 356"/>
                <a:gd name="T19" fmla="*/ 136 h 424"/>
                <a:gd name="T20" fmla="*/ 74 w 356"/>
                <a:gd name="T21" fmla="*/ 139 h 424"/>
                <a:gd name="T22" fmla="*/ 67 w 356"/>
                <a:gd name="T23" fmla="*/ 135 h 424"/>
                <a:gd name="T24" fmla="*/ 62 w 356"/>
                <a:gd name="T25" fmla="*/ 130 h 424"/>
                <a:gd name="T26" fmla="*/ 60 w 356"/>
                <a:gd name="T27" fmla="*/ 123 h 424"/>
                <a:gd name="T28" fmla="*/ 60 w 356"/>
                <a:gd name="T29" fmla="*/ 113 h 424"/>
                <a:gd name="T30" fmla="*/ 54 w 356"/>
                <a:gd name="T31" fmla="*/ 113 h 424"/>
                <a:gd name="T32" fmla="*/ 50 w 356"/>
                <a:gd name="T33" fmla="*/ 114 h 424"/>
                <a:gd name="T34" fmla="*/ 48 w 356"/>
                <a:gd name="T35" fmla="*/ 119 h 424"/>
                <a:gd name="T36" fmla="*/ 47 w 356"/>
                <a:gd name="T37" fmla="*/ 128 h 424"/>
                <a:gd name="T38" fmla="*/ 44 w 356"/>
                <a:gd name="T39" fmla="*/ 126 h 424"/>
                <a:gd name="T40" fmla="*/ 43 w 356"/>
                <a:gd name="T41" fmla="*/ 119 h 424"/>
                <a:gd name="T42" fmla="*/ 43 w 356"/>
                <a:gd name="T43" fmla="*/ 112 h 424"/>
                <a:gd name="T44" fmla="*/ 41 w 356"/>
                <a:gd name="T45" fmla="*/ 110 h 424"/>
                <a:gd name="T46" fmla="*/ 31 w 356"/>
                <a:gd name="T47" fmla="*/ 110 h 424"/>
                <a:gd name="T48" fmla="*/ 22 w 356"/>
                <a:gd name="T49" fmla="*/ 110 h 424"/>
                <a:gd name="T50" fmla="*/ 19 w 356"/>
                <a:gd name="T51" fmla="*/ 112 h 424"/>
                <a:gd name="T52" fmla="*/ 13 w 356"/>
                <a:gd name="T53" fmla="*/ 109 h 424"/>
                <a:gd name="T54" fmla="*/ 6 w 356"/>
                <a:gd name="T55" fmla="*/ 99 h 424"/>
                <a:gd name="T56" fmla="*/ 2 w 356"/>
                <a:gd name="T57" fmla="*/ 88 h 424"/>
                <a:gd name="T58" fmla="*/ 2 w 356"/>
                <a:gd name="T59" fmla="*/ 76 h 424"/>
                <a:gd name="T60" fmla="*/ 7 w 356"/>
                <a:gd name="T61" fmla="*/ 66 h 424"/>
                <a:gd name="T62" fmla="*/ 11 w 356"/>
                <a:gd name="T63" fmla="*/ 57 h 424"/>
                <a:gd name="T64" fmla="*/ 6 w 356"/>
                <a:gd name="T65" fmla="*/ 48 h 424"/>
                <a:gd name="T66" fmla="*/ 1 w 356"/>
                <a:gd name="T67" fmla="*/ 39 h 424"/>
                <a:gd name="T68" fmla="*/ 2 w 356"/>
                <a:gd name="T69" fmla="*/ 32 h 424"/>
                <a:gd name="T70" fmla="*/ 10 w 356"/>
                <a:gd name="T71" fmla="*/ 27 h 424"/>
                <a:gd name="T72" fmla="*/ 24 w 356"/>
                <a:gd name="T73" fmla="*/ 23 h 424"/>
                <a:gd name="T74" fmla="*/ 40 w 356"/>
                <a:gd name="T75" fmla="*/ 21 h 424"/>
                <a:gd name="T76" fmla="*/ 55 w 356"/>
                <a:gd name="T77" fmla="*/ 18 h 424"/>
                <a:gd name="T78" fmla="*/ 62 w 356"/>
                <a:gd name="T79" fmla="*/ 15 h 424"/>
                <a:gd name="T80" fmla="*/ 67 w 356"/>
                <a:gd name="T81" fmla="*/ 11 h 424"/>
                <a:gd name="T82" fmla="*/ 72 w 356"/>
                <a:gd name="T83" fmla="*/ 6 h 424"/>
                <a:gd name="T84" fmla="*/ 78 w 356"/>
                <a:gd name="T85" fmla="*/ 7 h 424"/>
                <a:gd name="T86" fmla="*/ 82 w 356"/>
                <a:gd name="T87" fmla="*/ 9 h 424"/>
                <a:gd name="T88" fmla="*/ 87 w 356"/>
                <a:gd name="T89" fmla="*/ 15 h 424"/>
                <a:gd name="T90" fmla="*/ 92 w 356"/>
                <a:gd name="T91" fmla="*/ 17 h 424"/>
                <a:gd name="T92" fmla="*/ 100 w 356"/>
                <a:gd name="T93" fmla="*/ 11 h 424"/>
                <a:gd name="T94" fmla="*/ 109 w 356"/>
                <a:gd name="T95" fmla="*/ 2 h 424"/>
                <a:gd name="T96" fmla="*/ 115 w 356"/>
                <a:gd name="T97" fmla="*/ 0 h 424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356" h="424">
                  <a:moveTo>
                    <a:pt x="356" y="2"/>
                  </a:moveTo>
                  <a:lnTo>
                    <a:pt x="353" y="6"/>
                  </a:lnTo>
                  <a:lnTo>
                    <a:pt x="350" y="12"/>
                  </a:lnTo>
                  <a:lnTo>
                    <a:pt x="348" y="17"/>
                  </a:lnTo>
                  <a:lnTo>
                    <a:pt x="347" y="24"/>
                  </a:lnTo>
                  <a:lnTo>
                    <a:pt x="345" y="42"/>
                  </a:lnTo>
                  <a:lnTo>
                    <a:pt x="345" y="62"/>
                  </a:lnTo>
                  <a:lnTo>
                    <a:pt x="346" y="110"/>
                  </a:lnTo>
                  <a:lnTo>
                    <a:pt x="345" y="163"/>
                  </a:lnTo>
                  <a:lnTo>
                    <a:pt x="343" y="190"/>
                  </a:lnTo>
                  <a:lnTo>
                    <a:pt x="340" y="216"/>
                  </a:lnTo>
                  <a:lnTo>
                    <a:pt x="337" y="229"/>
                  </a:lnTo>
                  <a:lnTo>
                    <a:pt x="333" y="241"/>
                  </a:lnTo>
                  <a:lnTo>
                    <a:pt x="328" y="253"/>
                  </a:lnTo>
                  <a:lnTo>
                    <a:pt x="323" y="263"/>
                  </a:lnTo>
                  <a:lnTo>
                    <a:pt x="317" y="274"/>
                  </a:lnTo>
                  <a:lnTo>
                    <a:pt x="309" y="283"/>
                  </a:lnTo>
                  <a:lnTo>
                    <a:pt x="302" y="293"/>
                  </a:lnTo>
                  <a:lnTo>
                    <a:pt x="293" y="300"/>
                  </a:lnTo>
                  <a:lnTo>
                    <a:pt x="282" y="308"/>
                  </a:lnTo>
                  <a:lnTo>
                    <a:pt x="270" y="313"/>
                  </a:lnTo>
                  <a:lnTo>
                    <a:pt x="258" y="318"/>
                  </a:lnTo>
                  <a:lnTo>
                    <a:pt x="243" y="321"/>
                  </a:lnTo>
                  <a:lnTo>
                    <a:pt x="249" y="334"/>
                  </a:lnTo>
                  <a:lnTo>
                    <a:pt x="254" y="346"/>
                  </a:lnTo>
                  <a:lnTo>
                    <a:pt x="256" y="358"/>
                  </a:lnTo>
                  <a:lnTo>
                    <a:pt x="258" y="369"/>
                  </a:lnTo>
                  <a:lnTo>
                    <a:pt x="258" y="380"/>
                  </a:lnTo>
                  <a:lnTo>
                    <a:pt x="258" y="393"/>
                  </a:lnTo>
                  <a:lnTo>
                    <a:pt x="256" y="408"/>
                  </a:lnTo>
                  <a:lnTo>
                    <a:pt x="253" y="424"/>
                  </a:lnTo>
                  <a:lnTo>
                    <a:pt x="236" y="421"/>
                  </a:lnTo>
                  <a:lnTo>
                    <a:pt x="220" y="417"/>
                  </a:lnTo>
                  <a:lnTo>
                    <a:pt x="213" y="414"/>
                  </a:lnTo>
                  <a:lnTo>
                    <a:pt x="206" y="411"/>
                  </a:lnTo>
                  <a:lnTo>
                    <a:pt x="200" y="406"/>
                  </a:lnTo>
                  <a:lnTo>
                    <a:pt x="195" y="402"/>
                  </a:lnTo>
                  <a:lnTo>
                    <a:pt x="190" y="397"/>
                  </a:lnTo>
                  <a:lnTo>
                    <a:pt x="186" y="391"/>
                  </a:lnTo>
                  <a:lnTo>
                    <a:pt x="183" y="384"/>
                  </a:lnTo>
                  <a:lnTo>
                    <a:pt x="180" y="377"/>
                  </a:lnTo>
                  <a:lnTo>
                    <a:pt x="178" y="369"/>
                  </a:lnTo>
                  <a:lnTo>
                    <a:pt x="177" y="360"/>
                  </a:lnTo>
                  <a:lnTo>
                    <a:pt x="177" y="351"/>
                  </a:lnTo>
                  <a:lnTo>
                    <a:pt x="178" y="340"/>
                  </a:lnTo>
                  <a:lnTo>
                    <a:pt x="171" y="339"/>
                  </a:lnTo>
                  <a:lnTo>
                    <a:pt x="166" y="339"/>
                  </a:lnTo>
                  <a:lnTo>
                    <a:pt x="162" y="339"/>
                  </a:lnTo>
                  <a:lnTo>
                    <a:pt x="158" y="340"/>
                  </a:lnTo>
                  <a:lnTo>
                    <a:pt x="155" y="342"/>
                  </a:lnTo>
                  <a:lnTo>
                    <a:pt x="151" y="344"/>
                  </a:lnTo>
                  <a:lnTo>
                    <a:pt x="148" y="348"/>
                  </a:lnTo>
                  <a:lnTo>
                    <a:pt x="146" y="351"/>
                  </a:lnTo>
                  <a:lnTo>
                    <a:pt x="143" y="358"/>
                  </a:lnTo>
                  <a:lnTo>
                    <a:pt x="142" y="366"/>
                  </a:lnTo>
                  <a:lnTo>
                    <a:pt x="141" y="376"/>
                  </a:lnTo>
                  <a:lnTo>
                    <a:pt x="140" y="386"/>
                  </a:lnTo>
                  <a:lnTo>
                    <a:pt x="137" y="385"/>
                  </a:lnTo>
                  <a:lnTo>
                    <a:pt x="135" y="383"/>
                  </a:lnTo>
                  <a:lnTo>
                    <a:pt x="133" y="380"/>
                  </a:lnTo>
                  <a:lnTo>
                    <a:pt x="131" y="377"/>
                  </a:lnTo>
                  <a:lnTo>
                    <a:pt x="130" y="369"/>
                  </a:lnTo>
                  <a:lnTo>
                    <a:pt x="130" y="359"/>
                  </a:lnTo>
                  <a:lnTo>
                    <a:pt x="130" y="350"/>
                  </a:lnTo>
                  <a:lnTo>
                    <a:pt x="129" y="341"/>
                  </a:lnTo>
                  <a:lnTo>
                    <a:pt x="128" y="338"/>
                  </a:lnTo>
                  <a:lnTo>
                    <a:pt x="127" y="335"/>
                  </a:lnTo>
                  <a:lnTo>
                    <a:pt x="124" y="332"/>
                  </a:lnTo>
                  <a:lnTo>
                    <a:pt x="122" y="331"/>
                  </a:lnTo>
                  <a:lnTo>
                    <a:pt x="114" y="332"/>
                  </a:lnTo>
                  <a:lnTo>
                    <a:pt x="104" y="331"/>
                  </a:lnTo>
                  <a:lnTo>
                    <a:pt x="94" y="331"/>
                  </a:lnTo>
                  <a:lnTo>
                    <a:pt x="83" y="330"/>
                  </a:lnTo>
                  <a:lnTo>
                    <a:pt x="74" y="329"/>
                  </a:lnTo>
                  <a:lnTo>
                    <a:pt x="65" y="331"/>
                  </a:lnTo>
                  <a:lnTo>
                    <a:pt x="62" y="332"/>
                  </a:lnTo>
                  <a:lnTo>
                    <a:pt x="59" y="334"/>
                  </a:lnTo>
                  <a:lnTo>
                    <a:pt x="58" y="336"/>
                  </a:lnTo>
                  <a:lnTo>
                    <a:pt x="56" y="340"/>
                  </a:lnTo>
                  <a:lnTo>
                    <a:pt x="46" y="334"/>
                  </a:lnTo>
                  <a:lnTo>
                    <a:pt x="38" y="328"/>
                  </a:lnTo>
                  <a:lnTo>
                    <a:pt x="29" y="319"/>
                  </a:lnTo>
                  <a:lnTo>
                    <a:pt x="23" y="310"/>
                  </a:lnTo>
                  <a:lnTo>
                    <a:pt x="17" y="299"/>
                  </a:lnTo>
                  <a:lnTo>
                    <a:pt x="11" y="289"/>
                  </a:lnTo>
                  <a:lnTo>
                    <a:pt x="8" y="277"/>
                  </a:lnTo>
                  <a:lnTo>
                    <a:pt x="5" y="265"/>
                  </a:lnTo>
                  <a:lnTo>
                    <a:pt x="4" y="253"/>
                  </a:lnTo>
                  <a:lnTo>
                    <a:pt x="5" y="241"/>
                  </a:lnTo>
                  <a:lnTo>
                    <a:pt x="6" y="230"/>
                  </a:lnTo>
                  <a:lnTo>
                    <a:pt x="9" y="218"/>
                  </a:lnTo>
                  <a:lnTo>
                    <a:pt x="14" y="207"/>
                  </a:lnTo>
                  <a:lnTo>
                    <a:pt x="20" y="197"/>
                  </a:lnTo>
                  <a:lnTo>
                    <a:pt x="28" y="189"/>
                  </a:lnTo>
                  <a:lnTo>
                    <a:pt x="38" y="180"/>
                  </a:lnTo>
                  <a:lnTo>
                    <a:pt x="34" y="171"/>
                  </a:lnTo>
                  <a:lnTo>
                    <a:pt x="29" y="161"/>
                  </a:lnTo>
                  <a:lnTo>
                    <a:pt x="23" y="153"/>
                  </a:lnTo>
                  <a:lnTo>
                    <a:pt x="18" y="144"/>
                  </a:lnTo>
                  <a:lnTo>
                    <a:pt x="12" y="135"/>
                  </a:lnTo>
                  <a:lnTo>
                    <a:pt x="7" y="126"/>
                  </a:lnTo>
                  <a:lnTo>
                    <a:pt x="3" y="117"/>
                  </a:lnTo>
                  <a:lnTo>
                    <a:pt x="0" y="105"/>
                  </a:lnTo>
                  <a:lnTo>
                    <a:pt x="3" y="100"/>
                  </a:lnTo>
                  <a:lnTo>
                    <a:pt x="7" y="95"/>
                  </a:lnTo>
                  <a:lnTo>
                    <a:pt x="12" y="91"/>
                  </a:lnTo>
                  <a:lnTo>
                    <a:pt x="18" y="86"/>
                  </a:lnTo>
                  <a:lnTo>
                    <a:pt x="29" y="80"/>
                  </a:lnTo>
                  <a:lnTo>
                    <a:pt x="42" y="76"/>
                  </a:lnTo>
                  <a:lnTo>
                    <a:pt x="57" y="72"/>
                  </a:lnTo>
                  <a:lnTo>
                    <a:pt x="72" y="68"/>
                  </a:lnTo>
                  <a:lnTo>
                    <a:pt x="88" y="66"/>
                  </a:lnTo>
                  <a:lnTo>
                    <a:pt x="104" y="64"/>
                  </a:lnTo>
                  <a:lnTo>
                    <a:pt x="120" y="63"/>
                  </a:lnTo>
                  <a:lnTo>
                    <a:pt x="136" y="60"/>
                  </a:lnTo>
                  <a:lnTo>
                    <a:pt x="151" y="57"/>
                  </a:lnTo>
                  <a:lnTo>
                    <a:pt x="165" y="54"/>
                  </a:lnTo>
                  <a:lnTo>
                    <a:pt x="171" y="51"/>
                  </a:lnTo>
                  <a:lnTo>
                    <a:pt x="178" y="48"/>
                  </a:lnTo>
                  <a:lnTo>
                    <a:pt x="184" y="45"/>
                  </a:lnTo>
                  <a:lnTo>
                    <a:pt x="189" y="41"/>
                  </a:lnTo>
                  <a:lnTo>
                    <a:pt x="195" y="37"/>
                  </a:lnTo>
                  <a:lnTo>
                    <a:pt x="199" y="33"/>
                  </a:lnTo>
                  <a:lnTo>
                    <a:pt x="203" y="27"/>
                  </a:lnTo>
                  <a:lnTo>
                    <a:pt x="206" y="21"/>
                  </a:lnTo>
                  <a:lnTo>
                    <a:pt x="215" y="19"/>
                  </a:lnTo>
                  <a:lnTo>
                    <a:pt x="222" y="18"/>
                  </a:lnTo>
                  <a:lnTo>
                    <a:pt x="228" y="19"/>
                  </a:lnTo>
                  <a:lnTo>
                    <a:pt x="233" y="20"/>
                  </a:lnTo>
                  <a:lnTo>
                    <a:pt x="237" y="22"/>
                  </a:lnTo>
                  <a:lnTo>
                    <a:pt x="241" y="25"/>
                  </a:lnTo>
                  <a:lnTo>
                    <a:pt x="244" y="28"/>
                  </a:lnTo>
                  <a:lnTo>
                    <a:pt x="246" y="33"/>
                  </a:lnTo>
                  <a:lnTo>
                    <a:pt x="252" y="40"/>
                  </a:lnTo>
                  <a:lnTo>
                    <a:pt x="259" y="46"/>
                  </a:lnTo>
                  <a:lnTo>
                    <a:pt x="262" y="48"/>
                  </a:lnTo>
                  <a:lnTo>
                    <a:pt x="267" y="50"/>
                  </a:lnTo>
                  <a:lnTo>
                    <a:pt x="274" y="51"/>
                  </a:lnTo>
                  <a:lnTo>
                    <a:pt x="281" y="50"/>
                  </a:lnTo>
                  <a:lnTo>
                    <a:pt x="290" y="42"/>
                  </a:lnTo>
                  <a:lnTo>
                    <a:pt x="300" y="34"/>
                  </a:lnTo>
                  <a:lnTo>
                    <a:pt x="309" y="24"/>
                  </a:lnTo>
                  <a:lnTo>
                    <a:pt x="318" y="15"/>
                  </a:lnTo>
                  <a:lnTo>
                    <a:pt x="326" y="7"/>
                  </a:lnTo>
                  <a:lnTo>
                    <a:pt x="336" y="2"/>
                  </a:lnTo>
                  <a:lnTo>
                    <a:pt x="340" y="1"/>
                  </a:lnTo>
                  <a:lnTo>
                    <a:pt x="345" y="0"/>
                  </a:lnTo>
                  <a:lnTo>
                    <a:pt x="350" y="1"/>
                  </a:lnTo>
                  <a:lnTo>
                    <a:pt x="356" y="2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262" name="Odder kant"/>
            <p:cNvSpPr>
              <a:spLocks/>
            </p:cNvSpPr>
            <p:nvPr/>
          </p:nvSpPr>
          <p:spPr bwMode="auto">
            <a:xfrm>
              <a:off x="2043115" y="4470407"/>
              <a:ext cx="188913" cy="223838"/>
            </a:xfrm>
            <a:custGeom>
              <a:avLst/>
              <a:gdLst>
                <a:gd name="T0" fmla="*/ 117 w 356"/>
                <a:gd name="T1" fmla="*/ 4 h 424"/>
                <a:gd name="T2" fmla="*/ 115 w 356"/>
                <a:gd name="T3" fmla="*/ 14 h 424"/>
                <a:gd name="T4" fmla="*/ 115 w 356"/>
                <a:gd name="T5" fmla="*/ 54 h 424"/>
                <a:gd name="T6" fmla="*/ 113 w 356"/>
                <a:gd name="T7" fmla="*/ 76 h 424"/>
                <a:gd name="T8" fmla="*/ 108 w 356"/>
                <a:gd name="T9" fmla="*/ 87 h 424"/>
                <a:gd name="T10" fmla="*/ 101 w 356"/>
                <a:gd name="T11" fmla="*/ 97 h 424"/>
                <a:gd name="T12" fmla="*/ 90 w 356"/>
                <a:gd name="T13" fmla="*/ 104 h 424"/>
                <a:gd name="T14" fmla="*/ 83 w 356"/>
                <a:gd name="T15" fmla="*/ 111 h 424"/>
                <a:gd name="T16" fmla="*/ 86 w 356"/>
                <a:gd name="T17" fmla="*/ 123 h 424"/>
                <a:gd name="T18" fmla="*/ 86 w 356"/>
                <a:gd name="T19" fmla="*/ 136 h 424"/>
                <a:gd name="T20" fmla="*/ 74 w 356"/>
                <a:gd name="T21" fmla="*/ 139 h 424"/>
                <a:gd name="T22" fmla="*/ 67 w 356"/>
                <a:gd name="T23" fmla="*/ 135 h 424"/>
                <a:gd name="T24" fmla="*/ 62 w 356"/>
                <a:gd name="T25" fmla="*/ 130 h 424"/>
                <a:gd name="T26" fmla="*/ 60 w 356"/>
                <a:gd name="T27" fmla="*/ 123 h 424"/>
                <a:gd name="T28" fmla="*/ 60 w 356"/>
                <a:gd name="T29" fmla="*/ 113 h 424"/>
                <a:gd name="T30" fmla="*/ 54 w 356"/>
                <a:gd name="T31" fmla="*/ 113 h 424"/>
                <a:gd name="T32" fmla="*/ 50 w 356"/>
                <a:gd name="T33" fmla="*/ 114 h 424"/>
                <a:gd name="T34" fmla="*/ 48 w 356"/>
                <a:gd name="T35" fmla="*/ 119 h 424"/>
                <a:gd name="T36" fmla="*/ 47 w 356"/>
                <a:gd name="T37" fmla="*/ 128 h 424"/>
                <a:gd name="T38" fmla="*/ 44 w 356"/>
                <a:gd name="T39" fmla="*/ 126 h 424"/>
                <a:gd name="T40" fmla="*/ 43 w 356"/>
                <a:gd name="T41" fmla="*/ 119 h 424"/>
                <a:gd name="T42" fmla="*/ 43 w 356"/>
                <a:gd name="T43" fmla="*/ 112 h 424"/>
                <a:gd name="T44" fmla="*/ 41 w 356"/>
                <a:gd name="T45" fmla="*/ 110 h 424"/>
                <a:gd name="T46" fmla="*/ 31 w 356"/>
                <a:gd name="T47" fmla="*/ 110 h 424"/>
                <a:gd name="T48" fmla="*/ 22 w 356"/>
                <a:gd name="T49" fmla="*/ 110 h 424"/>
                <a:gd name="T50" fmla="*/ 19 w 356"/>
                <a:gd name="T51" fmla="*/ 112 h 424"/>
                <a:gd name="T52" fmla="*/ 13 w 356"/>
                <a:gd name="T53" fmla="*/ 109 h 424"/>
                <a:gd name="T54" fmla="*/ 6 w 356"/>
                <a:gd name="T55" fmla="*/ 99 h 424"/>
                <a:gd name="T56" fmla="*/ 2 w 356"/>
                <a:gd name="T57" fmla="*/ 88 h 424"/>
                <a:gd name="T58" fmla="*/ 2 w 356"/>
                <a:gd name="T59" fmla="*/ 76 h 424"/>
                <a:gd name="T60" fmla="*/ 7 w 356"/>
                <a:gd name="T61" fmla="*/ 66 h 424"/>
                <a:gd name="T62" fmla="*/ 11 w 356"/>
                <a:gd name="T63" fmla="*/ 57 h 424"/>
                <a:gd name="T64" fmla="*/ 6 w 356"/>
                <a:gd name="T65" fmla="*/ 48 h 424"/>
                <a:gd name="T66" fmla="*/ 1 w 356"/>
                <a:gd name="T67" fmla="*/ 39 h 424"/>
                <a:gd name="T68" fmla="*/ 2 w 356"/>
                <a:gd name="T69" fmla="*/ 32 h 424"/>
                <a:gd name="T70" fmla="*/ 10 w 356"/>
                <a:gd name="T71" fmla="*/ 27 h 424"/>
                <a:gd name="T72" fmla="*/ 24 w 356"/>
                <a:gd name="T73" fmla="*/ 23 h 424"/>
                <a:gd name="T74" fmla="*/ 40 w 356"/>
                <a:gd name="T75" fmla="*/ 21 h 424"/>
                <a:gd name="T76" fmla="*/ 55 w 356"/>
                <a:gd name="T77" fmla="*/ 18 h 424"/>
                <a:gd name="T78" fmla="*/ 62 w 356"/>
                <a:gd name="T79" fmla="*/ 15 h 424"/>
                <a:gd name="T80" fmla="*/ 67 w 356"/>
                <a:gd name="T81" fmla="*/ 11 h 424"/>
                <a:gd name="T82" fmla="*/ 72 w 356"/>
                <a:gd name="T83" fmla="*/ 6 h 424"/>
                <a:gd name="T84" fmla="*/ 78 w 356"/>
                <a:gd name="T85" fmla="*/ 7 h 424"/>
                <a:gd name="T86" fmla="*/ 82 w 356"/>
                <a:gd name="T87" fmla="*/ 9 h 424"/>
                <a:gd name="T88" fmla="*/ 87 w 356"/>
                <a:gd name="T89" fmla="*/ 15 h 424"/>
                <a:gd name="T90" fmla="*/ 92 w 356"/>
                <a:gd name="T91" fmla="*/ 17 h 424"/>
                <a:gd name="T92" fmla="*/ 100 w 356"/>
                <a:gd name="T93" fmla="*/ 11 h 424"/>
                <a:gd name="T94" fmla="*/ 109 w 356"/>
                <a:gd name="T95" fmla="*/ 2 h 424"/>
                <a:gd name="T96" fmla="*/ 115 w 356"/>
                <a:gd name="T97" fmla="*/ 0 h 424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356" h="424">
                  <a:moveTo>
                    <a:pt x="356" y="2"/>
                  </a:moveTo>
                  <a:lnTo>
                    <a:pt x="353" y="6"/>
                  </a:lnTo>
                  <a:lnTo>
                    <a:pt x="350" y="12"/>
                  </a:lnTo>
                  <a:lnTo>
                    <a:pt x="348" y="17"/>
                  </a:lnTo>
                  <a:lnTo>
                    <a:pt x="347" y="24"/>
                  </a:lnTo>
                  <a:lnTo>
                    <a:pt x="345" y="42"/>
                  </a:lnTo>
                  <a:lnTo>
                    <a:pt x="345" y="62"/>
                  </a:lnTo>
                  <a:lnTo>
                    <a:pt x="346" y="110"/>
                  </a:lnTo>
                  <a:lnTo>
                    <a:pt x="345" y="163"/>
                  </a:lnTo>
                  <a:lnTo>
                    <a:pt x="343" y="190"/>
                  </a:lnTo>
                  <a:lnTo>
                    <a:pt x="340" y="216"/>
                  </a:lnTo>
                  <a:lnTo>
                    <a:pt x="337" y="229"/>
                  </a:lnTo>
                  <a:lnTo>
                    <a:pt x="333" y="241"/>
                  </a:lnTo>
                  <a:lnTo>
                    <a:pt x="328" y="253"/>
                  </a:lnTo>
                  <a:lnTo>
                    <a:pt x="323" y="263"/>
                  </a:lnTo>
                  <a:lnTo>
                    <a:pt x="317" y="274"/>
                  </a:lnTo>
                  <a:lnTo>
                    <a:pt x="309" y="283"/>
                  </a:lnTo>
                  <a:lnTo>
                    <a:pt x="302" y="293"/>
                  </a:lnTo>
                  <a:lnTo>
                    <a:pt x="293" y="300"/>
                  </a:lnTo>
                  <a:lnTo>
                    <a:pt x="282" y="308"/>
                  </a:lnTo>
                  <a:lnTo>
                    <a:pt x="270" y="313"/>
                  </a:lnTo>
                  <a:lnTo>
                    <a:pt x="258" y="318"/>
                  </a:lnTo>
                  <a:lnTo>
                    <a:pt x="243" y="321"/>
                  </a:lnTo>
                  <a:lnTo>
                    <a:pt x="249" y="334"/>
                  </a:lnTo>
                  <a:lnTo>
                    <a:pt x="254" y="346"/>
                  </a:lnTo>
                  <a:lnTo>
                    <a:pt x="256" y="358"/>
                  </a:lnTo>
                  <a:lnTo>
                    <a:pt x="258" y="369"/>
                  </a:lnTo>
                  <a:lnTo>
                    <a:pt x="258" y="380"/>
                  </a:lnTo>
                  <a:lnTo>
                    <a:pt x="258" y="393"/>
                  </a:lnTo>
                  <a:lnTo>
                    <a:pt x="256" y="408"/>
                  </a:lnTo>
                  <a:lnTo>
                    <a:pt x="253" y="424"/>
                  </a:lnTo>
                  <a:lnTo>
                    <a:pt x="236" y="421"/>
                  </a:lnTo>
                  <a:lnTo>
                    <a:pt x="220" y="417"/>
                  </a:lnTo>
                  <a:lnTo>
                    <a:pt x="213" y="414"/>
                  </a:lnTo>
                  <a:lnTo>
                    <a:pt x="206" y="411"/>
                  </a:lnTo>
                  <a:lnTo>
                    <a:pt x="200" y="406"/>
                  </a:lnTo>
                  <a:lnTo>
                    <a:pt x="195" y="402"/>
                  </a:lnTo>
                  <a:lnTo>
                    <a:pt x="190" y="397"/>
                  </a:lnTo>
                  <a:lnTo>
                    <a:pt x="186" y="391"/>
                  </a:lnTo>
                  <a:lnTo>
                    <a:pt x="183" y="384"/>
                  </a:lnTo>
                  <a:lnTo>
                    <a:pt x="180" y="377"/>
                  </a:lnTo>
                  <a:lnTo>
                    <a:pt x="178" y="369"/>
                  </a:lnTo>
                  <a:lnTo>
                    <a:pt x="177" y="360"/>
                  </a:lnTo>
                  <a:lnTo>
                    <a:pt x="177" y="351"/>
                  </a:lnTo>
                  <a:lnTo>
                    <a:pt x="178" y="340"/>
                  </a:lnTo>
                  <a:lnTo>
                    <a:pt x="171" y="339"/>
                  </a:lnTo>
                  <a:lnTo>
                    <a:pt x="166" y="339"/>
                  </a:lnTo>
                  <a:lnTo>
                    <a:pt x="162" y="339"/>
                  </a:lnTo>
                  <a:lnTo>
                    <a:pt x="158" y="340"/>
                  </a:lnTo>
                  <a:lnTo>
                    <a:pt x="155" y="342"/>
                  </a:lnTo>
                  <a:lnTo>
                    <a:pt x="151" y="344"/>
                  </a:lnTo>
                  <a:lnTo>
                    <a:pt x="148" y="348"/>
                  </a:lnTo>
                  <a:lnTo>
                    <a:pt x="146" y="351"/>
                  </a:lnTo>
                  <a:lnTo>
                    <a:pt x="143" y="358"/>
                  </a:lnTo>
                  <a:lnTo>
                    <a:pt x="142" y="366"/>
                  </a:lnTo>
                  <a:lnTo>
                    <a:pt x="141" y="376"/>
                  </a:lnTo>
                  <a:lnTo>
                    <a:pt x="140" y="386"/>
                  </a:lnTo>
                  <a:lnTo>
                    <a:pt x="137" y="385"/>
                  </a:lnTo>
                  <a:lnTo>
                    <a:pt x="135" y="383"/>
                  </a:lnTo>
                  <a:lnTo>
                    <a:pt x="133" y="380"/>
                  </a:lnTo>
                  <a:lnTo>
                    <a:pt x="131" y="377"/>
                  </a:lnTo>
                  <a:lnTo>
                    <a:pt x="130" y="369"/>
                  </a:lnTo>
                  <a:lnTo>
                    <a:pt x="130" y="359"/>
                  </a:lnTo>
                  <a:lnTo>
                    <a:pt x="130" y="350"/>
                  </a:lnTo>
                  <a:lnTo>
                    <a:pt x="129" y="341"/>
                  </a:lnTo>
                  <a:lnTo>
                    <a:pt x="128" y="338"/>
                  </a:lnTo>
                  <a:lnTo>
                    <a:pt x="127" y="335"/>
                  </a:lnTo>
                  <a:lnTo>
                    <a:pt x="124" y="332"/>
                  </a:lnTo>
                  <a:lnTo>
                    <a:pt x="122" y="331"/>
                  </a:lnTo>
                  <a:lnTo>
                    <a:pt x="114" y="332"/>
                  </a:lnTo>
                  <a:lnTo>
                    <a:pt x="104" y="331"/>
                  </a:lnTo>
                  <a:lnTo>
                    <a:pt x="94" y="331"/>
                  </a:lnTo>
                  <a:lnTo>
                    <a:pt x="83" y="330"/>
                  </a:lnTo>
                  <a:lnTo>
                    <a:pt x="74" y="329"/>
                  </a:lnTo>
                  <a:lnTo>
                    <a:pt x="65" y="331"/>
                  </a:lnTo>
                  <a:lnTo>
                    <a:pt x="62" y="332"/>
                  </a:lnTo>
                  <a:lnTo>
                    <a:pt x="59" y="334"/>
                  </a:lnTo>
                  <a:lnTo>
                    <a:pt x="58" y="336"/>
                  </a:lnTo>
                  <a:lnTo>
                    <a:pt x="56" y="340"/>
                  </a:lnTo>
                  <a:lnTo>
                    <a:pt x="46" y="334"/>
                  </a:lnTo>
                  <a:lnTo>
                    <a:pt x="38" y="328"/>
                  </a:lnTo>
                  <a:lnTo>
                    <a:pt x="29" y="319"/>
                  </a:lnTo>
                  <a:lnTo>
                    <a:pt x="23" y="310"/>
                  </a:lnTo>
                  <a:lnTo>
                    <a:pt x="17" y="299"/>
                  </a:lnTo>
                  <a:lnTo>
                    <a:pt x="11" y="289"/>
                  </a:lnTo>
                  <a:lnTo>
                    <a:pt x="8" y="277"/>
                  </a:lnTo>
                  <a:lnTo>
                    <a:pt x="5" y="265"/>
                  </a:lnTo>
                  <a:lnTo>
                    <a:pt x="4" y="253"/>
                  </a:lnTo>
                  <a:lnTo>
                    <a:pt x="5" y="241"/>
                  </a:lnTo>
                  <a:lnTo>
                    <a:pt x="6" y="230"/>
                  </a:lnTo>
                  <a:lnTo>
                    <a:pt x="9" y="218"/>
                  </a:lnTo>
                  <a:lnTo>
                    <a:pt x="14" y="207"/>
                  </a:lnTo>
                  <a:lnTo>
                    <a:pt x="20" y="197"/>
                  </a:lnTo>
                  <a:lnTo>
                    <a:pt x="28" y="189"/>
                  </a:lnTo>
                  <a:lnTo>
                    <a:pt x="38" y="180"/>
                  </a:lnTo>
                  <a:lnTo>
                    <a:pt x="34" y="171"/>
                  </a:lnTo>
                  <a:lnTo>
                    <a:pt x="29" y="161"/>
                  </a:lnTo>
                  <a:lnTo>
                    <a:pt x="23" y="153"/>
                  </a:lnTo>
                  <a:lnTo>
                    <a:pt x="18" y="144"/>
                  </a:lnTo>
                  <a:lnTo>
                    <a:pt x="12" y="135"/>
                  </a:lnTo>
                  <a:lnTo>
                    <a:pt x="7" y="126"/>
                  </a:lnTo>
                  <a:lnTo>
                    <a:pt x="3" y="117"/>
                  </a:lnTo>
                  <a:lnTo>
                    <a:pt x="0" y="105"/>
                  </a:lnTo>
                  <a:lnTo>
                    <a:pt x="3" y="100"/>
                  </a:lnTo>
                  <a:lnTo>
                    <a:pt x="7" y="95"/>
                  </a:lnTo>
                  <a:lnTo>
                    <a:pt x="12" y="91"/>
                  </a:lnTo>
                  <a:lnTo>
                    <a:pt x="18" y="86"/>
                  </a:lnTo>
                  <a:lnTo>
                    <a:pt x="29" y="80"/>
                  </a:lnTo>
                  <a:lnTo>
                    <a:pt x="42" y="76"/>
                  </a:lnTo>
                  <a:lnTo>
                    <a:pt x="57" y="72"/>
                  </a:lnTo>
                  <a:lnTo>
                    <a:pt x="72" y="68"/>
                  </a:lnTo>
                  <a:lnTo>
                    <a:pt x="88" y="66"/>
                  </a:lnTo>
                  <a:lnTo>
                    <a:pt x="104" y="64"/>
                  </a:lnTo>
                  <a:lnTo>
                    <a:pt x="120" y="63"/>
                  </a:lnTo>
                  <a:lnTo>
                    <a:pt x="136" y="60"/>
                  </a:lnTo>
                  <a:lnTo>
                    <a:pt x="151" y="57"/>
                  </a:lnTo>
                  <a:lnTo>
                    <a:pt x="165" y="54"/>
                  </a:lnTo>
                  <a:lnTo>
                    <a:pt x="171" y="51"/>
                  </a:lnTo>
                  <a:lnTo>
                    <a:pt x="178" y="48"/>
                  </a:lnTo>
                  <a:lnTo>
                    <a:pt x="184" y="45"/>
                  </a:lnTo>
                  <a:lnTo>
                    <a:pt x="189" y="41"/>
                  </a:lnTo>
                  <a:lnTo>
                    <a:pt x="195" y="37"/>
                  </a:lnTo>
                  <a:lnTo>
                    <a:pt x="199" y="33"/>
                  </a:lnTo>
                  <a:lnTo>
                    <a:pt x="203" y="27"/>
                  </a:lnTo>
                  <a:lnTo>
                    <a:pt x="206" y="21"/>
                  </a:lnTo>
                  <a:lnTo>
                    <a:pt x="215" y="19"/>
                  </a:lnTo>
                  <a:lnTo>
                    <a:pt x="222" y="18"/>
                  </a:lnTo>
                  <a:lnTo>
                    <a:pt x="228" y="19"/>
                  </a:lnTo>
                  <a:lnTo>
                    <a:pt x="233" y="20"/>
                  </a:lnTo>
                  <a:lnTo>
                    <a:pt x="237" y="22"/>
                  </a:lnTo>
                  <a:lnTo>
                    <a:pt x="241" y="25"/>
                  </a:lnTo>
                  <a:lnTo>
                    <a:pt x="244" y="28"/>
                  </a:lnTo>
                  <a:lnTo>
                    <a:pt x="246" y="33"/>
                  </a:lnTo>
                  <a:lnTo>
                    <a:pt x="252" y="40"/>
                  </a:lnTo>
                  <a:lnTo>
                    <a:pt x="259" y="46"/>
                  </a:lnTo>
                  <a:lnTo>
                    <a:pt x="262" y="48"/>
                  </a:lnTo>
                  <a:lnTo>
                    <a:pt x="267" y="50"/>
                  </a:lnTo>
                  <a:lnTo>
                    <a:pt x="274" y="51"/>
                  </a:lnTo>
                  <a:lnTo>
                    <a:pt x="281" y="50"/>
                  </a:lnTo>
                  <a:lnTo>
                    <a:pt x="290" y="42"/>
                  </a:lnTo>
                  <a:lnTo>
                    <a:pt x="300" y="34"/>
                  </a:lnTo>
                  <a:lnTo>
                    <a:pt x="309" y="24"/>
                  </a:lnTo>
                  <a:lnTo>
                    <a:pt x="318" y="15"/>
                  </a:lnTo>
                  <a:lnTo>
                    <a:pt x="326" y="7"/>
                  </a:lnTo>
                  <a:lnTo>
                    <a:pt x="336" y="2"/>
                  </a:lnTo>
                  <a:lnTo>
                    <a:pt x="340" y="1"/>
                  </a:lnTo>
                  <a:lnTo>
                    <a:pt x="345" y="0"/>
                  </a:lnTo>
                  <a:lnTo>
                    <a:pt x="350" y="1"/>
                  </a:lnTo>
                  <a:lnTo>
                    <a:pt x="356" y="2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63" name="Herning"/>
            <p:cNvSpPr>
              <a:spLocks/>
            </p:cNvSpPr>
            <p:nvPr/>
          </p:nvSpPr>
          <p:spPr bwMode="auto">
            <a:xfrm>
              <a:off x="793751" y="4005268"/>
              <a:ext cx="571501" cy="644526"/>
            </a:xfrm>
            <a:custGeom>
              <a:avLst/>
              <a:gdLst>
                <a:gd name="T0" fmla="*/ 320 w 1078"/>
                <a:gd name="T1" fmla="*/ 95 h 1218"/>
                <a:gd name="T2" fmla="*/ 335 w 1078"/>
                <a:gd name="T3" fmla="*/ 118 h 1218"/>
                <a:gd name="T4" fmla="*/ 350 w 1078"/>
                <a:gd name="T5" fmla="*/ 137 h 1218"/>
                <a:gd name="T6" fmla="*/ 321 w 1078"/>
                <a:gd name="T7" fmla="*/ 150 h 1218"/>
                <a:gd name="T8" fmla="*/ 310 w 1078"/>
                <a:gd name="T9" fmla="*/ 171 h 1218"/>
                <a:gd name="T10" fmla="*/ 320 w 1078"/>
                <a:gd name="T11" fmla="*/ 180 h 1218"/>
                <a:gd name="T12" fmla="*/ 324 w 1078"/>
                <a:gd name="T13" fmla="*/ 200 h 1218"/>
                <a:gd name="T14" fmla="*/ 320 w 1078"/>
                <a:gd name="T15" fmla="*/ 228 h 1218"/>
                <a:gd name="T16" fmla="*/ 343 w 1078"/>
                <a:gd name="T17" fmla="*/ 255 h 1218"/>
                <a:gd name="T18" fmla="*/ 344 w 1078"/>
                <a:gd name="T19" fmla="*/ 267 h 1218"/>
                <a:gd name="T20" fmla="*/ 358 w 1078"/>
                <a:gd name="T21" fmla="*/ 268 h 1218"/>
                <a:gd name="T22" fmla="*/ 355 w 1078"/>
                <a:gd name="T23" fmla="*/ 285 h 1218"/>
                <a:gd name="T24" fmla="*/ 342 w 1078"/>
                <a:gd name="T25" fmla="*/ 291 h 1218"/>
                <a:gd name="T26" fmla="*/ 334 w 1078"/>
                <a:gd name="T27" fmla="*/ 303 h 1218"/>
                <a:gd name="T28" fmla="*/ 332 w 1078"/>
                <a:gd name="T29" fmla="*/ 308 h 1218"/>
                <a:gd name="T30" fmla="*/ 309 w 1078"/>
                <a:gd name="T31" fmla="*/ 322 h 1218"/>
                <a:gd name="T32" fmla="*/ 265 w 1078"/>
                <a:gd name="T33" fmla="*/ 325 h 1218"/>
                <a:gd name="T34" fmla="*/ 277 w 1078"/>
                <a:gd name="T35" fmla="*/ 341 h 1218"/>
                <a:gd name="T36" fmla="*/ 266 w 1078"/>
                <a:gd name="T37" fmla="*/ 383 h 1218"/>
                <a:gd name="T38" fmla="*/ 245 w 1078"/>
                <a:gd name="T39" fmla="*/ 395 h 1218"/>
                <a:gd name="T40" fmla="*/ 206 w 1078"/>
                <a:gd name="T41" fmla="*/ 395 h 1218"/>
                <a:gd name="T42" fmla="*/ 191 w 1078"/>
                <a:gd name="T43" fmla="*/ 401 h 1218"/>
                <a:gd name="T44" fmla="*/ 165 w 1078"/>
                <a:gd name="T45" fmla="*/ 392 h 1218"/>
                <a:gd name="T46" fmla="*/ 145 w 1078"/>
                <a:gd name="T47" fmla="*/ 375 h 1218"/>
                <a:gd name="T48" fmla="*/ 140 w 1078"/>
                <a:gd name="T49" fmla="*/ 351 h 1218"/>
                <a:gd name="T50" fmla="*/ 151 w 1078"/>
                <a:gd name="T51" fmla="*/ 327 h 1218"/>
                <a:gd name="T52" fmla="*/ 157 w 1078"/>
                <a:gd name="T53" fmla="*/ 307 h 1218"/>
                <a:gd name="T54" fmla="*/ 176 w 1078"/>
                <a:gd name="T55" fmla="*/ 289 h 1218"/>
                <a:gd name="T56" fmla="*/ 169 w 1078"/>
                <a:gd name="T57" fmla="*/ 279 h 1218"/>
                <a:gd name="T58" fmla="*/ 177 w 1078"/>
                <a:gd name="T59" fmla="*/ 271 h 1218"/>
                <a:gd name="T60" fmla="*/ 203 w 1078"/>
                <a:gd name="T61" fmla="*/ 269 h 1218"/>
                <a:gd name="T62" fmla="*/ 198 w 1078"/>
                <a:gd name="T63" fmla="*/ 254 h 1218"/>
                <a:gd name="T64" fmla="*/ 176 w 1078"/>
                <a:gd name="T65" fmla="*/ 231 h 1218"/>
                <a:gd name="T66" fmla="*/ 157 w 1078"/>
                <a:gd name="T67" fmla="*/ 225 h 1218"/>
                <a:gd name="T68" fmla="*/ 150 w 1078"/>
                <a:gd name="T69" fmla="*/ 206 h 1218"/>
                <a:gd name="T70" fmla="*/ 143 w 1078"/>
                <a:gd name="T71" fmla="*/ 199 h 1218"/>
                <a:gd name="T72" fmla="*/ 117 w 1078"/>
                <a:gd name="T73" fmla="*/ 194 h 1218"/>
                <a:gd name="T74" fmla="*/ 103 w 1078"/>
                <a:gd name="T75" fmla="*/ 202 h 1218"/>
                <a:gd name="T76" fmla="*/ 80 w 1078"/>
                <a:gd name="T77" fmla="*/ 193 h 1218"/>
                <a:gd name="T78" fmla="*/ 69 w 1078"/>
                <a:gd name="T79" fmla="*/ 189 h 1218"/>
                <a:gd name="T80" fmla="*/ 62 w 1078"/>
                <a:gd name="T81" fmla="*/ 172 h 1218"/>
                <a:gd name="T82" fmla="*/ 33 w 1078"/>
                <a:gd name="T83" fmla="*/ 161 h 1218"/>
                <a:gd name="T84" fmla="*/ 7 w 1078"/>
                <a:gd name="T85" fmla="*/ 129 h 1218"/>
                <a:gd name="T86" fmla="*/ 19 w 1078"/>
                <a:gd name="T87" fmla="*/ 103 h 1218"/>
                <a:gd name="T88" fmla="*/ 15 w 1078"/>
                <a:gd name="T89" fmla="*/ 92 h 1218"/>
                <a:gd name="T90" fmla="*/ 34 w 1078"/>
                <a:gd name="T91" fmla="*/ 87 h 1218"/>
                <a:gd name="T92" fmla="*/ 61 w 1078"/>
                <a:gd name="T93" fmla="*/ 87 h 1218"/>
                <a:gd name="T94" fmla="*/ 99 w 1078"/>
                <a:gd name="T95" fmla="*/ 87 h 1218"/>
                <a:gd name="T96" fmla="*/ 118 w 1078"/>
                <a:gd name="T97" fmla="*/ 95 h 1218"/>
                <a:gd name="T98" fmla="*/ 149 w 1078"/>
                <a:gd name="T99" fmla="*/ 88 h 1218"/>
                <a:gd name="T100" fmla="*/ 181 w 1078"/>
                <a:gd name="T101" fmla="*/ 64 h 1218"/>
                <a:gd name="T102" fmla="*/ 164 w 1078"/>
                <a:gd name="T103" fmla="*/ 56 h 1218"/>
                <a:gd name="T104" fmla="*/ 163 w 1078"/>
                <a:gd name="T105" fmla="*/ 38 h 1218"/>
                <a:gd name="T106" fmla="*/ 178 w 1078"/>
                <a:gd name="T107" fmla="*/ 45 h 1218"/>
                <a:gd name="T108" fmla="*/ 205 w 1078"/>
                <a:gd name="T109" fmla="*/ 50 h 1218"/>
                <a:gd name="T110" fmla="*/ 230 w 1078"/>
                <a:gd name="T111" fmla="*/ 26 h 1218"/>
                <a:gd name="T112" fmla="*/ 253 w 1078"/>
                <a:gd name="T113" fmla="*/ 12 h 1218"/>
                <a:gd name="T114" fmla="*/ 282 w 1078"/>
                <a:gd name="T115" fmla="*/ 6 h 1218"/>
                <a:gd name="T116" fmla="*/ 317 w 1078"/>
                <a:gd name="T117" fmla="*/ 38 h 1218"/>
                <a:gd name="T118" fmla="*/ 316 w 1078"/>
                <a:gd name="T119" fmla="*/ 59 h 1218"/>
                <a:gd name="T120" fmla="*/ 303 w 1078"/>
                <a:gd name="T121" fmla="*/ 54 h 1218"/>
                <a:gd name="T122" fmla="*/ 292 w 1078"/>
                <a:gd name="T123" fmla="*/ 54 h 1218"/>
                <a:gd name="T124" fmla="*/ 300 w 1078"/>
                <a:gd name="T125" fmla="*/ 81 h 121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078" h="1218">
                  <a:moveTo>
                    <a:pt x="899" y="244"/>
                  </a:moveTo>
                  <a:lnTo>
                    <a:pt x="906" y="255"/>
                  </a:lnTo>
                  <a:lnTo>
                    <a:pt x="911" y="262"/>
                  </a:lnTo>
                  <a:lnTo>
                    <a:pt x="918" y="268"/>
                  </a:lnTo>
                  <a:lnTo>
                    <a:pt x="926" y="274"/>
                  </a:lnTo>
                  <a:lnTo>
                    <a:pt x="934" y="278"/>
                  </a:lnTo>
                  <a:lnTo>
                    <a:pt x="945" y="282"/>
                  </a:lnTo>
                  <a:lnTo>
                    <a:pt x="958" y="286"/>
                  </a:lnTo>
                  <a:lnTo>
                    <a:pt x="974" y="290"/>
                  </a:lnTo>
                  <a:lnTo>
                    <a:pt x="974" y="303"/>
                  </a:lnTo>
                  <a:lnTo>
                    <a:pt x="976" y="315"/>
                  </a:lnTo>
                  <a:lnTo>
                    <a:pt x="979" y="324"/>
                  </a:lnTo>
                  <a:lnTo>
                    <a:pt x="984" y="333"/>
                  </a:lnTo>
                  <a:lnTo>
                    <a:pt x="990" y="340"/>
                  </a:lnTo>
                  <a:lnTo>
                    <a:pt x="995" y="346"/>
                  </a:lnTo>
                  <a:lnTo>
                    <a:pt x="1003" y="353"/>
                  </a:lnTo>
                  <a:lnTo>
                    <a:pt x="1009" y="358"/>
                  </a:lnTo>
                  <a:lnTo>
                    <a:pt x="1016" y="364"/>
                  </a:lnTo>
                  <a:lnTo>
                    <a:pt x="1024" y="370"/>
                  </a:lnTo>
                  <a:lnTo>
                    <a:pt x="1030" y="377"/>
                  </a:lnTo>
                  <a:lnTo>
                    <a:pt x="1035" y="383"/>
                  </a:lnTo>
                  <a:lnTo>
                    <a:pt x="1040" y="392"/>
                  </a:lnTo>
                  <a:lnTo>
                    <a:pt x="1045" y="400"/>
                  </a:lnTo>
                  <a:lnTo>
                    <a:pt x="1048" y="411"/>
                  </a:lnTo>
                  <a:lnTo>
                    <a:pt x="1049" y="422"/>
                  </a:lnTo>
                  <a:lnTo>
                    <a:pt x="1026" y="424"/>
                  </a:lnTo>
                  <a:lnTo>
                    <a:pt x="1005" y="429"/>
                  </a:lnTo>
                  <a:lnTo>
                    <a:pt x="995" y="433"/>
                  </a:lnTo>
                  <a:lnTo>
                    <a:pt x="986" y="436"/>
                  </a:lnTo>
                  <a:lnTo>
                    <a:pt x="977" y="440"/>
                  </a:lnTo>
                  <a:lnTo>
                    <a:pt x="969" y="444"/>
                  </a:lnTo>
                  <a:lnTo>
                    <a:pt x="961" y="449"/>
                  </a:lnTo>
                  <a:lnTo>
                    <a:pt x="954" y="456"/>
                  </a:lnTo>
                  <a:lnTo>
                    <a:pt x="948" y="462"/>
                  </a:lnTo>
                  <a:lnTo>
                    <a:pt x="943" y="469"/>
                  </a:lnTo>
                  <a:lnTo>
                    <a:pt x="937" y="478"/>
                  </a:lnTo>
                  <a:lnTo>
                    <a:pt x="933" y="486"/>
                  </a:lnTo>
                  <a:lnTo>
                    <a:pt x="930" y="496"/>
                  </a:lnTo>
                  <a:lnTo>
                    <a:pt x="927" y="506"/>
                  </a:lnTo>
                  <a:lnTo>
                    <a:pt x="928" y="513"/>
                  </a:lnTo>
                  <a:lnTo>
                    <a:pt x="929" y="518"/>
                  </a:lnTo>
                  <a:lnTo>
                    <a:pt x="930" y="522"/>
                  </a:lnTo>
                  <a:lnTo>
                    <a:pt x="933" y="526"/>
                  </a:lnTo>
                  <a:lnTo>
                    <a:pt x="936" y="530"/>
                  </a:lnTo>
                  <a:lnTo>
                    <a:pt x="939" y="533"/>
                  </a:lnTo>
                  <a:lnTo>
                    <a:pt x="944" y="535"/>
                  </a:lnTo>
                  <a:lnTo>
                    <a:pt x="948" y="537"/>
                  </a:lnTo>
                  <a:lnTo>
                    <a:pt x="957" y="540"/>
                  </a:lnTo>
                  <a:lnTo>
                    <a:pt x="967" y="543"/>
                  </a:lnTo>
                  <a:lnTo>
                    <a:pt x="976" y="547"/>
                  </a:lnTo>
                  <a:lnTo>
                    <a:pt x="984" y="553"/>
                  </a:lnTo>
                  <a:lnTo>
                    <a:pt x="979" y="561"/>
                  </a:lnTo>
                  <a:lnTo>
                    <a:pt x="976" y="570"/>
                  </a:lnTo>
                  <a:lnTo>
                    <a:pt x="974" y="578"/>
                  </a:lnTo>
                  <a:lnTo>
                    <a:pt x="972" y="586"/>
                  </a:lnTo>
                  <a:lnTo>
                    <a:pt x="970" y="601"/>
                  </a:lnTo>
                  <a:lnTo>
                    <a:pt x="969" y="617"/>
                  </a:lnTo>
                  <a:lnTo>
                    <a:pt x="969" y="632"/>
                  </a:lnTo>
                  <a:lnTo>
                    <a:pt x="967" y="645"/>
                  </a:lnTo>
                  <a:lnTo>
                    <a:pt x="965" y="653"/>
                  </a:lnTo>
                  <a:lnTo>
                    <a:pt x="963" y="660"/>
                  </a:lnTo>
                  <a:lnTo>
                    <a:pt x="959" y="667"/>
                  </a:lnTo>
                  <a:lnTo>
                    <a:pt x="955" y="675"/>
                  </a:lnTo>
                  <a:lnTo>
                    <a:pt x="958" y="683"/>
                  </a:lnTo>
                  <a:lnTo>
                    <a:pt x="964" y="692"/>
                  </a:lnTo>
                  <a:lnTo>
                    <a:pt x="970" y="700"/>
                  </a:lnTo>
                  <a:lnTo>
                    <a:pt x="976" y="709"/>
                  </a:lnTo>
                  <a:lnTo>
                    <a:pt x="992" y="726"/>
                  </a:lnTo>
                  <a:lnTo>
                    <a:pt x="1008" y="743"/>
                  </a:lnTo>
                  <a:lnTo>
                    <a:pt x="1015" y="752"/>
                  </a:lnTo>
                  <a:lnTo>
                    <a:pt x="1021" y="759"/>
                  </a:lnTo>
                  <a:lnTo>
                    <a:pt x="1027" y="766"/>
                  </a:lnTo>
                  <a:lnTo>
                    <a:pt x="1031" y="774"/>
                  </a:lnTo>
                  <a:lnTo>
                    <a:pt x="1034" y="780"/>
                  </a:lnTo>
                  <a:lnTo>
                    <a:pt x="1035" y="786"/>
                  </a:lnTo>
                  <a:lnTo>
                    <a:pt x="1034" y="790"/>
                  </a:lnTo>
                  <a:lnTo>
                    <a:pt x="1034" y="792"/>
                  </a:lnTo>
                  <a:lnTo>
                    <a:pt x="1032" y="794"/>
                  </a:lnTo>
                  <a:lnTo>
                    <a:pt x="1030" y="796"/>
                  </a:lnTo>
                  <a:lnTo>
                    <a:pt x="1030" y="800"/>
                  </a:lnTo>
                  <a:lnTo>
                    <a:pt x="1031" y="802"/>
                  </a:lnTo>
                  <a:lnTo>
                    <a:pt x="1033" y="804"/>
                  </a:lnTo>
                  <a:lnTo>
                    <a:pt x="1035" y="805"/>
                  </a:lnTo>
                  <a:lnTo>
                    <a:pt x="1040" y="806"/>
                  </a:lnTo>
                  <a:lnTo>
                    <a:pt x="1048" y="806"/>
                  </a:lnTo>
                  <a:lnTo>
                    <a:pt x="1056" y="805"/>
                  </a:lnTo>
                  <a:lnTo>
                    <a:pt x="1064" y="805"/>
                  </a:lnTo>
                  <a:lnTo>
                    <a:pt x="1071" y="804"/>
                  </a:lnTo>
                  <a:lnTo>
                    <a:pt x="1077" y="805"/>
                  </a:lnTo>
                  <a:lnTo>
                    <a:pt x="1078" y="813"/>
                  </a:lnTo>
                  <a:lnTo>
                    <a:pt x="1078" y="820"/>
                  </a:lnTo>
                  <a:lnTo>
                    <a:pt x="1078" y="825"/>
                  </a:lnTo>
                  <a:lnTo>
                    <a:pt x="1077" y="832"/>
                  </a:lnTo>
                  <a:lnTo>
                    <a:pt x="1073" y="840"/>
                  </a:lnTo>
                  <a:lnTo>
                    <a:pt x="1068" y="849"/>
                  </a:lnTo>
                  <a:lnTo>
                    <a:pt x="1063" y="856"/>
                  </a:lnTo>
                  <a:lnTo>
                    <a:pt x="1057" y="863"/>
                  </a:lnTo>
                  <a:lnTo>
                    <a:pt x="1052" y="871"/>
                  </a:lnTo>
                  <a:lnTo>
                    <a:pt x="1049" y="880"/>
                  </a:lnTo>
                  <a:lnTo>
                    <a:pt x="1046" y="878"/>
                  </a:lnTo>
                  <a:lnTo>
                    <a:pt x="1041" y="876"/>
                  </a:lnTo>
                  <a:lnTo>
                    <a:pt x="1037" y="874"/>
                  </a:lnTo>
                  <a:lnTo>
                    <a:pt x="1033" y="873"/>
                  </a:lnTo>
                  <a:lnTo>
                    <a:pt x="1023" y="872"/>
                  </a:lnTo>
                  <a:lnTo>
                    <a:pt x="1011" y="872"/>
                  </a:lnTo>
                  <a:lnTo>
                    <a:pt x="1008" y="873"/>
                  </a:lnTo>
                  <a:lnTo>
                    <a:pt x="1006" y="875"/>
                  </a:lnTo>
                  <a:lnTo>
                    <a:pt x="1004" y="877"/>
                  </a:lnTo>
                  <a:lnTo>
                    <a:pt x="1001" y="880"/>
                  </a:lnTo>
                  <a:lnTo>
                    <a:pt x="1000" y="889"/>
                  </a:lnTo>
                  <a:lnTo>
                    <a:pt x="1001" y="898"/>
                  </a:lnTo>
                  <a:lnTo>
                    <a:pt x="1001" y="909"/>
                  </a:lnTo>
                  <a:lnTo>
                    <a:pt x="1003" y="919"/>
                  </a:lnTo>
                  <a:lnTo>
                    <a:pt x="1004" y="929"/>
                  </a:lnTo>
                  <a:lnTo>
                    <a:pt x="1003" y="937"/>
                  </a:lnTo>
                  <a:lnTo>
                    <a:pt x="999" y="936"/>
                  </a:lnTo>
                  <a:lnTo>
                    <a:pt x="997" y="935"/>
                  </a:lnTo>
                  <a:lnTo>
                    <a:pt x="995" y="933"/>
                  </a:lnTo>
                  <a:lnTo>
                    <a:pt x="995" y="930"/>
                  </a:lnTo>
                  <a:lnTo>
                    <a:pt x="994" y="924"/>
                  </a:lnTo>
                  <a:lnTo>
                    <a:pt x="993" y="918"/>
                  </a:lnTo>
                  <a:lnTo>
                    <a:pt x="986" y="931"/>
                  </a:lnTo>
                  <a:lnTo>
                    <a:pt x="977" y="941"/>
                  </a:lnTo>
                  <a:lnTo>
                    <a:pt x="968" y="950"/>
                  </a:lnTo>
                  <a:lnTo>
                    <a:pt x="958" y="957"/>
                  </a:lnTo>
                  <a:lnTo>
                    <a:pt x="949" y="961"/>
                  </a:lnTo>
                  <a:lnTo>
                    <a:pt x="937" y="964"/>
                  </a:lnTo>
                  <a:lnTo>
                    <a:pt x="926" y="965"/>
                  </a:lnTo>
                  <a:lnTo>
                    <a:pt x="914" y="966"/>
                  </a:lnTo>
                  <a:lnTo>
                    <a:pt x="888" y="965"/>
                  </a:lnTo>
                  <a:lnTo>
                    <a:pt x="859" y="961"/>
                  </a:lnTo>
                  <a:lnTo>
                    <a:pt x="829" y="958"/>
                  </a:lnTo>
                  <a:lnTo>
                    <a:pt x="796" y="956"/>
                  </a:lnTo>
                  <a:lnTo>
                    <a:pt x="795" y="962"/>
                  </a:lnTo>
                  <a:lnTo>
                    <a:pt x="794" y="969"/>
                  </a:lnTo>
                  <a:lnTo>
                    <a:pt x="794" y="975"/>
                  </a:lnTo>
                  <a:lnTo>
                    <a:pt x="795" y="979"/>
                  </a:lnTo>
                  <a:lnTo>
                    <a:pt x="797" y="983"/>
                  </a:lnTo>
                  <a:lnTo>
                    <a:pt x="799" y="988"/>
                  </a:lnTo>
                  <a:lnTo>
                    <a:pt x="801" y="991"/>
                  </a:lnTo>
                  <a:lnTo>
                    <a:pt x="805" y="994"/>
                  </a:lnTo>
                  <a:lnTo>
                    <a:pt x="819" y="1002"/>
                  </a:lnTo>
                  <a:lnTo>
                    <a:pt x="833" y="1012"/>
                  </a:lnTo>
                  <a:lnTo>
                    <a:pt x="829" y="1023"/>
                  </a:lnTo>
                  <a:lnTo>
                    <a:pt x="826" y="1035"/>
                  </a:lnTo>
                  <a:lnTo>
                    <a:pt x="822" y="1048"/>
                  </a:lnTo>
                  <a:lnTo>
                    <a:pt x="819" y="1060"/>
                  </a:lnTo>
                  <a:lnTo>
                    <a:pt x="813" y="1087"/>
                  </a:lnTo>
                  <a:lnTo>
                    <a:pt x="808" y="1113"/>
                  </a:lnTo>
                  <a:lnTo>
                    <a:pt x="805" y="1125"/>
                  </a:lnTo>
                  <a:lnTo>
                    <a:pt x="801" y="1137"/>
                  </a:lnTo>
                  <a:lnTo>
                    <a:pt x="797" y="1150"/>
                  </a:lnTo>
                  <a:lnTo>
                    <a:pt x="793" y="1161"/>
                  </a:lnTo>
                  <a:lnTo>
                    <a:pt x="788" y="1172"/>
                  </a:lnTo>
                  <a:lnTo>
                    <a:pt x="782" y="1181"/>
                  </a:lnTo>
                  <a:lnTo>
                    <a:pt x="776" y="1191"/>
                  </a:lnTo>
                  <a:lnTo>
                    <a:pt x="768" y="1199"/>
                  </a:lnTo>
                  <a:lnTo>
                    <a:pt x="758" y="1193"/>
                  </a:lnTo>
                  <a:lnTo>
                    <a:pt x="747" y="1189"/>
                  </a:lnTo>
                  <a:lnTo>
                    <a:pt x="734" y="1184"/>
                  </a:lnTo>
                  <a:lnTo>
                    <a:pt x="720" y="1181"/>
                  </a:lnTo>
                  <a:lnTo>
                    <a:pt x="707" y="1179"/>
                  </a:lnTo>
                  <a:lnTo>
                    <a:pt x="692" y="1178"/>
                  </a:lnTo>
                  <a:lnTo>
                    <a:pt x="676" y="1178"/>
                  </a:lnTo>
                  <a:lnTo>
                    <a:pt x="661" y="1178"/>
                  </a:lnTo>
                  <a:lnTo>
                    <a:pt x="647" y="1180"/>
                  </a:lnTo>
                  <a:lnTo>
                    <a:pt x="632" y="1182"/>
                  </a:lnTo>
                  <a:lnTo>
                    <a:pt x="618" y="1186"/>
                  </a:lnTo>
                  <a:lnTo>
                    <a:pt x="606" y="1190"/>
                  </a:lnTo>
                  <a:lnTo>
                    <a:pt x="594" y="1196"/>
                  </a:lnTo>
                  <a:lnTo>
                    <a:pt x="584" y="1202"/>
                  </a:lnTo>
                  <a:lnTo>
                    <a:pt x="580" y="1206"/>
                  </a:lnTo>
                  <a:lnTo>
                    <a:pt x="577" y="1210"/>
                  </a:lnTo>
                  <a:lnTo>
                    <a:pt x="574" y="1213"/>
                  </a:lnTo>
                  <a:lnTo>
                    <a:pt x="571" y="1218"/>
                  </a:lnTo>
                  <a:lnTo>
                    <a:pt x="571" y="1203"/>
                  </a:lnTo>
                  <a:lnTo>
                    <a:pt x="571" y="1190"/>
                  </a:lnTo>
                  <a:lnTo>
                    <a:pt x="559" y="1190"/>
                  </a:lnTo>
                  <a:lnTo>
                    <a:pt x="547" y="1190"/>
                  </a:lnTo>
                  <a:lnTo>
                    <a:pt x="535" y="1189"/>
                  </a:lnTo>
                  <a:lnTo>
                    <a:pt x="524" y="1187"/>
                  </a:lnTo>
                  <a:lnTo>
                    <a:pt x="514" y="1183"/>
                  </a:lnTo>
                  <a:lnTo>
                    <a:pt x="503" y="1180"/>
                  </a:lnTo>
                  <a:lnTo>
                    <a:pt x="494" y="1176"/>
                  </a:lnTo>
                  <a:lnTo>
                    <a:pt x="484" y="1172"/>
                  </a:lnTo>
                  <a:lnTo>
                    <a:pt x="476" y="1167"/>
                  </a:lnTo>
                  <a:lnTo>
                    <a:pt x="468" y="1161"/>
                  </a:lnTo>
                  <a:lnTo>
                    <a:pt x="460" y="1155"/>
                  </a:lnTo>
                  <a:lnTo>
                    <a:pt x="453" y="1148"/>
                  </a:lnTo>
                  <a:lnTo>
                    <a:pt x="447" y="1140"/>
                  </a:lnTo>
                  <a:lnTo>
                    <a:pt x="440" y="1133"/>
                  </a:lnTo>
                  <a:lnTo>
                    <a:pt x="435" y="1125"/>
                  </a:lnTo>
                  <a:lnTo>
                    <a:pt x="431" y="1117"/>
                  </a:lnTo>
                  <a:lnTo>
                    <a:pt x="427" y="1109"/>
                  </a:lnTo>
                  <a:lnTo>
                    <a:pt x="423" y="1100"/>
                  </a:lnTo>
                  <a:lnTo>
                    <a:pt x="421" y="1091"/>
                  </a:lnTo>
                  <a:lnTo>
                    <a:pt x="419" y="1081"/>
                  </a:lnTo>
                  <a:lnTo>
                    <a:pt x="418" y="1073"/>
                  </a:lnTo>
                  <a:lnTo>
                    <a:pt x="417" y="1063"/>
                  </a:lnTo>
                  <a:lnTo>
                    <a:pt x="418" y="1054"/>
                  </a:lnTo>
                  <a:lnTo>
                    <a:pt x="419" y="1044"/>
                  </a:lnTo>
                  <a:lnTo>
                    <a:pt x="421" y="1035"/>
                  </a:lnTo>
                  <a:lnTo>
                    <a:pt x="423" y="1027"/>
                  </a:lnTo>
                  <a:lnTo>
                    <a:pt x="428" y="1017"/>
                  </a:lnTo>
                  <a:lnTo>
                    <a:pt x="432" y="1008"/>
                  </a:lnTo>
                  <a:lnTo>
                    <a:pt x="437" y="999"/>
                  </a:lnTo>
                  <a:lnTo>
                    <a:pt x="443" y="991"/>
                  </a:lnTo>
                  <a:lnTo>
                    <a:pt x="451" y="982"/>
                  </a:lnTo>
                  <a:lnTo>
                    <a:pt x="459" y="974"/>
                  </a:lnTo>
                  <a:lnTo>
                    <a:pt x="459" y="962"/>
                  </a:lnTo>
                  <a:lnTo>
                    <a:pt x="459" y="951"/>
                  </a:lnTo>
                  <a:lnTo>
                    <a:pt x="458" y="945"/>
                  </a:lnTo>
                  <a:lnTo>
                    <a:pt x="457" y="941"/>
                  </a:lnTo>
                  <a:lnTo>
                    <a:pt x="454" y="938"/>
                  </a:lnTo>
                  <a:lnTo>
                    <a:pt x="450" y="937"/>
                  </a:lnTo>
                  <a:lnTo>
                    <a:pt x="470" y="922"/>
                  </a:lnTo>
                  <a:lnTo>
                    <a:pt x="491" y="909"/>
                  </a:lnTo>
                  <a:lnTo>
                    <a:pt x="501" y="900"/>
                  </a:lnTo>
                  <a:lnTo>
                    <a:pt x="510" y="892"/>
                  </a:lnTo>
                  <a:lnTo>
                    <a:pt x="514" y="888"/>
                  </a:lnTo>
                  <a:lnTo>
                    <a:pt x="518" y="882"/>
                  </a:lnTo>
                  <a:lnTo>
                    <a:pt x="521" y="877"/>
                  </a:lnTo>
                  <a:lnTo>
                    <a:pt x="524" y="872"/>
                  </a:lnTo>
                  <a:lnTo>
                    <a:pt x="526" y="866"/>
                  </a:lnTo>
                  <a:lnTo>
                    <a:pt x="526" y="862"/>
                  </a:lnTo>
                  <a:lnTo>
                    <a:pt x="524" y="859"/>
                  </a:lnTo>
                  <a:lnTo>
                    <a:pt x="523" y="856"/>
                  </a:lnTo>
                  <a:lnTo>
                    <a:pt x="520" y="852"/>
                  </a:lnTo>
                  <a:lnTo>
                    <a:pt x="515" y="848"/>
                  </a:lnTo>
                  <a:lnTo>
                    <a:pt x="511" y="844"/>
                  </a:lnTo>
                  <a:lnTo>
                    <a:pt x="507" y="840"/>
                  </a:lnTo>
                  <a:lnTo>
                    <a:pt x="506" y="837"/>
                  </a:lnTo>
                  <a:lnTo>
                    <a:pt x="504" y="834"/>
                  </a:lnTo>
                  <a:lnTo>
                    <a:pt x="504" y="830"/>
                  </a:lnTo>
                  <a:lnTo>
                    <a:pt x="506" y="824"/>
                  </a:lnTo>
                  <a:lnTo>
                    <a:pt x="509" y="821"/>
                  </a:lnTo>
                  <a:lnTo>
                    <a:pt x="513" y="818"/>
                  </a:lnTo>
                  <a:lnTo>
                    <a:pt x="516" y="816"/>
                  </a:lnTo>
                  <a:lnTo>
                    <a:pt x="520" y="814"/>
                  </a:lnTo>
                  <a:lnTo>
                    <a:pt x="529" y="812"/>
                  </a:lnTo>
                  <a:lnTo>
                    <a:pt x="537" y="811"/>
                  </a:lnTo>
                  <a:lnTo>
                    <a:pt x="556" y="812"/>
                  </a:lnTo>
                  <a:lnTo>
                    <a:pt x="575" y="814"/>
                  </a:lnTo>
                  <a:lnTo>
                    <a:pt x="583" y="814"/>
                  </a:lnTo>
                  <a:lnTo>
                    <a:pt x="592" y="814"/>
                  </a:lnTo>
                  <a:lnTo>
                    <a:pt x="599" y="813"/>
                  </a:lnTo>
                  <a:lnTo>
                    <a:pt x="606" y="810"/>
                  </a:lnTo>
                  <a:lnTo>
                    <a:pt x="609" y="807"/>
                  </a:lnTo>
                  <a:lnTo>
                    <a:pt x="611" y="805"/>
                  </a:lnTo>
                  <a:lnTo>
                    <a:pt x="613" y="802"/>
                  </a:lnTo>
                  <a:lnTo>
                    <a:pt x="615" y="799"/>
                  </a:lnTo>
                  <a:lnTo>
                    <a:pt x="617" y="790"/>
                  </a:lnTo>
                  <a:lnTo>
                    <a:pt x="618" y="778"/>
                  </a:lnTo>
                  <a:lnTo>
                    <a:pt x="608" y="774"/>
                  </a:lnTo>
                  <a:lnTo>
                    <a:pt x="599" y="769"/>
                  </a:lnTo>
                  <a:lnTo>
                    <a:pt x="592" y="761"/>
                  </a:lnTo>
                  <a:lnTo>
                    <a:pt x="586" y="754"/>
                  </a:lnTo>
                  <a:lnTo>
                    <a:pt x="574" y="737"/>
                  </a:lnTo>
                  <a:lnTo>
                    <a:pt x="563" y="720"/>
                  </a:lnTo>
                  <a:lnTo>
                    <a:pt x="557" y="713"/>
                  </a:lnTo>
                  <a:lnTo>
                    <a:pt x="550" y="705"/>
                  </a:lnTo>
                  <a:lnTo>
                    <a:pt x="542" y="699"/>
                  </a:lnTo>
                  <a:lnTo>
                    <a:pt x="533" y="695"/>
                  </a:lnTo>
                  <a:lnTo>
                    <a:pt x="528" y="693"/>
                  </a:lnTo>
                  <a:lnTo>
                    <a:pt x="522" y="691"/>
                  </a:lnTo>
                  <a:lnTo>
                    <a:pt x="516" y="691"/>
                  </a:lnTo>
                  <a:lnTo>
                    <a:pt x="510" y="690"/>
                  </a:lnTo>
                  <a:lnTo>
                    <a:pt x="495" y="691"/>
                  </a:lnTo>
                  <a:lnTo>
                    <a:pt x="478" y="694"/>
                  </a:lnTo>
                  <a:lnTo>
                    <a:pt x="474" y="689"/>
                  </a:lnTo>
                  <a:lnTo>
                    <a:pt x="471" y="681"/>
                  </a:lnTo>
                  <a:lnTo>
                    <a:pt x="469" y="674"/>
                  </a:lnTo>
                  <a:lnTo>
                    <a:pt x="469" y="665"/>
                  </a:lnTo>
                  <a:lnTo>
                    <a:pt x="468" y="646"/>
                  </a:lnTo>
                  <a:lnTo>
                    <a:pt x="469" y="627"/>
                  </a:lnTo>
                  <a:lnTo>
                    <a:pt x="467" y="624"/>
                  </a:lnTo>
                  <a:lnTo>
                    <a:pt x="464" y="622"/>
                  </a:lnTo>
                  <a:lnTo>
                    <a:pt x="462" y="620"/>
                  </a:lnTo>
                  <a:lnTo>
                    <a:pt x="458" y="619"/>
                  </a:lnTo>
                  <a:lnTo>
                    <a:pt x="450" y="618"/>
                  </a:lnTo>
                  <a:lnTo>
                    <a:pt x="441" y="617"/>
                  </a:lnTo>
                  <a:lnTo>
                    <a:pt x="438" y="616"/>
                  </a:lnTo>
                  <a:lnTo>
                    <a:pt x="434" y="615"/>
                  </a:lnTo>
                  <a:lnTo>
                    <a:pt x="431" y="614"/>
                  </a:lnTo>
                  <a:lnTo>
                    <a:pt x="429" y="611"/>
                  </a:lnTo>
                  <a:lnTo>
                    <a:pt x="428" y="607"/>
                  </a:lnTo>
                  <a:lnTo>
                    <a:pt x="428" y="603"/>
                  </a:lnTo>
                  <a:lnTo>
                    <a:pt x="429" y="598"/>
                  </a:lnTo>
                  <a:lnTo>
                    <a:pt x="431" y="591"/>
                  </a:lnTo>
                  <a:lnTo>
                    <a:pt x="408" y="591"/>
                  </a:lnTo>
                  <a:lnTo>
                    <a:pt x="383" y="591"/>
                  </a:lnTo>
                  <a:lnTo>
                    <a:pt x="373" y="591"/>
                  </a:lnTo>
                  <a:lnTo>
                    <a:pt x="362" y="588"/>
                  </a:lnTo>
                  <a:lnTo>
                    <a:pt x="358" y="587"/>
                  </a:lnTo>
                  <a:lnTo>
                    <a:pt x="354" y="585"/>
                  </a:lnTo>
                  <a:lnTo>
                    <a:pt x="350" y="583"/>
                  </a:lnTo>
                  <a:lnTo>
                    <a:pt x="347" y="581"/>
                  </a:lnTo>
                  <a:lnTo>
                    <a:pt x="340" y="581"/>
                  </a:lnTo>
                  <a:lnTo>
                    <a:pt x="335" y="582"/>
                  </a:lnTo>
                  <a:lnTo>
                    <a:pt x="331" y="584"/>
                  </a:lnTo>
                  <a:lnTo>
                    <a:pt x="326" y="586"/>
                  </a:lnTo>
                  <a:lnTo>
                    <a:pt x="319" y="592"/>
                  </a:lnTo>
                  <a:lnTo>
                    <a:pt x="313" y="599"/>
                  </a:lnTo>
                  <a:lnTo>
                    <a:pt x="308" y="606"/>
                  </a:lnTo>
                  <a:lnTo>
                    <a:pt x="303" y="615"/>
                  </a:lnTo>
                  <a:lnTo>
                    <a:pt x="297" y="622"/>
                  </a:lnTo>
                  <a:lnTo>
                    <a:pt x="291" y="627"/>
                  </a:lnTo>
                  <a:lnTo>
                    <a:pt x="273" y="610"/>
                  </a:lnTo>
                  <a:lnTo>
                    <a:pt x="257" y="591"/>
                  </a:lnTo>
                  <a:lnTo>
                    <a:pt x="253" y="586"/>
                  </a:lnTo>
                  <a:lnTo>
                    <a:pt x="248" y="583"/>
                  </a:lnTo>
                  <a:lnTo>
                    <a:pt x="241" y="580"/>
                  </a:lnTo>
                  <a:lnTo>
                    <a:pt x="235" y="578"/>
                  </a:lnTo>
                  <a:lnTo>
                    <a:pt x="226" y="577"/>
                  </a:lnTo>
                  <a:lnTo>
                    <a:pt x="218" y="577"/>
                  </a:lnTo>
                  <a:lnTo>
                    <a:pt x="208" y="578"/>
                  </a:lnTo>
                  <a:lnTo>
                    <a:pt x="197" y="581"/>
                  </a:lnTo>
                  <a:lnTo>
                    <a:pt x="201" y="577"/>
                  </a:lnTo>
                  <a:lnTo>
                    <a:pt x="203" y="573"/>
                  </a:lnTo>
                  <a:lnTo>
                    <a:pt x="206" y="568"/>
                  </a:lnTo>
                  <a:lnTo>
                    <a:pt x="208" y="564"/>
                  </a:lnTo>
                  <a:lnTo>
                    <a:pt x="209" y="559"/>
                  </a:lnTo>
                  <a:lnTo>
                    <a:pt x="209" y="555"/>
                  </a:lnTo>
                  <a:lnTo>
                    <a:pt x="208" y="550"/>
                  </a:lnTo>
                  <a:lnTo>
                    <a:pt x="206" y="544"/>
                  </a:lnTo>
                  <a:lnTo>
                    <a:pt x="202" y="535"/>
                  </a:lnTo>
                  <a:lnTo>
                    <a:pt x="196" y="525"/>
                  </a:lnTo>
                  <a:lnTo>
                    <a:pt x="187" y="516"/>
                  </a:lnTo>
                  <a:lnTo>
                    <a:pt x="178" y="507"/>
                  </a:lnTo>
                  <a:lnTo>
                    <a:pt x="167" y="500"/>
                  </a:lnTo>
                  <a:lnTo>
                    <a:pt x="156" y="494"/>
                  </a:lnTo>
                  <a:lnTo>
                    <a:pt x="143" y="487"/>
                  </a:lnTo>
                  <a:lnTo>
                    <a:pt x="131" y="484"/>
                  </a:lnTo>
                  <a:lnTo>
                    <a:pt x="118" y="482"/>
                  </a:lnTo>
                  <a:lnTo>
                    <a:pt x="106" y="481"/>
                  </a:lnTo>
                  <a:lnTo>
                    <a:pt x="100" y="482"/>
                  </a:lnTo>
                  <a:lnTo>
                    <a:pt x="95" y="483"/>
                  </a:lnTo>
                  <a:lnTo>
                    <a:pt x="90" y="485"/>
                  </a:lnTo>
                  <a:lnTo>
                    <a:pt x="84" y="487"/>
                  </a:lnTo>
                  <a:lnTo>
                    <a:pt x="74" y="474"/>
                  </a:lnTo>
                  <a:lnTo>
                    <a:pt x="63" y="458"/>
                  </a:lnTo>
                  <a:lnTo>
                    <a:pt x="53" y="442"/>
                  </a:lnTo>
                  <a:lnTo>
                    <a:pt x="43" y="424"/>
                  </a:lnTo>
                  <a:lnTo>
                    <a:pt x="22" y="387"/>
                  </a:lnTo>
                  <a:lnTo>
                    <a:pt x="0" y="346"/>
                  </a:lnTo>
                  <a:lnTo>
                    <a:pt x="10" y="346"/>
                  </a:lnTo>
                  <a:lnTo>
                    <a:pt x="18" y="344"/>
                  </a:lnTo>
                  <a:lnTo>
                    <a:pt x="25" y="340"/>
                  </a:lnTo>
                  <a:lnTo>
                    <a:pt x="32" y="336"/>
                  </a:lnTo>
                  <a:lnTo>
                    <a:pt x="43" y="326"/>
                  </a:lnTo>
                  <a:lnTo>
                    <a:pt x="56" y="319"/>
                  </a:lnTo>
                  <a:lnTo>
                    <a:pt x="56" y="310"/>
                  </a:lnTo>
                  <a:lnTo>
                    <a:pt x="55" y="304"/>
                  </a:lnTo>
                  <a:lnTo>
                    <a:pt x="52" y="299"/>
                  </a:lnTo>
                  <a:lnTo>
                    <a:pt x="47" y="295"/>
                  </a:lnTo>
                  <a:lnTo>
                    <a:pt x="39" y="287"/>
                  </a:lnTo>
                  <a:lnTo>
                    <a:pt x="28" y="281"/>
                  </a:lnTo>
                  <a:lnTo>
                    <a:pt x="33" y="279"/>
                  </a:lnTo>
                  <a:lnTo>
                    <a:pt x="38" y="277"/>
                  </a:lnTo>
                  <a:lnTo>
                    <a:pt x="44" y="277"/>
                  </a:lnTo>
                  <a:lnTo>
                    <a:pt x="51" y="276"/>
                  </a:lnTo>
                  <a:lnTo>
                    <a:pt x="64" y="277"/>
                  </a:lnTo>
                  <a:lnTo>
                    <a:pt x="77" y="276"/>
                  </a:lnTo>
                  <a:lnTo>
                    <a:pt x="83" y="276"/>
                  </a:lnTo>
                  <a:lnTo>
                    <a:pt x="90" y="274"/>
                  </a:lnTo>
                  <a:lnTo>
                    <a:pt x="94" y="272"/>
                  </a:lnTo>
                  <a:lnTo>
                    <a:pt x="98" y="267"/>
                  </a:lnTo>
                  <a:lnTo>
                    <a:pt x="101" y="262"/>
                  </a:lnTo>
                  <a:lnTo>
                    <a:pt x="103" y="255"/>
                  </a:lnTo>
                  <a:lnTo>
                    <a:pt x="104" y="245"/>
                  </a:lnTo>
                  <a:lnTo>
                    <a:pt x="103" y="235"/>
                  </a:lnTo>
                  <a:lnTo>
                    <a:pt x="118" y="238"/>
                  </a:lnTo>
                  <a:lnTo>
                    <a:pt x="132" y="241"/>
                  </a:lnTo>
                  <a:lnTo>
                    <a:pt x="145" y="246"/>
                  </a:lnTo>
                  <a:lnTo>
                    <a:pt x="159" y="250"/>
                  </a:lnTo>
                  <a:lnTo>
                    <a:pt x="184" y="260"/>
                  </a:lnTo>
                  <a:lnTo>
                    <a:pt x="210" y="268"/>
                  </a:lnTo>
                  <a:lnTo>
                    <a:pt x="221" y="272"/>
                  </a:lnTo>
                  <a:lnTo>
                    <a:pt x="234" y="274"/>
                  </a:lnTo>
                  <a:lnTo>
                    <a:pt x="246" y="275"/>
                  </a:lnTo>
                  <a:lnTo>
                    <a:pt x="258" y="275"/>
                  </a:lnTo>
                  <a:lnTo>
                    <a:pt x="271" y="273"/>
                  </a:lnTo>
                  <a:lnTo>
                    <a:pt x="283" y="268"/>
                  </a:lnTo>
                  <a:lnTo>
                    <a:pt x="296" y="262"/>
                  </a:lnTo>
                  <a:lnTo>
                    <a:pt x="309" y="254"/>
                  </a:lnTo>
                  <a:lnTo>
                    <a:pt x="314" y="261"/>
                  </a:lnTo>
                  <a:lnTo>
                    <a:pt x="319" y="267"/>
                  </a:lnTo>
                  <a:lnTo>
                    <a:pt x="325" y="273"/>
                  </a:lnTo>
                  <a:lnTo>
                    <a:pt x="332" y="277"/>
                  </a:lnTo>
                  <a:lnTo>
                    <a:pt x="339" y="281"/>
                  </a:lnTo>
                  <a:lnTo>
                    <a:pt x="345" y="284"/>
                  </a:lnTo>
                  <a:lnTo>
                    <a:pt x="354" y="285"/>
                  </a:lnTo>
                  <a:lnTo>
                    <a:pt x="361" y="286"/>
                  </a:lnTo>
                  <a:lnTo>
                    <a:pt x="369" y="287"/>
                  </a:lnTo>
                  <a:lnTo>
                    <a:pt x="377" y="287"/>
                  </a:lnTo>
                  <a:lnTo>
                    <a:pt x="385" y="286"/>
                  </a:lnTo>
                  <a:lnTo>
                    <a:pt x="394" y="284"/>
                  </a:lnTo>
                  <a:lnTo>
                    <a:pt x="412" y="280"/>
                  </a:lnTo>
                  <a:lnTo>
                    <a:pt x="430" y="273"/>
                  </a:lnTo>
                  <a:lnTo>
                    <a:pt x="447" y="265"/>
                  </a:lnTo>
                  <a:lnTo>
                    <a:pt x="463" y="256"/>
                  </a:lnTo>
                  <a:lnTo>
                    <a:pt x="480" y="246"/>
                  </a:lnTo>
                  <a:lnTo>
                    <a:pt x="496" y="236"/>
                  </a:lnTo>
                  <a:lnTo>
                    <a:pt x="510" y="225"/>
                  </a:lnTo>
                  <a:lnTo>
                    <a:pt x="523" y="215"/>
                  </a:lnTo>
                  <a:lnTo>
                    <a:pt x="534" y="205"/>
                  </a:lnTo>
                  <a:lnTo>
                    <a:pt x="543" y="197"/>
                  </a:lnTo>
                  <a:lnTo>
                    <a:pt x="541" y="193"/>
                  </a:lnTo>
                  <a:lnTo>
                    <a:pt x="539" y="188"/>
                  </a:lnTo>
                  <a:lnTo>
                    <a:pt x="536" y="185"/>
                  </a:lnTo>
                  <a:lnTo>
                    <a:pt x="532" y="182"/>
                  </a:lnTo>
                  <a:lnTo>
                    <a:pt x="523" y="178"/>
                  </a:lnTo>
                  <a:lnTo>
                    <a:pt x="514" y="175"/>
                  </a:lnTo>
                  <a:lnTo>
                    <a:pt x="503" y="173"/>
                  </a:lnTo>
                  <a:lnTo>
                    <a:pt x="494" y="169"/>
                  </a:lnTo>
                  <a:lnTo>
                    <a:pt x="490" y="167"/>
                  </a:lnTo>
                  <a:lnTo>
                    <a:pt x="484" y="165"/>
                  </a:lnTo>
                  <a:lnTo>
                    <a:pt x="481" y="163"/>
                  </a:lnTo>
                  <a:lnTo>
                    <a:pt x="478" y="160"/>
                  </a:lnTo>
                  <a:lnTo>
                    <a:pt x="481" y="155"/>
                  </a:lnTo>
                  <a:lnTo>
                    <a:pt x="484" y="147"/>
                  </a:lnTo>
                  <a:lnTo>
                    <a:pt x="487" y="140"/>
                  </a:lnTo>
                  <a:lnTo>
                    <a:pt x="488" y="131"/>
                  </a:lnTo>
                  <a:lnTo>
                    <a:pt x="488" y="113"/>
                  </a:lnTo>
                  <a:lnTo>
                    <a:pt x="487" y="94"/>
                  </a:lnTo>
                  <a:lnTo>
                    <a:pt x="493" y="101"/>
                  </a:lnTo>
                  <a:lnTo>
                    <a:pt x="498" y="107"/>
                  </a:lnTo>
                  <a:lnTo>
                    <a:pt x="504" y="114"/>
                  </a:lnTo>
                  <a:lnTo>
                    <a:pt x="511" y="119"/>
                  </a:lnTo>
                  <a:lnTo>
                    <a:pt x="518" y="124"/>
                  </a:lnTo>
                  <a:lnTo>
                    <a:pt x="526" y="129"/>
                  </a:lnTo>
                  <a:lnTo>
                    <a:pt x="534" y="134"/>
                  </a:lnTo>
                  <a:lnTo>
                    <a:pt x="542" y="137"/>
                  </a:lnTo>
                  <a:lnTo>
                    <a:pt x="551" y="141"/>
                  </a:lnTo>
                  <a:lnTo>
                    <a:pt x="560" y="143"/>
                  </a:lnTo>
                  <a:lnTo>
                    <a:pt x="571" y="146"/>
                  </a:lnTo>
                  <a:lnTo>
                    <a:pt x="581" y="147"/>
                  </a:lnTo>
                  <a:lnTo>
                    <a:pt x="592" y="149"/>
                  </a:lnTo>
                  <a:lnTo>
                    <a:pt x="603" y="150"/>
                  </a:lnTo>
                  <a:lnTo>
                    <a:pt x="615" y="150"/>
                  </a:lnTo>
                  <a:lnTo>
                    <a:pt x="628" y="150"/>
                  </a:lnTo>
                  <a:lnTo>
                    <a:pt x="635" y="143"/>
                  </a:lnTo>
                  <a:lnTo>
                    <a:pt x="642" y="136"/>
                  </a:lnTo>
                  <a:lnTo>
                    <a:pt x="649" y="128"/>
                  </a:lnTo>
                  <a:lnTo>
                    <a:pt x="656" y="120"/>
                  </a:lnTo>
                  <a:lnTo>
                    <a:pt x="668" y="103"/>
                  </a:lnTo>
                  <a:lnTo>
                    <a:pt x="680" y="86"/>
                  </a:lnTo>
                  <a:lnTo>
                    <a:pt x="688" y="79"/>
                  </a:lnTo>
                  <a:lnTo>
                    <a:pt x="695" y="71"/>
                  </a:lnTo>
                  <a:lnTo>
                    <a:pt x="703" y="65"/>
                  </a:lnTo>
                  <a:lnTo>
                    <a:pt x="712" y="59"/>
                  </a:lnTo>
                  <a:lnTo>
                    <a:pt x="721" y="55"/>
                  </a:lnTo>
                  <a:lnTo>
                    <a:pt x="733" y="50"/>
                  </a:lnTo>
                  <a:lnTo>
                    <a:pt x="745" y="48"/>
                  </a:lnTo>
                  <a:lnTo>
                    <a:pt x="758" y="47"/>
                  </a:lnTo>
                  <a:lnTo>
                    <a:pt x="758" y="36"/>
                  </a:lnTo>
                  <a:lnTo>
                    <a:pt x="758" y="24"/>
                  </a:lnTo>
                  <a:lnTo>
                    <a:pt x="758" y="12"/>
                  </a:lnTo>
                  <a:lnTo>
                    <a:pt x="758" y="0"/>
                  </a:lnTo>
                  <a:lnTo>
                    <a:pt x="776" y="1"/>
                  </a:lnTo>
                  <a:lnTo>
                    <a:pt x="794" y="2"/>
                  </a:lnTo>
                  <a:lnTo>
                    <a:pt x="811" y="5"/>
                  </a:lnTo>
                  <a:lnTo>
                    <a:pt x="828" y="10"/>
                  </a:lnTo>
                  <a:lnTo>
                    <a:pt x="845" y="17"/>
                  </a:lnTo>
                  <a:lnTo>
                    <a:pt x="861" y="24"/>
                  </a:lnTo>
                  <a:lnTo>
                    <a:pt x="876" y="34"/>
                  </a:lnTo>
                  <a:lnTo>
                    <a:pt x="891" y="44"/>
                  </a:lnTo>
                  <a:lnTo>
                    <a:pt x="905" y="56"/>
                  </a:lnTo>
                  <a:lnTo>
                    <a:pt x="917" y="68"/>
                  </a:lnTo>
                  <a:lnTo>
                    <a:pt x="929" y="82"/>
                  </a:lnTo>
                  <a:lnTo>
                    <a:pt x="939" y="98"/>
                  </a:lnTo>
                  <a:lnTo>
                    <a:pt x="948" y="114"/>
                  </a:lnTo>
                  <a:lnTo>
                    <a:pt x="955" y="131"/>
                  </a:lnTo>
                  <a:lnTo>
                    <a:pt x="960" y="149"/>
                  </a:lnTo>
                  <a:lnTo>
                    <a:pt x="965" y="169"/>
                  </a:lnTo>
                  <a:lnTo>
                    <a:pt x="957" y="168"/>
                  </a:lnTo>
                  <a:lnTo>
                    <a:pt x="952" y="170"/>
                  </a:lnTo>
                  <a:lnTo>
                    <a:pt x="950" y="171"/>
                  </a:lnTo>
                  <a:lnTo>
                    <a:pt x="948" y="174"/>
                  </a:lnTo>
                  <a:lnTo>
                    <a:pt x="947" y="176"/>
                  </a:lnTo>
                  <a:lnTo>
                    <a:pt x="946" y="178"/>
                  </a:lnTo>
                  <a:lnTo>
                    <a:pt x="939" y="179"/>
                  </a:lnTo>
                  <a:lnTo>
                    <a:pt x="934" y="180"/>
                  </a:lnTo>
                  <a:lnTo>
                    <a:pt x="929" y="179"/>
                  </a:lnTo>
                  <a:lnTo>
                    <a:pt x="925" y="178"/>
                  </a:lnTo>
                  <a:lnTo>
                    <a:pt x="918" y="175"/>
                  </a:lnTo>
                  <a:lnTo>
                    <a:pt x="913" y="169"/>
                  </a:lnTo>
                  <a:lnTo>
                    <a:pt x="908" y="163"/>
                  </a:lnTo>
                  <a:lnTo>
                    <a:pt x="902" y="158"/>
                  </a:lnTo>
                  <a:lnTo>
                    <a:pt x="900" y="156"/>
                  </a:lnTo>
                  <a:lnTo>
                    <a:pt x="897" y="154"/>
                  </a:lnTo>
                  <a:lnTo>
                    <a:pt x="894" y="151"/>
                  </a:lnTo>
                  <a:lnTo>
                    <a:pt x="890" y="150"/>
                  </a:lnTo>
                  <a:lnTo>
                    <a:pt x="882" y="154"/>
                  </a:lnTo>
                  <a:lnTo>
                    <a:pt x="877" y="158"/>
                  </a:lnTo>
                  <a:lnTo>
                    <a:pt x="873" y="163"/>
                  </a:lnTo>
                  <a:lnTo>
                    <a:pt x="871" y="168"/>
                  </a:lnTo>
                  <a:lnTo>
                    <a:pt x="870" y="174"/>
                  </a:lnTo>
                  <a:lnTo>
                    <a:pt x="871" y="179"/>
                  </a:lnTo>
                  <a:lnTo>
                    <a:pt x="872" y="185"/>
                  </a:lnTo>
                  <a:lnTo>
                    <a:pt x="874" y="191"/>
                  </a:lnTo>
                  <a:lnTo>
                    <a:pt x="888" y="215"/>
                  </a:lnTo>
                  <a:lnTo>
                    <a:pt x="899" y="235"/>
                  </a:lnTo>
                  <a:lnTo>
                    <a:pt x="899" y="244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264" name="Herning kant"/>
            <p:cNvSpPr>
              <a:spLocks/>
            </p:cNvSpPr>
            <p:nvPr/>
          </p:nvSpPr>
          <p:spPr bwMode="auto">
            <a:xfrm>
              <a:off x="793751" y="4005268"/>
              <a:ext cx="571501" cy="644526"/>
            </a:xfrm>
            <a:custGeom>
              <a:avLst/>
              <a:gdLst>
                <a:gd name="T0" fmla="*/ 320 w 1078"/>
                <a:gd name="T1" fmla="*/ 95 h 1218"/>
                <a:gd name="T2" fmla="*/ 335 w 1078"/>
                <a:gd name="T3" fmla="*/ 118 h 1218"/>
                <a:gd name="T4" fmla="*/ 350 w 1078"/>
                <a:gd name="T5" fmla="*/ 137 h 1218"/>
                <a:gd name="T6" fmla="*/ 321 w 1078"/>
                <a:gd name="T7" fmla="*/ 150 h 1218"/>
                <a:gd name="T8" fmla="*/ 310 w 1078"/>
                <a:gd name="T9" fmla="*/ 171 h 1218"/>
                <a:gd name="T10" fmla="*/ 320 w 1078"/>
                <a:gd name="T11" fmla="*/ 180 h 1218"/>
                <a:gd name="T12" fmla="*/ 324 w 1078"/>
                <a:gd name="T13" fmla="*/ 200 h 1218"/>
                <a:gd name="T14" fmla="*/ 320 w 1078"/>
                <a:gd name="T15" fmla="*/ 228 h 1218"/>
                <a:gd name="T16" fmla="*/ 343 w 1078"/>
                <a:gd name="T17" fmla="*/ 255 h 1218"/>
                <a:gd name="T18" fmla="*/ 344 w 1078"/>
                <a:gd name="T19" fmla="*/ 267 h 1218"/>
                <a:gd name="T20" fmla="*/ 358 w 1078"/>
                <a:gd name="T21" fmla="*/ 268 h 1218"/>
                <a:gd name="T22" fmla="*/ 355 w 1078"/>
                <a:gd name="T23" fmla="*/ 285 h 1218"/>
                <a:gd name="T24" fmla="*/ 342 w 1078"/>
                <a:gd name="T25" fmla="*/ 291 h 1218"/>
                <a:gd name="T26" fmla="*/ 334 w 1078"/>
                <a:gd name="T27" fmla="*/ 303 h 1218"/>
                <a:gd name="T28" fmla="*/ 332 w 1078"/>
                <a:gd name="T29" fmla="*/ 308 h 1218"/>
                <a:gd name="T30" fmla="*/ 309 w 1078"/>
                <a:gd name="T31" fmla="*/ 322 h 1218"/>
                <a:gd name="T32" fmla="*/ 265 w 1078"/>
                <a:gd name="T33" fmla="*/ 325 h 1218"/>
                <a:gd name="T34" fmla="*/ 277 w 1078"/>
                <a:gd name="T35" fmla="*/ 341 h 1218"/>
                <a:gd name="T36" fmla="*/ 266 w 1078"/>
                <a:gd name="T37" fmla="*/ 383 h 1218"/>
                <a:gd name="T38" fmla="*/ 245 w 1078"/>
                <a:gd name="T39" fmla="*/ 395 h 1218"/>
                <a:gd name="T40" fmla="*/ 206 w 1078"/>
                <a:gd name="T41" fmla="*/ 395 h 1218"/>
                <a:gd name="T42" fmla="*/ 191 w 1078"/>
                <a:gd name="T43" fmla="*/ 401 h 1218"/>
                <a:gd name="T44" fmla="*/ 165 w 1078"/>
                <a:gd name="T45" fmla="*/ 392 h 1218"/>
                <a:gd name="T46" fmla="*/ 145 w 1078"/>
                <a:gd name="T47" fmla="*/ 375 h 1218"/>
                <a:gd name="T48" fmla="*/ 140 w 1078"/>
                <a:gd name="T49" fmla="*/ 351 h 1218"/>
                <a:gd name="T50" fmla="*/ 151 w 1078"/>
                <a:gd name="T51" fmla="*/ 327 h 1218"/>
                <a:gd name="T52" fmla="*/ 157 w 1078"/>
                <a:gd name="T53" fmla="*/ 307 h 1218"/>
                <a:gd name="T54" fmla="*/ 176 w 1078"/>
                <a:gd name="T55" fmla="*/ 289 h 1218"/>
                <a:gd name="T56" fmla="*/ 169 w 1078"/>
                <a:gd name="T57" fmla="*/ 279 h 1218"/>
                <a:gd name="T58" fmla="*/ 177 w 1078"/>
                <a:gd name="T59" fmla="*/ 271 h 1218"/>
                <a:gd name="T60" fmla="*/ 203 w 1078"/>
                <a:gd name="T61" fmla="*/ 269 h 1218"/>
                <a:gd name="T62" fmla="*/ 198 w 1078"/>
                <a:gd name="T63" fmla="*/ 254 h 1218"/>
                <a:gd name="T64" fmla="*/ 176 w 1078"/>
                <a:gd name="T65" fmla="*/ 231 h 1218"/>
                <a:gd name="T66" fmla="*/ 157 w 1078"/>
                <a:gd name="T67" fmla="*/ 225 h 1218"/>
                <a:gd name="T68" fmla="*/ 150 w 1078"/>
                <a:gd name="T69" fmla="*/ 206 h 1218"/>
                <a:gd name="T70" fmla="*/ 143 w 1078"/>
                <a:gd name="T71" fmla="*/ 199 h 1218"/>
                <a:gd name="T72" fmla="*/ 117 w 1078"/>
                <a:gd name="T73" fmla="*/ 194 h 1218"/>
                <a:gd name="T74" fmla="*/ 103 w 1078"/>
                <a:gd name="T75" fmla="*/ 202 h 1218"/>
                <a:gd name="T76" fmla="*/ 80 w 1078"/>
                <a:gd name="T77" fmla="*/ 193 h 1218"/>
                <a:gd name="T78" fmla="*/ 69 w 1078"/>
                <a:gd name="T79" fmla="*/ 189 h 1218"/>
                <a:gd name="T80" fmla="*/ 62 w 1078"/>
                <a:gd name="T81" fmla="*/ 172 h 1218"/>
                <a:gd name="T82" fmla="*/ 33 w 1078"/>
                <a:gd name="T83" fmla="*/ 161 h 1218"/>
                <a:gd name="T84" fmla="*/ 7 w 1078"/>
                <a:gd name="T85" fmla="*/ 129 h 1218"/>
                <a:gd name="T86" fmla="*/ 19 w 1078"/>
                <a:gd name="T87" fmla="*/ 103 h 1218"/>
                <a:gd name="T88" fmla="*/ 15 w 1078"/>
                <a:gd name="T89" fmla="*/ 92 h 1218"/>
                <a:gd name="T90" fmla="*/ 34 w 1078"/>
                <a:gd name="T91" fmla="*/ 87 h 1218"/>
                <a:gd name="T92" fmla="*/ 61 w 1078"/>
                <a:gd name="T93" fmla="*/ 87 h 1218"/>
                <a:gd name="T94" fmla="*/ 99 w 1078"/>
                <a:gd name="T95" fmla="*/ 87 h 1218"/>
                <a:gd name="T96" fmla="*/ 118 w 1078"/>
                <a:gd name="T97" fmla="*/ 95 h 1218"/>
                <a:gd name="T98" fmla="*/ 149 w 1078"/>
                <a:gd name="T99" fmla="*/ 88 h 1218"/>
                <a:gd name="T100" fmla="*/ 181 w 1078"/>
                <a:gd name="T101" fmla="*/ 64 h 1218"/>
                <a:gd name="T102" fmla="*/ 164 w 1078"/>
                <a:gd name="T103" fmla="*/ 56 h 1218"/>
                <a:gd name="T104" fmla="*/ 163 w 1078"/>
                <a:gd name="T105" fmla="*/ 38 h 1218"/>
                <a:gd name="T106" fmla="*/ 178 w 1078"/>
                <a:gd name="T107" fmla="*/ 45 h 1218"/>
                <a:gd name="T108" fmla="*/ 205 w 1078"/>
                <a:gd name="T109" fmla="*/ 50 h 1218"/>
                <a:gd name="T110" fmla="*/ 230 w 1078"/>
                <a:gd name="T111" fmla="*/ 26 h 1218"/>
                <a:gd name="T112" fmla="*/ 253 w 1078"/>
                <a:gd name="T113" fmla="*/ 12 h 1218"/>
                <a:gd name="T114" fmla="*/ 282 w 1078"/>
                <a:gd name="T115" fmla="*/ 6 h 1218"/>
                <a:gd name="T116" fmla="*/ 317 w 1078"/>
                <a:gd name="T117" fmla="*/ 38 h 1218"/>
                <a:gd name="T118" fmla="*/ 316 w 1078"/>
                <a:gd name="T119" fmla="*/ 59 h 1218"/>
                <a:gd name="T120" fmla="*/ 303 w 1078"/>
                <a:gd name="T121" fmla="*/ 54 h 1218"/>
                <a:gd name="T122" fmla="*/ 292 w 1078"/>
                <a:gd name="T123" fmla="*/ 54 h 1218"/>
                <a:gd name="T124" fmla="*/ 300 w 1078"/>
                <a:gd name="T125" fmla="*/ 81 h 121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078" h="1218">
                  <a:moveTo>
                    <a:pt x="899" y="244"/>
                  </a:moveTo>
                  <a:lnTo>
                    <a:pt x="906" y="255"/>
                  </a:lnTo>
                  <a:lnTo>
                    <a:pt x="911" y="262"/>
                  </a:lnTo>
                  <a:lnTo>
                    <a:pt x="918" y="268"/>
                  </a:lnTo>
                  <a:lnTo>
                    <a:pt x="926" y="274"/>
                  </a:lnTo>
                  <a:lnTo>
                    <a:pt x="934" y="278"/>
                  </a:lnTo>
                  <a:lnTo>
                    <a:pt x="945" y="282"/>
                  </a:lnTo>
                  <a:lnTo>
                    <a:pt x="958" y="286"/>
                  </a:lnTo>
                  <a:lnTo>
                    <a:pt x="974" y="290"/>
                  </a:lnTo>
                  <a:lnTo>
                    <a:pt x="974" y="303"/>
                  </a:lnTo>
                  <a:lnTo>
                    <a:pt x="976" y="315"/>
                  </a:lnTo>
                  <a:lnTo>
                    <a:pt x="979" y="324"/>
                  </a:lnTo>
                  <a:lnTo>
                    <a:pt x="984" y="333"/>
                  </a:lnTo>
                  <a:lnTo>
                    <a:pt x="990" y="340"/>
                  </a:lnTo>
                  <a:lnTo>
                    <a:pt x="995" y="346"/>
                  </a:lnTo>
                  <a:lnTo>
                    <a:pt x="1003" y="353"/>
                  </a:lnTo>
                  <a:lnTo>
                    <a:pt x="1009" y="358"/>
                  </a:lnTo>
                  <a:lnTo>
                    <a:pt x="1016" y="364"/>
                  </a:lnTo>
                  <a:lnTo>
                    <a:pt x="1024" y="370"/>
                  </a:lnTo>
                  <a:lnTo>
                    <a:pt x="1030" y="377"/>
                  </a:lnTo>
                  <a:lnTo>
                    <a:pt x="1035" y="383"/>
                  </a:lnTo>
                  <a:lnTo>
                    <a:pt x="1040" y="392"/>
                  </a:lnTo>
                  <a:lnTo>
                    <a:pt x="1045" y="400"/>
                  </a:lnTo>
                  <a:lnTo>
                    <a:pt x="1048" y="411"/>
                  </a:lnTo>
                  <a:lnTo>
                    <a:pt x="1049" y="422"/>
                  </a:lnTo>
                  <a:lnTo>
                    <a:pt x="1026" y="424"/>
                  </a:lnTo>
                  <a:lnTo>
                    <a:pt x="1005" y="429"/>
                  </a:lnTo>
                  <a:lnTo>
                    <a:pt x="995" y="433"/>
                  </a:lnTo>
                  <a:lnTo>
                    <a:pt x="986" y="436"/>
                  </a:lnTo>
                  <a:lnTo>
                    <a:pt x="977" y="440"/>
                  </a:lnTo>
                  <a:lnTo>
                    <a:pt x="969" y="444"/>
                  </a:lnTo>
                  <a:lnTo>
                    <a:pt x="961" y="449"/>
                  </a:lnTo>
                  <a:lnTo>
                    <a:pt x="954" y="456"/>
                  </a:lnTo>
                  <a:lnTo>
                    <a:pt x="948" y="462"/>
                  </a:lnTo>
                  <a:lnTo>
                    <a:pt x="943" y="469"/>
                  </a:lnTo>
                  <a:lnTo>
                    <a:pt x="937" y="478"/>
                  </a:lnTo>
                  <a:lnTo>
                    <a:pt x="933" y="486"/>
                  </a:lnTo>
                  <a:lnTo>
                    <a:pt x="930" y="496"/>
                  </a:lnTo>
                  <a:lnTo>
                    <a:pt x="927" y="506"/>
                  </a:lnTo>
                  <a:lnTo>
                    <a:pt x="928" y="513"/>
                  </a:lnTo>
                  <a:lnTo>
                    <a:pt x="929" y="518"/>
                  </a:lnTo>
                  <a:lnTo>
                    <a:pt x="930" y="522"/>
                  </a:lnTo>
                  <a:lnTo>
                    <a:pt x="933" y="526"/>
                  </a:lnTo>
                  <a:lnTo>
                    <a:pt x="936" y="530"/>
                  </a:lnTo>
                  <a:lnTo>
                    <a:pt x="939" y="533"/>
                  </a:lnTo>
                  <a:lnTo>
                    <a:pt x="944" y="535"/>
                  </a:lnTo>
                  <a:lnTo>
                    <a:pt x="948" y="537"/>
                  </a:lnTo>
                  <a:lnTo>
                    <a:pt x="957" y="540"/>
                  </a:lnTo>
                  <a:lnTo>
                    <a:pt x="967" y="543"/>
                  </a:lnTo>
                  <a:lnTo>
                    <a:pt x="976" y="547"/>
                  </a:lnTo>
                  <a:lnTo>
                    <a:pt x="984" y="553"/>
                  </a:lnTo>
                  <a:lnTo>
                    <a:pt x="979" y="561"/>
                  </a:lnTo>
                  <a:lnTo>
                    <a:pt x="976" y="570"/>
                  </a:lnTo>
                  <a:lnTo>
                    <a:pt x="974" y="578"/>
                  </a:lnTo>
                  <a:lnTo>
                    <a:pt x="972" y="586"/>
                  </a:lnTo>
                  <a:lnTo>
                    <a:pt x="970" y="601"/>
                  </a:lnTo>
                  <a:lnTo>
                    <a:pt x="969" y="617"/>
                  </a:lnTo>
                  <a:lnTo>
                    <a:pt x="969" y="632"/>
                  </a:lnTo>
                  <a:lnTo>
                    <a:pt x="967" y="645"/>
                  </a:lnTo>
                  <a:lnTo>
                    <a:pt x="965" y="653"/>
                  </a:lnTo>
                  <a:lnTo>
                    <a:pt x="963" y="660"/>
                  </a:lnTo>
                  <a:lnTo>
                    <a:pt x="959" y="667"/>
                  </a:lnTo>
                  <a:lnTo>
                    <a:pt x="955" y="675"/>
                  </a:lnTo>
                  <a:lnTo>
                    <a:pt x="958" y="683"/>
                  </a:lnTo>
                  <a:lnTo>
                    <a:pt x="964" y="692"/>
                  </a:lnTo>
                  <a:lnTo>
                    <a:pt x="970" y="700"/>
                  </a:lnTo>
                  <a:lnTo>
                    <a:pt x="976" y="709"/>
                  </a:lnTo>
                  <a:lnTo>
                    <a:pt x="992" y="726"/>
                  </a:lnTo>
                  <a:lnTo>
                    <a:pt x="1008" y="743"/>
                  </a:lnTo>
                  <a:lnTo>
                    <a:pt x="1015" y="752"/>
                  </a:lnTo>
                  <a:lnTo>
                    <a:pt x="1021" y="759"/>
                  </a:lnTo>
                  <a:lnTo>
                    <a:pt x="1027" y="766"/>
                  </a:lnTo>
                  <a:lnTo>
                    <a:pt x="1031" y="774"/>
                  </a:lnTo>
                  <a:lnTo>
                    <a:pt x="1034" y="780"/>
                  </a:lnTo>
                  <a:lnTo>
                    <a:pt x="1035" y="786"/>
                  </a:lnTo>
                  <a:lnTo>
                    <a:pt x="1034" y="790"/>
                  </a:lnTo>
                  <a:lnTo>
                    <a:pt x="1034" y="792"/>
                  </a:lnTo>
                  <a:lnTo>
                    <a:pt x="1032" y="794"/>
                  </a:lnTo>
                  <a:lnTo>
                    <a:pt x="1030" y="796"/>
                  </a:lnTo>
                  <a:lnTo>
                    <a:pt x="1030" y="800"/>
                  </a:lnTo>
                  <a:lnTo>
                    <a:pt x="1031" y="802"/>
                  </a:lnTo>
                  <a:lnTo>
                    <a:pt x="1033" y="804"/>
                  </a:lnTo>
                  <a:lnTo>
                    <a:pt x="1035" y="805"/>
                  </a:lnTo>
                  <a:lnTo>
                    <a:pt x="1040" y="806"/>
                  </a:lnTo>
                  <a:lnTo>
                    <a:pt x="1048" y="806"/>
                  </a:lnTo>
                  <a:lnTo>
                    <a:pt x="1056" y="805"/>
                  </a:lnTo>
                  <a:lnTo>
                    <a:pt x="1064" y="805"/>
                  </a:lnTo>
                  <a:lnTo>
                    <a:pt x="1071" y="804"/>
                  </a:lnTo>
                  <a:lnTo>
                    <a:pt x="1077" y="805"/>
                  </a:lnTo>
                  <a:lnTo>
                    <a:pt x="1078" y="813"/>
                  </a:lnTo>
                  <a:lnTo>
                    <a:pt x="1078" y="820"/>
                  </a:lnTo>
                  <a:lnTo>
                    <a:pt x="1078" y="825"/>
                  </a:lnTo>
                  <a:lnTo>
                    <a:pt x="1077" y="832"/>
                  </a:lnTo>
                  <a:lnTo>
                    <a:pt x="1073" y="840"/>
                  </a:lnTo>
                  <a:lnTo>
                    <a:pt x="1068" y="849"/>
                  </a:lnTo>
                  <a:lnTo>
                    <a:pt x="1063" y="856"/>
                  </a:lnTo>
                  <a:lnTo>
                    <a:pt x="1057" y="863"/>
                  </a:lnTo>
                  <a:lnTo>
                    <a:pt x="1052" y="871"/>
                  </a:lnTo>
                  <a:lnTo>
                    <a:pt x="1049" y="880"/>
                  </a:lnTo>
                  <a:lnTo>
                    <a:pt x="1046" y="878"/>
                  </a:lnTo>
                  <a:lnTo>
                    <a:pt x="1041" y="876"/>
                  </a:lnTo>
                  <a:lnTo>
                    <a:pt x="1037" y="874"/>
                  </a:lnTo>
                  <a:lnTo>
                    <a:pt x="1033" y="873"/>
                  </a:lnTo>
                  <a:lnTo>
                    <a:pt x="1023" y="872"/>
                  </a:lnTo>
                  <a:lnTo>
                    <a:pt x="1011" y="872"/>
                  </a:lnTo>
                  <a:lnTo>
                    <a:pt x="1008" y="873"/>
                  </a:lnTo>
                  <a:lnTo>
                    <a:pt x="1006" y="875"/>
                  </a:lnTo>
                  <a:lnTo>
                    <a:pt x="1004" y="877"/>
                  </a:lnTo>
                  <a:lnTo>
                    <a:pt x="1001" y="880"/>
                  </a:lnTo>
                  <a:lnTo>
                    <a:pt x="1000" y="889"/>
                  </a:lnTo>
                  <a:lnTo>
                    <a:pt x="1001" y="898"/>
                  </a:lnTo>
                  <a:lnTo>
                    <a:pt x="1001" y="909"/>
                  </a:lnTo>
                  <a:lnTo>
                    <a:pt x="1003" y="919"/>
                  </a:lnTo>
                  <a:lnTo>
                    <a:pt x="1004" y="929"/>
                  </a:lnTo>
                  <a:lnTo>
                    <a:pt x="1003" y="937"/>
                  </a:lnTo>
                  <a:lnTo>
                    <a:pt x="999" y="936"/>
                  </a:lnTo>
                  <a:lnTo>
                    <a:pt x="997" y="935"/>
                  </a:lnTo>
                  <a:lnTo>
                    <a:pt x="995" y="933"/>
                  </a:lnTo>
                  <a:lnTo>
                    <a:pt x="995" y="930"/>
                  </a:lnTo>
                  <a:lnTo>
                    <a:pt x="994" y="924"/>
                  </a:lnTo>
                  <a:lnTo>
                    <a:pt x="993" y="918"/>
                  </a:lnTo>
                  <a:lnTo>
                    <a:pt x="986" y="931"/>
                  </a:lnTo>
                  <a:lnTo>
                    <a:pt x="977" y="941"/>
                  </a:lnTo>
                  <a:lnTo>
                    <a:pt x="968" y="950"/>
                  </a:lnTo>
                  <a:lnTo>
                    <a:pt x="958" y="957"/>
                  </a:lnTo>
                  <a:lnTo>
                    <a:pt x="949" y="961"/>
                  </a:lnTo>
                  <a:lnTo>
                    <a:pt x="937" y="964"/>
                  </a:lnTo>
                  <a:lnTo>
                    <a:pt x="926" y="965"/>
                  </a:lnTo>
                  <a:lnTo>
                    <a:pt x="914" y="966"/>
                  </a:lnTo>
                  <a:lnTo>
                    <a:pt x="888" y="965"/>
                  </a:lnTo>
                  <a:lnTo>
                    <a:pt x="859" y="961"/>
                  </a:lnTo>
                  <a:lnTo>
                    <a:pt x="829" y="958"/>
                  </a:lnTo>
                  <a:lnTo>
                    <a:pt x="796" y="956"/>
                  </a:lnTo>
                  <a:lnTo>
                    <a:pt x="795" y="962"/>
                  </a:lnTo>
                  <a:lnTo>
                    <a:pt x="794" y="969"/>
                  </a:lnTo>
                  <a:lnTo>
                    <a:pt x="794" y="975"/>
                  </a:lnTo>
                  <a:lnTo>
                    <a:pt x="795" y="979"/>
                  </a:lnTo>
                  <a:lnTo>
                    <a:pt x="797" y="983"/>
                  </a:lnTo>
                  <a:lnTo>
                    <a:pt x="799" y="988"/>
                  </a:lnTo>
                  <a:lnTo>
                    <a:pt x="801" y="991"/>
                  </a:lnTo>
                  <a:lnTo>
                    <a:pt x="805" y="994"/>
                  </a:lnTo>
                  <a:lnTo>
                    <a:pt x="819" y="1002"/>
                  </a:lnTo>
                  <a:lnTo>
                    <a:pt x="833" y="1012"/>
                  </a:lnTo>
                  <a:lnTo>
                    <a:pt x="829" y="1023"/>
                  </a:lnTo>
                  <a:lnTo>
                    <a:pt x="826" y="1035"/>
                  </a:lnTo>
                  <a:lnTo>
                    <a:pt x="822" y="1048"/>
                  </a:lnTo>
                  <a:lnTo>
                    <a:pt x="819" y="1060"/>
                  </a:lnTo>
                  <a:lnTo>
                    <a:pt x="813" y="1087"/>
                  </a:lnTo>
                  <a:lnTo>
                    <a:pt x="808" y="1113"/>
                  </a:lnTo>
                  <a:lnTo>
                    <a:pt x="805" y="1125"/>
                  </a:lnTo>
                  <a:lnTo>
                    <a:pt x="801" y="1137"/>
                  </a:lnTo>
                  <a:lnTo>
                    <a:pt x="797" y="1150"/>
                  </a:lnTo>
                  <a:lnTo>
                    <a:pt x="793" y="1161"/>
                  </a:lnTo>
                  <a:lnTo>
                    <a:pt x="788" y="1172"/>
                  </a:lnTo>
                  <a:lnTo>
                    <a:pt x="782" y="1181"/>
                  </a:lnTo>
                  <a:lnTo>
                    <a:pt x="776" y="1191"/>
                  </a:lnTo>
                  <a:lnTo>
                    <a:pt x="768" y="1199"/>
                  </a:lnTo>
                  <a:lnTo>
                    <a:pt x="758" y="1193"/>
                  </a:lnTo>
                  <a:lnTo>
                    <a:pt x="747" y="1189"/>
                  </a:lnTo>
                  <a:lnTo>
                    <a:pt x="734" y="1184"/>
                  </a:lnTo>
                  <a:lnTo>
                    <a:pt x="720" y="1181"/>
                  </a:lnTo>
                  <a:lnTo>
                    <a:pt x="707" y="1179"/>
                  </a:lnTo>
                  <a:lnTo>
                    <a:pt x="692" y="1178"/>
                  </a:lnTo>
                  <a:lnTo>
                    <a:pt x="676" y="1178"/>
                  </a:lnTo>
                  <a:lnTo>
                    <a:pt x="661" y="1178"/>
                  </a:lnTo>
                  <a:lnTo>
                    <a:pt x="647" y="1180"/>
                  </a:lnTo>
                  <a:lnTo>
                    <a:pt x="632" y="1182"/>
                  </a:lnTo>
                  <a:lnTo>
                    <a:pt x="618" y="1186"/>
                  </a:lnTo>
                  <a:lnTo>
                    <a:pt x="606" y="1190"/>
                  </a:lnTo>
                  <a:lnTo>
                    <a:pt x="594" y="1196"/>
                  </a:lnTo>
                  <a:lnTo>
                    <a:pt x="584" y="1202"/>
                  </a:lnTo>
                  <a:lnTo>
                    <a:pt x="580" y="1206"/>
                  </a:lnTo>
                  <a:lnTo>
                    <a:pt x="577" y="1210"/>
                  </a:lnTo>
                  <a:lnTo>
                    <a:pt x="574" y="1213"/>
                  </a:lnTo>
                  <a:lnTo>
                    <a:pt x="571" y="1218"/>
                  </a:lnTo>
                  <a:lnTo>
                    <a:pt x="571" y="1203"/>
                  </a:lnTo>
                  <a:lnTo>
                    <a:pt x="571" y="1190"/>
                  </a:lnTo>
                  <a:lnTo>
                    <a:pt x="559" y="1190"/>
                  </a:lnTo>
                  <a:lnTo>
                    <a:pt x="547" y="1190"/>
                  </a:lnTo>
                  <a:lnTo>
                    <a:pt x="535" y="1189"/>
                  </a:lnTo>
                  <a:lnTo>
                    <a:pt x="524" y="1187"/>
                  </a:lnTo>
                  <a:lnTo>
                    <a:pt x="514" y="1183"/>
                  </a:lnTo>
                  <a:lnTo>
                    <a:pt x="503" y="1180"/>
                  </a:lnTo>
                  <a:lnTo>
                    <a:pt x="494" y="1176"/>
                  </a:lnTo>
                  <a:lnTo>
                    <a:pt x="484" y="1172"/>
                  </a:lnTo>
                  <a:lnTo>
                    <a:pt x="476" y="1167"/>
                  </a:lnTo>
                  <a:lnTo>
                    <a:pt x="468" y="1161"/>
                  </a:lnTo>
                  <a:lnTo>
                    <a:pt x="460" y="1155"/>
                  </a:lnTo>
                  <a:lnTo>
                    <a:pt x="453" y="1148"/>
                  </a:lnTo>
                  <a:lnTo>
                    <a:pt x="447" y="1140"/>
                  </a:lnTo>
                  <a:lnTo>
                    <a:pt x="440" y="1133"/>
                  </a:lnTo>
                  <a:lnTo>
                    <a:pt x="435" y="1125"/>
                  </a:lnTo>
                  <a:lnTo>
                    <a:pt x="431" y="1117"/>
                  </a:lnTo>
                  <a:lnTo>
                    <a:pt x="427" y="1109"/>
                  </a:lnTo>
                  <a:lnTo>
                    <a:pt x="423" y="1100"/>
                  </a:lnTo>
                  <a:lnTo>
                    <a:pt x="421" y="1091"/>
                  </a:lnTo>
                  <a:lnTo>
                    <a:pt x="419" y="1081"/>
                  </a:lnTo>
                  <a:lnTo>
                    <a:pt x="418" y="1073"/>
                  </a:lnTo>
                  <a:lnTo>
                    <a:pt x="417" y="1063"/>
                  </a:lnTo>
                  <a:lnTo>
                    <a:pt x="418" y="1054"/>
                  </a:lnTo>
                  <a:lnTo>
                    <a:pt x="419" y="1044"/>
                  </a:lnTo>
                  <a:lnTo>
                    <a:pt x="421" y="1035"/>
                  </a:lnTo>
                  <a:lnTo>
                    <a:pt x="423" y="1027"/>
                  </a:lnTo>
                  <a:lnTo>
                    <a:pt x="428" y="1017"/>
                  </a:lnTo>
                  <a:lnTo>
                    <a:pt x="432" y="1008"/>
                  </a:lnTo>
                  <a:lnTo>
                    <a:pt x="437" y="999"/>
                  </a:lnTo>
                  <a:lnTo>
                    <a:pt x="443" y="991"/>
                  </a:lnTo>
                  <a:lnTo>
                    <a:pt x="451" y="982"/>
                  </a:lnTo>
                  <a:lnTo>
                    <a:pt x="459" y="974"/>
                  </a:lnTo>
                  <a:lnTo>
                    <a:pt x="459" y="962"/>
                  </a:lnTo>
                  <a:lnTo>
                    <a:pt x="459" y="951"/>
                  </a:lnTo>
                  <a:lnTo>
                    <a:pt x="458" y="945"/>
                  </a:lnTo>
                  <a:lnTo>
                    <a:pt x="457" y="941"/>
                  </a:lnTo>
                  <a:lnTo>
                    <a:pt x="454" y="938"/>
                  </a:lnTo>
                  <a:lnTo>
                    <a:pt x="450" y="937"/>
                  </a:lnTo>
                  <a:lnTo>
                    <a:pt x="470" y="922"/>
                  </a:lnTo>
                  <a:lnTo>
                    <a:pt x="491" y="909"/>
                  </a:lnTo>
                  <a:lnTo>
                    <a:pt x="501" y="900"/>
                  </a:lnTo>
                  <a:lnTo>
                    <a:pt x="510" y="892"/>
                  </a:lnTo>
                  <a:lnTo>
                    <a:pt x="514" y="888"/>
                  </a:lnTo>
                  <a:lnTo>
                    <a:pt x="518" y="882"/>
                  </a:lnTo>
                  <a:lnTo>
                    <a:pt x="521" y="877"/>
                  </a:lnTo>
                  <a:lnTo>
                    <a:pt x="524" y="872"/>
                  </a:lnTo>
                  <a:lnTo>
                    <a:pt x="526" y="866"/>
                  </a:lnTo>
                  <a:lnTo>
                    <a:pt x="526" y="862"/>
                  </a:lnTo>
                  <a:lnTo>
                    <a:pt x="524" y="859"/>
                  </a:lnTo>
                  <a:lnTo>
                    <a:pt x="523" y="856"/>
                  </a:lnTo>
                  <a:lnTo>
                    <a:pt x="520" y="852"/>
                  </a:lnTo>
                  <a:lnTo>
                    <a:pt x="515" y="848"/>
                  </a:lnTo>
                  <a:lnTo>
                    <a:pt x="511" y="844"/>
                  </a:lnTo>
                  <a:lnTo>
                    <a:pt x="507" y="840"/>
                  </a:lnTo>
                  <a:lnTo>
                    <a:pt x="506" y="837"/>
                  </a:lnTo>
                  <a:lnTo>
                    <a:pt x="504" y="834"/>
                  </a:lnTo>
                  <a:lnTo>
                    <a:pt x="504" y="830"/>
                  </a:lnTo>
                  <a:lnTo>
                    <a:pt x="506" y="824"/>
                  </a:lnTo>
                  <a:lnTo>
                    <a:pt x="509" y="821"/>
                  </a:lnTo>
                  <a:lnTo>
                    <a:pt x="513" y="818"/>
                  </a:lnTo>
                  <a:lnTo>
                    <a:pt x="516" y="816"/>
                  </a:lnTo>
                  <a:lnTo>
                    <a:pt x="520" y="814"/>
                  </a:lnTo>
                  <a:lnTo>
                    <a:pt x="529" y="812"/>
                  </a:lnTo>
                  <a:lnTo>
                    <a:pt x="537" y="811"/>
                  </a:lnTo>
                  <a:lnTo>
                    <a:pt x="556" y="812"/>
                  </a:lnTo>
                  <a:lnTo>
                    <a:pt x="575" y="814"/>
                  </a:lnTo>
                  <a:lnTo>
                    <a:pt x="583" y="814"/>
                  </a:lnTo>
                  <a:lnTo>
                    <a:pt x="592" y="814"/>
                  </a:lnTo>
                  <a:lnTo>
                    <a:pt x="599" y="813"/>
                  </a:lnTo>
                  <a:lnTo>
                    <a:pt x="606" y="810"/>
                  </a:lnTo>
                  <a:lnTo>
                    <a:pt x="609" y="807"/>
                  </a:lnTo>
                  <a:lnTo>
                    <a:pt x="611" y="805"/>
                  </a:lnTo>
                  <a:lnTo>
                    <a:pt x="613" y="802"/>
                  </a:lnTo>
                  <a:lnTo>
                    <a:pt x="615" y="799"/>
                  </a:lnTo>
                  <a:lnTo>
                    <a:pt x="617" y="790"/>
                  </a:lnTo>
                  <a:lnTo>
                    <a:pt x="618" y="778"/>
                  </a:lnTo>
                  <a:lnTo>
                    <a:pt x="608" y="774"/>
                  </a:lnTo>
                  <a:lnTo>
                    <a:pt x="599" y="769"/>
                  </a:lnTo>
                  <a:lnTo>
                    <a:pt x="592" y="761"/>
                  </a:lnTo>
                  <a:lnTo>
                    <a:pt x="586" y="754"/>
                  </a:lnTo>
                  <a:lnTo>
                    <a:pt x="574" y="737"/>
                  </a:lnTo>
                  <a:lnTo>
                    <a:pt x="563" y="720"/>
                  </a:lnTo>
                  <a:lnTo>
                    <a:pt x="557" y="713"/>
                  </a:lnTo>
                  <a:lnTo>
                    <a:pt x="550" y="705"/>
                  </a:lnTo>
                  <a:lnTo>
                    <a:pt x="542" y="699"/>
                  </a:lnTo>
                  <a:lnTo>
                    <a:pt x="533" y="695"/>
                  </a:lnTo>
                  <a:lnTo>
                    <a:pt x="528" y="693"/>
                  </a:lnTo>
                  <a:lnTo>
                    <a:pt x="522" y="691"/>
                  </a:lnTo>
                  <a:lnTo>
                    <a:pt x="516" y="691"/>
                  </a:lnTo>
                  <a:lnTo>
                    <a:pt x="510" y="690"/>
                  </a:lnTo>
                  <a:lnTo>
                    <a:pt x="495" y="691"/>
                  </a:lnTo>
                  <a:lnTo>
                    <a:pt x="478" y="694"/>
                  </a:lnTo>
                  <a:lnTo>
                    <a:pt x="474" y="689"/>
                  </a:lnTo>
                  <a:lnTo>
                    <a:pt x="471" y="681"/>
                  </a:lnTo>
                  <a:lnTo>
                    <a:pt x="469" y="674"/>
                  </a:lnTo>
                  <a:lnTo>
                    <a:pt x="469" y="665"/>
                  </a:lnTo>
                  <a:lnTo>
                    <a:pt x="468" y="646"/>
                  </a:lnTo>
                  <a:lnTo>
                    <a:pt x="469" y="627"/>
                  </a:lnTo>
                  <a:lnTo>
                    <a:pt x="467" y="624"/>
                  </a:lnTo>
                  <a:lnTo>
                    <a:pt x="464" y="622"/>
                  </a:lnTo>
                  <a:lnTo>
                    <a:pt x="462" y="620"/>
                  </a:lnTo>
                  <a:lnTo>
                    <a:pt x="458" y="619"/>
                  </a:lnTo>
                  <a:lnTo>
                    <a:pt x="450" y="618"/>
                  </a:lnTo>
                  <a:lnTo>
                    <a:pt x="441" y="617"/>
                  </a:lnTo>
                  <a:lnTo>
                    <a:pt x="438" y="616"/>
                  </a:lnTo>
                  <a:lnTo>
                    <a:pt x="434" y="615"/>
                  </a:lnTo>
                  <a:lnTo>
                    <a:pt x="431" y="614"/>
                  </a:lnTo>
                  <a:lnTo>
                    <a:pt x="429" y="611"/>
                  </a:lnTo>
                  <a:lnTo>
                    <a:pt x="428" y="607"/>
                  </a:lnTo>
                  <a:lnTo>
                    <a:pt x="428" y="603"/>
                  </a:lnTo>
                  <a:lnTo>
                    <a:pt x="429" y="598"/>
                  </a:lnTo>
                  <a:lnTo>
                    <a:pt x="431" y="591"/>
                  </a:lnTo>
                  <a:lnTo>
                    <a:pt x="408" y="591"/>
                  </a:lnTo>
                  <a:lnTo>
                    <a:pt x="383" y="591"/>
                  </a:lnTo>
                  <a:lnTo>
                    <a:pt x="373" y="591"/>
                  </a:lnTo>
                  <a:lnTo>
                    <a:pt x="362" y="588"/>
                  </a:lnTo>
                  <a:lnTo>
                    <a:pt x="358" y="587"/>
                  </a:lnTo>
                  <a:lnTo>
                    <a:pt x="354" y="585"/>
                  </a:lnTo>
                  <a:lnTo>
                    <a:pt x="350" y="583"/>
                  </a:lnTo>
                  <a:lnTo>
                    <a:pt x="347" y="581"/>
                  </a:lnTo>
                  <a:lnTo>
                    <a:pt x="340" y="581"/>
                  </a:lnTo>
                  <a:lnTo>
                    <a:pt x="335" y="582"/>
                  </a:lnTo>
                  <a:lnTo>
                    <a:pt x="331" y="584"/>
                  </a:lnTo>
                  <a:lnTo>
                    <a:pt x="326" y="586"/>
                  </a:lnTo>
                  <a:lnTo>
                    <a:pt x="319" y="592"/>
                  </a:lnTo>
                  <a:lnTo>
                    <a:pt x="313" y="599"/>
                  </a:lnTo>
                  <a:lnTo>
                    <a:pt x="308" y="606"/>
                  </a:lnTo>
                  <a:lnTo>
                    <a:pt x="303" y="615"/>
                  </a:lnTo>
                  <a:lnTo>
                    <a:pt x="297" y="622"/>
                  </a:lnTo>
                  <a:lnTo>
                    <a:pt x="291" y="627"/>
                  </a:lnTo>
                  <a:lnTo>
                    <a:pt x="273" y="610"/>
                  </a:lnTo>
                  <a:lnTo>
                    <a:pt x="257" y="591"/>
                  </a:lnTo>
                  <a:lnTo>
                    <a:pt x="253" y="586"/>
                  </a:lnTo>
                  <a:lnTo>
                    <a:pt x="248" y="583"/>
                  </a:lnTo>
                  <a:lnTo>
                    <a:pt x="241" y="580"/>
                  </a:lnTo>
                  <a:lnTo>
                    <a:pt x="235" y="578"/>
                  </a:lnTo>
                  <a:lnTo>
                    <a:pt x="226" y="577"/>
                  </a:lnTo>
                  <a:lnTo>
                    <a:pt x="218" y="577"/>
                  </a:lnTo>
                  <a:lnTo>
                    <a:pt x="208" y="578"/>
                  </a:lnTo>
                  <a:lnTo>
                    <a:pt x="197" y="581"/>
                  </a:lnTo>
                  <a:lnTo>
                    <a:pt x="201" y="577"/>
                  </a:lnTo>
                  <a:lnTo>
                    <a:pt x="203" y="573"/>
                  </a:lnTo>
                  <a:lnTo>
                    <a:pt x="206" y="568"/>
                  </a:lnTo>
                  <a:lnTo>
                    <a:pt x="208" y="564"/>
                  </a:lnTo>
                  <a:lnTo>
                    <a:pt x="209" y="559"/>
                  </a:lnTo>
                  <a:lnTo>
                    <a:pt x="209" y="555"/>
                  </a:lnTo>
                  <a:lnTo>
                    <a:pt x="208" y="550"/>
                  </a:lnTo>
                  <a:lnTo>
                    <a:pt x="206" y="544"/>
                  </a:lnTo>
                  <a:lnTo>
                    <a:pt x="202" y="535"/>
                  </a:lnTo>
                  <a:lnTo>
                    <a:pt x="196" y="525"/>
                  </a:lnTo>
                  <a:lnTo>
                    <a:pt x="187" y="516"/>
                  </a:lnTo>
                  <a:lnTo>
                    <a:pt x="178" y="507"/>
                  </a:lnTo>
                  <a:lnTo>
                    <a:pt x="167" y="500"/>
                  </a:lnTo>
                  <a:lnTo>
                    <a:pt x="156" y="494"/>
                  </a:lnTo>
                  <a:lnTo>
                    <a:pt x="143" y="487"/>
                  </a:lnTo>
                  <a:lnTo>
                    <a:pt x="131" y="484"/>
                  </a:lnTo>
                  <a:lnTo>
                    <a:pt x="118" y="482"/>
                  </a:lnTo>
                  <a:lnTo>
                    <a:pt x="106" y="481"/>
                  </a:lnTo>
                  <a:lnTo>
                    <a:pt x="100" y="482"/>
                  </a:lnTo>
                  <a:lnTo>
                    <a:pt x="95" y="483"/>
                  </a:lnTo>
                  <a:lnTo>
                    <a:pt x="90" y="485"/>
                  </a:lnTo>
                  <a:lnTo>
                    <a:pt x="84" y="487"/>
                  </a:lnTo>
                  <a:lnTo>
                    <a:pt x="74" y="474"/>
                  </a:lnTo>
                  <a:lnTo>
                    <a:pt x="63" y="458"/>
                  </a:lnTo>
                  <a:lnTo>
                    <a:pt x="53" y="442"/>
                  </a:lnTo>
                  <a:lnTo>
                    <a:pt x="43" y="424"/>
                  </a:lnTo>
                  <a:lnTo>
                    <a:pt x="22" y="387"/>
                  </a:lnTo>
                  <a:lnTo>
                    <a:pt x="0" y="346"/>
                  </a:lnTo>
                  <a:lnTo>
                    <a:pt x="10" y="346"/>
                  </a:lnTo>
                  <a:lnTo>
                    <a:pt x="18" y="344"/>
                  </a:lnTo>
                  <a:lnTo>
                    <a:pt x="25" y="340"/>
                  </a:lnTo>
                  <a:lnTo>
                    <a:pt x="32" y="336"/>
                  </a:lnTo>
                  <a:lnTo>
                    <a:pt x="43" y="326"/>
                  </a:lnTo>
                  <a:lnTo>
                    <a:pt x="56" y="319"/>
                  </a:lnTo>
                  <a:lnTo>
                    <a:pt x="56" y="310"/>
                  </a:lnTo>
                  <a:lnTo>
                    <a:pt x="55" y="304"/>
                  </a:lnTo>
                  <a:lnTo>
                    <a:pt x="52" y="299"/>
                  </a:lnTo>
                  <a:lnTo>
                    <a:pt x="47" y="295"/>
                  </a:lnTo>
                  <a:lnTo>
                    <a:pt x="39" y="287"/>
                  </a:lnTo>
                  <a:lnTo>
                    <a:pt x="28" y="281"/>
                  </a:lnTo>
                  <a:lnTo>
                    <a:pt x="33" y="279"/>
                  </a:lnTo>
                  <a:lnTo>
                    <a:pt x="38" y="277"/>
                  </a:lnTo>
                  <a:lnTo>
                    <a:pt x="44" y="277"/>
                  </a:lnTo>
                  <a:lnTo>
                    <a:pt x="51" y="276"/>
                  </a:lnTo>
                  <a:lnTo>
                    <a:pt x="64" y="277"/>
                  </a:lnTo>
                  <a:lnTo>
                    <a:pt x="77" y="276"/>
                  </a:lnTo>
                  <a:lnTo>
                    <a:pt x="83" y="276"/>
                  </a:lnTo>
                  <a:lnTo>
                    <a:pt x="90" y="274"/>
                  </a:lnTo>
                  <a:lnTo>
                    <a:pt x="94" y="272"/>
                  </a:lnTo>
                  <a:lnTo>
                    <a:pt x="98" y="267"/>
                  </a:lnTo>
                  <a:lnTo>
                    <a:pt x="101" y="262"/>
                  </a:lnTo>
                  <a:lnTo>
                    <a:pt x="103" y="255"/>
                  </a:lnTo>
                  <a:lnTo>
                    <a:pt x="104" y="245"/>
                  </a:lnTo>
                  <a:lnTo>
                    <a:pt x="103" y="235"/>
                  </a:lnTo>
                  <a:lnTo>
                    <a:pt x="118" y="238"/>
                  </a:lnTo>
                  <a:lnTo>
                    <a:pt x="132" y="241"/>
                  </a:lnTo>
                  <a:lnTo>
                    <a:pt x="145" y="246"/>
                  </a:lnTo>
                  <a:lnTo>
                    <a:pt x="159" y="250"/>
                  </a:lnTo>
                  <a:lnTo>
                    <a:pt x="184" y="260"/>
                  </a:lnTo>
                  <a:lnTo>
                    <a:pt x="210" y="268"/>
                  </a:lnTo>
                  <a:lnTo>
                    <a:pt x="221" y="272"/>
                  </a:lnTo>
                  <a:lnTo>
                    <a:pt x="234" y="274"/>
                  </a:lnTo>
                  <a:lnTo>
                    <a:pt x="246" y="275"/>
                  </a:lnTo>
                  <a:lnTo>
                    <a:pt x="258" y="275"/>
                  </a:lnTo>
                  <a:lnTo>
                    <a:pt x="271" y="273"/>
                  </a:lnTo>
                  <a:lnTo>
                    <a:pt x="283" y="268"/>
                  </a:lnTo>
                  <a:lnTo>
                    <a:pt x="296" y="262"/>
                  </a:lnTo>
                  <a:lnTo>
                    <a:pt x="309" y="254"/>
                  </a:lnTo>
                  <a:lnTo>
                    <a:pt x="314" y="261"/>
                  </a:lnTo>
                  <a:lnTo>
                    <a:pt x="319" y="267"/>
                  </a:lnTo>
                  <a:lnTo>
                    <a:pt x="325" y="273"/>
                  </a:lnTo>
                  <a:lnTo>
                    <a:pt x="332" y="277"/>
                  </a:lnTo>
                  <a:lnTo>
                    <a:pt x="339" y="281"/>
                  </a:lnTo>
                  <a:lnTo>
                    <a:pt x="345" y="284"/>
                  </a:lnTo>
                  <a:lnTo>
                    <a:pt x="354" y="285"/>
                  </a:lnTo>
                  <a:lnTo>
                    <a:pt x="361" y="286"/>
                  </a:lnTo>
                  <a:lnTo>
                    <a:pt x="369" y="287"/>
                  </a:lnTo>
                  <a:lnTo>
                    <a:pt x="377" y="287"/>
                  </a:lnTo>
                  <a:lnTo>
                    <a:pt x="385" y="286"/>
                  </a:lnTo>
                  <a:lnTo>
                    <a:pt x="394" y="284"/>
                  </a:lnTo>
                  <a:lnTo>
                    <a:pt x="412" y="280"/>
                  </a:lnTo>
                  <a:lnTo>
                    <a:pt x="430" y="273"/>
                  </a:lnTo>
                  <a:lnTo>
                    <a:pt x="447" y="265"/>
                  </a:lnTo>
                  <a:lnTo>
                    <a:pt x="463" y="256"/>
                  </a:lnTo>
                  <a:lnTo>
                    <a:pt x="480" y="246"/>
                  </a:lnTo>
                  <a:lnTo>
                    <a:pt x="496" y="236"/>
                  </a:lnTo>
                  <a:lnTo>
                    <a:pt x="510" y="225"/>
                  </a:lnTo>
                  <a:lnTo>
                    <a:pt x="523" y="215"/>
                  </a:lnTo>
                  <a:lnTo>
                    <a:pt x="534" y="205"/>
                  </a:lnTo>
                  <a:lnTo>
                    <a:pt x="543" y="197"/>
                  </a:lnTo>
                  <a:lnTo>
                    <a:pt x="541" y="193"/>
                  </a:lnTo>
                  <a:lnTo>
                    <a:pt x="539" y="188"/>
                  </a:lnTo>
                  <a:lnTo>
                    <a:pt x="536" y="185"/>
                  </a:lnTo>
                  <a:lnTo>
                    <a:pt x="532" y="182"/>
                  </a:lnTo>
                  <a:lnTo>
                    <a:pt x="523" y="178"/>
                  </a:lnTo>
                  <a:lnTo>
                    <a:pt x="514" y="175"/>
                  </a:lnTo>
                  <a:lnTo>
                    <a:pt x="503" y="173"/>
                  </a:lnTo>
                  <a:lnTo>
                    <a:pt x="494" y="169"/>
                  </a:lnTo>
                  <a:lnTo>
                    <a:pt x="490" y="167"/>
                  </a:lnTo>
                  <a:lnTo>
                    <a:pt x="484" y="165"/>
                  </a:lnTo>
                  <a:lnTo>
                    <a:pt x="481" y="163"/>
                  </a:lnTo>
                  <a:lnTo>
                    <a:pt x="478" y="160"/>
                  </a:lnTo>
                  <a:lnTo>
                    <a:pt x="481" y="155"/>
                  </a:lnTo>
                  <a:lnTo>
                    <a:pt x="484" y="147"/>
                  </a:lnTo>
                  <a:lnTo>
                    <a:pt x="487" y="140"/>
                  </a:lnTo>
                  <a:lnTo>
                    <a:pt x="488" y="131"/>
                  </a:lnTo>
                  <a:lnTo>
                    <a:pt x="488" y="113"/>
                  </a:lnTo>
                  <a:lnTo>
                    <a:pt x="487" y="94"/>
                  </a:lnTo>
                  <a:lnTo>
                    <a:pt x="493" y="101"/>
                  </a:lnTo>
                  <a:lnTo>
                    <a:pt x="498" y="107"/>
                  </a:lnTo>
                  <a:lnTo>
                    <a:pt x="504" y="114"/>
                  </a:lnTo>
                  <a:lnTo>
                    <a:pt x="511" y="119"/>
                  </a:lnTo>
                  <a:lnTo>
                    <a:pt x="518" y="124"/>
                  </a:lnTo>
                  <a:lnTo>
                    <a:pt x="526" y="129"/>
                  </a:lnTo>
                  <a:lnTo>
                    <a:pt x="534" y="134"/>
                  </a:lnTo>
                  <a:lnTo>
                    <a:pt x="542" y="137"/>
                  </a:lnTo>
                  <a:lnTo>
                    <a:pt x="551" y="141"/>
                  </a:lnTo>
                  <a:lnTo>
                    <a:pt x="560" y="143"/>
                  </a:lnTo>
                  <a:lnTo>
                    <a:pt x="571" y="146"/>
                  </a:lnTo>
                  <a:lnTo>
                    <a:pt x="581" y="147"/>
                  </a:lnTo>
                  <a:lnTo>
                    <a:pt x="592" y="149"/>
                  </a:lnTo>
                  <a:lnTo>
                    <a:pt x="603" y="150"/>
                  </a:lnTo>
                  <a:lnTo>
                    <a:pt x="615" y="150"/>
                  </a:lnTo>
                  <a:lnTo>
                    <a:pt x="628" y="150"/>
                  </a:lnTo>
                  <a:lnTo>
                    <a:pt x="635" y="143"/>
                  </a:lnTo>
                  <a:lnTo>
                    <a:pt x="642" y="136"/>
                  </a:lnTo>
                  <a:lnTo>
                    <a:pt x="649" y="128"/>
                  </a:lnTo>
                  <a:lnTo>
                    <a:pt x="656" y="120"/>
                  </a:lnTo>
                  <a:lnTo>
                    <a:pt x="668" y="103"/>
                  </a:lnTo>
                  <a:lnTo>
                    <a:pt x="680" y="86"/>
                  </a:lnTo>
                  <a:lnTo>
                    <a:pt x="688" y="79"/>
                  </a:lnTo>
                  <a:lnTo>
                    <a:pt x="695" y="71"/>
                  </a:lnTo>
                  <a:lnTo>
                    <a:pt x="703" y="65"/>
                  </a:lnTo>
                  <a:lnTo>
                    <a:pt x="712" y="59"/>
                  </a:lnTo>
                  <a:lnTo>
                    <a:pt x="721" y="55"/>
                  </a:lnTo>
                  <a:lnTo>
                    <a:pt x="733" y="50"/>
                  </a:lnTo>
                  <a:lnTo>
                    <a:pt x="745" y="48"/>
                  </a:lnTo>
                  <a:lnTo>
                    <a:pt x="758" y="47"/>
                  </a:lnTo>
                  <a:lnTo>
                    <a:pt x="758" y="36"/>
                  </a:lnTo>
                  <a:lnTo>
                    <a:pt x="758" y="24"/>
                  </a:lnTo>
                  <a:lnTo>
                    <a:pt x="758" y="12"/>
                  </a:lnTo>
                  <a:lnTo>
                    <a:pt x="758" y="0"/>
                  </a:lnTo>
                  <a:lnTo>
                    <a:pt x="776" y="1"/>
                  </a:lnTo>
                  <a:lnTo>
                    <a:pt x="794" y="2"/>
                  </a:lnTo>
                  <a:lnTo>
                    <a:pt x="811" y="5"/>
                  </a:lnTo>
                  <a:lnTo>
                    <a:pt x="828" y="10"/>
                  </a:lnTo>
                  <a:lnTo>
                    <a:pt x="845" y="17"/>
                  </a:lnTo>
                  <a:lnTo>
                    <a:pt x="861" y="24"/>
                  </a:lnTo>
                  <a:lnTo>
                    <a:pt x="876" y="34"/>
                  </a:lnTo>
                  <a:lnTo>
                    <a:pt x="891" y="44"/>
                  </a:lnTo>
                  <a:lnTo>
                    <a:pt x="905" y="56"/>
                  </a:lnTo>
                  <a:lnTo>
                    <a:pt x="917" y="68"/>
                  </a:lnTo>
                  <a:lnTo>
                    <a:pt x="929" y="82"/>
                  </a:lnTo>
                  <a:lnTo>
                    <a:pt x="939" y="98"/>
                  </a:lnTo>
                  <a:lnTo>
                    <a:pt x="948" y="114"/>
                  </a:lnTo>
                  <a:lnTo>
                    <a:pt x="955" y="131"/>
                  </a:lnTo>
                  <a:lnTo>
                    <a:pt x="960" y="149"/>
                  </a:lnTo>
                  <a:lnTo>
                    <a:pt x="965" y="169"/>
                  </a:lnTo>
                  <a:lnTo>
                    <a:pt x="957" y="168"/>
                  </a:lnTo>
                  <a:lnTo>
                    <a:pt x="952" y="170"/>
                  </a:lnTo>
                  <a:lnTo>
                    <a:pt x="950" y="171"/>
                  </a:lnTo>
                  <a:lnTo>
                    <a:pt x="948" y="174"/>
                  </a:lnTo>
                  <a:lnTo>
                    <a:pt x="947" y="176"/>
                  </a:lnTo>
                  <a:lnTo>
                    <a:pt x="946" y="178"/>
                  </a:lnTo>
                  <a:lnTo>
                    <a:pt x="939" y="179"/>
                  </a:lnTo>
                  <a:lnTo>
                    <a:pt x="934" y="180"/>
                  </a:lnTo>
                  <a:lnTo>
                    <a:pt x="929" y="179"/>
                  </a:lnTo>
                  <a:lnTo>
                    <a:pt x="925" y="178"/>
                  </a:lnTo>
                  <a:lnTo>
                    <a:pt x="918" y="175"/>
                  </a:lnTo>
                  <a:lnTo>
                    <a:pt x="913" y="169"/>
                  </a:lnTo>
                  <a:lnTo>
                    <a:pt x="908" y="163"/>
                  </a:lnTo>
                  <a:lnTo>
                    <a:pt x="902" y="158"/>
                  </a:lnTo>
                  <a:lnTo>
                    <a:pt x="900" y="156"/>
                  </a:lnTo>
                  <a:lnTo>
                    <a:pt x="897" y="154"/>
                  </a:lnTo>
                  <a:lnTo>
                    <a:pt x="894" y="151"/>
                  </a:lnTo>
                  <a:lnTo>
                    <a:pt x="890" y="150"/>
                  </a:lnTo>
                  <a:lnTo>
                    <a:pt x="882" y="154"/>
                  </a:lnTo>
                  <a:lnTo>
                    <a:pt x="877" y="158"/>
                  </a:lnTo>
                  <a:lnTo>
                    <a:pt x="873" y="163"/>
                  </a:lnTo>
                  <a:lnTo>
                    <a:pt x="871" y="168"/>
                  </a:lnTo>
                  <a:lnTo>
                    <a:pt x="870" y="174"/>
                  </a:lnTo>
                  <a:lnTo>
                    <a:pt x="871" y="179"/>
                  </a:lnTo>
                  <a:lnTo>
                    <a:pt x="872" y="185"/>
                  </a:lnTo>
                  <a:lnTo>
                    <a:pt x="874" y="191"/>
                  </a:lnTo>
                  <a:lnTo>
                    <a:pt x="888" y="215"/>
                  </a:lnTo>
                  <a:lnTo>
                    <a:pt x="899" y="235"/>
                  </a:lnTo>
                  <a:lnTo>
                    <a:pt x="899" y="244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265" name="Syddjurs og Favrskov"/>
            <p:cNvGrpSpPr/>
            <p:nvPr/>
          </p:nvGrpSpPr>
          <p:grpSpPr>
            <a:xfrm>
              <a:off x="1751015" y="3956056"/>
              <a:ext cx="920752" cy="420688"/>
              <a:chOff x="1751015" y="3956056"/>
              <a:chExt cx="920752" cy="420688"/>
            </a:xfrm>
            <a:grpFill/>
          </p:grpSpPr>
          <p:sp>
            <p:nvSpPr>
              <p:cNvPr id="311" name="Freeform 141"/>
              <p:cNvSpPr>
                <a:spLocks/>
              </p:cNvSpPr>
              <p:nvPr/>
            </p:nvSpPr>
            <p:spPr bwMode="auto">
              <a:xfrm>
                <a:off x="2432054" y="4286256"/>
                <a:ext cx="3175" cy="22225"/>
              </a:xfrm>
              <a:custGeom>
                <a:avLst/>
                <a:gdLst>
                  <a:gd name="T0" fmla="*/ 0 w 5"/>
                  <a:gd name="T1" fmla="*/ 0 h 42"/>
                  <a:gd name="T2" fmla="*/ 0 w 5"/>
                  <a:gd name="T3" fmla="*/ 4 h 42"/>
                  <a:gd name="T4" fmla="*/ 0 w 5"/>
                  <a:gd name="T5" fmla="*/ 8 h 42"/>
                  <a:gd name="T6" fmla="*/ 1 w 5"/>
                  <a:gd name="T7" fmla="*/ 11 h 42"/>
                  <a:gd name="T8" fmla="*/ 2 w 5"/>
                  <a:gd name="T9" fmla="*/ 14 h 42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0" t="0" r="r" b="b"/>
                <a:pathLst>
                  <a:path w="5" h="42">
                    <a:moveTo>
                      <a:pt x="0" y="0"/>
                    </a:moveTo>
                    <a:lnTo>
                      <a:pt x="0" y="11"/>
                    </a:lnTo>
                    <a:lnTo>
                      <a:pt x="0" y="23"/>
                    </a:lnTo>
                    <a:lnTo>
                      <a:pt x="2" y="33"/>
                    </a:lnTo>
                    <a:lnTo>
                      <a:pt x="5" y="42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12" name="Syddjurs og Favrskov 2"/>
              <p:cNvSpPr>
                <a:spLocks/>
              </p:cNvSpPr>
              <p:nvPr/>
            </p:nvSpPr>
            <p:spPr bwMode="auto">
              <a:xfrm>
                <a:off x="2400303" y="4303719"/>
                <a:ext cx="57150" cy="73025"/>
              </a:xfrm>
              <a:custGeom>
                <a:avLst/>
                <a:gdLst>
                  <a:gd name="T0" fmla="*/ 22 w 108"/>
                  <a:gd name="T1" fmla="*/ 0 h 140"/>
                  <a:gd name="T2" fmla="*/ 24 w 108"/>
                  <a:gd name="T3" fmla="*/ 2 h 140"/>
                  <a:gd name="T4" fmla="*/ 27 w 108"/>
                  <a:gd name="T5" fmla="*/ 4 h 140"/>
                  <a:gd name="T6" fmla="*/ 29 w 108"/>
                  <a:gd name="T7" fmla="*/ 6 h 140"/>
                  <a:gd name="T8" fmla="*/ 31 w 108"/>
                  <a:gd name="T9" fmla="*/ 8 h 140"/>
                  <a:gd name="T10" fmla="*/ 32 w 108"/>
                  <a:gd name="T11" fmla="*/ 11 h 140"/>
                  <a:gd name="T12" fmla="*/ 34 w 108"/>
                  <a:gd name="T13" fmla="*/ 13 h 140"/>
                  <a:gd name="T14" fmla="*/ 35 w 108"/>
                  <a:gd name="T15" fmla="*/ 16 h 140"/>
                  <a:gd name="T16" fmla="*/ 35 w 108"/>
                  <a:gd name="T17" fmla="*/ 19 h 140"/>
                  <a:gd name="T18" fmla="*/ 36 w 108"/>
                  <a:gd name="T19" fmla="*/ 22 h 140"/>
                  <a:gd name="T20" fmla="*/ 36 w 108"/>
                  <a:gd name="T21" fmla="*/ 25 h 140"/>
                  <a:gd name="T22" fmla="*/ 36 w 108"/>
                  <a:gd name="T23" fmla="*/ 28 h 140"/>
                  <a:gd name="T24" fmla="*/ 36 w 108"/>
                  <a:gd name="T25" fmla="*/ 31 h 140"/>
                  <a:gd name="T26" fmla="*/ 35 w 108"/>
                  <a:gd name="T27" fmla="*/ 34 h 140"/>
                  <a:gd name="T28" fmla="*/ 34 w 108"/>
                  <a:gd name="T29" fmla="*/ 37 h 140"/>
                  <a:gd name="T30" fmla="*/ 33 w 108"/>
                  <a:gd name="T31" fmla="*/ 40 h 140"/>
                  <a:gd name="T32" fmla="*/ 31 w 108"/>
                  <a:gd name="T33" fmla="*/ 43 h 140"/>
                  <a:gd name="T34" fmla="*/ 28 w 108"/>
                  <a:gd name="T35" fmla="*/ 43 h 140"/>
                  <a:gd name="T36" fmla="*/ 25 w 108"/>
                  <a:gd name="T37" fmla="*/ 43 h 140"/>
                  <a:gd name="T38" fmla="*/ 23 w 108"/>
                  <a:gd name="T39" fmla="*/ 43 h 140"/>
                  <a:gd name="T40" fmla="*/ 21 w 108"/>
                  <a:gd name="T41" fmla="*/ 44 h 140"/>
                  <a:gd name="T42" fmla="*/ 19 w 108"/>
                  <a:gd name="T43" fmla="*/ 45 h 140"/>
                  <a:gd name="T44" fmla="*/ 17 w 108"/>
                  <a:gd name="T45" fmla="*/ 45 h 140"/>
                  <a:gd name="T46" fmla="*/ 15 w 108"/>
                  <a:gd name="T47" fmla="*/ 46 h 140"/>
                  <a:gd name="T48" fmla="*/ 13 w 108"/>
                  <a:gd name="T49" fmla="*/ 46 h 140"/>
                  <a:gd name="T50" fmla="*/ 11 w 108"/>
                  <a:gd name="T51" fmla="*/ 42 h 140"/>
                  <a:gd name="T52" fmla="*/ 9 w 108"/>
                  <a:gd name="T53" fmla="*/ 37 h 140"/>
                  <a:gd name="T54" fmla="*/ 7 w 108"/>
                  <a:gd name="T55" fmla="*/ 34 h 140"/>
                  <a:gd name="T56" fmla="*/ 4 w 108"/>
                  <a:gd name="T57" fmla="*/ 30 h 140"/>
                  <a:gd name="T58" fmla="*/ 2 w 108"/>
                  <a:gd name="T59" fmla="*/ 25 h 140"/>
                  <a:gd name="T60" fmla="*/ 1 w 108"/>
                  <a:gd name="T61" fmla="*/ 21 h 140"/>
                  <a:gd name="T62" fmla="*/ 0 w 108"/>
                  <a:gd name="T63" fmla="*/ 18 h 140"/>
                  <a:gd name="T64" fmla="*/ 0 w 108"/>
                  <a:gd name="T65" fmla="*/ 16 h 140"/>
                  <a:gd name="T66" fmla="*/ 0 w 108"/>
                  <a:gd name="T67" fmla="*/ 12 h 140"/>
                  <a:gd name="T68" fmla="*/ 0 w 108"/>
                  <a:gd name="T69" fmla="*/ 10 h 140"/>
                  <a:gd name="T70" fmla="*/ 6 w 108"/>
                  <a:gd name="T71" fmla="*/ 10 h 140"/>
                  <a:gd name="T72" fmla="*/ 11 w 108"/>
                  <a:gd name="T73" fmla="*/ 10 h 140"/>
                  <a:gd name="T74" fmla="*/ 13 w 108"/>
                  <a:gd name="T75" fmla="*/ 9 h 140"/>
                  <a:gd name="T76" fmla="*/ 15 w 108"/>
                  <a:gd name="T77" fmla="*/ 8 h 140"/>
                  <a:gd name="T78" fmla="*/ 17 w 108"/>
                  <a:gd name="T79" fmla="*/ 7 h 140"/>
                  <a:gd name="T80" fmla="*/ 19 w 108"/>
                  <a:gd name="T81" fmla="*/ 6 h 140"/>
                  <a:gd name="T82" fmla="*/ 19 w 108"/>
                  <a:gd name="T83" fmla="*/ 5 h 140"/>
                  <a:gd name="T84" fmla="*/ 19 w 108"/>
                  <a:gd name="T85" fmla="*/ 3 h 140"/>
                  <a:gd name="T86" fmla="*/ 22 w 108"/>
                  <a:gd name="T87" fmla="*/ 0 h 140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0" t="0" r="r" b="b"/>
                <a:pathLst>
                  <a:path w="108" h="140">
                    <a:moveTo>
                      <a:pt x="66" y="0"/>
                    </a:moveTo>
                    <a:lnTo>
                      <a:pt x="73" y="5"/>
                    </a:lnTo>
                    <a:lnTo>
                      <a:pt x="81" y="11"/>
                    </a:lnTo>
                    <a:lnTo>
                      <a:pt x="86" y="17"/>
                    </a:lnTo>
                    <a:lnTo>
                      <a:pt x="92" y="24"/>
                    </a:lnTo>
                    <a:lnTo>
                      <a:pt x="97" y="32"/>
                    </a:lnTo>
                    <a:lnTo>
                      <a:pt x="101" y="40"/>
                    </a:lnTo>
                    <a:lnTo>
                      <a:pt x="104" y="49"/>
                    </a:lnTo>
                    <a:lnTo>
                      <a:pt x="106" y="58"/>
                    </a:lnTo>
                    <a:lnTo>
                      <a:pt x="108" y="66"/>
                    </a:lnTo>
                    <a:lnTo>
                      <a:pt x="108" y="76"/>
                    </a:lnTo>
                    <a:lnTo>
                      <a:pt x="108" y="85"/>
                    </a:lnTo>
                    <a:lnTo>
                      <a:pt x="107" y="95"/>
                    </a:lnTo>
                    <a:lnTo>
                      <a:pt x="105" y="104"/>
                    </a:lnTo>
                    <a:lnTo>
                      <a:pt x="102" y="114"/>
                    </a:lnTo>
                    <a:lnTo>
                      <a:pt x="99" y="122"/>
                    </a:lnTo>
                    <a:lnTo>
                      <a:pt x="93" y="132"/>
                    </a:lnTo>
                    <a:lnTo>
                      <a:pt x="84" y="130"/>
                    </a:lnTo>
                    <a:lnTo>
                      <a:pt x="76" y="130"/>
                    </a:lnTo>
                    <a:lnTo>
                      <a:pt x="69" y="132"/>
                    </a:lnTo>
                    <a:lnTo>
                      <a:pt x="63" y="134"/>
                    </a:lnTo>
                    <a:lnTo>
                      <a:pt x="58" y="136"/>
                    </a:lnTo>
                    <a:lnTo>
                      <a:pt x="51" y="138"/>
                    </a:lnTo>
                    <a:lnTo>
                      <a:pt x="45" y="140"/>
                    </a:lnTo>
                    <a:lnTo>
                      <a:pt x="38" y="140"/>
                    </a:lnTo>
                    <a:lnTo>
                      <a:pt x="32" y="127"/>
                    </a:lnTo>
                    <a:lnTo>
                      <a:pt x="26" y="114"/>
                    </a:lnTo>
                    <a:lnTo>
                      <a:pt x="20" y="102"/>
                    </a:lnTo>
                    <a:lnTo>
                      <a:pt x="13" y="90"/>
                    </a:lnTo>
                    <a:lnTo>
                      <a:pt x="7" y="77"/>
                    </a:lnTo>
                    <a:lnTo>
                      <a:pt x="3" y="63"/>
                    </a:lnTo>
                    <a:lnTo>
                      <a:pt x="1" y="55"/>
                    </a:lnTo>
                    <a:lnTo>
                      <a:pt x="0" y="48"/>
                    </a:lnTo>
                    <a:lnTo>
                      <a:pt x="0" y="38"/>
                    </a:lnTo>
                    <a:lnTo>
                      <a:pt x="0" y="29"/>
                    </a:lnTo>
                    <a:lnTo>
                      <a:pt x="17" y="29"/>
                    </a:lnTo>
                    <a:lnTo>
                      <a:pt x="32" y="29"/>
                    </a:lnTo>
                    <a:lnTo>
                      <a:pt x="40" y="26"/>
                    </a:lnTo>
                    <a:lnTo>
                      <a:pt x="46" y="25"/>
                    </a:lnTo>
                    <a:lnTo>
                      <a:pt x="51" y="22"/>
                    </a:lnTo>
                    <a:lnTo>
                      <a:pt x="57" y="19"/>
                    </a:lnTo>
                    <a:lnTo>
                      <a:pt x="57" y="14"/>
                    </a:lnTo>
                    <a:lnTo>
                      <a:pt x="57" y="10"/>
                    </a:lnTo>
                    <a:lnTo>
                      <a:pt x="66" y="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13" name="Syddjurs og Favrskov kant 2"/>
              <p:cNvSpPr>
                <a:spLocks/>
              </p:cNvSpPr>
              <p:nvPr/>
            </p:nvSpPr>
            <p:spPr bwMode="auto">
              <a:xfrm>
                <a:off x="2400303" y="4303719"/>
                <a:ext cx="57150" cy="73025"/>
              </a:xfrm>
              <a:custGeom>
                <a:avLst/>
                <a:gdLst>
                  <a:gd name="T0" fmla="*/ 22 w 108"/>
                  <a:gd name="T1" fmla="*/ 0 h 140"/>
                  <a:gd name="T2" fmla="*/ 24 w 108"/>
                  <a:gd name="T3" fmla="*/ 2 h 140"/>
                  <a:gd name="T4" fmla="*/ 27 w 108"/>
                  <a:gd name="T5" fmla="*/ 4 h 140"/>
                  <a:gd name="T6" fmla="*/ 29 w 108"/>
                  <a:gd name="T7" fmla="*/ 6 h 140"/>
                  <a:gd name="T8" fmla="*/ 31 w 108"/>
                  <a:gd name="T9" fmla="*/ 8 h 140"/>
                  <a:gd name="T10" fmla="*/ 32 w 108"/>
                  <a:gd name="T11" fmla="*/ 11 h 140"/>
                  <a:gd name="T12" fmla="*/ 34 w 108"/>
                  <a:gd name="T13" fmla="*/ 13 h 140"/>
                  <a:gd name="T14" fmla="*/ 35 w 108"/>
                  <a:gd name="T15" fmla="*/ 16 h 140"/>
                  <a:gd name="T16" fmla="*/ 35 w 108"/>
                  <a:gd name="T17" fmla="*/ 19 h 140"/>
                  <a:gd name="T18" fmla="*/ 36 w 108"/>
                  <a:gd name="T19" fmla="*/ 22 h 140"/>
                  <a:gd name="T20" fmla="*/ 36 w 108"/>
                  <a:gd name="T21" fmla="*/ 25 h 140"/>
                  <a:gd name="T22" fmla="*/ 36 w 108"/>
                  <a:gd name="T23" fmla="*/ 28 h 140"/>
                  <a:gd name="T24" fmla="*/ 36 w 108"/>
                  <a:gd name="T25" fmla="*/ 31 h 140"/>
                  <a:gd name="T26" fmla="*/ 35 w 108"/>
                  <a:gd name="T27" fmla="*/ 34 h 140"/>
                  <a:gd name="T28" fmla="*/ 34 w 108"/>
                  <a:gd name="T29" fmla="*/ 37 h 140"/>
                  <a:gd name="T30" fmla="*/ 33 w 108"/>
                  <a:gd name="T31" fmla="*/ 40 h 140"/>
                  <a:gd name="T32" fmla="*/ 31 w 108"/>
                  <a:gd name="T33" fmla="*/ 43 h 140"/>
                  <a:gd name="T34" fmla="*/ 28 w 108"/>
                  <a:gd name="T35" fmla="*/ 43 h 140"/>
                  <a:gd name="T36" fmla="*/ 25 w 108"/>
                  <a:gd name="T37" fmla="*/ 43 h 140"/>
                  <a:gd name="T38" fmla="*/ 23 w 108"/>
                  <a:gd name="T39" fmla="*/ 43 h 140"/>
                  <a:gd name="T40" fmla="*/ 21 w 108"/>
                  <a:gd name="T41" fmla="*/ 44 h 140"/>
                  <a:gd name="T42" fmla="*/ 19 w 108"/>
                  <a:gd name="T43" fmla="*/ 45 h 140"/>
                  <a:gd name="T44" fmla="*/ 17 w 108"/>
                  <a:gd name="T45" fmla="*/ 45 h 140"/>
                  <a:gd name="T46" fmla="*/ 15 w 108"/>
                  <a:gd name="T47" fmla="*/ 46 h 140"/>
                  <a:gd name="T48" fmla="*/ 13 w 108"/>
                  <a:gd name="T49" fmla="*/ 46 h 140"/>
                  <a:gd name="T50" fmla="*/ 11 w 108"/>
                  <a:gd name="T51" fmla="*/ 42 h 140"/>
                  <a:gd name="T52" fmla="*/ 9 w 108"/>
                  <a:gd name="T53" fmla="*/ 37 h 140"/>
                  <a:gd name="T54" fmla="*/ 7 w 108"/>
                  <a:gd name="T55" fmla="*/ 34 h 140"/>
                  <a:gd name="T56" fmla="*/ 4 w 108"/>
                  <a:gd name="T57" fmla="*/ 30 h 140"/>
                  <a:gd name="T58" fmla="*/ 2 w 108"/>
                  <a:gd name="T59" fmla="*/ 25 h 140"/>
                  <a:gd name="T60" fmla="*/ 1 w 108"/>
                  <a:gd name="T61" fmla="*/ 21 h 140"/>
                  <a:gd name="T62" fmla="*/ 0 w 108"/>
                  <a:gd name="T63" fmla="*/ 18 h 140"/>
                  <a:gd name="T64" fmla="*/ 0 w 108"/>
                  <a:gd name="T65" fmla="*/ 16 h 140"/>
                  <a:gd name="T66" fmla="*/ 0 w 108"/>
                  <a:gd name="T67" fmla="*/ 12 h 140"/>
                  <a:gd name="T68" fmla="*/ 0 w 108"/>
                  <a:gd name="T69" fmla="*/ 10 h 140"/>
                  <a:gd name="T70" fmla="*/ 6 w 108"/>
                  <a:gd name="T71" fmla="*/ 10 h 140"/>
                  <a:gd name="T72" fmla="*/ 11 w 108"/>
                  <a:gd name="T73" fmla="*/ 10 h 140"/>
                  <a:gd name="T74" fmla="*/ 13 w 108"/>
                  <a:gd name="T75" fmla="*/ 9 h 140"/>
                  <a:gd name="T76" fmla="*/ 15 w 108"/>
                  <a:gd name="T77" fmla="*/ 8 h 140"/>
                  <a:gd name="T78" fmla="*/ 17 w 108"/>
                  <a:gd name="T79" fmla="*/ 7 h 140"/>
                  <a:gd name="T80" fmla="*/ 19 w 108"/>
                  <a:gd name="T81" fmla="*/ 6 h 140"/>
                  <a:gd name="T82" fmla="*/ 19 w 108"/>
                  <a:gd name="T83" fmla="*/ 5 h 140"/>
                  <a:gd name="T84" fmla="*/ 19 w 108"/>
                  <a:gd name="T85" fmla="*/ 3 h 140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08" h="140">
                    <a:moveTo>
                      <a:pt x="66" y="0"/>
                    </a:moveTo>
                    <a:lnTo>
                      <a:pt x="73" y="5"/>
                    </a:lnTo>
                    <a:lnTo>
                      <a:pt x="81" y="11"/>
                    </a:lnTo>
                    <a:lnTo>
                      <a:pt x="86" y="17"/>
                    </a:lnTo>
                    <a:lnTo>
                      <a:pt x="92" y="24"/>
                    </a:lnTo>
                    <a:lnTo>
                      <a:pt x="97" y="32"/>
                    </a:lnTo>
                    <a:lnTo>
                      <a:pt x="101" y="40"/>
                    </a:lnTo>
                    <a:lnTo>
                      <a:pt x="104" y="49"/>
                    </a:lnTo>
                    <a:lnTo>
                      <a:pt x="106" y="58"/>
                    </a:lnTo>
                    <a:lnTo>
                      <a:pt x="108" y="66"/>
                    </a:lnTo>
                    <a:lnTo>
                      <a:pt x="108" y="76"/>
                    </a:lnTo>
                    <a:lnTo>
                      <a:pt x="108" y="85"/>
                    </a:lnTo>
                    <a:lnTo>
                      <a:pt x="107" y="95"/>
                    </a:lnTo>
                    <a:lnTo>
                      <a:pt x="105" y="104"/>
                    </a:lnTo>
                    <a:lnTo>
                      <a:pt x="102" y="114"/>
                    </a:lnTo>
                    <a:lnTo>
                      <a:pt x="99" y="122"/>
                    </a:lnTo>
                    <a:lnTo>
                      <a:pt x="93" y="132"/>
                    </a:lnTo>
                    <a:lnTo>
                      <a:pt x="84" y="130"/>
                    </a:lnTo>
                    <a:lnTo>
                      <a:pt x="76" y="130"/>
                    </a:lnTo>
                    <a:lnTo>
                      <a:pt x="69" y="132"/>
                    </a:lnTo>
                    <a:lnTo>
                      <a:pt x="63" y="134"/>
                    </a:lnTo>
                    <a:lnTo>
                      <a:pt x="58" y="136"/>
                    </a:lnTo>
                    <a:lnTo>
                      <a:pt x="51" y="138"/>
                    </a:lnTo>
                    <a:lnTo>
                      <a:pt x="45" y="140"/>
                    </a:lnTo>
                    <a:lnTo>
                      <a:pt x="38" y="140"/>
                    </a:lnTo>
                    <a:lnTo>
                      <a:pt x="32" y="127"/>
                    </a:lnTo>
                    <a:lnTo>
                      <a:pt x="26" y="114"/>
                    </a:lnTo>
                    <a:lnTo>
                      <a:pt x="20" y="102"/>
                    </a:lnTo>
                    <a:lnTo>
                      <a:pt x="13" y="90"/>
                    </a:lnTo>
                    <a:lnTo>
                      <a:pt x="7" y="77"/>
                    </a:lnTo>
                    <a:lnTo>
                      <a:pt x="3" y="63"/>
                    </a:lnTo>
                    <a:lnTo>
                      <a:pt x="1" y="55"/>
                    </a:lnTo>
                    <a:lnTo>
                      <a:pt x="0" y="48"/>
                    </a:lnTo>
                    <a:lnTo>
                      <a:pt x="0" y="38"/>
                    </a:lnTo>
                    <a:lnTo>
                      <a:pt x="0" y="29"/>
                    </a:lnTo>
                    <a:lnTo>
                      <a:pt x="17" y="29"/>
                    </a:lnTo>
                    <a:lnTo>
                      <a:pt x="32" y="29"/>
                    </a:lnTo>
                    <a:lnTo>
                      <a:pt x="40" y="26"/>
                    </a:lnTo>
                    <a:lnTo>
                      <a:pt x="46" y="25"/>
                    </a:lnTo>
                    <a:lnTo>
                      <a:pt x="51" y="22"/>
                    </a:lnTo>
                    <a:lnTo>
                      <a:pt x="57" y="19"/>
                    </a:lnTo>
                    <a:lnTo>
                      <a:pt x="57" y="14"/>
                    </a:lnTo>
                    <a:lnTo>
                      <a:pt x="57" y="10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14" name="Line 149"/>
              <p:cNvSpPr>
                <a:spLocks noChangeShapeType="1"/>
              </p:cNvSpPr>
              <p:nvPr/>
            </p:nvSpPr>
            <p:spPr bwMode="auto">
              <a:xfrm flipH="1" flipV="1">
                <a:off x="2430466" y="4283081"/>
                <a:ext cx="1588" cy="3175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15" name="Syddjurs og Favrskov"/>
              <p:cNvSpPr>
                <a:spLocks/>
              </p:cNvSpPr>
              <p:nvPr/>
            </p:nvSpPr>
            <p:spPr bwMode="auto">
              <a:xfrm>
                <a:off x="1751015" y="3956056"/>
                <a:ext cx="920752" cy="361951"/>
              </a:xfrm>
              <a:custGeom>
                <a:avLst/>
                <a:gdLst>
                  <a:gd name="T0" fmla="*/ 400 w 1742"/>
                  <a:gd name="T1" fmla="*/ 200 h 684"/>
                  <a:gd name="T2" fmla="*/ 372 w 1742"/>
                  <a:gd name="T3" fmla="*/ 213 h 684"/>
                  <a:gd name="T4" fmla="*/ 353 w 1742"/>
                  <a:gd name="T5" fmla="*/ 199 h 684"/>
                  <a:gd name="T6" fmla="*/ 360 w 1742"/>
                  <a:gd name="T7" fmla="*/ 184 h 684"/>
                  <a:gd name="T8" fmla="*/ 379 w 1742"/>
                  <a:gd name="T9" fmla="*/ 173 h 684"/>
                  <a:gd name="T10" fmla="*/ 383 w 1742"/>
                  <a:gd name="T11" fmla="*/ 187 h 684"/>
                  <a:gd name="T12" fmla="*/ 399 w 1742"/>
                  <a:gd name="T13" fmla="*/ 168 h 684"/>
                  <a:gd name="T14" fmla="*/ 397 w 1742"/>
                  <a:gd name="T15" fmla="*/ 155 h 684"/>
                  <a:gd name="T16" fmla="*/ 417 w 1742"/>
                  <a:gd name="T17" fmla="*/ 133 h 684"/>
                  <a:gd name="T18" fmla="*/ 393 w 1742"/>
                  <a:gd name="T19" fmla="*/ 121 h 684"/>
                  <a:gd name="T20" fmla="*/ 344 w 1742"/>
                  <a:gd name="T21" fmla="*/ 120 h 684"/>
                  <a:gd name="T22" fmla="*/ 306 w 1742"/>
                  <a:gd name="T23" fmla="*/ 112 h 684"/>
                  <a:gd name="T24" fmla="*/ 294 w 1742"/>
                  <a:gd name="T25" fmla="*/ 111 h 684"/>
                  <a:gd name="T26" fmla="*/ 262 w 1742"/>
                  <a:gd name="T27" fmla="*/ 87 h 684"/>
                  <a:gd name="T28" fmla="*/ 245 w 1742"/>
                  <a:gd name="T29" fmla="*/ 90 h 684"/>
                  <a:gd name="T30" fmla="*/ 247 w 1742"/>
                  <a:gd name="T31" fmla="*/ 104 h 684"/>
                  <a:gd name="T32" fmla="*/ 224 w 1742"/>
                  <a:gd name="T33" fmla="*/ 118 h 684"/>
                  <a:gd name="T34" fmla="*/ 190 w 1742"/>
                  <a:gd name="T35" fmla="*/ 164 h 684"/>
                  <a:gd name="T36" fmla="*/ 159 w 1742"/>
                  <a:gd name="T37" fmla="*/ 178 h 684"/>
                  <a:gd name="T38" fmla="*/ 111 w 1742"/>
                  <a:gd name="T39" fmla="*/ 179 h 684"/>
                  <a:gd name="T40" fmla="*/ 59 w 1742"/>
                  <a:gd name="T41" fmla="*/ 192 h 684"/>
                  <a:gd name="T42" fmla="*/ 55 w 1742"/>
                  <a:gd name="T43" fmla="*/ 175 h 684"/>
                  <a:gd name="T44" fmla="*/ 57 w 1742"/>
                  <a:gd name="T45" fmla="*/ 160 h 684"/>
                  <a:gd name="T46" fmla="*/ 57 w 1742"/>
                  <a:gd name="T47" fmla="*/ 146 h 684"/>
                  <a:gd name="T48" fmla="*/ 53 w 1742"/>
                  <a:gd name="T49" fmla="*/ 132 h 684"/>
                  <a:gd name="T50" fmla="*/ 43 w 1742"/>
                  <a:gd name="T51" fmla="*/ 114 h 684"/>
                  <a:gd name="T52" fmla="*/ 6 w 1742"/>
                  <a:gd name="T53" fmla="*/ 100 h 684"/>
                  <a:gd name="T54" fmla="*/ 16 w 1742"/>
                  <a:gd name="T55" fmla="*/ 63 h 684"/>
                  <a:gd name="T56" fmla="*/ 29 w 1742"/>
                  <a:gd name="T57" fmla="*/ 39 h 684"/>
                  <a:gd name="T58" fmla="*/ 46 w 1742"/>
                  <a:gd name="T59" fmla="*/ 19 h 684"/>
                  <a:gd name="T60" fmla="*/ 65 w 1742"/>
                  <a:gd name="T61" fmla="*/ 1 h 684"/>
                  <a:gd name="T62" fmla="*/ 80 w 1742"/>
                  <a:gd name="T63" fmla="*/ 14 h 684"/>
                  <a:gd name="T64" fmla="*/ 61 w 1742"/>
                  <a:gd name="T65" fmla="*/ 21 h 684"/>
                  <a:gd name="T66" fmla="*/ 64 w 1742"/>
                  <a:gd name="T67" fmla="*/ 39 h 684"/>
                  <a:gd name="T68" fmla="*/ 89 w 1742"/>
                  <a:gd name="T69" fmla="*/ 48 h 684"/>
                  <a:gd name="T70" fmla="*/ 120 w 1742"/>
                  <a:gd name="T71" fmla="*/ 56 h 684"/>
                  <a:gd name="T72" fmla="*/ 150 w 1742"/>
                  <a:gd name="T73" fmla="*/ 40 h 684"/>
                  <a:gd name="T74" fmla="*/ 212 w 1742"/>
                  <a:gd name="T75" fmla="*/ 53 h 684"/>
                  <a:gd name="T76" fmla="*/ 225 w 1742"/>
                  <a:gd name="T77" fmla="*/ 47 h 684"/>
                  <a:gd name="T78" fmla="*/ 254 w 1742"/>
                  <a:gd name="T79" fmla="*/ 41 h 684"/>
                  <a:gd name="T80" fmla="*/ 265 w 1742"/>
                  <a:gd name="T81" fmla="*/ 58 h 684"/>
                  <a:gd name="T82" fmla="*/ 243 w 1742"/>
                  <a:gd name="T83" fmla="*/ 76 h 684"/>
                  <a:gd name="T84" fmla="*/ 261 w 1742"/>
                  <a:gd name="T85" fmla="*/ 62 h 684"/>
                  <a:gd name="T86" fmla="*/ 272 w 1742"/>
                  <a:gd name="T87" fmla="*/ 48 h 684"/>
                  <a:gd name="T88" fmla="*/ 276 w 1742"/>
                  <a:gd name="T89" fmla="*/ 31 h 684"/>
                  <a:gd name="T90" fmla="*/ 297 w 1742"/>
                  <a:gd name="T91" fmla="*/ 42 h 684"/>
                  <a:gd name="T92" fmla="*/ 362 w 1742"/>
                  <a:gd name="T93" fmla="*/ 37 h 684"/>
                  <a:gd name="T94" fmla="*/ 377 w 1742"/>
                  <a:gd name="T95" fmla="*/ 17 h 684"/>
                  <a:gd name="T96" fmla="*/ 396 w 1742"/>
                  <a:gd name="T97" fmla="*/ 12 h 684"/>
                  <a:gd name="T98" fmla="*/ 430 w 1742"/>
                  <a:gd name="T99" fmla="*/ 11 h 684"/>
                  <a:gd name="T100" fmla="*/ 450 w 1742"/>
                  <a:gd name="T101" fmla="*/ 11 h 684"/>
                  <a:gd name="T102" fmla="*/ 504 w 1742"/>
                  <a:gd name="T103" fmla="*/ 39 h 684"/>
                  <a:gd name="T104" fmla="*/ 476 w 1742"/>
                  <a:gd name="T105" fmla="*/ 59 h 684"/>
                  <a:gd name="T106" fmla="*/ 513 w 1742"/>
                  <a:gd name="T107" fmla="*/ 81 h 684"/>
                  <a:gd name="T108" fmla="*/ 564 w 1742"/>
                  <a:gd name="T109" fmla="*/ 102 h 684"/>
                  <a:gd name="T110" fmla="*/ 568 w 1742"/>
                  <a:gd name="T111" fmla="*/ 138 h 684"/>
                  <a:gd name="T112" fmla="*/ 540 w 1742"/>
                  <a:gd name="T113" fmla="*/ 157 h 684"/>
                  <a:gd name="T114" fmla="*/ 517 w 1742"/>
                  <a:gd name="T115" fmla="*/ 228 h 684"/>
                  <a:gd name="T116" fmla="*/ 494 w 1742"/>
                  <a:gd name="T117" fmla="*/ 212 h 684"/>
                  <a:gd name="T118" fmla="*/ 490 w 1742"/>
                  <a:gd name="T119" fmla="*/ 197 h 684"/>
                  <a:gd name="T120" fmla="*/ 502 w 1742"/>
                  <a:gd name="T121" fmla="*/ 180 h 684"/>
                  <a:gd name="T122" fmla="*/ 485 w 1742"/>
                  <a:gd name="T123" fmla="*/ 162 h 684"/>
                  <a:gd name="T124" fmla="*/ 457 w 1742"/>
                  <a:gd name="T125" fmla="*/ 169 h 684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742" h="684">
                    <a:moveTo>
                      <a:pt x="1284" y="617"/>
                    </a:moveTo>
                    <a:lnTo>
                      <a:pt x="1274" y="621"/>
                    </a:lnTo>
                    <a:lnTo>
                      <a:pt x="1266" y="623"/>
                    </a:lnTo>
                    <a:lnTo>
                      <a:pt x="1258" y="624"/>
                    </a:lnTo>
                    <a:lnTo>
                      <a:pt x="1251" y="623"/>
                    </a:lnTo>
                    <a:lnTo>
                      <a:pt x="1245" y="621"/>
                    </a:lnTo>
                    <a:lnTo>
                      <a:pt x="1239" y="618"/>
                    </a:lnTo>
                    <a:lnTo>
                      <a:pt x="1233" y="616"/>
                    </a:lnTo>
                    <a:lnTo>
                      <a:pt x="1227" y="613"/>
                    </a:lnTo>
                    <a:lnTo>
                      <a:pt x="1214" y="607"/>
                    </a:lnTo>
                    <a:lnTo>
                      <a:pt x="1200" y="601"/>
                    </a:lnTo>
                    <a:lnTo>
                      <a:pt x="1192" y="599"/>
                    </a:lnTo>
                    <a:lnTo>
                      <a:pt x="1183" y="598"/>
                    </a:lnTo>
                    <a:lnTo>
                      <a:pt x="1173" y="598"/>
                    </a:lnTo>
                    <a:lnTo>
                      <a:pt x="1161" y="599"/>
                    </a:lnTo>
                    <a:lnTo>
                      <a:pt x="1153" y="611"/>
                    </a:lnTo>
                    <a:lnTo>
                      <a:pt x="1145" y="620"/>
                    </a:lnTo>
                    <a:lnTo>
                      <a:pt x="1139" y="625"/>
                    </a:lnTo>
                    <a:lnTo>
                      <a:pt x="1134" y="629"/>
                    </a:lnTo>
                    <a:lnTo>
                      <a:pt x="1129" y="632"/>
                    </a:lnTo>
                    <a:lnTo>
                      <a:pt x="1124" y="635"/>
                    </a:lnTo>
                    <a:lnTo>
                      <a:pt x="1117" y="638"/>
                    </a:lnTo>
                    <a:lnTo>
                      <a:pt x="1112" y="639"/>
                    </a:lnTo>
                    <a:lnTo>
                      <a:pt x="1105" y="640"/>
                    </a:lnTo>
                    <a:lnTo>
                      <a:pt x="1098" y="641"/>
                    </a:lnTo>
                    <a:lnTo>
                      <a:pt x="1091" y="641"/>
                    </a:lnTo>
                    <a:lnTo>
                      <a:pt x="1084" y="640"/>
                    </a:lnTo>
                    <a:lnTo>
                      <a:pt x="1076" y="639"/>
                    </a:lnTo>
                    <a:lnTo>
                      <a:pt x="1068" y="636"/>
                    </a:lnTo>
                    <a:lnTo>
                      <a:pt x="1067" y="627"/>
                    </a:lnTo>
                    <a:lnTo>
                      <a:pt x="1066" y="616"/>
                    </a:lnTo>
                    <a:lnTo>
                      <a:pt x="1062" y="607"/>
                    </a:lnTo>
                    <a:lnTo>
                      <a:pt x="1059" y="597"/>
                    </a:lnTo>
                    <a:lnTo>
                      <a:pt x="1056" y="593"/>
                    </a:lnTo>
                    <a:lnTo>
                      <a:pt x="1053" y="589"/>
                    </a:lnTo>
                    <a:lnTo>
                      <a:pt x="1050" y="585"/>
                    </a:lnTo>
                    <a:lnTo>
                      <a:pt x="1046" y="581"/>
                    </a:lnTo>
                    <a:lnTo>
                      <a:pt x="1040" y="578"/>
                    </a:lnTo>
                    <a:lnTo>
                      <a:pt x="1034" y="575"/>
                    </a:lnTo>
                    <a:lnTo>
                      <a:pt x="1028" y="573"/>
                    </a:lnTo>
                    <a:lnTo>
                      <a:pt x="1021" y="571"/>
                    </a:lnTo>
                    <a:lnTo>
                      <a:pt x="1042" y="565"/>
                    </a:lnTo>
                    <a:lnTo>
                      <a:pt x="1074" y="555"/>
                    </a:lnTo>
                    <a:lnTo>
                      <a:pt x="1082" y="552"/>
                    </a:lnTo>
                    <a:lnTo>
                      <a:pt x="1090" y="548"/>
                    </a:lnTo>
                    <a:lnTo>
                      <a:pt x="1098" y="545"/>
                    </a:lnTo>
                    <a:lnTo>
                      <a:pt x="1105" y="539"/>
                    </a:lnTo>
                    <a:lnTo>
                      <a:pt x="1111" y="534"/>
                    </a:lnTo>
                    <a:lnTo>
                      <a:pt x="1116" y="529"/>
                    </a:lnTo>
                    <a:lnTo>
                      <a:pt x="1120" y="522"/>
                    </a:lnTo>
                    <a:lnTo>
                      <a:pt x="1124" y="515"/>
                    </a:lnTo>
                    <a:lnTo>
                      <a:pt x="1130" y="515"/>
                    </a:lnTo>
                    <a:lnTo>
                      <a:pt x="1134" y="515"/>
                    </a:lnTo>
                    <a:lnTo>
                      <a:pt x="1136" y="516"/>
                    </a:lnTo>
                    <a:lnTo>
                      <a:pt x="1138" y="518"/>
                    </a:lnTo>
                    <a:lnTo>
                      <a:pt x="1139" y="520"/>
                    </a:lnTo>
                    <a:lnTo>
                      <a:pt x="1139" y="522"/>
                    </a:lnTo>
                    <a:lnTo>
                      <a:pt x="1139" y="526"/>
                    </a:lnTo>
                    <a:lnTo>
                      <a:pt x="1138" y="529"/>
                    </a:lnTo>
                    <a:lnTo>
                      <a:pt x="1137" y="536"/>
                    </a:lnTo>
                    <a:lnTo>
                      <a:pt x="1136" y="545"/>
                    </a:lnTo>
                    <a:lnTo>
                      <a:pt x="1136" y="549"/>
                    </a:lnTo>
                    <a:lnTo>
                      <a:pt x="1137" y="553"/>
                    </a:lnTo>
                    <a:lnTo>
                      <a:pt x="1139" y="557"/>
                    </a:lnTo>
                    <a:lnTo>
                      <a:pt x="1143" y="561"/>
                    </a:lnTo>
                    <a:lnTo>
                      <a:pt x="1151" y="562"/>
                    </a:lnTo>
                    <a:lnTo>
                      <a:pt x="1157" y="564"/>
                    </a:lnTo>
                    <a:lnTo>
                      <a:pt x="1165" y="564"/>
                    </a:lnTo>
                    <a:lnTo>
                      <a:pt x="1170" y="562"/>
                    </a:lnTo>
                    <a:lnTo>
                      <a:pt x="1180" y="560"/>
                    </a:lnTo>
                    <a:lnTo>
                      <a:pt x="1189" y="556"/>
                    </a:lnTo>
                    <a:lnTo>
                      <a:pt x="1203" y="545"/>
                    </a:lnTo>
                    <a:lnTo>
                      <a:pt x="1217" y="533"/>
                    </a:lnTo>
                    <a:lnTo>
                      <a:pt x="1213" y="529"/>
                    </a:lnTo>
                    <a:lnTo>
                      <a:pt x="1209" y="521"/>
                    </a:lnTo>
                    <a:lnTo>
                      <a:pt x="1204" y="512"/>
                    </a:lnTo>
                    <a:lnTo>
                      <a:pt x="1199" y="504"/>
                    </a:lnTo>
                    <a:lnTo>
                      <a:pt x="1194" y="496"/>
                    </a:lnTo>
                    <a:lnTo>
                      <a:pt x="1189" y="491"/>
                    </a:lnTo>
                    <a:lnTo>
                      <a:pt x="1187" y="490"/>
                    </a:lnTo>
                    <a:lnTo>
                      <a:pt x="1185" y="491"/>
                    </a:lnTo>
                    <a:lnTo>
                      <a:pt x="1183" y="493"/>
                    </a:lnTo>
                    <a:lnTo>
                      <a:pt x="1180" y="496"/>
                    </a:lnTo>
                    <a:lnTo>
                      <a:pt x="1180" y="493"/>
                    </a:lnTo>
                    <a:lnTo>
                      <a:pt x="1181" y="489"/>
                    </a:lnTo>
                    <a:lnTo>
                      <a:pt x="1183" y="484"/>
                    </a:lnTo>
                    <a:lnTo>
                      <a:pt x="1185" y="478"/>
                    </a:lnTo>
                    <a:lnTo>
                      <a:pt x="1191" y="466"/>
                    </a:lnTo>
                    <a:lnTo>
                      <a:pt x="1200" y="453"/>
                    </a:lnTo>
                    <a:lnTo>
                      <a:pt x="1206" y="447"/>
                    </a:lnTo>
                    <a:lnTo>
                      <a:pt x="1212" y="440"/>
                    </a:lnTo>
                    <a:lnTo>
                      <a:pt x="1217" y="435"/>
                    </a:lnTo>
                    <a:lnTo>
                      <a:pt x="1225" y="431"/>
                    </a:lnTo>
                    <a:lnTo>
                      <a:pt x="1232" y="427"/>
                    </a:lnTo>
                    <a:lnTo>
                      <a:pt x="1239" y="423"/>
                    </a:lnTo>
                    <a:lnTo>
                      <a:pt x="1247" y="421"/>
                    </a:lnTo>
                    <a:lnTo>
                      <a:pt x="1255" y="421"/>
                    </a:lnTo>
                    <a:lnTo>
                      <a:pt x="1254" y="409"/>
                    </a:lnTo>
                    <a:lnTo>
                      <a:pt x="1251" y="398"/>
                    </a:lnTo>
                    <a:lnTo>
                      <a:pt x="1247" y="391"/>
                    </a:lnTo>
                    <a:lnTo>
                      <a:pt x="1242" y="386"/>
                    </a:lnTo>
                    <a:lnTo>
                      <a:pt x="1235" y="381"/>
                    </a:lnTo>
                    <a:lnTo>
                      <a:pt x="1229" y="379"/>
                    </a:lnTo>
                    <a:lnTo>
                      <a:pt x="1221" y="377"/>
                    </a:lnTo>
                    <a:lnTo>
                      <a:pt x="1213" y="376"/>
                    </a:lnTo>
                    <a:lnTo>
                      <a:pt x="1206" y="375"/>
                    </a:lnTo>
                    <a:lnTo>
                      <a:pt x="1198" y="373"/>
                    </a:lnTo>
                    <a:lnTo>
                      <a:pt x="1191" y="371"/>
                    </a:lnTo>
                    <a:lnTo>
                      <a:pt x="1185" y="368"/>
                    </a:lnTo>
                    <a:lnTo>
                      <a:pt x="1179" y="363"/>
                    </a:lnTo>
                    <a:lnTo>
                      <a:pt x="1175" y="356"/>
                    </a:lnTo>
                    <a:lnTo>
                      <a:pt x="1172" y="348"/>
                    </a:lnTo>
                    <a:lnTo>
                      <a:pt x="1171" y="337"/>
                    </a:lnTo>
                    <a:lnTo>
                      <a:pt x="1159" y="338"/>
                    </a:lnTo>
                    <a:lnTo>
                      <a:pt x="1147" y="340"/>
                    </a:lnTo>
                    <a:lnTo>
                      <a:pt x="1134" y="342"/>
                    </a:lnTo>
                    <a:lnTo>
                      <a:pt x="1120" y="346"/>
                    </a:lnTo>
                    <a:lnTo>
                      <a:pt x="1092" y="352"/>
                    </a:lnTo>
                    <a:lnTo>
                      <a:pt x="1062" y="357"/>
                    </a:lnTo>
                    <a:lnTo>
                      <a:pt x="1047" y="359"/>
                    </a:lnTo>
                    <a:lnTo>
                      <a:pt x="1032" y="359"/>
                    </a:lnTo>
                    <a:lnTo>
                      <a:pt x="1017" y="359"/>
                    </a:lnTo>
                    <a:lnTo>
                      <a:pt x="1002" y="356"/>
                    </a:lnTo>
                    <a:lnTo>
                      <a:pt x="988" y="353"/>
                    </a:lnTo>
                    <a:lnTo>
                      <a:pt x="973" y="347"/>
                    </a:lnTo>
                    <a:lnTo>
                      <a:pt x="967" y="342"/>
                    </a:lnTo>
                    <a:lnTo>
                      <a:pt x="959" y="338"/>
                    </a:lnTo>
                    <a:lnTo>
                      <a:pt x="953" y="333"/>
                    </a:lnTo>
                    <a:lnTo>
                      <a:pt x="947" y="328"/>
                    </a:lnTo>
                    <a:lnTo>
                      <a:pt x="936" y="329"/>
                    </a:lnTo>
                    <a:lnTo>
                      <a:pt x="927" y="332"/>
                    </a:lnTo>
                    <a:lnTo>
                      <a:pt x="919" y="335"/>
                    </a:lnTo>
                    <a:lnTo>
                      <a:pt x="912" y="339"/>
                    </a:lnTo>
                    <a:lnTo>
                      <a:pt x="905" y="345"/>
                    </a:lnTo>
                    <a:lnTo>
                      <a:pt x="899" y="351"/>
                    </a:lnTo>
                    <a:lnTo>
                      <a:pt x="894" y="357"/>
                    </a:lnTo>
                    <a:lnTo>
                      <a:pt x="890" y="365"/>
                    </a:lnTo>
                    <a:lnTo>
                      <a:pt x="886" y="361"/>
                    </a:lnTo>
                    <a:lnTo>
                      <a:pt x="882" y="358"/>
                    </a:lnTo>
                    <a:lnTo>
                      <a:pt x="880" y="354"/>
                    </a:lnTo>
                    <a:lnTo>
                      <a:pt x="879" y="350"/>
                    </a:lnTo>
                    <a:lnTo>
                      <a:pt x="880" y="341"/>
                    </a:lnTo>
                    <a:lnTo>
                      <a:pt x="883" y="332"/>
                    </a:lnTo>
                    <a:lnTo>
                      <a:pt x="888" y="322"/>
                    </a:lnTo>
                    <a:lnTo>
                      <a:pt x="891" y="312"/>
                    </a:lnTo>
                    <a:lnTo>
                      <a:pt x="892" y="307"/>
                    </a:lnTo>
                    <a:lnTo>
                      <a:pt x="892" y="301"/>
                    </a:lnTo>
                    <a:lnTo>
                      <a:pt x="892" y="296"/>
                    </a:lnTo>
                    <a:lnTo>
                      <a:pt x="890" y="290"/>
                    </a:lnTo>
                    <a:lnTo>
                      <a:pt x="868" y="281"/>
                    </a:lnTo>
                    <a:lnTo>
                      <a:pt x="847" y="274"/>
                    </a:lnTo>
                    <a:lnTo>
                      <a:pt x="827" y="269"/>
                    </a:lnTo>
                    <a:lnTo>
                      <a:pt x="808" y="264"/>
                    </a:lnTo>
                    <a:lnTo>
                      <a:pt x="788" y="261"/>
                    </a:lnTo>
                    <a:lnTo>
                      <a:pt x="767" y="259"/>
                    </a:lnTo>
                    <a:lnTo>
                      <a:pt x="744" y="256"/>
                    </a:lnTo>
                    <a:lnTo>
                      <a:pt x="721" y="253"/>
                    </a:lnTo>
                    <a:lnTo>
                      <a:pt x="719" y="258"/>
                    </a:lnTo>
                    <a:lnTo>
                      <a:pt x="719" y="263"/>
                    </a:lnTo>
                    <a:lnTo>
                      <a:pt x="719" y="267"/>
                    </a:lnTo>
                    <a:lnTo>
                      <a:pt x="721" y="269"/>
                    </a:lnTo>
                    <a:lnTo>
                      <a:pt x="724" y="271"/>
                    </a:lnTo>
                    <a:lnTo>
                      <a:pt x="728" y="271"/>
                    </a:lnTo>
                    <a:lnTo>
                      <a:pt x="732" y="271"/>
                    </a:lnTo>
                    <a:lnTo>
                      <a:pt x="736" y="271"/>
                    </a:lnTo>
                    <a:lnTo>
                      <a:pt x="744" y="271"/>
                    </a:lnTo>
                    <a:lnTo>
                      <a:pt x="752" y="271"/>
                    </a:lnTo>
                    <a:lnTo>
                      <a:pt x="755" y="272"/>
                    </a:lnTo>
                    <a:lnTo>
                      <a:pt x="757" y="274"/>
                    </a:lnTo>
                    <a:lnTo>
                      <a:pt x="759" y="277"/>
                    </a:lnTo>
                    <a:lnTo>
                      <a:pt x="759" y="280"/>
                    </a:lnTo>
                    <a:lnTo>
                      <a:pt x="756" y="291"/>
                    </a:lnTo>
                    <a:lnTo>
                      <a:pt x="754" y="299"/>
                    </a:lnTo>
                    <a:lnTo>
                      <a:pt x="751" y="304"/>
                    </a:lnTo>
                    <a:lnTo>
                      <a:pt x="748" y="309"/>
                    </a:lnTo>
                    <a:lnTo>
                      <a:pt x="743" y="311"/>
                    </a:lnTo>
                    <a:lnTo>
                      <a:pt x="739" y="311"/>
                    </a:lnTo>
                    <a:lnTo>
                      <a:pt x="735" y="311"/>
                    </a:lnTo>
                    <a:lnTo>
                      <a:pt x="730" y="310"/>
                    </a:lnTo>
                    <a:lnTo>
                      <a:pt x="718" y="307"/>
                    </a:lnTo>
                    <a:lnTo>
                      <a:pt x="706" y="303"/>
                    </a:lnTo>
                    <a:lnTo>
                      <a:pt x="699" y="303"/>
                    </a:lnTo>
                    <a:lnTo>
                      <a:pt x="691" y="303"/>
                    </a:lnTo>
                    <a:lnTo>
                      <a:pt x="683" y="306"/>
                    </a:lnTo>
                    <a:lnTo>
                      <a:pt x="675" y="309"/>
                    </a:lnTo>
                    <a:lnTo>
                      <a:pt x="675" y="331"/>
                    </a:lnTo>
                    <a:lnTo>
                      <a:pt x="674" y="354"/>
                    </a:lnTo>
                    <a:lnTo>
                      <a:pt x="674" y="376"/>
                    </a:lnTo>
                    <a:lnTo>
                      <a:pt x="673" y="399"/>
                    </a:lnTo>
                    <a:lnTo>
                      <a:pt x="673" y="423"/>
                    </a:lnTo>
                    <a:lnTo>
                      <a:pt x="673" y="450"/>
                    </a:lnTo>
                    <a:lnTo>
                      <a:pt x="674" y="476"/>
                    </a:lnTo>
                    <a:lnTo>
                      <a:pt x="675" y="506"/>
                    </a:lnTo>
                    <a:lnTo>
                      <a:pt x="639" y="499"/>
                    </a:lnTo>
                    <a:lnTo>
                      <a:pt x="607" y="493"/>
                    </a:lnTo>
                    <a:lnTo>
                      <a:pt x="593" y="491"/>
                    </a:lnTo>
                    <a:lnTo>
                      <a:pt x="578" y="491"/>
                    </a:lnTo>
                    <a:lnTo>
                      <a:pt x="572" y="491"/>
                    </a:lnTo>
                    <a:lnTo>
                      <a:pt x="565" y="492"/>
                    </a:lnTo>
                    <a:lnTo>
                      <a:pt x="559" y="494"/>
                    </a:lnTo>
                    <a:lnTo>
                      <a:pt x="553" y="496"/>
                    </a:lnTo>
                    <a:lnTo>
                      <a:pt x="549" y="491"/>
                    </a:lnTo>
                    <a:lnTo>
                      <a:pt x="543" y="487"/>
                    </a:lnTo>
                    <a:lnTo>
                      <a:pt x="534" y="491"/>
                    </a:lnTo>
                    <a:lnTo>
                      <a:pt x="524" y="496"/>
                    </a:lnTo>
                    <a:lnTo>
                      <a:pt x="516" y="501"/>
                    </a:lnTo>
                    <a:lnTo>
                      <a:pt x="508" y="507"/>
                    </a:lnTo>
                    <a:lnTo>
                      <a:pt x="492" y="519"/>
                    </a:lnTo>
                    <a:lnTo>
                      <a:pt x="478" y="533"/>
                    </a:lnTo>
                    <a:lnTo>
                      <a:pt x="468" y="529"/>
                    </a:lnTo>
                    <a:lnTo>
                      <a:pt x="457" y="525"/>
                    </a:lnTo>
                    <a:lnTo>
                      <a:pt x="446" y="521"/>
                    </a:lnTo>
                    <a:lnTo>
                      <a:pt x="436" y="519"/>
                    </a:lnTo>
                    <a:lnTo>
                      <a:pt x="425" y="518"/>
                    </a:lnTo>
                    <a:lnTo>
                      <a:pt x="415" y="518"/>
                    </a:lnTo>
                    <a:lnTo>
                      <a:pt x="405" y="519"/>
                    </a:lnTo>
                    <a:lnTo>
                      <a:pt x="395" y="520"/>
                    </a:lnTo>
                    <a:lnTo>
                      <a:pt x="374" y="525"/>
                    </a:lnTo>
                    <a:lnTo>
                      <a:pt x="354" y="530"/>
                    </a:lnTo>
                    <a:lnTo>
                      <a:pt x="333" y="537"/>
                    </a:lnTo>
                    <a:lnTo>
                      <a:pt x="313" y="546"/>
                    </a:lnTo>
                    <a:lnTo>
                      <a:pt x="293" y="554"/>
                    </a:lnTo>
                    <a:lnTo>
                      <a:pt x="273" y="561"/>
                    </a:lnTo>
                    <a:lnTo>
                      <a:pt x="253" y="569"/>
                    </a:lnTo>
                    <a:lnTo>
                      <a:pt x="234" y="574"/>
                    </a:lnTo>
                    <a:lnTo>
                      <a:pt x="224" y="576"/>
                    </a:lnTo>
                    <a:lnTo>
                      <a:pt x="215" y="578"/>
                    </a:lnTo>
                    <a:lnTo>
                      <a:pt x="205" y="578"/>
                    </a:lnTo>
                    <a:lnTo>
                      <a:pt x="196" y="579"/>
                    </a:lnTo>
                    <a:lnTo>
                      <a:pt x="186" y="578"/>
                    </a:lnTo>
                    <a:lnTo>
                      <a:pt x="178" y="577"/>
                    </a:lnTo>
                    <a:lnTo>
                      <a:pt x="168" y="574"/>
                    </a:lnTo>
                    <a:lnTo>
                      <a:pt x="160" y="571"/>
                    </a:lnTo>
                    <a:lnTo>
                      <a:pt x="156" y="567"/>
                    </a:lnTo>
                    <a:lnTo>
                      <a:pt x="153" y="562"/>
                    </a:lnTo>
                    <a:lnTo>
                      <a:pt x="152" y="558"/>
                    </a:lnTo>
                    <a:lnTo>
                      <a:pt x="152" y="554"/>
                    </a:lnTo>
                    <a:lnTo>
                      <a:pt x="153" y="550"/>
                    </a:lnTo>
                    <a:lnTo>
                      <a:pt x="154" y="545"/>
                    </a:lnTo>
                    <a:lnTo>
                      <a:pt x="156" y="540"/>
                    </a:lnTo>
                    <a:lnTo>
                      <a:pt x="159" y="535"/>
                    </a:lnTo>
                    <a:lnTo>
                      <a:pt x="165" y="526"/>
                    </a:lnTo>
                    <a:lnTo>
                      <a:pt x="172" y="516"/>
                    </a:lnTo>
                    <a:lnTo>
                      <a:pt x="175" y="511"/>
                    </a:lnTo>
                    <a:lnTo>
                      <a:pt x="177" y="506"/>
                    </a:lnTo>
                    <a:lnTo>
                      <a:pt x="178" y="501"/>
                    </a:lnTo>
                    <a:lnTo>
                      <a:pt x="178" y="496"/>
                    </a:lnTo>
                    <a:lnTo>
                      <a:pt x="174" y="491"/>
                    </a:lnTo>
                    <a:lnTo>
                      <a:pt x="168" y="487"/>
                    </a:lnTo>
                    <a:lnTo>
                      <a:pt x="171" y="485"/>
                    </a:lnTo>
                    <a:lnTo>
                      <a:pt x="172" y="484"/>
                    </a:lnTo>
                    <a:lnTo>
                      <a:pt x="172" y="481"/>
                    </a:lnTo>
                    <a:lnTo>
                      <a:pt x="171" y="479"/>
                    </a:lnTo>
                    <a:lnTo>
                      <a:pt x="170" y="476"/>
                    </a:lnTo>
                    <a:lnTo>
                      <a:pt x="166" y="472"/>
                    </a:lnTo>
                    <a:lnTo>
                      <a:pt x="166" y="470"/>
                    </a:lnTo>
                    <a:lnTo>
                      <a:pt x="165" y="468"/>
                    </a:lnTo>
                    <a:lnTo>
                      <a:pt x="165" y="466"/>
                    </a:lnTo>
                    <a:lnTo>
                      <a:pt x="166" y="462"/>
                    </a:lnTo>
                    <a:lnTo>
                      <a:pt x="167" y="459"/>
                    </a:lnTo>
                    <a:lnTo>
                      <a:pt x="170" y="456"/>
                    </a:lnTo>
                    <a:lnTo>
                      <a:pt x="174" y="453"/>
                    </a:lnTo>
                    <a:lnTo>
                      <a:pt x="178" y="449"/>
                    </a:lnTo>
                    <a:lnTo>
                      <a:pt x="172" y="437"/>
                    </a:lnTo>
                    <a:lnTo>
                      <a:pt x="166" y="423"/>
                    </a:lnTo>
                    <a:lnTo>
                      <a:pt x="162" y="418"/>
                    </a:lnTo>
                    <a:lnTo>
                      <a:pt x="158" y="414"/>
                    </a:lnTo>
                    <a:lnTo>
                      <a:pt x="154" y="412"/>
                    </a:lnTo>
                    <a:lnTo>
                      <a:pt x="151" y="412"/>
                    </a:lnTo>
                    <a:lnTo>
                      <a:pt x="146" y="411"/>
                    </a:lnTo>
                    <a:lnTo>
                      <a:pt x="141" y="412"/>
                    </a:lnTo>
                    <a:lnTo>
                      <a:pt x="147" y="408"/>
                    </a:lnTo>
                    <a:lnTo>
                      <a:pt x="152" y="403"/>
                    </a:lnTo>
                    <a:lnTo>
                      <a:pt x="156" y="400"/>
                    </a:lnTo>
                    <a:lnTo>
                      <a:pt x="159" y="396"/>
                    </a:lnTo>
                    <a:lnTo>
                      <a:pt x="162" y="392"/>
                    </a:lnTo>
                    <a:lnTo>
                      <a:pt x="163" y="388"/>
                    </a:lnTo>
                    <a:lnTo>
                      <a:pt x="164" y="383"/>
                    </a:lnTo>
                    <a:lnTo>
                      <a:pt x="164" y="379"/>
                    </a:lnTo>
                    <a:lnTo>
                      <a:pt x="163" y="375"/>
                    </a:lnTo>
                    <a:lnTo>
                      <a:pt x="161" y="371"/>
                    </a:lnTo>
                    <a:lnTo>
                      <a:pt x="159" y="367"/>
                    </a:lnTo>
                    <a:lnTo>
                      <a:pt x="157" y="362"/>
                    </a:lnTo>
                    <a:lnTo>
                      <a:pt x="150" y="355"/>
                    </a:lnTo>
                    <a:lnTo>
                      <a:pt x="140" y="348"/>
                    </a:lnTo>
                    <a:lnTo>
                      <a:pt x="128" y="341"/>
                    </a:lnTo>
                    <a:lnTo>
                      <a:pt x="117" y="335"/>
                    </a:lnTo>
                    <a:lnTo>
                      <a:pt x="103" y="331"/>
                    </a:lnTo>
                    <a:lnTo>
                      <a:pt x="88" y="328"/>
                    </a:lnTo>
                    <a:lnTo>
                      <a:pt x="74" y="325"/>
                    </a:lnTo>
                    <a:lnTo>
                      <a:pt x="58" y="325"/>
                    </a:lnTo>
                    <a:lnTo>
                      <a:pt x="43" y="325"/>
                    </a:lnTo>
                    <a:lnTo>
                      <a:pt x="28" y="328"/>
                    </a:lnTo>
                    <a:lnTo>
                      <a:pt x="27" y="319"/>
                    </a:lnTo>
                    <a:lnTo>
                      <a:pt x="25" y="312"/>
                    </a:lnTo>
                    <a:lnTo>
                      <a:pt x="22" y="306"/>
                    </a:lnTo>
                    <a:lnTo>
                      <a:pt x="18" y="300"/>
                    </a:lnTo>
                    <a:lnTo>
                      <a:pt x="9" y="291"/>
                    </a:lnTo>
                    <a:lnTo>
                      <a:pt x="0" y="280"/>
                    </a:lnTo>
                    <a:lnTo>
                      <a:pt x="14" y="278"/>
                    </a:lnTo>
                    <a:lnTo>
                      <a:pt x="33" y="275"/>
                    </a:lnTo>
                    <a:lnTo>
                      <a:pt x="57" y="273"/>
                    </a:lnTo>
                    <a:lnTo>
                      <a:pt x="84" y="271"/>
                    </a:lnTo>
                    <a:lnTo>
                      <a:pt x="70" y="249"/>
                    </a:lnTo>
                    <a:lnTo>
                      <a:pt x="57" y="224"/>
                    </a:lnTo>
                    <a:lnTo>
                      <a:pt x="52" y="211"/>
                    </a:lnTo>
                    <a:lnTo>
                      <a:pt x="48" y="195"/>
                    </a:lnTo>
                    <a:lnTo>
                      <a:pt x="47" y="188"/>
                    </a:lnTo>
                    <a:lnTo>
                      <a:pt x="46" y="178"/>
                    </a:lnTo>
                    <a:lnTo>
                      <a:pt x="46" y="169"/>
                    </a:lnTo>
                    <a:lnTo>
                      <a:pt x="47" y="159"/>
                    </a:lnTo>
                    <a:lnTo>
                      <a:pt x="58" y="158"/>
                    </a:lnTo>
                    <a:lnTo>
                      <a:pt x="66" y="155"/>
                    </a:lnTo>
                    <a:lnTo>
                      <a:pt x="73" y="151"/>
                    </a:lnTo>
                    <a:lnTo>
                      <a:pt x="78" y="145"/>
                    </a:lnTo>
                    <a:lnTo>
                      <a:pt x="81" y="139"/>
                    </a:lnTo>
                    <a:lnTo>
                      <a:pt x="84" y="132"/>
                    </a:lnTo>
                    <a:lnTo>
                      <a:pt x="86" y="124"/>
                    </a:lnTo>
                    <a:lnTo>
                      <a:pt x="88" y="116"/>
                    </a:lnTo>
                    <a:lnTo>
                      <a:pt x="92" y="109"/>
                    </a:lnTo>
                    <a:lnTo>
                      <a:pt x="94" y="101"/>
                    </a:lnTo>
                    <a:lnTo>
                      <a:pt x="98" y="94"/>
                    </a:lnTo>
                    <a:lnTo>
                      <a:pt x="102" y="88"/>
                    </a:lnTo>
                    <a:lnTo>
                      <a:pt x="108" y="82"/>
                    </a:lnTo>
                    <a:lnTo>
                      <a:pt x="117" y="78"/>
                    </a:lnTo>
                    <a:lnTo>
                      <a:pt x="127" y="76"/>
                    </a:lnTo>
                    <a:lnTo>
                      <a:pt x="141" y="75"/>
                    </a:lnTo>
                    <a:lnTo>
                      <a:pt x="141" y="68"/>
                    </a:lnTo>
                    <a:lnTo>
                      <a:pt x="140" y="61"/>
                    </a:lnTo>
                    <a:lnTo>
                      <a:pt x="138" y="57"/>
                    </a:lnTo>
                    <a:lnTo>
                      <a:pt x="135" y="53"/>
                    </a:lnTo>
                    <a:lnTo>
                      <a:pt x="132" y="49"/>
                    </a:lnTo>
                    <a:lnTo>
                      <a:pt x="131" y="43"/>
                    </a:lnTo>
                    <a:lnTo>
                      <a:pt x="130" y="36"/>
                    </a:lnTo>
                    <a:lnTo>
                      <a:pt x="132" y="28"/>
                    </a:lnTo>
                    <a:lnTo>
                      <a:pt x="139" y="23"/>
                    </a:lnTo>
                    <a:lnTo>
                      <a:pt x="146" y="19"/>
                    </a:lnTo>
                    <a:lnTo>
                      <a:pt x="154" y="16"/>
                    </a:lnTo>
                    <a:lnTo>
                      <a:pt x="162" y="13"/>
                    </a:lnTo>
                    <a:lnTo>
                      <a:pt x="179" y="8"/>
                    </a:lnTo>
                    <a:lnTo>
                      <a:pt x="195" y="4"/>
                    </a:lnTo>
                    <a:lnTo>
                      <a:pt x="212" y="3"/>
                    </a:lnTo>
                    <a:lnTo>
                      <a:pt x="227" y="3"/>
                    </a:lnTo>
                    <a:lnTo>
                      <a:pt x="241" y="5"/>
                    </a:lnTo>
                    <a:lnTo>
                      <a:pt x="253" y="9"/>
                    </a:lnTo>
                    <a:lnTo>
                      <a:pt x="255" y="15"/>
                    </a:lnTo>
                    <a:lnTo>
                      <a:pt x="255" y="20"/>
                    </a:lnTo>
                    <a:lnTo>
                      <a:pt x="255" y="24"/>
                    </a:lnTo>
                    <a:lnTo>
                      <a:pt x="254" y="29"/>
                    </a:lnTo>
                    <a:lnTo>
                      <a:pt x="251" y="35"/>
                    </a:lnTo>
                    <a:lnTo>
                      <a:pt x="246" y="39"/>
                    </a:lnTo>
                    <a:lnTo>
                      <a:pt x="241" y="43"/>
                    </a:lnTo>
                    <a:lnTo>
                      <a:pt x="237" y="49"/>
                    </a:lnTo>
                    <a:lnTo>
                      <a:pt x="236" y="52"/>
                    </a:lnTo>
                    <a:lnTo>
                      <a:pt x="235" y="56"/>
                    </a:lnTo>
                    <a:lnTo>
                      <a:pt x="234" y="60"/>
                    </a:lnTo>
                    <a:lnTo>
                      <a:pt x="235" y="65"/>
                    </a:lnTo>
                    <a:lnTo>
                      <a:pt x="224" y="61"/>
                    </a:lnTo>
                    <a:lnTo>
                      <a:pt x="215" y="59"/>
                    </a:lnTo>
                    <a:lnTo>
                      <a:pt x="206" y="58"/>
                    </a:lnTo>
                    <a:lnTo>
                      <a:pt x="198" y="58"/>
                    </a:lnTo>
                    <a:lnTo>
                      <a:pt x="191" y="60"/>
                    </a:lnTo>
                    <a:lnTo>
                      <a:pt x="183" y="63"/>
                    </a:lnTo>
                    <a:lnTo>
                      <a:pt x="176" y="69"/>
                    </a:lnTo>
                    <a:lnTo>
                      <a:pt x="168" y="75"/>
                    </a:lnTo>
                    <a:lnTo>
                      <a:pt x="168" y="82"/>
                    </a:lnTo>
                    <a:lnTo>
                      <a:pt x="170" y="88"/>
                    </a:lnTo>
                    <a:lnTo>
                      <a:pt x="173" y="93"/>
                    </a:lnTo>
                    <a:lnTo>
                      <a:pt x="175" y="97"/>
                    </a:lnTo>
                    <a:lnTo>
                      <a:pt x="178" y="101"/>
                    </a:lnTo>
                    <a:lnTo>
                      <a:pt x="180" y="107"/>
                    </a:lnTo>
                    <a:lnTo>
                      <a:pt x="180" y="113"/>
                    </a:lnTo>
                    <a:lnTo>
                      <a:pt x="178" y="121"/>
                    </a:lnTo>
                    <a:lnTo>
                      <a:pt x="193" y="118"/>
                    </a:lnTo>
                    <a:lnTo>
                      <a:pt x="207" y="117"/>
                    </a:lnTo>
                    <a:lnTo>
                      <a:pt x="215" y="117"/>
                    </a:lnTo>
                    <a:lnTo>
                      <a:pt x="222" y="118"/>
                    </a:lnTo>
                    <a:lnTo>
                      <a:pt x="230" y="119"/>
                    </a:lnTo>
                    <a:lnTo>
                      <a:pt x="236" y="120"/>
                    </a:lnTo>
                    <a:lnTo>
                      <a:pt x="242" y="123"/>
                    </a:lnTo>
                    <a:lnTo>
                      <a:pt x="247" y="125"/>
                    </a:lnTo>
                    <a:lnTo>
                      <a:pt x="254" y="130"/>
                    </a:lnTo>
                    <a:lnTo>
                      <a:pt x="258" y="134"/>
                    </a:lnTo>
                    <a:lnTo>
                      <a:pt x="262" y="139"/>
                    </a:lnTo>
                    <a:lnTo>
                      <a:pt x="266" y="144"/>
                    </a:lnTo>
                    <a:lnTo>
                      <a:pt x="270" y="152"/>
                    </a:lnTo>
                    <a:lnTo>
                      <a:pt x="272" y="159"/>
                    </a:lnTo>
                    <a:lnTo>
                      <a:pt x="286" y="156"/>
                    </a:lnTo>
                    <a:lnTo>
                      <a:pt x="298" y="154"/>
                    </a:lnTo>
                    <a:lnTo>
                      <a:pt x="309" y="153"/>
                    </a:lnTo>
                    <a:lnTo>
                      <a:pt x="318" y="153"/>
                    </a:lnTo>
                    <a:lnTo>
                      <a:pt x="326" y="155"/>
                    </a:lnTo>
                    <a:lnTo>
                      <a:pt x="334" y="157"/>
                    </a:lnTo>
                    <a:lnTo>
                      <a:pt x="340" y="159"/>
                    </a:lnTo>
                    <a:lnTo>
                      <a:pt x="346" y="162"/>
                    </a:lnTo>
                    <a:lnTo>
                      <a:pt x="360" y="169"/>
                    </a:lnTo>
                    <a:lnTo>
                      <a:pt x="376" y="174"/>
                    </a:lnTo>
                    <a:lnTo>
                      <a:pt x="385" y="176"/>
                    </a:lnTo>
                    <a:lnTo>
                      <a:pt x="396" y="178"/>
                    </a:lnTo>
                    <a:lnTo>
                      <a:pt x="408" y="178"/>
                    </a:lnTo>
                    <a:lnTo>
                      <a:pt x="422" y="177"/>
                    </a:lnTo>
                    <a:lnTo>
                      <a:pt x="430" y="164"/>
                    </a:lnTo>
                    <a:lnTo>
                      <a:pt x="438" y="152"/>
                    </a:lnTo>
                    <a:lnTo>
                      <a:pt x="441" y="144"/>
                    </a:lnTo>
                    <a:lnTo>
                      <a:pt x="445" y="137"/>
                    </a:lnTo>
                    <a:lnTo>
                      <a:pt x="448" y="130"/>
                    </a:lnTo>
                    <a:lnTo>
                      <a:pt x="450" y="121"/>
                    </a:lnTo>
                    <a:lnTo>
                      <a:pt x="480" y="128"/>
                    </a:lnTo>
                    <a:lnTo>
                      <a:pt x="508" y="133"/>
                    </a:lnTo>
                    <a:lnTo>
                      <a:pt x="533" y="137"/>
                    </a:lnTo>
                    <a:lnTo>
                      <a:pt x="555" y="141"/>
                    </a:lnTo>
                    <a:lnTo>
                      <a:pt x="576" y="145"/>
                    </a:lnTo>
                    <a:lnTo>
                      <a:pt x="595" y="152"/>
                    </a:lnTo>
                    <a:lnTo>
                      <a:pt x="603" y="155"/>
                    </a:lnTo>
                    <a:lnTo>
                      <a:pt x="612" y="159"/>
                    </a:lnTo>
                    <a:lnTo>
                      <a:pt x="620" y="163"/>
                    </a:lnTo>
                    <a:lnTo>
                      <a:pt x="628" y="169"/>
                    </a:lnTo>
                    <a:lnTo>
                      <a:pt x="636" y="159"/>
                    </a:lnTo>
                    <a:lnTo>
                      <a:pt x="644" y="152"/>
                    </a:lnTo>
                    <a:lnTo>
                      <a:pt x="649" y="151"/>
                    </a:lnTo>
                    <a:lnTo>
                      <a:pt x="653" y="151"/>
                    </a:lnTo>
                    <a:lnTo>
                      <a:pt x="658" y="154"/>
                    </a:lnTo>
                    <a:lnTo>
                      <a:pt x="666" y="159"/>
                    </a:lnTo>
                    <a:lnTo>
                      <a:pt x="669" y="158"/>
                    </a:lnTo>
                    <a:lnTo>
                      <a:pt x="671" y="157"/>
                    </a:lnTo>
                    <a:lnTo>
                      <a:pt x="672" y="155"/>
                    </a:lnTo>
                    <a:lnTo>
                      <a:pt x="674" y="153"/>
                    </a:lnTo>
                    <a:lnTo>
                      <a:pt x="675" y="148"/>
                    </a:lnTo>
                    <a:lnTo>
                      <a:pt x="676" y="141"/>
                    </a:lnTo>
                    <a:lnTo>
                      <a:pt x="677" y="135"/>
                    </a:lnTo>
                    <a:lnTo>
                      <a:pt x="678" y="130"/>
                    </a:lnTo>
                    <a:lnTo>
                      <a:pt x="679" y="127"/>
                    </a:lnTo>
                    <a:lnTo>
                      <a:pt x="680" y="124"/>
                    </a:lnTo>
                    <a:lnTo>
                      <a:pt x="681" y="122"/>
                    </a:lnTo>
                    <a:lnTo>
                      <a:pt x="684" y="121"/>
                    </a:lnTo>
                    <a:lnTo>
                      <a:pt x="708" y="121"/>
                    </a:lnTo>
                    <a:lnTo>
                      <a:pt x="732" y="121"/>
                    </a:lnTo>
                    <a:lnTo>
                      <a:pt x="742" y="121"/>
                    </a:lnTo>
                    <a:lnTo>
                      <a:pt x="753" y="122"/>
                    </a:lnTo>
                    <a:lnTo>
                      <a:pt x="763" y="123"/>
                    </a:lnTo>
                    <a:lnTo>
                      <a:pt x="773" y="125"/>
                    </a:lnTo>
                    <a:lnTo>
                      <a:pt x="782" y="129"/>
                    </a:lnTo>
                    <a:lnTo>
                      <a:pt x="790" y="132"/>
                    </a:lnTo>
                    <a:lnTo>
                      <a:pt x="797" y="137"/>
                    </a:lnTo>
                    <a:lnTo>
                      <a:pt x="803" y="142"/>
                    </a:lnTo>
                    <a:lnTo>
                      <a:pt x="809" y="150"/>
                    </a:lnTo>
                    <a:lnTo>
                      <a:pt x="812" y="157"/>
                    </a:lnTo>
                    <a:lnTo>
                      <a:pt x="814" y="167"/>
                    </a:lnTo>
                    <a:lnTo>
                      <a:pt x="815" y="177"/>
                    </a:lnTo>
                    <a:lnTo>
                      <a:pt x="805" y="175"/>
                    </a:lnTo>
                    <a:lnTo>
                      <a:pt x="795" y="174"/>
                    </a:lnTo>
                    <a:lnTo>
                      <a:pt x="786" y="173"/>
                    </a:lnTo>
                    <a:lnTo>
                      <a:pt x="778" y="174"/>
                    </a:lnTo>
                    <a:lnTo>
                      <a:pt x="771" y="176"/>
                    </a:lnTo>
                    <a:lnTo>
                      <a:pt x="764" y="178"/>
                    </a:lnTo>
                    <a:lnTo>
                      <a:pt x="758" y="182"/>
                    </a:lnTo>
                    <a:lnTo>
                      <a:pt x="753" y="187"/>
                    </a:lnTo>
                    <a:lnTo>
                      <a:pt x="748" y="192"/>
                    </a:lnTo>
                    <a:lnTo>
                      <a:pt x="743" y="198"/>
                    </a:lnTo>
                    <a:lnTo>
                      <a:pt x="739" y="204"/>
                    </a:lnTo>
                    <a:lnTo>
                      <a:pt x="736" y="212"/>
                    </a:lnTo>
                    <a:lnTo>
                      <a:pt x="729" y="227"/>
                    </a:lnTo>
                    <a:lnTo>
                      <a:pt x="721" y="243"/>
                    </a:lnTo>
                    <a:lnTo>
                      <a:pt x="728" y="239"/>
                    </a:lnTo>
                    <a:lnTo>
                      <a:pt x="733" y="235"/>
                    </a:lnTo>
                    <a:lnTo>
                      <a:pt x="737" y="230"/>
                    </a:lnTo>
                    <a:lnTo>
                      <a:pt x="742" y="224"/>
                    </a:lnTo>
                    <a:lnTo>
                      <a:pt x="751" y="213"/>
                    </a:lnTo>
                    <a:lnTo>
                      <a:pt x="760" y="202"/>
                    </a:lnTo>
                    <a:lnTo>
                      <a:pt x="766" y="197"/>
                    </a:lnTo>
                    <a:lnTo>
                      <a:pt x="771" y="193"/>
                    </a:lnTo>
                    <a:lnTo>
                      <a:pt x="777" y="190"/>
                    </a:lnTo>
                    <a:lnTo>
                      <a:pt x="784" y="187"/>
                    </a:lnTo>
                    <a:lnTo>
                      <a:pt x="793" y="186"/>
                    </a:lnTo>
                    <a:lnTo>
                      <a:pt x="802" y="184"/>
                    </a:lnTo>
                    <a:lnTo>
                      <a:pt x="813" y="186"/>
                    </a:lnTo>
                    <a:lnTo>
                      <a:pt x="825" y="187"/>
                    </a:lnTo>
                    <a:lnTo>
                      <a:pt x="825" y="179"/>
                    </a:lnTo>
                    <a:lnTo>
                      <a:pt x="825" y="173"/>
                    </a:lnTo>
                    <a:lnTo>
                      <a:pt x="825" y="167"/>
                    </a:lnTo>
                    <a:lnTo>
                      <a:pt x="823" y="160"/>
                    </a:lnTo>
                    <a:lnTo>
                      <a:pt x="821" y="155"/>
                    </a:lnTo>
                    <a:lnTo>
                      <a:pt x="819" y="150"/>
                    </a:lnTo>
                    <a:lnTo>
                      <a:pt x="817" y="145"/>
                    </a:lnTo>
                    <a:lnTo>
                      <a:pt x="814" y="141"/>
                    </a:lnTo>
                    <a:lnTo>
                      <a:pt x="811" y="137"/>
                    </a:lnTo>
                    <a:lnTo>
                      <a:pt x="808" y="134"/>
                    </a:lnTo>
                    <a:lnTo>
                      <a:pt x="803" y="131"/>
                    </a:lnTo>
                    <a:lnTo>
                      <a:pt x="798" y="129"/>
                    </a:lnTo>
                    <a:lnTo>
                      <a:pt x="789" y="124"/>
                    </a:lnTo>
                    <a:lnTo>
                      <a:pt x="777" y="121"/>
                    </a:lnTo>
                    <a:lnTo>
                      <a:pt x="794" y="112"/>
                    </a:lnTo>
                    <a:lnTo>
                      <a:pt x="810" y="101"/>
                    </a:lnTo>
                    <a:lnTo>
                      <a:pt x="818" y="97"/>
                    </a:lnTo>
                    <a:lnTo>
                      <a:pt x="828" y="94"/>
                    </a:lnTo>
                    <a:lnTo>
                      <a:pt x="839" y="93"/>
                    </a:lnTo>
                    <a:lnTo>
                      <a:pt x="853" y="93"/>
                    </a:lnTo>
                    <a:lnTo>
                      <a:pt x="857" y="94"/>
                    </a:lnTo>
                    <a:lnTo>
                      <a:pt x="861" y="95"/>
                    </a:lnTo>
                    <a:lnTo>
                      <a:pt x="865" y="97"/>
                    </a:lnTo>
                    <a:lnTo>
                      <a:pt x="868" y="99"/>
                    </a:lnTo>
                    <a:lnTo>
                      <a:pt x="873" y="104"/>
                    </a:lnTo>
                    <a:lnTo>
                      <a:pt x="878" y="110"/>
                    </a:lnTo>
                    <a:lnTo>
                      <a:pt x="882" y="116"/>
                    </a:lnTo>
                    <a:lnTo>
                      <a:pt x="887" y="122"/>
                    </a:lnTo>
                    <a:lnTo>
                      <a:pt x="893" y="127"/>
                    </a:lnTo>
                    <a:lnTo>
                      <a:pt x="899" y="131"/>
                    </a:lnTo>
                    <a:lnTo>
                      <a:pt x="917" y="127"/>
                    </a:lnTo>
                    <a:lnTo>
                      <a:pt x="936" y="123"/>
                    </a:lnTo>
                    <a:lnTo>
                      <a:pt x="954" y="122"/>
                    </a:lnTo>
                    <a:lnTo>
                      <a:pt x="973" y="121"/>
                    </a:lnTo>
                    <a:lnTo>
                      <a:pt x="1009" y="121"/>
                    </a:lnTo>
                    <a:lnTo>
                      <a:pt x="1042" y="120"/>
                    </a:lnTo>
                    <a:lnTo>
                      <a:pt x="1058" y="118"/>
                    </a:lnTo>
                    <a:lnTo>
                      <a:pt x="1072" y="115"/>
                    </a:lnTo>
                    <a:lnTo>
                      <a:pt x="1079" y="113"/>
                    </a:lnTo>
                    <a:lnTo>
                      <a:pt x="1086" y="110"/>
                    </a:lnTo>
                    <a:lnTo>
                      <a:pt x="1091" y="107"/>
                    </a:lnTo>
                    <a:lnTo>
                      <a:pt x="1097" y="102"/>
                    </a:lnTo>
                    <a:lnTo>
                      <a:pt x="1101" y="98"/>
                    </a:lnTo>
                    <a:lnTo>
                      <a:pt x="1107" y="93"/>
                    </a:lnTo>
                    <a:lnTo>
                      <a:pt x="1111" y="88"/>
                    </a:lnTo>
                    <a:lnTo>
                      <a:pt x="1114" y="81"/>
                    </a:lnTo>
                    <a:lnTo>
                      <a:pt x="1117" y="74"/>
                    </a:lnTo>
                    <a:lnTo>
                      <a:pt x="1120" y="65"/>
                    </a:lnTo>
                    <a:lnTo>
                      <a:pt x="1123" y="56"/>
                    </a:lnTo>
                    <a:lnTo>
                      <a:pt x="1124" y="47"/>
                    </a:lnTo>
                    <a:lnTo>
                      <a:pt x="1133" y="51"/>
                    </a:lnTo>
                    <a:lnTo>
                      <a:pt x="1144" y="55"/>
                    </a:lnTo>
                    <a:lnTo>
                      <a:pt x="1154" y="59"/>
                    </a:lnTo>
                    <a:lnTo>
                      <a:pt x="1164" y="61"/>
                    </a:lnTo>
                    <a:lnTo>
                      <a:pt x="1169" y="61"/>
                    </a:lnTo>
                    <a:lnTo>
                      <a:pt x="1173" y="61"/>
                    </a:lnTo>
                    <a:lnTo>
                      <a:pt x="1177" y="60"/>
                    </a:lnTo>
                    <a:lnTo>
                      <a:pt x="1181" y="58"/>
                    </a:lnTo>
                    <a:lnTo>
                      <a:pt x="1184" y="54"/>
                    </a:lnTo>
                    <a:lnTo>
                      <a:pt x="1187" y="50"/>
                    </a:lnTo>
                    <a:lnTo>
                      <a:pt x="1189" y="44"/>
                    </a:lnTo>
                    <a:lnTo>
                      <a:pt x="1190" y="37"/>
                    </a:lnTo>
                    <a:lnTo>
                      <a:pt x="1204" y="41"/>
                    </a:lnTo>
                    <a:lnTo>
                      <a:pt x="1221" y="45"/>
                    </a:lnTo>
                    <a:lnTo>
                      <a:pt x="1231" y="47"/>
                    </a:lnTo>
                    <a:lnTo>
                      <a:pt x="1242" y="48"/>
                    </a:lnTo>
                    <a:lnTo>
                      <a:pt x="1251" y="48"/>
                    </a:lnTo>
                    <a:lnTo>
                      <a:pt x="1260" y="48"/>
                    </a:lnTo>
                    <a:lnTo>
                      <a:pt x="1269" y="47"/>
                    </a:lnTo>
                    <a:lnTo>
                      <a:pt x="1277" y="44"/>
                    </a:lnTo>
                    <a:lnTo>
                      <a:pt x="1284" y="40"/>
                    </a:lnTo>
                    <a:lnTo>
                      <a:pt x="1289" y="36"/>
                    </a:lnTo>
                    <a:lnTo>
                      <a:pt x="1291" y="33"/>
                    </a:lnTo>
                    <a:lnTo>
                      <a:pt x="1293" y="30"/>
                    </a:lnTo>
                    <a:lnTo>
                      <a:pt x="1294" y="25"/>
                    </a:lnTo>
                    <a:lnTo>
                      <a:pt x="1295" y="21"/>
                    </a:lnTo>
                    <a:lnTo>
                      <a:pt x="1295" y="17"/>
                    </a:lnTo>
                    <a:lnTo>
                      <a:pt x="1295" y="12"/>
                    </a:lnTo>
                    <a:lnTo>
                      <a:pt x="1294" y="5"/>
                    </a:lnTo>
                    <a:lnTo>
                      <a:pt x="1293" y="0"/>
                    </a:lnTo>
                    <a:lnTo>
                      <a:pt x="1307" y="10"/>
                    </a:lnTo>
                    <a:lnTo>
                      <a:pt x="1322" y="18"/>
                    </a:lnTo>
                    <a:lnTo>
                      <a:pt x="1336" y="25"/>
                    </a:lnTo>
                    <a:lnTo>
                      <a:pt x="1351" y="32"/>
                    </a:lnTo>
                    <a:lnTo>
                      <a:pt x="1380" y="43"/>
                    </a:lnTo>
                    <a:lnTo>
                      <a:pt x="1409" y="53"/>
                    </a:lnTo>
                    <a:lnTo>
                      <a:pt x="1424" y="58"/>
                    </a:lnTo>
                    <a:lnTo>
                      <a:pt x="1438" y="63"/>
                    </a:lnTo>
                    <a:lnTo>
                      <a:pt x="1452" y="69"/>
                    </a:lnTo>
                    <a:lnTo>
                      <a:pt x="1466" y="75"/>
                    </a:lnTo>
                    <a:lnTo>
                      <a:pt x="1479" y="82"/>
                    </a:lnTo>
                    <a:lnTo>
                      <a:pt x="1492" y="91"/>
                    </a:lnTo>
                    <a:lnTo>
                      <a:pt x="1505" y="100"/>
                    </a:lnTo>
                    <a:lnTo>
                      <a:pt x="1517" y="112"/>
                    </a:lnTo>
                    <a:lnTo>
                      <a:pt x="1514" y="118"/>
                    </a:lnTo>
                    <a:lnTo>
                      <a:pt x="1511" y="123"/>
                    </a:lnTo>
                    <a:lnTo>
                      <a:pt x="1507" y="128"/>
                    </a:lnTo>
                    <a:lnTo>
                      <a:pt x="1502" y="132"/>
                    </a:lnTo>
                    <a:lnTo>
                      <a:pt x="1492" y="139"/>
                    </a:lnTo>
                    <a:lnTo>
                      <a:pt x="1481" y="145"/>
                    </a:lnTo>
                    <a:lnTo>
                      <a:pt x="1468" y="150"/>
                    </a:lnTo>
                    <a:lnTo>
                      <a:pt x="1454" y="154"/>
                    </a:lnTo>
                    <a:lnTo>
                      <a:pt x="1439" y="157"/>
                    </a:lnTo>
                    <a:lnTo>
                      <a:pt x="1424" y="159"/>
                    </a:lnTo>
                    <a:lnTo>
                      <a:pt x="1427" y="168"/>
                    </a:lnTo>
                    <a:lnTo>
                      <a:pt x="1430" y="176"/>
                    </a:lnTo>
                    <a:lnTo>
                      <a:pt x="1434" y="183"/>
                    </a:lnTo>
                    <a:lnTo>
                      <a:pt x="1439" y="190"/>
                    </a:lnTo>
                    <a:lnTo>
                      <a:pt x="1451" y="201"/>
                    </a:lnTo>
                    <a:lnTo>
                      <a:pt x="1465" y="212"/>
                    </a:lnTo>
                    <a:lnTo>
                      <a:pt x="1478" y="221"/>
                    </a:lnTo>
                    <a:lnTo>
                      <a:pt x="1492" y="231"/>
                    </a:lnTo>
                    <a:lnTo>
                      <a:pt x="1506" y="241"/>
                    </a:lnTo>
                    <a:lnTo>
                      <a:pt x="1517" y="253"/>
                    </a:lnTo>
                    <a:lnTo>
                      <a:pt x="1526" y="249"/>
                    </a:lnTo>
                    <a:lnTo>
                      <a:pt x="1534" y="246"/>
                    </a:lnTo>
                    <a:lnTo>
                      <a:pt x="1542" y="243"/>
                    </a:lnTo>
                    <a:lnTo>
                      <a:pt x="1550" y="241"/>
                    </a:lnTo>
                    <a:lnTo>
                      <a:pt x="1557" y="240"/>
                    </a:lnTo>
                    <a:lnTo>
                      <a:pt x="1566" y="241"/>
                    </a:lnTo>
                    <a:lnTo>
                      <a:pt x="1573" y="241"/>
                    </a:lnTo>
                    <a:lnTo>
                      <a:pt x="1582" y="242"/>
                    </a:lnTo>
                    <a:lnTo>
                      <a:pt x="1596" y="247"/>
                    </a:lnTo>
                    <a:lnTo>
                      <a:pt x="1611" y="253"/>
                    </a:lnTo>
                    <a:lnTo>
                      <a:pt x="1626" y="260"/>
                    </a:lnTo>
                    <a:lnTo>
                      <a:pt x="1640" y="270"/>
                    </a:lnTo>
                    <a:lnTo>
                      <a:pt x="1667" y="289"/>
                    </a:lnTo>
                    <a:lnTo>
                      <a:pt x="1693" y="307"/>
                    </a:lnTo>
                    <a:lnTo>
                      <a:pt x="1706" y="314"/>
                    </a:lnTo>
                    <a:lnTo>
                      <a:pt x="1719" y="320"/>
                    </a:lnTo>
                    <a:lnTo>
                      <a:pt x="1730" y="326"/>
                    </a:lnTo>
                    <a:lnTo>
                      <a:pt x="1742" y="328"/>
                    </a:lnTo>
                    <a:lnTo>
                      <a:pt x="1730" y="349"/>
                    </a:lnTo>
                    <a:lnTo>
                      <a:pt x="1717" y="369"/>
                    </a:lnTo>
                    <a:lnTo>
                      <a:pt x="1712" y="379"/>
                    </a:lnTo>
                    <a:lnTo>
                      <a:pt x="1708" y="392"/>
                    </a:lnTo>
                    <a:lnTo>
                      <a:pt x="1706" y="398"/>
                    </a:lnTo>
                    <a:lnTo>
                      <a:pt x="1705" y="406"/>
                    </a:lnTo>
                    <a:lnTo>
                      <a:pt x="1705" y="413"/>
                    </a:lnTo>
                    <a:lnTo>
                      <a:pt x="1705" y="421"/>
                    </a:lnTo>
                    <a:lnTo>
                      <a:pt x="1693" y="423"/>
                    </a:lnTo>
                    <a:lnTo>
                      <a:pt x="1682" y="427"/>
                    </a:lnTo>
                    <a:lnTo>
                      <a:pt x="1672" y="430"/>
                    </a:lnTo>
                    <a:lnTo>
                      <a:pt x="1663" y="434"/>
                    </a:lnTo>
                    <a:lnTo>
                      <a:pt x="1654" y="439"/>
                    </a:lnTo>
                    <a:lnTo>
                      <a:pt x="1647" y="445"/>
                    </a:lnTo>
                    <a:lnTo>
                      <a:pt x="1640" y="451"/>
                    </a:lnTo>
                    <a:lnTo>
                      <a:pt x="1633" y="457"/>
                    </a:lnTo>
                    <a:lnTo>
                      <a:pt x="1628" y="465"/>
                    </a:lnTo>
                    <a:lnTo>
                      <a:pt x="1623" y="472"/>
                    </a:lnTo>
                    <a:lnTo>
                      <a:pt x="1618" y="480"/>
                    </a:lnTo>
                    <a:lnTo>
                      <a:pt x="1614" y="489"/>
                    </a:lnTo>
                    <a:lnTo>
                      <a:pt x="1608" y="507"/>
                    </a:lnTo>
                    <a:lnTo>
                      <a:pt x="1603" y="526"/>
                    </a:lnTo>
                    <a:lnTo>
                      <a:pt x="1594" y="566"/>
                    </a:lnTo>
                    <a:lnTo>
                      <a:pt x="1588" y="607"/>
                    </a:lnTo>
                    <a:lnTo>
                      <a:pt x="1584" y="627"/>
                    </a:lnTo>
                    <a:lnTo>
                      <a:pt x="1578" y="647"/>
                    </a:lnTo>
                    <a:lnTo>
                      <a:pt x="1572" y="666"/>
                    </a:lnTo>
                    <a:lnTo>
                      <a:pt x="1564" y="684"/>
                    </a:lnTo>
                    <a:lnTo>
                      <a:pt x="1552" y="684"/>
                    </a:lnTo>
                    <a:lnTo>
                      <a:pt x="1541" y="684"/>
                    </a:lnTo>
                    <a:lnTo>
                      <a:pt x="1529" y="684"/>
                    </a:lnTo>
                    <a:lnTo>
                      <a:pt x="1517" y="684"/>
                    </a:lnTo>
                    <a:lnTo>
                      <a:pt x="1516" y="674"/>
                    </a:lnTo>
                    <a:lnTo>
                      <a:pt x="1514" y="666"/>
                    </a:lnTo>
                    <a:lnTo>
                      <a:pt x="1511" y="659"/>
                    </a:lnTo>
                    <a:lnTo>
                      <a:pt x="1507" y="654"/>
                    </a:lnTo>
                    <a:lnTo>
                      <a:pt x="1502" y="649"/>
                    </a:lnTo>
                    <a:lnTo>
                      <a:pt x="1496" y="645"/>
                    </a:lnTo>
                    <a:lnTo>
                      <a:pt x="1490" y="641"/>
                    </a:lnTo>
                    <a:lnTo>
                      <a:pt x="1484" y="637"/>
                    </a:lnTo>
                    <a:lnTo>
                      <a:pt x="1477" y="634"/>
                    </a:lnTo>
                    <a:lnTo>
                      <a:pt x="1471" y="630"/>
                    </a:lnTo>
                    <a:lnTo>
                      <a:pt x="1466" y="626"/>
                    </a:lnTo>
                    <a:lnTo>
                      <a:pt x="1461" y="620"/>
                    </a:lnTo>
                    <a:lnTo>
                      <a:pt x="1456" y="615"/>
                    </a:lnTo>
                    <a:lnTo>
                      <a:pt x="1453" y="608"/>
                    </a:lnTo>
                    <a:lnTo>
                      <a:pt x="1452" y="599"/>
                    </a:lnTo>
                    <a:lnTo>
                      <a:pt x="1452" y="590"/>
                    </a:lnTo>
                    <a:lnTo>
                      <a:pt x="1459" y="590"/>
                    </a:lnTo>
                    <a:lnTo>
                      <a:pt x="1467" y="590"/>
                    </a:lnTo>
                    <a:lnTo>
                      <a:pt x="1473" y="590"/>
                    </a:lnTo>
                    <a:lnTo>
                      <a:pt x="1478" y="588"/>
                    </a:lnTo>
                    <a:lnTo>
                      <a:pt x="1484" y="587"/>
                    </a:lnTo>
                    <a:lnTo>
                      <a:pt x="1489" y="584"/>
                    </a:lnTo>
                    <a:lnTo>
                      <a:pt x="1493" y="580"/>
                    </a:lnTo>
                    <a:lnTo>
                      <a:pt x="1496" y="577"/>
                    </a:lnTo>
                    <a:lnTo>
                      <a:pt x="1499" y="574"/>
                    </a:lnTo>
                    <a:lnTo>
                      <a:pt x="1502" y="570"/>
                    </a:lnTo>
                    <a:lnTo>
                      <a:pt x="1504" y="565"/>
                    </a:lnTo>
                    <a:lnTo>
                      <a:pt x="1506" y="560"/>
                    </a:lnTo>
                    <a:lnTo>
                      <a:pt x="1507" y="550"/>
                    </a:lnTo>
                    <a:lnTo>
                      <a:pt x="1507" y="540"/>
                    </a:lnTo>
                    <a:lnTo>
                      <a:pt x="1506" y="530"/>
                    </a:lnTo>
                    <a:lnTo>
                      <a:pt x="1502" y="519"/>
                    </a:lnTo>
                    <a:lnTo>
                      <a:pt x="1496" y="510"/>
                    </a:lnTo>
                    <a:lnTo>
                      <a:pt x="1490" y="501"/>
                    </a:lnTo>
                    <a:lnTo>
                      <a:pt x="1487" y="498"/>
                    </a:lnTo>
                    <a:lnTo>
                      <a:pt x="1483" y="495"/>
                    </a:lnTo>
                    <a:lnTo>
                      <a:pt x="1478" y="492"/>
                    </a:lnTo>
                    <a:lnTo>
                      <a:pt x="1473" y="490"/>
                    </a:lnTo>
                    <a:lnTo>
                      <a:pt x="1469" y="488"/>
                    </a:lnTo>
                    <a:lnTo>
                      <a:pt x="1464" y="487"/>
                    </a:lnTo>
                    <a:lnTo>
                      <a:pt x="1457" y="487"/>
                    </a:lnTo>
                    <a:lnTo>
                      <a:pt x="1452" y="487"/>
                    </a:lnTo>
                    <a:lnTo>
                      <a:pt x="1444" y="485"/>
                    </a:lnTo>
                    <a:lnTo>
                      <a:pt x="1436" y="485"/>
                    </a:lnTo>
                    <a:lnTo>
                      <a:pt x="1429" y="484"/>
                    </a:lnTo>
                    <a:lnTo>
                      <a:pt x="1423" y="485"/>
                    </a:lnTo>
                    <a:lnTo>
                      <a:pt x="1415" y="486"/>
                    </a:lnTo>
                    <a:lnTo>
                      <a:pt x="1409" y="487"/>
                    </a:lnTo>
                    <a:lnTo>
                      <a:pt x="1403" y="489"/>
                    </a:lnTo>
                    <a:lnTo>
                      <a:pt x="1396" y="492"/>
                    </a:lnTo>
                    <a:lnTo>
                      <a:pt x="1385" y="498"/>
                    </a:lnTo>
                    <a:lnTo>
                      <a:pt x="1374" y="507"/>
                    </a:lnTo>
                    <a:lnTo>
                      <a:pt x="1364" y="517"/>
                    </a:lnTo>
                    <a:lnTo>
                      <a:pt x="1354" y="528"/>
                    </a:lnTo>
                    <a:lnTo>
                      <a:pt x="1346" y="539"/>
                    </a:lnTo>
                    <a:lnTo>
                      <a:pt x="1337" y="552"/>
                    </a:lnTo>
                    <a:lnTo>
                      <a:pt x="1329" y="565"/>
                    </a:lnTo>
                    <a:lnTo>
                      <a:pt x="1322" y="578"/>
                    </a:lnTo>
                    <a:lnTo>
                      <a:pt x="1307" y="604"/>
                    </a:lnTo>
                    <a:lnTo>
                      <a:pt x="1293" y="627"/>
                    </a:lnTo>
                    <a:lnTo>
                      <a:pt x="1284" y="617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16" name="Syddjurs og Favrskov kant"/>
              <p:cNvSpPr>
                <a:spLocks/>
              </p:cNvSpPr>
              <p:nvPr/>
            </p:nvSpPr>
            <p:spPr bwMode="auto">
              <a:xfrm>
                <a:off x="1751015" y="3956056"/>
                <a:ext cx="920752" cy="361951"/>
              </a:xfrm>
              <a:custGeom>
                <a:avLst/>
                <a:gdLst>
                  <a:gd name="T0" fmla="*/ 400 w 1742"/>
                  <a:gd name="T1" fmla="*/ 200 h 684"/>
                  <a:gd name="T2" fmla="*/ 372 w 1742"/>
                  <a:gd name="T3" fmla="*/ 213 h 684"/>
                  <a:gd name="T4" fmla="*/ 353 w 1742"/>
                  <a:gd name="T5" fmla="*/ 199 h 684"/>
                  <a:gd name="T6" fmla="*/ 360 w 1742"/>
                  <a:gd name="T7" fmla="*/ 184 h 684"/>
                  <a:gd name="T8" fmla="*/ 379 w 1742"/>
                  <a:gd name="T9" fmla="*/ 173 h 684"/>
                  <a:gd name="T10" fmla="*/ 383 w 1742"/>
                  <a:gd name="T11" fmla="*/ 187 h 684"/>
                  <a:gd name="T12" fmla="*/ 399 w 1742"/>
                  <a:gd name="T13" fmla="*/ 168 h 684"/>
                  <a:gd name="T14" fmla="*/ 397 w 1742"/>
                  <a:gd name="T15" fmla="*/ 155 h 684"/>
                  <a:gd name="T16" fmla="*/ 417 w 1742"/>
                  <a:gd name="T17" fmla="*/ 133 h 684"/>
                  <a:gd name="T18" fmla="*/ 393 w 1742"/>
                  <a:gd name="T19" fmla="*/ 121 h 684"/>
                  <a:gd name="T20" fmla="*/ 344 w 1742"/>
                  <a:gd name="T21" fmla="*/ 120 h 684"/>
                  <a:gd name="T22" fmla="*/ 306 w 1742"/>
                  <a:gd name="T23" fmla="*/ 112 h 684"/>
                  <a:gd name="T24" fmla="*/ 294 w 1742"/>
                  <a:gd name="T25" fmla="*/ 111 h 684"/>
                  <a:gd name="T26" fmla="*/ 262 w 1742"/>
                  <a:gd name="T27" fmla="*/ 87 h 684"/>
                  <a:gd name="T28" fmla="*/ 245 w 1742"/>
                  <a:gd name="T29" fmla="*/ 90 h 684"/>
                  <a:gd name="T30" fmla="*/ 247 w 1742"/>
                  <a:gd name="T31" fmla="*/ 104 h 684"/>
                  <a:gd name="T32" fmla="*/ 224 w 1742"/>
                  <a:gd name="T33" fmla="*/ 118 h 684"/>
                  <a:gd name="T34" fmla="*/ 190 w 1742"/>
                  <a:gd name="T35" fmla="*/ 164 h 684"/>
                  <a:gd name="T36" fmla="*/ 159 w 1742"/>
                  <a:gd name="T37" fmla="*/ 178 h 684"/>
                  <a:gd name="T38" fmla="*/ 111 w 1742"/>
                  <a:gd name="T39" fmla="*/ 179 h 684"/>
                  <a:gd name="T40" fmla="*/ 59 w 1742"/>
                  <a:gd name="T41" fmla="*/ 192 h 684"/>
                  <a:gd name="T42" fmla="*/ 55 w 1742"/>
                  <a:gd name="T43" fmla="*/ 175 h 684"/>
                  <a:gd name="T44" fmla="*/ 57 w 1742"/>
                  <a:gd name="T45" fmla="*/ 160 h 684"/>
                  <a:gd name="T46" fmla="*/ 57 w 1742"/>
                  <a:gd name="T47" fmla="*/ 146 h 684"/>
                  <a:gd name="T48" fmla="*/ 53 w 1742"/>
                  <a:gd name="T49" fmla="*/ 132 h 684"/>
                  <a:gd name="T50" fmla="*/ 43 w 1742"/>
                  <a:gd name="T51" fmla="*/ 114 h 684"/>
                  <a:gd name="T52" fmla="*/ 6 w 1742"/>
                  <a:gd name="T53" fmla="*/ 100 h 684"/>
                  <a:gd name="T54" fmla="*/ 16 w 1742"/>
                  <a:gd name="T55" fmla="*/ 63 h 684"/>
                  <a:gd name="T56" fmla="*/ 29 w 1742"/>
                  <a:gd name="T57" fmla="*/ 39 h 684"/>
                  <a:gd name="T58" fmla="*/ 46 w 1742"/>
                  <a:gd name="T59" fmla="*/ 19 h 684"/>
                  <a:gd name="T60" fmla="*/ 65 w 1742"/>
                  <a:gd name="T61" fmla="*/ 1 h 684"/>
                  <a:gd name="T62" fmla="*/ 80 w 1742"/>
                  <a:gd name="T63" fmla="*/ 14 h 684"/>
                  <a:gd name="T64" fmla="*/ 61 w 1742"/>
                  <a:gd name="T65" fmla="*/ 21 h 684"/>
                  <a:gd name="T66" fmla="*/ 64 w 1742"/>
                  <a:gd name="T67" fmla="*/ 39 h 684"/>
                  <a:gd name="T68" fmla="*/ 89 w 1742"/>
                  <a:gd name="T69" fmla="*/ 48 h 684"/>
                  <a:gd name="T70" fmla="*/ 120 w 1742"/>
                  <a:gd name="T71" fmla="*/ 56 h 684"/>
                  <a:gd name="T72" fmla="*/ 150 w 1742"/>
                  <a:gd name="T73" fmla="*/ 40 h 684"/>
                  <a:gd name="T74" fmla="*/ 212 w 1742"/>
                  <a:gd name="T75" fmla="*/ 53 h 684"/>
                  <a:gd name="T76" fmla="*/ 225 w 1742"/>
                  <a:gd name="T77" fmla="*/ 47 h 684"/>
                  <a:gd name="T78" fmla="*/ 254 w 1742"/>
                  <a:gd name="T79" fmla="*/ 41 h 684"/>
                  <a:gd name="T80" fmla="*/ 265 w 1742"/>
                  <a:gd name="T81" fmla="*/ 58 h 684"/>
                  <a:gd name="T82" fmla="*/ 243 w 1742"/>
                  <a:gd name="T83" fmla="*/ 76 h 684"/>
                  <a:gd name="T84" fmla="*/ 261 w 1742"/>
                  <a:gd name="T85" fmla="*/ 62 h 684"/>
                  <a:gd name="T86" fmla="*/ 272 w 1742"/>
                  <a:gd name="T87" fmla="*/ 48 h 684"/>
                  <a:gd name="T88" fmla="*/ 276 w 1742"/>
                  <a:gd name="T89" fmla="*/ 31 h 684"/>
                  <a:gd name="T90" fmla="*/ 297 w 1742"/>
                  <a:gd name="T91" fmla="*/ 42 h 684"/>
                  <a:gd name="T92" fmla="*/ 362 w 1742"/>
                  <a:gd name="T93" fmla="*/ 37 h 684"/>
                  <a:gd name="T94" fmla="*/ 377 w 1742"/>
                  <a:gd name="T95" fmla="*/ 17 h 684"/>
                  <a:gd name="T96" fmla="*/ 396 w 1742"/>
                  <a:gd name="T97" fmla="*/ 12 h 684"/>
                  <a:gd name="T98" fmla="*/ 430 w 1742"/>
                  <a:gd name="T99" fmla="*/ 11 h 684"/>
                  <a:gd name="T100" fmla="*/ 450 w 1742"/>
                  <a:gd name="T101" fmla="*/ 11 h 684"/>
                  <a:gd name="T102" fmla="*/ 504 w 1742"/>
                  <a:gd name="T103" fmla="*/ 39 h 684"/>
                  <a:gd name="T104" fmla="*/ 476 w 1742"/>
                  <a:gd name="T105" fmla="*/ 59 h 684"/>
                  <a:gd name="T106" fmla="*/ 513 w 1742"/>
                  <a:gd name="T107" fmla="*/ 81 h 684"/>
                  <a:gd name="T108" fmla="*/ 564 w 1742"/>
                  <a:gd name="T109" fmla="*/ 102 h 684"/>
                  <a:gd name="T110" fmla="*/ 568 w 1742"/>
                  <a:gd name="T111" fmla="*/ 138 h 684"/>
                  <a:gd name="T112" fmla="*/ 540 w 1742"/>
                  <a:gd name="T113" fmla="*/ 157 h 684"/>
                  <a:gd name="T114" fmla="*/ 517 w 1742"/>
                  <a:gd name="T115" fmla="*/ 228 h 684"/>
                  <a:gd name="T116" fmla="*/ 494 w 1742"/>
                  <a:gd name="T117" fmla="*/ 212 h 684"/>
                  <a:gd name="T118" fmla="*/ 490 w 1742"/>
                  <a:gd name="T119" fmla="*/ 197 h 684"/>
                  <a:gd name="T120" fmla="*/ 502 w 1742"/>
                  <a:gd name="T121" fmla="*/ 180 h 684"/>
                  <a:gd name="T122" fmla="*/ 485 w 1742"/>
                  <a:gd name="T123" fmla="*/ 162 h 684"/>
                  <a:gd name="T124" fmla="*/ 457 w 1742"/>
                  <a:gd name="T125" fmla="*/ 169 h 684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742" h="684">
                    <a:moveTo>
                      <a:pt x="1284" y="617"/>
                    </a:moveTo>
                    <a:lnTo>
                      <a:pt x="1274" y="621"/>
                    </a:lnTo>
                    <a:lnTo>
                      <a:pt x="1266" y="623"/>
                    </a:lnTo>
                    <a:lnTo>
                      <a:pt x="1258" y="624"/>
                    </a:lnTo>
                    <a:lnTo>
                      <a:pt x="1251" y="623"/>
                    </a:lnTo>
                    <a:lnTo>
                      <a:pt x="1245" y="621"/>
                    </a:lnTo>
                    <a:lnTo>
                      <a:pt x="1239" y="618"/>
                    </a:lnTo>
                    <a:lnTo>
                      <a:pt x="1233" y="616"/>
                    </a:lnTo>
                    <a:lnTo>
                      <a:pt x="1227" y="613"/>
                    </a:lnTo>
                    <a:lnTo>
                      <a:pt x="1214" y="607"/>
                    </a:lnTo>
                    <a:lnTo>
                      <a:pt x="1200" y="601"/>
                    </a:lnTo>
                    <a:lnTo>
                      <a:pt x="1192" y="599"/>
                    </a:lnTo>
                    <a:lnTo>
                      <a:pt x="1183" y="598"/>
                    </a:lnTo>
                    <a:lnTo>
                      <a:pt x="1173" y="598"/>
                    </a:lnTo>
                    <a:lnTo>
                      <a:pt x="1161" y="599"/>
                    </a:lnTo>
                    <a:lnTo>
                      <a:pt x="1153" y="611"/>
                    </a:lnTo>
                    <a:lnTo>
                      <a:pt x="1145" y="620"/>
                    </a:lnTo>
                    <a:lnTo>
                      <a:pt x="1139" y="625"/>
                    </a:lnTo>
                    <a:lnTo>
                      <a:pt x="1134" y="629"/>
                    </a:lnTo>
                    <a:lnTo>
                      <a:pt x="1129" y="632"/>
                    </a:lnTo>
                    <a:lnTo>
                      <a:pt x="1124" y="635"/>
                    </a:lnTo>
                    <a:lnTo>
                      <a:pt x="1117" y="638"/>
                    </a:lnTo>
                    <a:lnTo>
                      <a:pt x="1112" y="639"/>
                    </a:lnTo>
                    <a:lnTo>
                      <a:pt x="1105" y="640"/>
                    </a:lnTo>
                    <a:lnTo>
                      <a:pt x="1098" y="641"/>
                    </a:lnTo>
                    <a:lnTo>
                      <a:pt x="1091" y="641"/>
                    </a:lnTo>
                    <a:lnTo>
                      <a:pt x="1084" y="640"/>
                    </a:lnTo>
                    <a:lnTo>
                      <a:pt x="1076" y="639"/>
                    </a:lnTo>
                    <a:lnTo>
                      <a:pt x="1068" y="636"/>
                    </a:lnTo>
                    <a:lnTo>
                      <a:pt x="1067" y="627"/>
                    </a:lnTo>
                    <a:lnTo>
                      <a:pt x="1066" y="616"/>
                    </a:lnTo>
                    <a:lnTo>
                      <a:pt x="1062" y="607"/>
                    </a:lnTo>
                    <a:lnTo>
                      <a:pt x="1059" y="597"/>
                    </a:lnTo>
                    <a:lnTo>
                      <a:pt x="1056" y="593"/>
                    </a:lnTo>
                    <a:lnTo>
                      <a:pt x="1053" y="589"/>
                    </a:lnTo>
                    <a:lnTo>
                      <a:pt x="1050" y="585"/>
                    </a:lnTo>
                    <a:lnTo>
                      <a:pt x="1046" y="581"/>
                    </a:lnTo>
                    <a:lnTo>
                      <a:pt x="1040" y="578"/>
                    </a:lnTo>
                    <a:lnTo>
                      <a:pt x="1034" y="575"/>
                    </a:lnTo>
                    <a:lnTo>
                      <a:pt x="1028" y="573"/>
                    </a:lnTo>
                    <a:lnTo>
                      <a:pt x="1021" y="571"/>
                    </a:lnTo>
                    <a:lnTo>
                      <a:pt x="1042" y="565"/>
                    </a:lnTo>
                    <a:lnTo>
                      <a:pt x="1074" y="555"/>
                    </a:lnTo>
                    <a:lnTo>
                      <a:pt x="1082" y="552"/>
                    </a:lnTo>
                    <a:lnTo>
                      <a:pt x="1090" y="548"/>
                    </a:lnTo>
                    <a:lnTo>
                      <a:pt x="1098" y="545"/>
                    </a:lnTo>
                    <a:lnTo>
                      <a:pt x="1105" y="539"/>
                    </a:lnTo>
                    <a:lnTo>
                      <a:pt x="1111" y="534"/>
                    </a:lnTo>
                    <a:lnTo>
                      <a:pt x="1116" y="529"/>
                    </a:lnTo>
                    <a:lnTo>
                      <a:pt x="1120" y="522"/>
                    </a:lnTo>
                    <a:lnTo>
                      <a:pt x="1124" y="515"/>
                    </a:lnTo>
                    <a:lnTo>
                      <a:pt x="1130" y="515"/>
                    </a:lnTo>
                    <a:lnTo>
                      <a:pt x="1134" y="515"/>
                    </a:lnTo>
                    <a:lnTo>
                      <a:pt x="1136" y="516"/>
                    </a:lnTo>
                    <a:lnTo>
                      <a:pt x="1138" y="518"/>
                    </a:lnTo>
                    <a:lnTo>
                      <a:pt x="1139" y="520"/>
                    </a:lnTo>
                    <a:lnTo>
                      <a:pt x="1139" y="522"/>
                    </a:lnTo>
                    <a:lnTo>
                      <a:pt x="1139" y="526"/>
                    </a:lnTo>
                    <a:lnTo>
                      <a:pt x="1138" y="529"/>
                    </a:lnTo>
                    <a:lnTo>
                      <a:pt x="1137" y="536"/>
                    </a:lnTo>
                    <a:lnTo>
                      <a:pt x="1136" y="545"/>
                    </a:lnTo>
                    <a:lnTo>
                      <a:pt x="1136" y="549"/>
                    </a:lnTo>
                    <a:lnTo>
                      <a:pt x="1137" y="553"/>
                    </a:lnTo>
                    <a:lnTo>
                      <a:pt x="1139" y="557"/>
                    </a:lnTo>
                    <a:lnTo>
                      <a:pt x="1143" y="561"/>
                    </a:lnTo>
                    <a:lnTo>
                      <a:pt x="1151" y="562"/>
                    </a:lnTo>
                    <a:lnTo>
                      <a:pt x="1157" y="564"/>
                    </a:lnTo>
                    <a:lnTo>
                      <a:pt x="1165" y="564"/>
                    </a:lnTo>
                    <a:lnTo>
                      <a:pt x="1170" y="562"/>
                    </a:lnTo>
                    <a:lnTo>
                      <a:pt x="1180" y="560"/>
                    </a:lnTo>
                    <a:lnTo>
                      <a:pt x="1189" y="556"/>
                    </a:lnTo>
                    <a:lnTo>
                      <a:pt x="1203" y="545"/>
                    </a:lnTo>
                    <a:lnTo>
                      <a:pt x="1217" y="533"/>
                    </a:lnTo>
                    <a:lnTo>
                      <a:pt x="1213" y="529"/>
                    </a:lnTo>
                    <a:lnTo>
                      <a:pt x="1209" y="521"/>
                    </a:lnTo>
                    <a:lnTo>
                      <a:pt x="1204" y="512"/>
                    </a:lnTo>
                    <a:lnTo>
                      <a:pt x="1199" y="504"/>
                    </a:lnTo>
                    <a:lnTo>
                      <a:pt x="1194" y="496"/>
                    </a:lnTo>
                    <a:lnTo>
                      <a:pt x="1189" y="491"/>
                    </a:lnTo>
                    <a:lnTo>
                      <a:pt x="1187" y="490"/>
                    </a:lnTo>
                    <a:lnTo>
                      <a:pt x="1185" y="491"/>
                    </a:lnTo>
                    <a:lnTo>
                      <a:pt x="1183" y="493"/>
                    </a:lnTo>
                    <a:lnTo>
                      <a:pt x="1180" y="496"/>
                    </a:lnTo>
                    <a:lnTo>
                      <a:pt x="1180" y="493"/>
                    </a:lnTo>
                    <a:lnTo>
                      <a:pt x="1181" y="489"/>
                    </a:lnTo>
                    <a:lnTo>
                      <a:pt x="1183" y="484"/>
                    </a:lnTo>
                    <a:lnTo>
                      <a:pt x="1185" y="478"/>
                    </a:lnTo>
                    <a:lnTo>
                      <a:pt x="1191" y="466"/>
                    </a:lnTo>
                    <a:lnTo>
                      <a:pt x="1200" y="453"/>
                    </a:lnTo>
                    <a:lnTo>
                      <a:pt x="1206" y="447"/>
                    </a:lnTo>
                    <a:lnTo>
                      <a:pt x="1212" y="440"/>
                    </a:lnTo>
                    <a:lnTo>
                      <a:pt x="1217" y="435"/>
                    </a:lnTo>
                    <a:lnTo>
                      <a:pt x="1225" y="431"/>
                    </a:lnTo>
                    <a:lnTo>
                      <a:pt x="1232" y="427"/>
                    </a:lnTo>
                    <a:lnTo>
                      <a:pt x="1239" y="423"/>
                    </a:lnTo>
                    <a:lnTo>
                      <a:pt x="1247" y="421"/>
                    </a:lnTo>
                    <a:lnTo>
                      <a:pt x="1255" y="421"/>
                    </a:lnTo>
                    <a:lnTo>
                      <a:pt x="1254" y="409"/>
                    </a:lnTo>
                    <a:lnTo>
                      <a:pt x="1251" y="398"/>
                    </a:lnTo>
                    <a:lnTo>
                      <a:pt x="1247" y="391"/>
                    </a:lnTo>
                    <a:lnTo>
                      <a:pt x="1242" y="386"/>
                    </a:lnTo>
                    <a:lnTo>
                      <a:pt x="1235" y="381"/>
                    </a:lnTo>
                    <a:lnTo>
                      <a:pt x="1229" y="379"/>
                    </a:lnTo>
                    <a:lnTo>
                      <a:pt x="1221" y="377"/>
                    </a:lnTo>
                    <a:lnTo>
                      <a:pt x="1213" y="376"/>
                    </a:lnTo>
                    <a:lnTo>
                      <a:pt x="1206" y="375"/>
                    </a:lnTo>
                    <a:lnTo>
                      <a:pt x="1198" y="373"/>
                    </a:lnTo>
                    <a:lnTo>
                      <a:pt x="1191" y="371"/>
                    </a:lnTo>
                    <a:lnTo>
                      <a:pt x="1185" y="368"/>
                    </a:lnTo>
                    <a:lnTo>
                      <a:pt x="1179" y="363"/>
                    </a:lnTo>
                    <a:lnTo>
                      <a:pt x="1175" y="356"/>
                    </a:lnTo>
                    <a:lnTo>
                      <a:pt x="1172" y="348"/>
                    </a:lnTo>
                    <a:lnTo>
                      <a:pt x="1171" y="337"/>
                    </a:lnTo>
                    <a:lnTo>
                      <a:pt x="1159" y="338"/>
                    </a:lnTo>
                    <a:lnTo>
                      <a:pt x="1147" y="340"/>
                    </a:lnTo>
                    <a:lnTo>
                      <a:pt x="1134" y="342"/>
                    </a:lnTo>
                    <a:lnTo>
                      <a:pt x="1120" y="346"/>
                    </a:lnTo>
                    <a:lnTo>
                      <a:pt x="1092" y="352"/>
                    </a:lnTo>
                    <a:lnTo>
                      <a:pt x="1062" y="357"/>
                    </a:lnTo>
                    <a:lnTo>
                      <a:pt x="1047" y="359"/>
                    </a:lnTo>
                    <a:lnTo>
                      <a:pt x="1032" y="359"/>
                    </a:lnTo>
                    <a:lnTo>
                      <a:pt x="1017" y="359"/>
                    </a:lnTo>
                    <a:lnTo>
                      <a:pt x="1002" y="356"/>
                    </a:lnTo>
                    <a:lnTo>
                      <a:pt x="988" y="353"/>
                    </a:lnTo>
                    <a:lnTo>
                      <a:pt x="973" y="347"/>
                    </a:lnTo>
                    <a:lnTo>
                      <a:pt x="967" y="342"/>
                    </a:lnTo>
                    <a:lnTo>
                      <a:pt x="959" y="338"/>
                    </a:lnTo>
                    <a:lnTo>
                      <a:pt x="953" y="333"/>
                    </a:lnTo>
                    <a:lnTo>
                      <a:pt x="947" y="328"/>
                    </a:lnTo>
                    <a:lnTo>
                      <a:pt x="936" y="329"/>
                    </a:lnTo>
                    <a:lnTo>
                      <a:pt x="927" y="332"/>
                    </a:lnTo>
                    <a:lnTo>
                      <a:pt x="919" y="335"/>
                    </a:lnTo>
                    <a:lnTo>
                      <a:pt x="912" y="339"/>
                    </a:lnTo>
                    <a:lnTo>
                      <a:pt x="905" y="345"/>
                    </a:lnTo>
                    <a:lnTo>
                      <a:pt x="899" y="351"/>
                    </a:lnTo>
                    <a:lnTo>
                      <a:pt x="894" y="357"/>
                    </a:lnTo>
                    <a:lnTo>
                      <a:pt x="890" y="365"/>
                    </a:lnTo>
                    <a:lnTo>
                      <a:pt x="886" y="361"/>
                    </a:lnTo>
                    <a:lnTo>
                      <a:pt x="882" y="358"/>
                    </a:lnTo>
                    <a:lnTo>
                      <a:pt x="880" y="354"/>
                    </a:lnTo>
                    <a:lnTo>
                      <a:pt x="879" y="350"/>
                    </a:lnTo>
                    <a:lnTo>
                      <a:pt x="880" y="341"/>
                    </a:lnTo>
                    <a:lnTo>
                      <a:pt x="883" y="332"/>
                    </a:lnTo>
                    <a:lnTo>
                      <a:pt x="888" y="322"/>
                    </a:lnTo>
                    <a:lnTo>
                      <a:pt x="891" y="312"/>
                    </a:lnTo>
                    <a:lnTo>
                      <a:pt x="892" y="307"/>
                    </a:lnTo>
                    <a:lnTo>
                      <a:pt x="892" y="301"/>
                    </a:lnTo>
                    <a:lnTo>
                      <a:pt x="892" y="296"/>
                    </a:lnTo>
                    <a:lnTo>
                      <a:pt x="890" y="290"/>
                    </a:lnTo>
                    <a:lnTo>
                      <a:pt x="868" y="281"/>
                    </a:lnTo>
                    <a:lnTo>
                      <a:pt x="847" y="274"/>
                    </a:lnTo>
                    <a:lnTo>
                      <a:pt x="827" y="269"/>
                    </a:lnTo>
                    <a:lnTo>
                      <a:pt x="808" y="264"/>
                    </a:lnTo>
                    <a:lnTo>
                      <a:pt x="788" y="261"/>
                    </a:lnTo>
                    <a:lnTo>
                      <a:pt x="767" y="259"/>
                    </a:lnTo>
                    <a:lnTo>
                      <a:pt x="744" y="256"/>
                    </a:lnTo>
                    <a:lnTo>
                      <a:pt x="721" y="253"/>
                    </a:lnTo>
                    <a:lnTo>
                      <a:pt x="719" y="258"/>
                    </a:lnTo>
                    <a:lnTo>
                      <a:pt x="719" y="263"/>
                    </a:lnTo>
                    <a:lnTo>
                      <a:pt x="719" y="267"/>
                    </a:lnTo>
                    <a:lnTo>
                      <a:pt x="721" y="269"/>
                    </a:lnTo>
                    <a:lnTo>
                      <a:pt x="724" y="271"/>
                    </a:lnTo>
                    <a:lnTo>
                      <a:pt x="728" y="271"/>
                    </a:lnTo>
                    <a:lnTo>
                      <a:pt x="732" y="271"/>
                    </a:lnTo>
                    <a:lnTo>
                      <a:pt x="736" y="271"/>
                    </a:lnTo>
                    <a:lnTo>
                      <a:pt x="744" y="271"/>
                    </a:lnTo>
                    <a:lnTo>
                      <a:pt x="752" y="271"/>
                    </a:lnTo>
                    <a:lnTo>
                      <a:pt x="755" y="272"/>
                    </a:lnTo>
                    <a:lnTo>
                      <a:pt x="757" y="274"/>
                    </a:lnTo>
                    <a:lnTo>
                      <a:pt x="759" y="277"/>
                    </a:lnTo>
                    <a:lnTo>
                      <a:pt x="759" y="280"/>
                    </a:lnTo>
                    <a:lnTo>
                      <a:pt x="756" y="291"/>
                    </a:lnTo>
                    <a:lnTo>
                      <a:pt x="754" y="299"/>
                    </a:lnTo>
                    <a:lnTo>
                      <a:pt x="751" y="304"/>
                    </a:lnTo>
                    <a:lnTo>
                      <a:pt x="748" y="309"/>
                    </a:lnTo>
                    <a:lnTo>
                      <a:pt x="743" y="311"/>
                    </a:lnTo>
                    <a:lnTo>
                      <a:pt x="739" y="311"/>
                    </a:lnTo>
                    <a:lnTo>
                      <a:pt x="735" y="311"/>
                    </a:lnTo>
                    <a:lnTo>
                      <a:pt x="730" y="310"/>
                    </a:lnTo>
                    <a:lnTo>
                      <a:pt x="718" y="307"/>
                    </a:lnTo>
                    <a:lnTo>
                      <a:pt x="706" y="303"/>
                    </a:lnTo>
                    <a:lnTo>
                      <a:pt x="699" y="303"/>
                    </a:lnTo>
                    <a:lnTo>
                      <a:pt x="691" y="303"/>
                    </a:lnTo>
                    <a:lnTo>
                      <a:pt x="683" y="306"/>
                    </a:lnTo>
                    <a:lnTo>
                      <a:pt x="675" y="309"/>
                    </a:lnTo>
                    <a:lnTo>
                      <a:pt x="675" y="331"/>
                    </a:lnTo>
                    <a:lnTo>
                      <a:pt x="674" y="354"/>
                    </a:lnTo>
                    <a:lnTo>
                      <a:pt x="674" y="376"/>
                    </a:lnTo>
                    <a:lnTo>
                      <a:pt x="673" y="399"/>
                    </a:lnTo>
                    <a:lnTo>
                      <a:pt x="673" y="423"/>
                    </a:lnTo>
                    <a:lnTo>
                      <a:pt x="673" y="450"/>
                    </a:lnTo>
                    <a:lnTo>
                      <a:pt x="674" y="476"/>
                    </a:lnTo>
                    <a:lnTo>
                      <a:pt x="675" y="506"/>
                    </a:lnTo>
                    <a:lnTo>
                      <a:pt x="639" y="499"/>
                    </a:lnTo>
                    <a:lnTo>
                      <a:pt x="607" y="493"/>
                    </a:lnTo>
                    <a:lnTo>
                      <a:pt x="593" y="491"/>
                    </a:lnTo>
                    <a:lnTo>
                      <a:pt x="578" y="491"/>
                    </a:lnTo>
                    <a:lnTo>
                      <a:pt x="572" y="491"/>
                    </a:lnTo>
                    <a:lnTo>
                      <a:pt x="565" y="492"/>
                    </a:lnTo>
                    <a:lnTo>
                      <a:pt x="559" y="494"/>
                    </a:lnTo>
                    <a:lnTo>
                      <a:pt x="553" y="496"/>
                    </a:lnTo>
                    <a:lnTo>
                      <a:pt x="549" y="491"/>
                    </a:lnTo>
                    <a:lnTo>
                      <a:pt x="543" y="487"/>
                    </a:lnTo>
                    <a:lnTo>
                      <a:pt x="534" y="491"/>
                    </a:lnTo>
                    <a:lnTo>
                      <a:pt x="524" y="496"/>
                    </a:lnTo>
                    <a:lnTo>
                      <a:pt x="516" y="501"/>
                    </a:lnTo>
                    <a:lnTo>
                      <a:pt x="508" y="507"/>
                    </a:lnTo>
                    <a:lnTo>
                      <a:pt x="492" y="519"/>
                    </a:lnTo>
                    <a:lnTo>
                      <a:pt x="478" y="533"/>
                    </a:lnTo>
                    <a:lnTo>
                      <a:pt x="468" y="529"/>
                    </a:lnTo>
                    <a:lnTo>
                      <a:pt x="457" y="525"/>
                    </a:lnTo>
                    <a:lnTo>
                      <a:pt x="446" y="521"/>
                    </a:lnTo>
                    <a:lnTo>
                      <a:pt x="436" y="519"/>
                    </a:lnTo>
                    <a:lnTo>
                      <a:pt x="425" y="518"/>
                    </a:lnTo>
                    <a:lnTo>
                      <a:pt x="415" y="518"/>
                    </a:lnTo>
                    <a:lnTo>
                      <a:pt x="405" y="519"/>
                    </a:lnTo>
                    <a:lnTo>
                      <a:pt x="395" y="520"/>
                    </a:lnTo>
                    <a:lnTo>
                      <a:pt x="374" y="525"/>
                    </a:lnTo>
                    <a:lnTo>
                      <a:pt x="354" y="530"/>
                    </a:lnTo>
                    <a:lnTo>
                      <a:pt x="333" y="537"/>
                    </a:lnTo>
                    <a:lnTo>
                      <a:pt x="313" y="546"/>
                    </a:lnTo>
                    <a:lnTo>
                      <a:pt x="293" y="554"/>
                    </a:lnTo>
                    <a:lnTo>
                      <a:pt x="273" y="561"/>
                    </a:lnTo>
                    <a:lnTo>
                      <a:pt x="253" y="569"/>
                    </a:lnTo>
                    <a:lnTo>
                      <a:pt x="234" y="574"/>
                    </a:lnTo>
                    <a:lnTo>
                      <a:pt x="224" y="576"/>
                    </a:lnTo>
                    <a:lnTo>
                      <a:pt x="215" y="578"/>
                    </a:lnTo>
                    <a:lnTo>
                      <a:pt x="205" y="578"/>
                    </a:lnTo>
                    <a:lnTo>
                      <a:pt x="196" y="579"/>
                    </a:lnTo>
                    <a:lnTo>
                      <a:pt x="186" y="578"/>
                    </a:lnTo>
                    <a:lnTo>
                      <a:pt x="178" y="577"/>
                    </a:lnTo>
                    <a:lnTo>
                      <a:pt x="168" y="574"/>
                    </a:lnTo>
                    <a:lnTo>
                      <a:pt x="160" y="571"/>
                    </a:lnTo>
                    <a:lnTo>
                      <a:pt x="156" y="567"/>
                    </a:lnTo>
                    <a:lnTo>
                      <a:pt x="153" y="562"/>
                    </a:lnTo>
                    <a:lnTo>
                      <a:pt x="152" y="558"/>
                    </a:lnTo>
                    <a:lnTo>
                      <a:pt x="152" y="554"/>
                    </a:lnTo>
                    <a:lnTo>
                      <a:pt x="153" y="550"/>
                    </a:lnTo>
                    <a:lnTo>
                      <a:pt x="154" y="545"/>
                    </a:lnTo>
                    <a:lnTo>
                      <a:pt x="156" y="540"/>
                    </a:lnTo>
                    <a:lnTo>
                      <a:pt x="159" y="535"/>
                    </a:lnTo>
                    <a:lnTo>
                      <a:pt x="165" y="526"/>
                    </a:lnTo>
                    <a:lnTo>
                      <a:pt x="172" y="516"/>
                    </a:lnTo>
                    <a:lnTo>
                      <a:pt x="175" y="511"/>
                    </a:lnTo>
                    <a:lnTo>
                      <a:pt x="177" y="506"/>
                    </a:lnTo>
                    <a:lnTo>
                      <a:pt x="178" y="501"/>
                    </a:lnTo>
                    <a:lnTo>
                      <a:pt x="178" y="496"/>
                    </a:lnTo>
                    <a:lnTo>
                      <a:pt x="174" y="491"/>
                    </a:lnTo>
                    <a:lnTo>
                      <a:pt x="168" y="487"/>
                    </a:lnTo>
                    <a:lnTo>
                      <a:pt x="171" y="485"/>
                    </a:lnTo>
                    <a:lnTo>
                      <a:pt x="172" y="484"/>
                    </a:lnTo>
                    <a:lnTo>
                      <a:pt x="172" y="481"/>
                    </a:lnTo>
                    <a:lnTo>
                      <a:pt x="171" y="479"/>
                    </a:lnTo>
                    <a:lnTo>
                      <a:pt x="170" y="476"/>
                    </a:lnTo>
                    <a:lnTo>
                      <a:pt x="166" y="472"/>
                    </a:lnTo>
                    <a:lnTo>
                      <a:pt x="166" y="470"/>
                    </a:lnTo>
                    <a:lnTo>
                      <a:pt x="165" y="468"/>
                    </a:lnTo>
                    <a:lnTo>
                      <a:pt x="165" y="466"/>
                    </a:lnTo>
                    <a:lnTo>
                      <a:pt x="166" y="462"/>
                    </a:lnTo>
                    <a:lnTo>
                      <a:pt x="167" y="459"/>
                    </a:lnTo>
                    <a:lnTo>
                      <a:pt x="170" y="456"/>
                    </a:lnTo>
                    <a:lnTo>
                      <a:pt x="174" y="453"/>
                    </a:lnTo>
                    <a:lnTo>
                      <a:pt x="178" y="449"/>
                    </a:lnTo>
                    <a:lnTo>
                      <a:pt x="172" y="437"/>
                    </a:lnTo>
                    <a:lnTo>
                      <a:pt x="166" y="423"/>
                    </a:lnTo>
                    <a:lnTo>
                      <a:pt x="162" y="418"/>
                    </a:lnTo>
                    <a:lnTo>
                      <a:pt x="158" y="414"/>
                    </a:lnTo>
                    <a:lnTo>
                      <a:pt x="154" y="412"/>
                    </a:lnTo>
                    <a:lnTo>
                      <a:pt x="151" y="412"/>
                    </a:lnTo>
                    <a:lnTo>
                      <a:pt x="146" y="411"/>
                    </a:lnTo>
                    <a:lnTo>
                      <a:pt x="141" y="412"/>
                    </a:lnTo>
                    <a:lnTo>
                      <a:pt x="147" y="408"/>
                    </a:lnTo>
                    <a:lnTo>
                      <a:pt x="152" y="403"/>
                    </a:lnTo>
                    <a:lnTo>
                      <a:pt x="156" y="400"/>
                    </a:lnTo>
                    <a:lnTo>
                      <a:pt x="159" y="396"/>
                    </a:lnTo>
                    <a:lnTo>
                      <a:pt x="162" y="392"/>
                    </a:lnTo>
                    <a:lnTo>
                      <a:pt x="163" y="388"/>
                    </a:lnTo>
                    <a:lnTo>
                      <a:pt x="164" y="383"/>
                    </a:lnTo>
                    <a:lnTo>
                      <a:pt x="164" y="379"/>
                    </a:lnTo>
                    <a:lnTo>
                      <a:pt x="163" y="375"/>
                    </a:lnTo>
                    <a:lnTo>
                      <a:pt x="161" y="371"/>
                    </a:lnTo>
                    <a:lnTo>
                      <a:pt x="159" y="367"/>
                    </a:lnTo>
                    <a:lnTo>
                      <a:pt x="157" y="362"/>
                    </a:lnTo>
                    <a:lnTo>
                      <a:pt x="150" y="355"/>
                    </a:lnTo>
                    <a:lnTo>
                      <a:pt x="140" y="348"/>
                    </a:lnTo>
                    <a:lnTo>
                      <a:pt x="128" y="341"/>
                    </a:lnTo>
                    <a:lnTo>
                      <a:pt x="117" y="335"/>
                    </a:lnTo>
                    <a:lnTo>
                      <a:pt x="103" y="331"/>
                    </a:lnTo>
                    <a:lnTo>
                      <a:pt x="88" y="328"/>
                    </a:lnTo>
                    <a:lnTo>
                      <a:pt x="74" y="325"/>
                    </a:lnTo>
                    <a:lnTo>
                      <a:pt x="58" y="325"/>
                    </a:lnTo>
                    <a:lnTo>
                      <a:pt x="43" y="325"/>
                    </a:lnTo>
                    <a:lnTo>
                      <a:pt x="28" y="328"/>
                    </a:lnTo>
                    <a:lnTo>
                      <a:pt x="27" y="319"/>
                    </a:lnTo>
                    <a:lnTo>
                      <a:pt x="25" y="312"/>
                    </a:lnTo>
                    <a:lnTo>
                      <a:pt x="22" y="306"/>
                    </a:lnTo>
                    <a:lnTo>
                      <a:pt x="18" y="300"/>
                    </a:lnTo>
                    <a:lnTo>
                      <a:pt x="9" y="291"/>
                    </a:lnTo>
                    <a:lnTo>
                      <a:pt x="0" y="280"/>
                    </a:lnTo>
                    <a:lnTo>
                      <a:pt x="14" y="278"/>
                    </a:lnTo>
                    <a:lnTo>
                      <a:pt x="33" y="275"/>
                    </a:lnTo>
                    <a:lnTo>
                      <a:pt x="57" y="273"/>
                    </a:lnTo>
                    <a:lnTo>
                      <a:pt x="84" y="271"/>
                    </a:lnTo>
                    <a:lnTo>
                      <a:pt x="70" y="249"/>
                    </a:lnTo>
                    <a:lnTo>
                      <a:pt x="57" y="224"/>
                    </a:lnTo>
                    <a:lnTo>
                      <a:pt x="52" y="211"/>
                    </a:lnTo>
                    <a:lnTo>
                      <a:pt x="48" y="195"/>
                    </a:lnTo>
                    <a:lnTo>
                      <a:pt x="47" y="188"/>
                    </a:lnTo>
                    <a:lnTo>
                      <a:pt x="46" y="178"/>
                    </a:lnTo>
                    <a:lnTo>
                      <a:pt x="46" y="169"/>
                    </a:lnTo>
                    <a:lnTo>
                      <a:pt x="47" y="159"/>
                    </a:lnTo>
                    <a:lnTo>
                      <a:pt x="58" y="158"/>
                    </a:lnTo>
                    <a:lnTo>
                      <a:pt x="66" y="155"/>
                    </a:lnTo>
                    <a:lnTo>
                      <a:pt x="73" y="151"/>
                    </a:lnTo>
                    <a:lnTo>
                      <a:pt x="78" y="145"/>
                    </a:lnTo>
                    <a:lnTo>
                      <a:pt x="81" y="139"/>
                    </a:lnTo>
                    <a:lnTo>
                      <a:pt x="84" y="132"/>
                    </a:lnTo>
                    <a:lnTo>
                      <a:pt x="86" y="124"/>
                    </a:lnTo>
                    <a:lnTo>
                      <a:pt x="88" y="116"/>
                    </a:lnTo>
                    <a:lnTo>
                      <a:pt x="92" y="109"/>
                    </a:lnTo>
                    <a:lnTo>
                      <a:pt x="94" y="101"/>
                    </a:lnTo>
                    <a:lnTo>
                      <a:pt x="98" y="94"/>
                    </a:lnTo>
                    <a:lnTo>
                      <a:pt x="102" y="88"/>
                    </a:lnTo>
                    <a:lnTo>
                      <a:pt x="108" y="82"/>
                    </a:lnTo>
                    <a:lnTo>
                      <a:pt x="117" y="78"/>
                    </a:lnTo>
                    <a:lnTo>
                      <a:pt x="127" y="76"/>
                    </a:lnTo>
                    <a:lnTo>
                      <a:pt x="141" y="75"/>
                    </a:lnTo>
                    <a:lnTo>
                      <a:pt x="141" y="68"/>
                    </a:lnTo>
                    <a:lnTo>
                      <a:pt x="140" y="61"/>
                    </a:lnTo>
                    <a:lnTo>
                      <a:pt x="138" y="57"/>
                    </a:lnTo>
                    <a:lnTo>
                      <a:pt x="135" y="53"/>
                    </a:lnTo>
                    <a:lnTo>
                      <a:pt x="132" y="49"/>
                    </a:lnTo>
                    <a:lnTo>
                      <a:pt x="131" y="43"/>
                    </a:lnTo>
                    <a:lnTo>
                      <a:pt x="130" y="36"/>
                    </a:lnTo>
                    <a:lnTo>
                      <a:pt x="132" y="28"/>
                    </a:lnTo>
                    <a:lnTo>
                      <a:pt x="139" y="23"/>
                    </a:lnTo>
                    <a:lnTo>
                      <a:pt x="146" y="19"/>
                    </a:lnTo>
                    <a:lnTo>
                      <a:pt x="154" y="16"/>
                    </a:lnTo>
                    <a:lnTo>
                      <a:pt x="162" y="13"/>
                    </a:lnTo>
                    <a:lnTo>
                      <a:pt x="179" y="8"/>
                    </a:lnTo>
                    <a:lnTo>
                      <a:pt x="195" y="4"/>
                    </a:lnTo>
                    <a:lnTo>
                      <a:pt x="212" y="3"/>
                    </a:lnTo>
                    <a:lnTo>
                      <a:pt x="227" y="3"/>
                    </a:lnTo>
                    <a:lnTo>
                      <a:pt x="241" y="5"/>
                    </a:lnTo>
                    <a:lnTo>
                      <a:pt x="253" y="9"/>
                    </a:lnTo>
                    <a:lnTo>
                      <a:pt x="255" y="15"/>
                    </a:lnTo>
                    <a:lnTo>
                      <a:pt x="255" y="20"/>
                    </a:lnTo>
                    <a:lnTo>
                      <a:pt x="255" y="24"/>
                    </a:lnTo>
                    <a:lnTo>
                      <a:pt x="254" y="29"/>
                    </a:lnTo>
                    <a:lnTo>
                      <a:pt x="251" y="35"/>
                    </a:lnTo>
                    <a:lnTo>
                      <a:pt x="246" y="39"/>
                    </a:lnTo>
                    <a:lnTo>
                      <a:pt x="241" y="43"/>
                    </a:lnTo>
                    <a:lnTo>
                      <a:pt x="237" y="49"/>
                    </a:lnTo>
                    <a:lnTo>
                      <a:pt x="236" y="52"/>
                    </a:lnTo>
                    <a:lnTo>
                      <a:pt x="235" y="56"/>
                    </a:lnTo>
                    <a:lnTo>
                      <a:pt x="234" y="60"/>
                    </a:lnTo>
                    <a:lnTo>
                      <a:pt x="235" y="65"/>
                    </a:lnTo>
                    <a:lnTo>
                      <a:pt x="224" y="61"/>
                    </a:lnTo>
                    <a:lnTo>
                      <a:pt x="215" y="59"/>
                    </a:lnTo>
                    <a:lnTo>
                      <a:pt x="206" y="58"/>
                    </a:lnTo>
                    <a:lnTo>
                      <a:pt x="198" y="58"/>
                    </a:lnTo>
                    <a:lnTo>
                      <a:pt x="191" y="60"/>
                    </a:lnTo>
                    <a:lnTo>
                      <a:pt x="183" y="63"/>
                    </a:lnTo>
                    <a:lnTo>
                      <a:pt x="176" y="69"/>
                    </a:lnTo>
                    <a:lnTo>
                      <a:pt x="168" y="75"/>
                    </a:lnTo>
                    <a:lnTo>
                      <a:pt x="168" y="82"/>
                    </a:lnTo>
                    <a:lnTo>
                      <a:pt x="170" y="88"/>
                    </a:lnTo>
                    <a:lnTo>
                      <a:pt x="173" y="93"/>
                    </a:lnTo>
                    <a:lnTo>
                      <a:pt x="175" y="97"/>
                    </a:lnTo>
                    <a:lnTo>
                      <a:pt x="178" y="101"/>
                    </a:lnTo>
                    <a:lnTo>
                      <a:pt x="180" y="107"/>
                    </a:lnTo>
                    <a:lnTo>
                      <a:pt x="180" y="113"/>
                    </a:lnTo>
                    <a:lnTo>
                      <a:pt x="178" y="121"/>
                    </a:lnTo>
                    <a:lnTo>
                      <a:pt x="193" y="118"/>
                    </a:lnTo>
                    <a:lnTo>
                      <a:pt x="207" y="117"/>
                    </a:lnTo>
                    <a:lnTo>
                      <a:pt x="215" y="117"/>
                    </a:lnTo>
                    <a:lnTo>
                      <a:pt x="222" y="118"/>
                    </a:lnTo>
                    <a:lnTo>
                      <a:pt x="230" y="119"/>
                    </a:lnTo>
                    <a:lnTo>
                      <a:pt x="236" y="120"/>
                    </a:lnTo>
                    <a:lnTo>
                      <a:pt x="242" y="123"/>
                    </a:lnTo>
                    <a:lnTo>
                      <a:pt x="247" y="125"/>
                    </a:lnTo>
                    <a:lnTo>
                      <a:pt x="254" y="130"/>
                    </a:lnTo>
                    <a:lnTo>
                      <a:pt x="258" y="134"/>
                    </a:lnTo>
                    <a:lnTo>
                      <a:pt x="262" y="139"/>
                    </a:lnTo>
                    <a:lnTo>
                      <a:pt x="266" y="144"/>
                    </a:lnTo>
                    <a:lnTo>
                      <a:pt x="270" y="152"/>
                    </a:lnTo>
                    <a:lnTo>
                      <a:pt x="272" y="159"/>
                    </a:lnTo>
                    <a:lnTo>
                      <a:pt x="286" y="156"/>
                    </a:lnTo>
                    <a:lnTo>
                      <a:pt x="298" y="154"/>
                    </a:lnTo>
                    <a:lnTo>
                      <a:pt x="309" y="153"/>
                    </a:lnTo>
                    <a:lnTo>
                      <a:pt x="318" y="153"/>
                    </a:lnTo>
                    <a:lnTo>
                      <a:pt x="326" y="155"/>
                    </a:lnTo>
                    <a:lnTo>
                      <a:pt x="334" y="157"/>
                    </a:lnTo>
                    <a:lnTo>
                      <a:pt x="340" y="159"/>
                    </a:lnTo>
                    <a:lnTo>
                      <a:pt x="346" y="162"/>
                    </a:lnTo>
                    <a:lnTo>
                      <a:pt x="360" y="169"/>
                    </a:lnTo>
                    <a:lnTo>
                      <a:pt x="376" y="174"/>
                    </a:lnTo>
                    <a:lnTo>
                      <a:pt x="385" y="176"/>
                    </a:lnTo>
                    <a:lnTo>
                      <a:pt x="396" y="178"/>
                    </a:lnTo>
                    <a:lnTo>
                      <a:pt x="408" y="178"/>
                    </a:lnTo>
                    <a:lnTo>
                      <a:pt x="422" y="177"/>
                    </a:lnTo>
                    <a:lnTo>
                      <a:pt x="430" y="164"/>
                    </a:lnTo>
                    <a:lnTo>
                      <a:pt x="438" y="152"/>
                    </a:lnTo>
                    <a:lnTo>
                      <a:pt x="441" y="144"/>
                    </a:lnTo>
                    <a:lnTo>
                      <a:pt x="445" y="137"/>
                    </a:lnTo>
                    <a:lnTo>
                      <a:pt x="448" y="130"/>
                    </a:lnTo>
                    <a:lnTo>
                      <a:pt x="450" y="121"/>
                    </a:lnTo>
                    <a:lnTo>
                      <a:pt x="480" y="128"/>
                    </a:lnTo>
                    <a:lnTo>
                      <a:pt x="508" y="133"/>
                    </a:lnTo>
                    <a:lnTo>
                      <a:pt x="533" y="137"/>
                    </a:lnTo>
                    <a:lnTo>
                      <a:pt x="555" y="141"/>
                    </a:lnTo>
                    <a:lnTo>
                      <a:pt x="576" y="145"/>
                    </a:lnTo>
                    <a:lnTo>
                      <a:pt x="595" y="152"/>
                    </a:lnTo>
                    <a:lnTo>
                      <a:pt x="603" y="155"/>
                    </a:lnTo>
                    <a:lnTo>
                      <a:pt x="612" y="159"/>
                    </a:lnTo>
                    <a:lnTo>
                      <a:pt x="620" y="163"/>
                    </a:lnTo>
                    <a:lnTo>
                      <a:pt x="628" y="169"/>
                    </a:lnTo>
                    <a:lnTo>
                      <a:pt x="636" y="159"/>
                    </a:lnTo>
                    <a:lnTo>
                      <a:pt x="644" y="152"/>
                    </a:lnTo>
                    <a:lnTo>
                      <a:pt x="649" y="151"/>
                    </a:lnTo>
                    <a:lnTo>
                      <a:pt x="653" y="151"/>
                    </a:lnTo>
                    <a:lnTo>
                      <a:pt x="658" y="154"/>
                    </a:lnTo>
                    <a:lnTo>
                      <a:pt x="666" y="159"/>
                    </a:lnTo>
                    <a:lnTo>
                      <a:pt x="669" y="158"/>
                    </a:lnTo>
                    <a:lnTo>
                      <a:pt x="671" y="157"/>
                    </a:lnTo>
                    <a:lnTo>
                      <a:pt x="672" y="155"/>
                    </a:lnTo>
                    <a:lnTo>
                      <a:pt x="674" y="153"/>
                    </a:lnTo>
                    <a:lnTo>
                      <a:pt x="675" y="148"/>
                    </a:lnTo>
                    <a:lnTo>
                      <a:pt x="676" y="141"/>
                    </a:lnTo>
                    <a:lnTo>
                      <a:pt x="677" y="135"/>
                    </a:lnTo>
                    <a:lnTo>
                      <a:pt x="678" y="130"/>
                    </a:lnTo>
                    <a:lnTo>
                      <a:pt x="679" y="127"/>
                    </a:lnTo>
                    <a:lnTo>
                      <a:pt x="680" y="124"/>
                    </a:lnTo>
                    <a:lnTo>
                      <a:pt x="681" y="122"/>
                    </a:lnTo>
                    <a:lnTo>
                      <a:pt x="684" y="121"/>
                    </a:lnTo>
                    <a:lnTo>
                      <a:pt x="708" y="121"/>
                    </a:lnTo>
                    <a:lnTo>
                      <a:pt x="732" y="121"/>
                    </a:lnTo>
                    <a:lnTo>
                      <a:pt x="742" y="121"/>
                    </a:lnTo>
                    <a:lnTo>
                      <a:pt x="753" y="122"/>
                    </a:lnTo>
                    <a:lnTo>
                      <a:pt x="763" y="123"/>
                    </a:lnTo>
                    <a:lnTo>
                      <a:pt x="773" y="125"/>
                    </a:lnTo>
                    <a:lnTo>
                      <a:pt x="782" y="129"/>
                    </a:lnTo>
                    <a:lnTo>
                      <a:pt x="790" y="132"/>
                    </a:lnTo>
                    <a:lnTo>
                      <a:pt x="797" y="137"/>
                    </a:lnTo>
                    <a:lnTo>
                      <a:pt x="803" y="142"/>
                    </a:lnTo>
                    <a:lnTo>
                      <a:pt x="809" y="150"/>
                    </a:lnTo>
                    <a:lnTo>
                      <a:pt x="812" y="157"/>
                    </a:lnTo>
                    <a:lnTo>
                      <a:pt x="814" y="167"/>
                    </a:lnTo>
                    <a:lnTo>
                      <a:pt x="815" y="177"/>
                    </a:lnTo>
                    <a:lnTo>
                      <a:pt x="805" y="175"/>
                    </a:lnTo>
                    <a:lnTo>
                      <a:pt x="795" y="174"/>
                    </a:lnTo>
                    <a:lnTo>
                      <a:pt x="786" y="173"/>
                    </a:lnTo>
                    <a:lnTo>
                      <a:pt x="778" y="174"/>
                    </a:lnTo>
                    <a:lnTo>
                      <a:pt x="771" y="176"/>
                    </a:lnTo>
                    <a:lnTo>
                      <a:pt x="764" y="178"/>
                    </a:lnTo>
                    <a:lnTo>
                      <a:pt x="758" y="182"/>
                    </a:lnTo>
                    <a:lnTo>
                      <a:pt x="753" y="187"/>
                    </a:lnTo>
                    <a:lnTo>
                      <a:pt x="748" y="192"/>
                    </a:lnTo>
                    <a:lnTo>
                      <a:pt x="743" y="198"/>
                    </a:lnTo>
                    <a:lnTo>
                      <a:pt x="739" y="204"/>
                    </a:lnTo>
                    <a:lnTo>
                      <a:pt x="736" y="212"/>
                    </a:lnTo>
                    <a:lnTo>
                      <a:pt x="729" y="227"/>
                    </a:lnTo>
                    <a:lnTo>
                      <a:pt x="721" y="243"/>
                    </a:lnTo>
                    <a:lnTo>
                      <a:pt x="728" y="239"/>
                    </a:lnTo>
                    <a:lnTo>
                      <a:pt x="733" y="235"/>
                    </a:lnTo>
                    <a:lnTo>
                      <a:pt x="737" y="230"/>
                    </a:lnTo>
                    <a:lnTo>
                      <a:pt x="742" y="224"/>
                    </a:lnTo>
                    <a:lnTo>
                      <a:pt x="751" y="213"/>
                    </a:lnTo>
                    <a:lnTo>
                      <a:pt x="760" y="202"/>
                    </a:lnTo>
                    <a:lnTo>
                      <a:pt x="766" y="197"/>
                    </a:lnTo>
                    <a:lnTo>
                      <a:pt x="771" y="193"/>
                    </a:lnTo>
                    <a:lnTo>
                      <a:pt x="777" y="190"/>
                    </a:lnTo>
                    <a:lnTo>
                      <a:pt x="784" y="187"/>
                    </a:lnTo>
                    <a:lnTo>
                      <a:pt x="793" y="186"/>
                    </a:lnTo>
                    <a:lnTo>
                      <a:pt x="802" y="184"/>
                    </a:lnTo>
                    <a:lnTo>
                      <a:pt x="813" y="186"/>
                    </a:lnTo>
                    <a:lnTo>
                      <a:pt x="825" y="187"/>
                    </a:lnTo>
                    <a:lnTo>
                      <a:pt x="825" y="179"/>
                    </a:lnTo>
                    <a:lnTo>
                      <a:pt x="825" y="173"/>
                    </a:lnTo>
                    <a:lnTo>
                      <a:pt x="825" y="167"/>
                    </a:lnTo>
                    <a:lnTo>
                      <a:pt x="823" y="160"/>
                    </a:lnTo>
                    <a:lnTo>
                      <a:pt x="821" y="155"/>
                    </a:lnTo>
                    <a:lnTo>
                      <a:pt x="819" y="150"/>
                    </a:lnTo>
                    <a:lnTo>
                      <a:pt x="817" y="145"/>
                    </a:lnTo>
                    <a:lnTo>
                      <a:pt x="814" y="141"/>
                    </a:lnTo>
                    <a:lnTo>
                      <a:pt x="811" y="137"/>
                    </a:lnTo>
                    <a:lnTo>
                      <a:pt x="808" y="134"/>
                    </a:lnTo>
                    <a:lnTo>
                      <a:pt x="803" y="131"/>
                    </a:lnTo>
                    <a:lnTo>
                      <a:pt x="798" y="129"/>
                    </a:lnTo>
                    <a:lnTo>
                      <a:pt x="789" y="124"/>
                    </a:lnTo>
                    <a:lnTo>
                      <a:pt x="777" y="121"/>
                    </a:lnTo>
                    <a:lnTo>
                      <a:pt x="794" y="112"/>
                    </a:lnTo>
                    <a:lnTo>
                      <a:pt x="810" y="101"/>
                    </a:lnTo>
                    <a:lnTo>
                      <a:pt x="818" y="97"/>
                    </a:lnTo>
                    <a:lnTo>
                      <a:pt x="828" y="94"/>
                    </a:lnTo>
                    <a:lnTo>
                      <a:pt x="839" y="93"/>
                    </a:lnTo>
                    <a:lnTo>
                      <a:pt x="853" y="93"/>
                    </a:lnTo>
                    <a:lnTo>
                      <a:pt x="857" y="94"/>
                    </a:lnTo>
                    <a:lnTo>
                      <a:pt x="861" y="95"/>
                    </a:lnTo>
                    <a:lnTo>
                      <a:pt x="865" y="97"/>
                    </a:lnTo>
                    <a:lnTo>
                      <a:pt x="868" y="99"/>
                    </a:lnTo>
                    <a:lnTo>
                      <a:pt x="873" y="104"/>
                    </a:lnTo>
                    <a:lnTo>
                      <a:pt x="878" y="110"/>
                    </a:lnTo>
                    <a:lnTo>
                      <a:pt x="882" y="116"/>
                    </a:lnTo>
                    <a:lnTo>
                      <a:pt x="887" y="122"/>
                    </a:lnTo>
                    <a:lnTo>
                      <a:pt x="893" y="127"/>
                    </a:lnTo>
                    <a:lnTo>
                      <a:pt x="899" y="131"/>
                    </a:lnTo>
                    <a:lnTo>
                      <a:pt x="917" y="127"/>
                    </a:lnTo>
                    <a:lnTo>
                      <a:pt x="936" y="123"/>
                    </a:lnTo>
                    <a:lnTo>
                      <a:pt x="954" y="122"/>
                    </a:lnTo>
                    <a:lnTo>
                      <a:pt x="973" y="121"/>
                    </a:lnTo>
                    <a:lnTo>
                      <a:pt x="1009" y="121"/>
                    </a:lnTo>
                    <a:lnTo>
                      <a:pt x="1042" y="120"/>
                    </a:lnTo>
                    <a:lnTo>
                      <a:pt x="1058" y="118"/>
                    </a:lnTo>
                    <a:lnTo>
                      <a:pt x="1072" y="115"/>
                    </a:lnTo>
                    <a:lnTo>
                      <a:pt x="1079" y="113"/>
                    </a:lnTo>
                    <a:lnTo>
                      <a:pt x="1086" y="110"/>
                    </a:lnTo>
                    <a:lnTo>
                      <a:pt x="1091" y="107"/>
                    </a:lnTo>
                    <a:lnTo>
                      <a:pt x="1097" y="102"/>
                    </a:lnTo>
                    <a:lnTo>
                      <a:pt x="1101" y="98"/>
                    </a:lnTo>
                    <a:lnTo>
                      <a:pt x="1107" y="93"/>
                    </a:lnTo>
                    <a:lnTo>
                      <a:pt x="1111" y="88"/>
                    </a:lnTo>
                    <a:lnTo>
                      <a:pt x="1114" y="81"/>
                    </a:lnTo>
                    <a:lnTo>
                      <a:pt x="1117" y="74"/>
                    </a:lnTo>
                    <a:lnTo>
                      <a:pt x="1120" y="65"/>
                    </a:lnTo>
                    <a:lnTo>
                      <a:pt x="1123" y="56"/>
                    </a:lnTo>
                    <a:lnTo>
                      <a:pt x="1124" y="47"/>
                    </a:lnTo>
                    <a:lnTo>
                      <a:pt x="1133" y="51"/>
                    </a:lnTo>
                    <a:lnTo>
                      <a:pt x="1144" y="55"/>
                    </a:lnTo>
                    <a:lnTo>
                      <a:pt x="1154" y="59"/>
                    </a:lnTo>
                    <a:lnTo>
                      <a:pt x="1164" y="61"/>
                    </a:lnTo>
                    <a:lnTo>
                      <a:pt x="1169" y="61"/>
                    </a:lnTo>
                    <a:lnTo>
                      <a:pt x="1173" y="61"/>
                    </a:lnTo>
                    <a:lnTo>
                      <a:pt x="1177" y="60"/>
                    </a:lnTo>
                    <a:lnTo>
                      <a:pt x="1181" y="58"/>
                    </a:lnTo>
                    <a:lnTo>
                      <a:pt x="1184" y="54"/>
                    </a:lnTo>
                    <a:lnTo>
                      <a:pt x="1187" y="50"/>
                    </a:lnTo>
                    <a:lnTo>
                      <a:pt x="1189" y="44"/>
                    </a:lnTo>
                    <a:lnTo>
                      <a:pt x="1190" y="37"/>
                    </a:lnTo>
                    <a:lnTo>
                      <a:pt x="1204" y="41"/>
                    </a:lnTo>
                    <a:lnTo>
                      <a:pt x="1221" y="45"/>
                    </a:lnTo>
                    <a:lnTo>
                      <a:pt x="1231" y="47"/>
                    </a:lnTo>
                    <a:lnTo>
                      <a:pt x="1242" y="48"/>
                    </a:lnTo>
                    <a:lnTo>
                      <a:pt x="1251" y="48"/>
                    </a:lnTo>
                    <a:lnTo>
                      <a:pt x="1260" y="48"/>
                    </a:lnTo>
                    <a:lnTo>
                      <a:pt x="1269" y="47"/>
                    </a:lnTo>
                    <a:lnTo>
                      <a:pt x="1277" y="44"/>
                    </a:lnTo>
                    <a:lnTo>
                      <a:pt x="1284" y="40"/>
                    </a:lnTo>
                    <a:lnTo>
                      <a:pt x="1289" y="36"/>
                    </a:lnTo>
                    <a:lnTo>
                      <a:pt x="1291" y="33"/>
                    </a:lnTo>
                    <a:lnTo>
                      <a:pt x="1293" y="30"/>
                    </a:lnTo>
                    <a:lnTo>
                      <a:pt x="1294" y="25"/>
                    </a:lnTo>
                    <a:lnTo>
                      <a:pt x="1295" y="21"/>
                    </a:lnTo>
                    <a:lnTo>
                      <a:pt x="1295" y="17"/>
                    </a:lnTo>
                    <a:lnTo>
                      <a:pt x="1295" y="12"/>
                    </a:lnTo>
                    <a:lnTo>
                      <a:pt x="1294" y="5"/>
                    </a:lnTo>
                    <a:lnTo>
                      <a:pt x="1293" y="0"/>
                    </a:lnTo>
                    <a:lnTo>
                      <a:pt x="1307" y="10"/>
                    </a:lnTo>
                    <a:lnTo>
                      <a:pt x="1322" y="18"/>
                    </a:lnTo>
                    <a:lnTo>
                      <a:pt x="1336" y="25"/>
                    </a:lnTo>
                    <a:lnTo>
                      <a:pt x="1351" y="32"/>
                    </a:lnTo>
                    <a:lnTo>
                      <a:pt x="1380" y="43"/>
                    </a:lnTo>
                    <a:lnTo>
                      <a:pt x="1409" y="53"/>
                    </a:lnTo>
                    <a:lnTo>
                      <a:pt x="1424" y="58"/>
                    </a:lnTo>
                    <a:lnTo>
                      <a:pt x="1438" y="63"/>
                    </a:lnTo>
                    <a:lnTo>
                      <a:pt x="1452" y="69"/>
                    </a:lnTo>
                    <a:lnTo>
                      <a:pt x="1466" y="75"/>
                    </a:lnTo>
                    <a:lnTo>
                      <a:pt x="1479" y="82"/>
                    </a:lnTo>
                    <a:lnTo>
                      <a:pt x="1492" y="91"/>
                    </a:lnTo>
                    <a:lnTo>
                      <a:pt x="1505" y="100"/>
                    </a:lnTo>
                    <a:lnTo>
                      <a:pt x="1517" y="112"/>
                    </a:lnTo>
                    <a:lnTo>
                      <a:pt x="1514" y="118"/>
                    </a:lnTo>
                    <a:lnTo>
                      <a:pt x="1511" y="123"/>
                    </a:lnTo>
                    <a:lnTo>
                      <a:pt x="1507" y="128"/>
                    </a:lnTo>
                    <a:lnTo>
                      <a:pt x="1502" y="132"/>
                    </a:lnTo>
                    <a:lnTo>
                      <a:pt x="1492" y="139"/>
                    </a:lnTo>
                    <a:lnTo>
                      <a:pt x="1481" y="145"/>
                    </a:lnTo>
                    <a:lnTo>
                      <a:pt x="1468" y="150"/>
                    </a:lnTo>
                    <a:lnTo>
                      <a:pt x="1454" y="154"/>
                    </a:lnTo>
                    <a:lnTo>
                      <a:pt x="1439" y="157"/>
                    </a:lnTo>
                    <a:lnTo>
                      <a:pt x="1424" y="159"/>
                    </a:lnTo>
                    <a:lnTo>
                      <a:pt x="1427" y="168"/>
                    </a:lnTo>
                    <a:lnTo>
                      <a:pt x="1430" y="176"/>
                    </a:lnTo>
                    <a:lnTo>
                      <a:pt x="1434" y="183"/>
                    </a:lnTo>
                    <a:lnTo>
                      <a:pt x="1439" y="190"/>
                    </a:lnTo>
                    <a:lnTo>
                      <a:pt x="1451" y="201"/>
                    </a:lnTo>
                    <a:lnTo>
                      <a:pt x="1465" y="212"/>
                    </a:lnTo>
                    <a:lnTo>
                      <a:pt x="1478" y="221"/>
                    </a:lnTo>
                    <a:lnTo>
                      <a:pt x="1492" y="231"/>
                    </a:lnTo>
                    <a:lnTo>
                      <a:pt x="1506" y="241"/>
                    </a:lnTo>
                    <a:lnTo>
                      <a:pt x="1517" y="253"/>
                    </a:lnTo>
                    <a:lnTo>
                      <a:pt x="1526" y="249"/>
                    </a:lnTo>
                    <a:lnTo>
                      <a:pt x="1534" y="246"/>
                    </a:lnTo>
                    <a:lnTo>
                      <a:pt x="1542" y="243"/>
                    </a:lnTo>
                    <a:lnTo>
                      <a:pt x="1550" y="241"/>
                    </a:lnTo>
                    <a:lnTo>
                      <a:pt x="1557" y="240"/>
                    </a:lnTo>
                    <a:lnTo>
                      <a:pt x="1566" y="241"/>
                    </a:lnTo>
                    <a:lnTo>
                      <a:pt x="1573" y="241"/>
                    </a:lnTo>
                    <a:lnTo>
                      <a:pt x="1582" y="242"/>
                    </a:lnTo>
                    <a:lnTo>
                      <a:pt x="1596" y="247"/>
                    </a:lnTo>
                    <a:lnTo>
                      <a:pt x="1611" y="253"/>
                    </a:lnTo>
                    <a:lnTo>
                      <a:pt x="1626" y="260"/>
                    </a:lnTo>
                    <a:lnTo>
                      <a:pt x="1640" y="270"/>
                    </a:lnTo>
                    <a:lnTo>
                      <a:pt x="1667" y="289"/>
                    </a:lnTo>
                    <a:lnTo>
                      <a:pt x="1693" y="307"/>
                    </a:lnTo>
                    <a:lnTo>
                      <a:pt x="1706" y="314"/>
                    </a:lnTo>
                    <a:lnTo>
                      <a:pt x="1719" y="320"/>
                    </a:lnTo>
                    <a:lnTo>
                      <a:pt x="1730" y="326"/>
                    </a:lnTo>
                    <a:lnTo>
                      <a:pt x="1742" y="328"/>
                    </a:lnTo>
                    <a:lnTo>
                      <a:pt x="1730" y="349"/>
                    </a:lnTo>
                    <a:lnTo>
                      <a:pt x="1717" y="369"/>
                    </a:lnTo>
                    <a:lnTo>
                      <a:pt x="1712" y="379"/>
                    </a:lnTo>
                    <a:lnTo>
                      <a:pt x="1708" y="392"/>
                    </a:lnTo>
                    <a:lnTo>
                      <a:pt x="1706" y="398"/>
                    </a:lnTo>
                    <a:lnTo>
                      <a:pt x="1705" y="406"/>
                    </a:lnTo>
                    <a:lnTo>
                      <a:pt x="1705" y="413"/>
                    </a:lnTo>
                    <a:lnTo>
                      <a:pt x="1705" y="421"/>
                    </a:lnTo>
                    <a:lnTo>
                      <a:pt x="1693" y="423"/>
                    </a:lnTo>
                    <a:lnTo>
                      <a:pt x="1682" y="427"/>
                    </a:lnTo>
                    <a:lnTo>
                      <a:pt x="1672" y="430"/>
                    </a:lnTo>
                    <a:lnTo>
                      <a:pt x="1663" y="434"/>
                    </a:lnTo>
                    <a:lnTo>
                      <a:pt x="1654" y="439"/>
                    </a:lnTo>
                    <a:lnTo>
                      <a:pt x="1647" y="445"/>
                    </a:lnTo>
                    <a:lnTo>
                      <a:pt x="1640" y="451"/>
                    </a:lnTo>
                    <a:lnTo>
                      <a:pt x="1633" y="457"/>
                    </a:lnTo>
                    <a:lnTo>
                      <a:pt x="1628" y="465"/>
                    </a:lnTo>
                    <a:lnTo>
                      <a:pt x="1623" y="472"/>
                    </a:lnTo>
                    <a:lnTo>
                      <a:pt x="1618" y="480"/>
                    </a:lnTo>
                    <a:lnTo>
                      <a:pt x="1614" y="489"/>
                    </a:lnTo>
                    <a:lnTo>
                      <a:pt x="1608" y="507"/>
                    </a:lnTo>
                    <a:lnTo>
                      <a:pt x="1603" y="526"/>
                    </a:lnTo>
                    <a:lnTo>
                      <a:pt x="1594" y="566"/>
                    </a:lnTo>
                    <a:lnTo>
                      <a:pt x="1588" y="607"/>
                    </a:lnTo>
                    <a:lnTo>
                      <a:pt x="1584" y="627"/>
                    </a:lnTo>
                    <a:lnTo>
                      <a:pt x="1578" y="647"/>
                    </a:lnTo>
                    <a:lnTo>
                      <a:pt x="1572" y="666"/>
                    </a:lnTo>
                    <a:lnTo>
                      <a:pt x="1564" y="684"/>
                    </a:lnTo>
                    <a:lnTo>
                      <a:pt x="1552" y="684"/>
                    </a:lnTo>
                    <a:lnTo>
                      <a:pt x="1541" y="684"/>
                    </a:lnTo>
                    <a:lnTo>
                      <a:pt x="1529" y="684"/>
                    </a:lnTo>
                    <a:lnTo>
                      <a:pt x="1517" y="684"/>
                    </a:lnTo>
                    <a:lnTo>
                      <a:pt x="1516" y="674"/>
                    </a:lnTo>
                    <a:lnTo>
                      <a:pt x="1514" y="666"/>
                    </a:lnTo>
                    <a:lnTo>
                      <a:pt x="1511" y="659"/>
                    </a:lnTo>
                    <a:lnTo>
                      <a:pt x="1507" y="654"/>
                    </a:lnTo>
                    <a:lnTo>
                      <a:pt x="1502" y="649"/>
                    </a:lnTo>
                    <a:lnTo>
                      <a:pt x="1496" y="645"/>
                    </a:lnTo>
                    <a:lnTo>
                      <a:pt x="1490" y="641"/>
                    </a:lnTo>
                    <a:lnTo>
                      <a:pt x="1484" y="637"/>
                    </a:lnTo>
                    <a:lnTo>
                      <a:pt x="1477" y="634"/>
                    </a:lnTo>
                    <a:lnTo>
                      <a:pt x="1471" y="630"/>
                    </a:lnTo>
                    <a:lnTo>
                      <a:pt x="1466" y="626"/>
                    </a:lnTo>
                    <a:lnTo>
                      <a:pt x="1461" y="620"/>
                    </a:lnTo>
                    <a:lnTo>
                      <a:pt x="1456" y="615"/>
                    </a:lnTo>
                    <a:lnTo>
                      <a:pt x="1453" y="608"/>
                    </a:lnTo>
                    <a:lnTo>
                      <a:pt x="1452" y="599"/>
                    </a:lnTo>
                    <a:lnTo>
                      <a:pt x="1452" y="590"/>
                    </a:lnTo>
                    <a:lnTo>
                      <a:pt x="1459" y="590"/>
                    </a:lnTo>
                    <a:lnTo>
                      <a:pt x="1467" y="590"/>
                    </a:lnTo>
                    <a:lnTo>
                      <a:pt x="1473" y="590"/>
                    </a:lnTo>
                    <a:lnTo>
                      <a:pt x="1478" y="588"/>
                    </a:lnTo>
                    <a:lnTo>
                      <a:pt x="1484" y="587"/>
                    </a:lnTo>
                    <a:lnTo>
                      <a:pt x="1489" y="584"/>
                    </a:lnTo>
                    <a:lnTo>
                      <a:pt x="1493" y="580"/>
                    </a:lnTo>
                    <a:lnTo>
                      <a:pt x="1496" y="577"/>
                    </a:lnTo>
                    <a:lnTo>
                      <a:pt x="1499" y="574"/>
                    </a:lnTo>
                    <a:lnTo>
                      <a:pt x="1502" y="570"/>
                    </a:lnTo>
                    <a:lnTo>
                      <a:pt x="1504" y="565"/>
                    </a:lnTo>
                    <a:lnTo>
                      <a:pt x="1506" y="560"/>
                    </a:lnTo>
                    <a:lnTo>
                      <a:pt x="1507" y="550"/>
                    </a:lnTo>
                    <a:lnTo>
                      <a:pt x="1507" y="540"/>
                    </a:lnTo>
                    <a:lnTo>
                      <a:pt x="1506" y="530"/>
                    </a:lnTo>
                    <a:lnTo>
                      <a:pt x="1502" y="519"/>
                    </a:lnTo>
                    <a:lnTo>
                      <a:pt x="1496" y="510"/>
                    </a:lnTo>
                    <a:lnTo>
                      <a:pt x="1490" y="501"/>
                    </a:lnTo>
                    <a:lnTo>
                      <a:pt x="1487" y="498"/>
                    </a:lnTo>
                    <a:lnTo>
                      <a:pt x="1483" y="495"/>
                    </a:lnTo>
                    <a:lnTo>
                      <a:pt x="1478" y="492"/>
                    </a:lnTo>
                    <a:lnTo>
                      <a:pt x="1473" y="490"/>
                    </a:lnTo>
                    <a:lnTo>
                      <a:pt x="1469" y="488"/>
                    </a:lnTo>
                    <a:lnTo>
                      <a:pt x="1464" y="487"/>
                    </a:lnTo>
                    <a:lnTo>
                      <a:pt x="1457" y="487"/>
                    </a:lnTo>
                    <a:lnTo>
                      <a:pt x="1452" y="487"/>
                    </a:lnTo>
                    <a:lnTo>
                      <a:pt x="1444" y="485"/>
                    </a:lnTo>
                    <a:lnTo>
                      <a:pt x="1436" y="485"/>
                    </a:lnTo>
                    <a:lnTo>
                      <a:pt x="1429" y="484"/>
                    </a:lnTo>
                    <a:lnTo>
                      <a:pt x="1423" y="485"/>
                    </a:lnTo>
                    <a:lnTo>
                      <a:pt x="1415" y="486"/>
                    </a:lnTo>
                    <a:lnTo>
                      <a:pt x="1409" y="487"/>
                    </a:lnTo>
                    <a:lnTo>
                      <a:pt x="1403" y="489"/>
                    </a:lnTo>
                    <a:lnTo>
                      <a:pt x="1396" y="492"/>
                    </a:lnTo>
                    <a:lnTo>
                      <a:pt x="1385" y="498"/>
                    </a:lnTo>
                    <a:lnTo>
                      <a:pt x="1374" y="507"/>
                    </a:lnTo>
                    <a:lnTo>
                      <a:pt x="1364" y="517"/>
                    </a:lnTo>
                    <a:lnTo>
                      <a:pt x="1354" y="528"/>
                    </a:lnTo>
                    <a:lnTo>
                      <a:pt x="1346" y="539"/>
                    </a:lnTo>
                    <a:lnTo>
                      <a:pt x="1337" y="552"/>
                    </a:lnTo>
                    <a:lnTo>
                      <a:pt x="1329" y="565"/>
                    </a:lnTo>
                    <a:lnTo>
                      <a:pt x="1322" y="578"/>
                    </a:lnTo>
                    <a:lnTo>
                      <a:pt x="1307" y="604"/>
                    </a:lnTo>
                    <a:lnTo>
                      <a:pt x="1293" y="627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266" name="Line 157"/>
            <p:cNvSpPr>
              <a:spLocks noChangeShapeType="1"/>
            </p:cNvSpPr>
            <p:nvPr/>
          </p:nvSpPr>
          <p:spPr bwMode="auto">
            <a:xfrm flipV="1">
              <a:off x="1547814" y="4354519"/>
              <a:ext cx="1588" cy="3175"/>
            </a:xfrm>
            <a:prstGeom prst="line">
              <a:avLst/>
            </a:prstGeom>
            <a:grpFill/>
            <a:ln w="6350">
              <a:solidFill>
                <a:srgbClr val="006961"/>
              </a:solidFill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67" name="Line 161"/>
            <p:cNvSpPr>
              <a:spLocks noChangeShapeType="1"/>
            </p:cNvSpPr>
            <p:nvPr/>
          </p:nvSpPr>
          <p:spPr bwMode="auto">
            <a:xfrm>
              <a:off x="1544639" y="4354519"/>
              <a:ext cx="3175" cy="3175"/>
            </a:xfrm>
            <a:prstGeom prst="line">
              <a:avLst/>
            </a:prstGeom>
            <a:grpFill/>
            <a:ln w="6350">
              <a:solidFill>
                <a:srgbClr val="006961"/>
              </a:solidFill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68" name="Ikast-Brande"/>
            <p:cNvSpPr>
              <a:spLocks/>
            </p:cNvSpPr>
            <p:nvPr/>
          </p:nvSpPr>
          <p:spPr bwMode="auto">
            <a:xfrm>
              <a:off x="1195389" y="4164019"/>
              <a:ext cx="476251" cy="536576"/>
            </a:xfrm>
            <a:custGeom>
              <a:avLst/>
              <a:gdLst>
                <a:gd name="T0" fmla="*/ 219 w 899"/>
                <a:gd name="T1" fmla="*/ 126 h 1013"/>
                <a:gd name="T2" fmla="*/ 225 w 899"/>
                <a:gd name="T3" fmla="*/ 135 h 1013"/>
                <a:gd name="T4" fmla="*/ 218 w 899"/>
                <a:gd name="T5" fmla="*/ 139 h 1013"/>
                <a:gd name="T6" fmla="*/ 207 w 899"/>
                <a:gd name="T7" fmla="*/ 141 h 1013"/>
                <a:gd name="T8" fmla="*/ 176 w 899"/>
                <a:gd name="T9" fmla="*/ 138 h 1013"/>
                <a:gd name="T10" fmla="*/ 175 w 899"/>
                <a:gd name="T11" fmla="*/ 150 h 1013"/>
                <a:gd name="T12" fmla="*/ 187 w 899"/>
                <a:gd name="T13" fmla="*/ 165 h 1013"/>
                <a:gd name="T14" fmla="*/ 197 w 899"/>
                <a:gd name="T15" fmla="*/ 180 h 1013"/>
                <a:gd name="T16" fmla="*/ 196 w 899"/>
                <a:gd name="T17" fmla="*/ 193 h 1013"/>
                <a:gd name="T18" fmla="*/ 207 w 899"/>
                <a:gd name="T19" fmla="*/ 196 h 1013"/>
                <a:gd name="T20" fmla="*/ 229 w 899"/>
                <a:gd name="T21" fmla="*/ 193 h 1013"/>
                <a:gd name="T22" fmla="*/ 235 w 899"/>
                <a:gd name="T23" fmla="*/ 204 h 1013"/>
                <a:gd name="T24" fmla="*/ 239 w 899"/>
                <a:gd name="T25" fmla="*/ 210 h 1013"/>
                <a:gd name="T26" fmla="*/ 252 w 899"/>
                <a:gd name="T27" fmla="*/ 219 h 1013"/>
                <a:gd name="T28" fmla="*/ 276 w 899"/>
                <a:gd name="T29" fmla="*/ 255 h 1013"/>
                <a:gd name="T30" fmla="*/ 293 w 899"/>
                <a:gd name="T31" fmla="*/ 284 h 1013"/>
                <a:gd name="T32" fmla="*/ 257 w 899"/>
                <a:gd name="T33" fmla="*/ 285 h 1013"/>
                <a:gd name="T34" fmla="*/ 226 w 899"/>
                <a:gd name="T35" fmla="*/ 274 h 1013"/>
                <a:gd name="T36" fmla="*/ 200 w 899"/>
                <a:gd name="T37" fmla="*/ 263 h 1013"/>
                <a:gd name="T38" fmla="*/ 177 w 899"/>
                <a:gd name="T39" fmla="*/ 263 h 1013"/>
                <a:gd name="T40" fmla="*/ 146 w 899"/>
                <a:gd name="T41" fmla="*/ 246 h 1013"/>
                <a:gd name="T42" fmla="*/ 115 w 899"/>
                <a:gd name="T43" fmla="*/ 271 h 1013"/>
                <a:gd name="T44" fmla="*/ 74 w 899"/>
                <a:gd name="T45" fmla="*/ 309 h 1013"/>
                <a:gd name="T46" fmla="*/ 59 w 899"/>
                <a:gd name="T47" fmla="*/ 318 h 1013"/>
                <a:gd name="T48" fmla="*/ 35 w 899"/>
                <a:gd name="T49" fmla="*/ 336 h 1013"/>
                <a:gd name="T50" fmla="*/ 13 w 899"/>
                <a:gd name="T51" fmla="*/ 337 h 1013"/>
                <a:gd name="T52" fmla="*/ 11 w 899"/>
                <a:gd name="T53" fmla="*/ 299 h 1013"/>
                <a:gd name="T54" fmla="*/ 28 w 899"/>
                <a:gd name="T55" fmla="*/ 239 h 1013"/>
                <a:gd name="T56" fmla="*/ 19 w 899"/>
                <a:gd name="T57" fmla="*/ 230 h 1013"/>
                <a:gd name="T58" fmla="*/ 20 w 899"/>
                <a:gd name="T59" fmla="*/ 224 h 1013"/>
                <a:gd name="T60" fmla="*/ 47 w 899"/>
                <a:gd name="T61" fmla="*/ 227 h 1013"/>
                <a:gd name="T62" fmla="*/ 69 w 899"/>
                <a:gd name="T63" fmla="*/ 222 h 1013"/>
                <a:gd name="T64" fmla="*/ 88 w 899"/>
                <a:gd name="T65" fmla="*/ 216 h 1013"/>
                <a:gd name="T66" fmla="*/ 85 w 899"/>
                <a:gd name="T67" fmla="*/ 214 h 1013"/>
                <a:gd name="T68" fmla="*/ 85 w 899"/>
                <a:gd name="T69" fmla="*/ 197 h 1013"/>
                <a:gd name="T70" fmla="*/ 97 w 899"/>
                <a:gd name="T71" fmla="*/ 196 h 1013"/>
                <a:gd name="T72" fmla="*/ 103 w 899"/>
                <a:gd name="T73" fmla="*/ 164 h 1013"/>
                <a:gd name="T74" fmla="*/ 73 w 899"/>
                <a:gd name="T75" fmla="*/ 120 h 1013"/>
                <a:gd name="T76" fmla="*/ 77 w 899"/>
                <a:gd name="T77" fmla="*/ 85 h 1013"/>
                <a:gd name="T78" fmla="*/ 63 w 899"/>
                <a:gd name="T79" fmla="*/ 75 h 1013"/>
                <a:gd name="T80" fmla="*/ 69 w 899"/>
                <a:gd name="T81" fmla="*/ 54 h 1013"/>
                <a:gd name="T82" fmla="*/ 82 w 899"/>
                <a:gd name="T83" fmla="*/ 50 h 1013"/>
                <a:gd name="T84" fmla="*/ 102 w 899"/>
                <a:gd name="T85" fmla="*/ 35 h 1013"/>
                <a:gd name="T86" fmla="*/ 82 w 899"/>
                <a:gd name="T87" fmla="*/ 12 h 1013"/>
                <a:gd name="T88" fmla="*/ 92 w 899"/>
                <a:gd name="T89" fmla="*/ 6 h 1013"/>
                <a:gd name="T90" fmla="*/ 112 w 899"/>
                <a:gd name="T91" fmla="*/ 5 h 1013"/>
                <a:gd name="T92" fmla="*/ 116 w 899"/>
                <a:gd name="T93" fmla="*/ 7 h 1013"/>
                <a:gd name="T94" fmla="*/ 119 w 899"/>
                <a:gd name="T95" fmla="*/ 35 h 1013"/>
                <a:gd name="T96" fmla="*/ 130 w 899"/>
                <a:gd name="T97" fmla="*/ 46 h 1013"/>
                <a:gd name="T98" fmla="*/ 143 w 899"/>
                <a:gd name="T99" fmla="*/ 42 h 1013"/>
                <a:gd name="T100" fmla="*/ 161 w 899"/>
                <a:gd name="T101" fmla="*/ 54 h 1013"/>
                <a:gd name="T102" fmla="*/ 183 w 899"/>
                <a:gd name="T103" fmla="*/ 58 h 1013"/>
                <a:gd name="T104" fmla="*/ 212 w 899"/>
                <a:gd name="T105" fmla="*/ 81 h 1013"/>
                <a:gd name="T106" fmla="*/ 212 w 899"/>
                <a:gd name="T107" fmla="*/ 93 h 1013"/>
                <a:gd name="T108" fmla="*/ 222 w 899"/>
                <a:gd name="T109" fmla="*/ 109 h 1013"/>
                <a:gd name="T110" fmla="*/ 216 w 899"/>
                <a:gd name="T111" fmla="*/ 115 h 1013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899" h="1013">
                  <a:moveTo>
                    <a:pt x="666" y="365"/>
                  </a:moveTo>
                  <a:lnTo>
                    <a:pt x="662" y="366"/>
                  </a:lnTo>
                  <a:lnTo>
                    <a:pt x="659" y="367"/>
                  </a:lnTo>
                  <a:lnTo>
                    <a:pt x="657" y="370"/>
                  </a:lnTo>
                  <a:lnTo>
                    <a:pt x="656" y="372"/>
                  </a:lnTo>
                  <a:lnTo>
                    <a:pt x="656" y="378"/>
                  </a:lnTo>
                  <a:lnTo>
                    <a:pt x="658" y="384"/>
                  </a:lnTo>
                  <a:lnTo>
                    <a:pt x="663" y="391"/>
                  </a:lnTo>
                  <a:lnTo>
                    <a:pt x="667" y="396"/>
                  </a:lnTo>
                  <a:lnTo>
                    <a:pt x="671" y="400"/>
                  </a:lnTo>
                  <a:lnTo>
                    <a:pt x="675" y="402"/>
                  </a:lnTo>
                  <a:lnTo>
                    <a:pt x="674" y="405"/>
                  </a:lnTo>
                  <a:lnTo>
                    <a:pt x="673" y="409"/>
                  </a:lnTo>
                  <a:lnTo>
                    <a:pt x="672" y="410"/>
                  </a:lnTo>
                  <a:lnTo>
                    <a:pt x="670" y="412"/>
                  </a:lnTo>
                  <a:lnTo>
                    <a:pt x="665" y="414"/>
                  </a:lnTo>
                  <a:lnTo>
                    <a:pt x="659" y="415"/>
                  </a:lnTo>
                  <a:lnTo>
                    <a:pt x="654" y="417"/>
                  </a:lnTo>
                  <a:lnTo>
                    <a:pt x="650" y="420"/>
                  </a:lnTo>
                  <a:lnTo>
                    <a:pt x="648" y="421"/>
                  </a:lnTo>
                  <a:lnTo>
                    <a:pt x="647" y="424"/>
                  </a:lnTo>
                  <a:lnTo>
                    <a:pt x="647" y="427"/>
                  </a:lnTo>
                  <a:lnTo>
                    <a:pt x="647" y="431"/>
                  </a:lnTo>
                  <a:lnTo>
                    <a:pt x="619" y="423"/>
                  </a:lnTo>
                  <a:lnTo>
                    <a:pt x="593" y="414"/>
                  </a:lnTo>
                  <a:lnTo>
                    <a:pt x="568" y="404"/>
                  </a:lnTo>
                  <a:lnTo>
                    <a:pt x="544" y="394"/>
                  </a:lnTo>
                  <a:lnTo>
                    <a:pt x="537" y="400"/>
                  </a:lnTo>
                  <a:lnTo>
                    <a:pt x="532" y="407"/>
                  </a:lnTo>
                  <a:lnTo>
                    <a:pt x="528" y="414"/>
                  </a:lnTo>
                  <a:lnTo>
                    <a:pt x="525" y="420"/>
                  </a:lnTo>
                  <a:lnTo>
                    <a:pt x="523" y="425"/>
                  </a:lnTo>
                  <a:lnTo>
                    <a:pt x="521" y="432"/>
                  </a:lnTo>
                  <a:lnTo>
                    <a:pt x="521" y="437"/>
                  </a:lnTo>
                  <a:lnTo>
                    <a:pt x="523" y="443"/>
                  </a:lnTo>
                  <a:lnTo>
                    <a:pt x="524" y="449"/>
                  </a:lnTo>
                  <a:lnTo>
                    <a:pt x="527" y="454"/>
                  </a:lnTo>
                  <a:lnTo>
                    <a:pt x="529" y="459"/>
                  </a:lnTo>
                  <a:lnTo>
                    <a:pt x="533" y="464"/>
                  </a:lnTo>
                  <a:lnTo>
                    <a:pt x="540" y="474"/>
                  </a:lnTo>
                  <a:lnTo>
                    <a:pt x="550" y="484"/>
                  </a:lnTo>
                  <a:lnTo>
                    <a:pt x="559" y="494"/>
                  </a:lnTo>
                  <a:lnTo>
                    <a:pt x="568" y="503"/>
                  </a:lnTo>
                  <a:lnTo>
                    <a:pt x="576" y="514"/>
                  </a:lnTo>
                  <a:lnTo>
                    <a:pt x="583" y="524"/>
                  </a:lnTo>
                  <a:lnTo>
                    <a:pt x="586" y="530"/>
                  </a:lnTo>
                  <a:lnTo>
                    <a:pt x="588" y="535"/>
                  </a:lnTo>
                  <a:lnTo>
                    <a:pt x="589" y="540"/>
                  </a:lnTo>
                  <a:lnTo>
                    <a:pt x="589" y="546"/>
                  </a:lnTo>
                  <a:lnTo>
                    <a:pt x="589" y="552"/>
                  </a:lnTo>
                  <a:lnTo>
                    <a:pt x="587" y="558"/>
                  </a:lnTo>
                  <a:lnTo>
                    <a:pt x="585" y="564"/>
                  </a:lnTo>
                  <a:lnTo>
                    <a:pt x="581" y="572"/>
                  </a:lnTo>
                  <a:lnTo>
                    <a:pt x="586" y="577"/>
                  </a:lnTo>
                  <a:lnTo>
                    <a:pt x="590" y="582"/>
                  </a:lnTo>
                  <a:lnTo>
                    <a:pt x="595" y="585"/>
                  </a:lnTo>
                  <a:lnTo>
                    <a:pt x="601" y="586"/>
                  </a:lnTo>
                  <a:lnTo>
                    <a:pt x="607" y="588"/>
                  </a:lnTo>
                  <a:lnTo>
                    <a:pt x="613" y="588"/>
                  </a:lnTo>
                  <a:lnTo>
                    <a:pt x="620" y="588"/>
                  </a:lnTo>
                  <a:lnTo>
                    <a:pt x="627" y="586"/>
                  </a:lnTo>
                  <a:lnTo>
                    <a:pt x="643" y="583"/>
                  </a:lnTo>
                  <a:lnTo>
                    <a:pt x="658" y="580"/>
                  </a:lnTo>
                  <a:lnTo>
                    <a:pt x="667" y="579"/>
                  </a:lnTo>
                  <a:lnTo>
                    <a:pt x="675" y="579"/>
                  </a:lnTo>
                  <a:lnTo>
                    <a:pt x="685" y="579"/>
                  </a:lnTo>
                  <a:lnTo>
                    <a:pt x="693" y="580"/>
                  </a:lnTo>
                  <a:lnTo>
                    <a:pt x="693" y="586"/>
                  </a:lnTo>
                  <a:lnTo>
                    <a:pt x="693" y="592"/>
                  </a:lnTo>
                  <a:lnTo>
                    <a:pt x="695" y="597"/>
                  </a:lnTo>
                  <a:lnTo>
                    <a:pt x="697" y="601"/>
                  </a:lnTo>
                  <a:lnTo>
                    <a:pt x="704" y="611"/>
                  </a:lnTo>
                  <a:lnTo>
                    <a:pt x="711" y="619"/>
                  </a:lnTo>
                  <a:lnTo>
                    <a:pt x="716" y="625"/>
                  </a:lnTo>
                  <a:lnTo>
                    <a:pt x="720" y="629"/>
                  </a:lnTo>
                  <a:lnTo>
                    <a:pt x="720" y="630"/>
                  </a:lnTo>
                  <a:lnTo>
                    <a:pt x="719" y="630"/>
                  </a:lnTo>
                  <a:lnTo>
                    <a:pt x="716" y="629"/>
                  </a:lnTo>
                  <a:lnTo>
                    <a:pt x="712" y="628"/>
                  </a:lnTo>
                  <a:lnTo>
                    <a:pt x="719" y="631"/>
                  </a:lnTo>
                  <a:lnTo>
                    <a:pt x="727" y="635"/>
                  </a:lnTo>
                  <a:lnTo>
                    <a:pt x="734" y="639"/>
                  </a:lnTo>
                  <a:lnTo>
                    <a:pt x="742" y="644"/>
                  </a:lnTo>
                  <a:lnTo>
                    <a:pt x="754" y="655"/>
                  </a:lnTo>
                  <a:lnTo>
                    <a:pt x="766" y="669"/>
                  </a:lnTo>
                  <a:lnTo>
                    <a:pt x="777" y="682"/>
                  </a:lnTo>
                  <a:lnTo>
                    <a:pt x="788" y="697"/>
                  </a:lnTo>
                  <a:lnTo>
                    <a:pt x="798" y="714"/>
                  </a:lnTo>
                  <a:lnTo>
                    <a:pt x="808" y="731"/>
                  </a:lnTo>
                  <a:lnTo>
                    <a:pt x="828" y="764"/>
                  </a:lnTo>
                  <a:lnTo>
                    <a:pt x="849" y="797"/>
                  </a:lnTo>
                  <a:lnTo>
                    <a:pt x="861" y="813"/>
                  </a:lnTo>
                  <a:lnTo>
                    <a:pt x="873" y="828"/>
                  </a:lnTo>
                  <a:lnTo>
                    <a:pt x="886" y="840"/>
                  </a:lnTo>
                  <a:lnTo>
                    <a:pt x="899" y="852"/>
                  </a:lnTo>
                  <a:lnTo>
                    <a:pt x="879" y="851"/>
                  </a:lnTo>
                  <a:lnTo>
                    <a:pt x="861" y="851"/>
                  </a:lnTo>
                  <a:lnTo>
                    <a:pt x="843" y="852"/>
                  </a:lnTo>
                  <a:lnTo>
                    <a:pt x="825" y="854"/>
                  </a:lnTo>
                  <a:lnTo>
                    <a:pt x="807" y="855"/>
                  </a:lnTo>
                  <a:lnTo>
                    <a:pt x="788" y="855"/>
                  </a:lnTo>
                  <a:lnTo>
                    <a:pt x="769" y="855"/>
                  </a:lnTo>
                  <a:lnTo>
                    <a:pt x="750" y="852"/>
                  </a:lnTo>
                  <a:lnTo>
                    <a:pt x="737" y="849"/>
                  </a:lnTo>
                  <a:lnTo>
                    <a:pt x="725" y="844"/>
                  </a:lnTo>
                  <a:lnTo>
                    <a:pt x="712" y="839"/>
                  </a:lnTo>
                  <a:lnTo>
                    <a:pt x="700" y="834"/>
                  </a:lnTo>
                  <a:lnTo>
                    <a:pt x="677" y="820"/>
                  </a:lnTo>
                  <a:lnTo>
                    <a:pt x="655" y="808"/>
                  </a:lnTo>
                  <a:lnTo>
                    <a:pt x="644" y="801"/>
                  </a:lnTo>
                  <a:lnTo>
                    <a:pt x="632" y="796"/>
                  </a:lnTo>
                  <a:lnTo>
                    <a:pt x="621" y="792"/>
                  </a:lnTo>
                  <a:lnTo>
                    <a:pt x="610" y="790"/>
                  </a:lnTo>
                  <a:lnTo>
                    <a:pt x="598" y="789"/>
                  </a:lnTo>
                  <a:lnTo>
                    <a:pt x="587" y="789"/>
                  </a:lnTo>
                  <a:lnTo>
                    <a:pt x="575" y="791"/>
                  </a:lnTo>
                  <a:lnTo>
                    <a:pt x="563" y="796"/>
                  </a:lnTo>
                  <a:lnTo>
                    <a:pt x="551" y="794"/>
                  </a:lnTo>
                  <a:lnTo>
                    <a:pt x="540" y="790"/>
                  </a:lnTo>
                  <a:lnTo>
                    <a:pt x="530" y="787"/>
                  </a:lnTo>
                  <a:lnTo>
                    <a:pt x="520" y="782"/>
                  </a:lnTo>
                  <a:lnTo>
                    <a:pt x="503" y="772"/>
                  </a:lnTo>
                  <a:lnTo>
                    <a:pt x="485" y="761"/>
                  </a:lnTo>
                  <a:lnTo>
                    <a:pt x="467" y="751"/>
                  </a:lnTo>
                  <a:lnTo>
                    <a:pt x="448" y="742"/>
                  </a:lnTo>
                  <a:lnTo>
                    <a:pt x="438" y="738"/>
                  </a:lnTo>
                  <a:lnTo>
                    <a:pt x="427" y="735"/>
                  </a:lnTo>
                  <a:lnTo>
                    <a:pt x="415" y="732"/>
                  </a:lnTo>
                  <a:lnTo>
                    <a:pt x="404" y="731"/>
                  </a:lnTo>
                  <a:lnTo>
                    <a:pt x="385" y="759"/>
                  </a:lnTo>
                  <a:lnTo>
                    <a:pt x="366" y="787"/>
                  </a:lnTo>
                  <a:lnTo>
                    <a:pt x="345" y="813"/>
                  </a:lnTo>
                  <a:lnTo>
                    <a:pt x="323" y="838"/>
                  </a:lnTo>
                  <a:lnTo>
                    <a:pt x="302" y="863"/>
                  </a:lnTo>
                  <a:lnTo>
                    <a:pt x="280" y="888"/>
                  </a:lnTo>
                  <a:lnTo>
                    <a:pt x="257" y="912"/>
                  </a:lnTo>
                  <a:lnTo>
                    <a:pt x="235" y="936"/>
                  </a:lnTo>
                  <a:lnTo>
                    <a:pt x="221" y="927"/>
                  </a:lnTo>
                  <a:lnTo>
                    <a:pt x="207" y="918"/>
                  </a:lnTo>
                  <a:lnTo>
                    <a:pt x="199" y="923"/>
                  </a:lnTo>
                  <a:lnTo>
                    <a:pt x="193" y="930"/>
                  </a:lnTo>
                  <a:lnTo>
                    <a:pt x="187" y="936"/>
                  </a:lnTo>
                  <a:lnTo>
                    <a:pt x="180" y="943"/>
                  </a:lnTo>
                  <a:lnTo>
                    <a:pt x="176" y="952"/>
                  </a:lnTo>
                  <a:lnTo>
                    <a:pt x="172" y="960"/>
                  </a:lnTo>
                  <a:lnTo>
                    <a:pt x="170" y="971"/>
                  </a:lnTo>
                  <a:lnTo>
                    <a:pt x="169" y="983"/>
                  </a:lnTo>
                  <a:lnTo>
                    <a:pt x="144" y="992"/>
                  </a:lnTo>
                  <a:lnTo>
                    <a:pt x="124" y="1000"/>
                  </a:lnTo>
                  <a:lnTo>
                    <a:pt x="106" y="1008"/>
                  </a:lnTo>
                  <a:lnTo>
                    <a:pt x="88" y="1012"/>
                  </a:lnTo>
                  <a:lnTo>
                    <a:pt x="78" y="1013"/>
                  </a:lnTo>
                  <a:lnTo>
                    <a:pt x="70" y="1013"/>
                  </a:lnTo>
                  <a:lnTo>
                    <a:pt x="60" y="1013"/>
                  </a:lnTo>
                  <a:lnTo>
                    <a:pt x="50" y="1011"/>
                  </a:lnTo>
                  <a:lnTo>
                    <a:pt x="39" y="1009"/>
                  </a:lnTo>
                  <a:lnTo>
                    <a:pt x="28" y="1005"/>
                  </a:lnTo>
                  <a:lnTo>
                    <a:pt x="15" y="999"/>
                  </a:lnTo>
                  <a:lnTo>
                    <a:pt x="0" y="993"/>
                  </a:lnTo>
                  <a:lnTo>
                    <a:pt x="11" y="959"/>
                  </a:lnTo>
                  <a:lnTo>
                    <a:pt x="21" y="927"/>
                  </a:lnTo>
                  <a:lnTo>
                    <a:pt x="32" y="895"/>
                  </a:lnTo>
                  <a:lnTo>
                    <a:pt x="42" y="863"/>
                  </a:lnTo>
                  <a:lnTo>
                    <a:pt x="53" y="830"/>
                  </a:lnTo>
                  <a:lnTo>
                    <a:pt x="63" y="796"/>
                  </a:lnTo>
                  <a:lnTo>
                    <a:pt x="74" y="760"/>
                  </a:lnTo>
                  <a:lnTo>
                    <a:pt x="84" y="721"/>
                  </a:lnTo>
                  <a:lnTo>
                    <a:pt x="84" y="716"/>
                  </a:lnTo>
                  <a:lnTo>
                    <a:pt x="83" y="711"/>
                  </a:lnTo>
                  <a:lnTo>
                    <a:pt x="81" y="708"/>
                  </a:lnTo>
                  <a:lnTo>
                    <a:pt x="78" y="704"/>
                  </a:lnTo>
                  <a:lnTo>
                    <a:pt x="72" y="699"/>
                  </a:lnTo>
                  <a:lnTo>
                    <a:pt x="66" y="694"/>
                  </a:lnTo>
                  <a:lnTo>
                    <a:pt x="58" y="690"/>
                  </a:lnTo>
                  <a:lnTo>
                    <a:pt x="52" y="683"/>
                  </a:lnTo>
                  <a:lnTo>
                    <a:pt x="50" y="680"/>
                  </a:lnTo>
                  <a:lnTo>
                    <a:pt x="49" y="676"/>
                  </a:lnTo>
                  <a:lnTo>
                    <a:pt x="48" y="671"/>
                  </a:lnTo>
                  <a:lnTo>
                    <a:pt x="48" y="664"/>
                  </a:lnTo>
                  <a:lnTo>
                    <a:pt x="61" y="670"/>
                  </a:lnTo>
                  <a:lnTo>
                    <a:pt x="75" y="673"/>
                  </a:lnTo>
                  <a:lnTo>
                    <a:pt x="89" y="676"/>
                  </a:lnTo>
                  <a:lnTo>
                    <a:pt x="101" y="678"/>
                  </a:lnTo>
                  <a:lnTo>
                    <a:pt x="115" y="679"/>
                  </a:lnTo>
                  <a:lnTo>
                    <a:pt x="128" y="680"/>
                  </a:lnTo>
                  <a:lnTo>
                    <a:pt x="140" y="680"/>
                  </a:lnTo>
                  <a:lnTo>
                    <a:pt x="152" y="679"/>
                  </a:lnTo>
                  <a:lnTo>
                    <a:pt x="164" y="678"/>
                  </a:lnTo>
                  <a:lnTo>
                    <a:pt x="176" y="676"/>
                  </a:lnTo>
                  <a:lnTo>
                    <a:pt x="187" y="673"/>
                  </a:lnTo>
                  <a:lnTo>
                    <a:pt x="197" y="670"/>
                  </a:lnTo>
                  <a:lnTo>
                    <a:pt x="208" y="665"/>
                  </a:lnTo>
                  <a:lnTo>
                    <a:pt x="217" y="661"/>
                  </a:lnTo>
                  <a:lnTo>
                    <a:pt x="227" y="655"/>
                  </a:lnTo>
                  <a:lnTo>
                    <a:pt x="235" y="650"/>
                  </a:lnTo>
                  <a:lnTo>
                    <a:pt x="247" y="648"/>
                  </a:lnTo>
                  <a:lnTo>
                    <a:pt x="259" y="648"/>
                  </a:lnTo>
                  <a:lnTo>
                    <a:pt x="263" y="648"/>
                  </a:lnTo>
                  <a:lnTo>
                    <a:pt x="266" y="648"/>
                  </a:lnTo>
                  <a:lnTo>
                    <a:pt x="266" y="646"/>
                  </a:lnTo>
                  <a:lnTo>
                    <a:pt x="262" y="646"/>
                  </a:lnTo>
                  <a:lnTo>
                    <a:pt x="259" y="645"/>
                  </a:lnTo>
                  <a:lnTo>
                    <a:pt x="256" y="643"/>
                  </a:lnTo>
                  <a:lnTo>
                    <a:pt x="255" y="640"/>
                  </a:lnTo>
                  <a:lnTo>
                    <a:pt x="253" y="637"/>
                  </a:lnTo>
                  <a:lnTo>
                    <a:pt x="252" y="629"/>
                  </a:lnTo>
                  <a:lnTo>
                    <a:pt x="252" y="619"/>
                  </a:lnTo>
                  <a:lnTo>
                    <a:pt x="253" y="609"/>
                  </a:lnTo>
                  <a:lnTo>
                    <a:pt x="254" y="598"/>
                  </a:lnTo>
                  <a:lnTo>
                    <a:pt x="255" y="589"/>
                  </a:lnTo>
                  <a:lnTo>
                    <a:pt x="253" y="580"/>
                  </a:lnTo>
                  <a:lnTo>
                    <a:pt x="263" y="585"/>
                  </a:lnTo>
                  <a:lnTo>
                    <a:pt x="272" y="589"/>
                  </a:lnTo>
                  <a:lnTo>
                    <a:pt x="279" y="590"/>
                  </a:lnTo>
                  <a:lnTo>
                    <a:pt x="287" y="590"/>
                  </a:lnTo>
                  <a:lnTo>
                    <a:pt x="292" y="588"/>
                  </a:lnTo>
                  <a:lnTo>
                    <a:pt x="298" y="584"/>
                  </a:lnTo>
                  <a:lnTo>
                    <a:pt x="302" y="579"/>
                  </a:lnTo>
                  <a:lnTo>
                    <a:pt x="307" y="574"/>
                  </a:lnTo>
                  <a:lnTo>
                    <a:pt x="321" y="549"/>
                  </a:lnTo>
                  <a:lnTo>
                    <a:pt x="337" y="524"/>
                  </a:lnTo>
                  <a:lnTo>
                    <a:pt x="310" y="492"/>
                  </a:lnTo>
                  <a:lnTo>
                    <a:pt x="281" y="459"/>
                  </a:lnTo>
                  <a:lnTo>
                    <a:pt x="267" y="443"/>
                  </a:lnTo>
                  <a:lnTo>
                    <a:pt x="251" y="429"/>
                  </a:lnTo>
                  <a:lnTo>
                    <a:pt x="234" y="415"/>
                  </a:lnTo>
                  <a:lnTo>
                    <a:pt x="216" y="402"/>
                  </a:lnTo>
                  <a:lnTo>
                    <a:pt x="218" y="360"/>
                  </a:lnTo>
                  <a:lnTo>
                    <a:pt x="219" y="326"/>
                  </a:lnTo>
                  <a:lnTo>
                    <a:pt x="221" y="312"/>
                  </a:lnTo>
                  <a:lnTo>
                    <a:pt x="223" y="297"/>
                  </a:lnTo>
                  <a:lnTo>
                    <a:pt x="228" y="280"/>
                  </a:lnTo>
                  <a:lnTo>
                    <a:pt x="235" y="262"/>
                  </a:lnTo>
                  <a:lnTo>
                    <a:pt x="231" y="255"/>
                  </a:lnTo>
                  <a:lnTo>
                    <a:pt x="226" y="247"/>
                  </a:lnTo>
                  <a:lnTo>
                    <a:pt x="220" y="242"/>
                  </a:lnTo>
                  <a:lnTo>
                    <a:pt x="213" y="237"/>
                  </a:lnTo>
                  <a:lnTo>
                    <a:pt x="206" y="233"/>
                  </a:lnTo>
                  <a:lnTo>
                    <a:pt x="197" y="230"/>
                  </a:lnTo>
                  <a:lnTo>
                    <a:pt x="189" y="226"/>
                  </a:lnTo>
                  <a:lnTo>
                    <a:pt x="178" y="224"/>
                  </a:lnTo>
                  <a:lnTo>
                    <a:pt x="181" y="213"/>
                  </a:lnTo>
                  <a:lnTo>
                    <a:pt x="186" y="201"/>
                  </a:lnTo>
                  <a:lnTo>
                    <a:pt x="190" y="191"/>
                  </a:lnTo>
                  <a:lnTo>
                    <a:pt x="195" y="181"/>
                  </a:lnTo>
                  <a:lnTo>
                    <a:pt x="207" y="161"/>
                  </a:lnTo>
                  <a:lnTo>
                    <a:pt x="216" y="140"/>
                  </a:lnTo>
                  <a:lnTo>
                    <a:pt x="222" y="144"/>
                  </a:lnTo>
                  <a:lnTo>
                    <a:pt x="229" y="147"/>
                  </a:lnTo>
                  <a:lnTo>
                    <a:pt x="234" y="149"/>
                  </a:lnTo>
                  <a:lnTo>
                    <a:pt x="240" y="149"/>
                  </a:lnTo>
                  <a:lnTo>
                    <a:pt x="247" y="149"/>
                  </a:lnTo>
                  <a:lnTo>
                    <a:pt x="253" y="148"/>
                  </a:lnTo>
                  <a:lnTo>
                    <a:pt x="259" y="146"/>
                  </a:lnTo>
                  <a:lnTo>
                    <a:pt x="266" y="144"/>
                  </a:lnTo>
                  <a:lnTo>
                    <a:pt x="289" y="133"/>
                  </a:lnTo>
                  <a:lnTo>
                    <a:pt x="310" y="122"/>
                  </a:lnTo>
                  <a:lnTo>
                    <a:pt x="305" y="106"/>
                  </a:lnTo>
                  <a:lnTo>
                    <a:pt x="297" y="92"/>
                  </a:lnTo>
                  <a:lnTo>
                    <a:pt x="289" y="79"/>
                  </a:lnTo>
                  <a:lnTo>
                    <a:pt x="279" y="67"/>
                  </a:lnTo>
                  <a:lnTo>
                    <a:pt x="270" y="57"/>
                  </a:lnTo>
                  <a:lnTo>
                    <a:pt x="258" y="46"/>
                  </a:lnTo>
                  <a:lnTo>
                    <a:pt x="247" y="37"/>
                  </a:lnTo>
                  <a:lnTo>
                    <a:pt x="235" y="28"/>
                  </a:lnTo>
                  <a:lnTo>
                    <a:pt x="239" y="23"/>
                  </a:lnTo>
                  <a:lnTo>
                    <a:pt x="245" y="20"/>
                  </a:lnTo>
                  <a:lnTo>
                    <a:pt x="251" y="19"/>
                  </a:lnTo>
                  <a:lnTo>
                    <a:pt x="259" y="18"/>
                  </a:lnTo>
                  <a:lnTo>
                    <a:pt x="277" y="18"/>
                  </a:lnTo>
                  <a:lnTo>
                    <a:pt x="296" y="19"/>
                  </a:lnTo>
                  <a:lnTo>
                    <a:pt x="306" y="20"/>
                  </a:lnTo>
                  <a:lnTo>
                    <a:pt x="314" y="20"/>
                  </a:lnTo>
                  <a:lnTo>
                    <a:pt x="322" y="19"/>
                  </a:lnTo>
                  <a:lnTo>
                    <a:pt x="330" y="18"/>
                  </a:lnTo>
                  <a:lnTo>
                    <a:pt x="336" y="16"/>
                  </a:lnTo>
                  <a:lnTo>
                    <a:pt x="341" y="13"/>
                  </a:lnTo>
                  <a:lnTo>
                    <a:pt x="344" y="9"/>
                  </a:lnTo>
                  <a:lnTo>
                    <a:pt x="346" y="7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48" y="22"/>
                  </a:lnTo>
                  <a:lnTo>
                    <a:pt x="348" y="43"/>
                  </a:lnTo>
                  <a:lnTo>
                    <a:pt x="348" y="62"/>
                  </a:lnTo>
                  <a:lnTo>
                    <a:pt x="350" y="81"/>
                  </a:lnTo>
                  <a:lnTo>
                    <a:pt x="352" y="89"/>
                  </a:lnTo>
                  <a:lnTo>
                    <a:pt x="354" y="98"/>
                  </a:lnTo>
                  <a:lnTo>
                    <a:pt x="356" y="105"/>
                  </a:lnTo>
                  <a:lnTo>
                    <a:pt x="360" y="114"/>
                  </a:lnTo>
                  <a:lnTo>
                    <a:pt x="365" y="120"/>
                  </a:lnTo>
                  <a:lnTo>
                    <a:pt x="370" y="127"/>
                  </a:lnTo>
                  <a:lnTo>
                    <a:pt x="377" y="134"/>
                  </a:lnTo>
                  <a:lnTo>
                    <a:pt x="385" y="140"/>
                  </a:lnTo>
                  <a:lnTo>
                    <a:pt x="390" y="138"/>
                  </a:lnTo>
                  <a:lnTo>
                    <a:pt x="399" y="132"/>
                  </a:lnTo>
                  <a:lnTo>
                    <a:pt x="405" y="127"/>
                  </a:lnTo>
                  <a:lnTo>
                    <a:pt x="411" y="124"/>
                  </a:lnTo>
                  <a:lnTo>
                    <a:pt x="416" y="122"/>
                  </a:lnTo>
                  <a:lnTo>
                    <a:pt x="422" y="122"/>
                  </a:lnTo>
                  <a:lnTo>
                    <a:pt x="429" y="127"/>
                  </a:lnTo>
                  <a:lnTo>
                    <a:pt x="438" y="138"/>
                  </a:lnTo>
                  <a:lnTo>
                    <a:pt x="445" y="144"/>
                  </a:lnTo>
                  <a:lnTo>
                    <a:pt x="452" y="151"/>
                  </a:lnTo>
                  <a:lnTo>
                    <a:pt x="459" y="156"/>
                  </a:lnTo>
                  <a:lnTo>
                    <a:pt x="469" y="159"/>
                  </a:lnTo>
                  <a:lnTo>
                    <a:pt x="481" y="162"/>
                  </a:lnTo>
                  <a:lnTo>
                    <a:pt x="494" y="163"/>
                  </a:lnTo>
                  <a:lnTo>
                    <a:pt x="506" y="162"/>
                  </a:lnTo>
                  <a:lnTo>
                    <a:pt x="516" y="161"/>
                  </a:lnTo>
                  <a:lnTo>
                    <a:pt x="534" y="159"/>
                  </a:lnTo>
                  <a:lnTo>
                    <a:pt x="544" y="159"/>
                  </a:lnTo>
                  <a:lnTo>
                    <a:pt x="548" y="173"/>
                  </a:lnTo>
                  <a:lnTo>
                    <a:pt x="553" y="187"/>
                  </a:lnTo>
                  <a:lnTo>
                    <a:pt x="575" y="199"/>
                  </a:lnTo>
                  <a:lnTo>
                    <a:pt x="592" y="208"/>
                  </a:lnTo>
                  <a:lnTo>
                    <a:pt x="611" y="219"/>
                  </a:lnTo>
                  <a:lnTo>
                    <a:pt x="637" y="234"/>
                  </a:lnTo>
                  <a:lnTo>
                    <a:pt x="635" y="242"/>
                  </a:lnTo>
                  <a:lnTo>
                    <a:pt x="633" y="250"/>
                  </a:lnTo>
                  <a:lnTo>
                    <a:pt x="633" y="256"/>
                  </a:lnTo>
                  <a:lnTo>
                    <a:pt x="632" y="263"/>
                  </a:lnTo>
                  <a:lnTo>
                    <a:pt x="633" y="268"/>
                  </a:lnTo>
                  <a:lnTo>
                    <a:pt x="634" y="275"/>
                  </a:lnTo>
                  <a:lnTo>
                    <a:pt x="636" y="280"/>
                  </a:lnTo>
                  <a:lnTo>
                    <a:pt x="638" y="285"/>
                  </a:lnTo>
                  <a:lnTo>
                    <a:pt x="646" y="295"/>
                  </a:lnTo>
                  <a:lnTo>
                    <a:pt x="654" y="303"/>
                  </a:lnTo>
                  <a:lnTo>
                    <a:pt x="664" y="311"/>
                  </a:lnTo>
                  <a:lnTo>
                    <a:pt x="675" y="318"/>
                  </a:lnTo>
                  <a:lnTo>
                    <a:pt x="664" y="326"/>
                  </a:lnTo>
                  <a:lnTo>
                    <a:pt x="652" y="333"/>
                  </a:lnTo>
                  <a:lnTo>
                    <a:pt x="649" y="335"/>
                  </a:lnTo>
                  <a:lnTo>
                    <a:pt x="648" y="337"/>
                  </a:lnTo>
                  <a:lnTo>
                    <a:pt x="647" y="339"/>
                  </a:lnTo>
                  <a:lnTo>
                    <a:pt x="647" y="341"/>
                  </a:lnTo>
                  <a:lnTo>
                    <a:pt x="647" y="344"/>
                  </a:lnTo>
                  <a:lnTo>
                    <a:pt x="649" y="347"/>
                  </a:lnTo>
                  <a:lnTo>
                    <a:pt x="652" y="352"/>
                  </a:lnTo>
                  <a:lnTo>
                    <a:pt x="656" y="356"/>
                  </a:lnTo>
                  <a:lnTo>
                    <a:pt x="666" y="365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269" name="Ikast-Brande"/>
            <p:cNvSpPr>
              <a:spLocks/>
            </p:cNvSpPr>
            <p:nvPr/>
          </p:nvSpPr>
          <p:spPr bwMode="auto">
            <a:xfrm>
              <a:off x="1195389" y="4164019"/>
              <a:ext cx="476251" cy="536576"/>
            </a:xfrm>
            <a:custGeom>
              <a:avLst/>
              <a:gdLst>
                <a:gd name="T0" fmla="*/ 219 w 899"/>
                <a:gd name="T1" fmla="*/ 126 h 1013"/>
                <a:gd name="T2" fmla="*/ 225 w 899"/>
                <a:gd name="T3" fmla="*/ 135 h 1013"/>
                <a:gd name="T4" fmla="*/ 218 w 899"/>
                <a:gd name="T5" fmla="*/ 139 h 1013"/>
                <a:gd name="T6" fmla="*/ 207 w 899"/>
                <a:gd name="T7" fmla="*/ 141 h 1013"/>
                <a:gd name="T8" fmla="*/ 176 w 899"/>
                <a:gd name="T9" fmla="*/ 138 h 1013"/>
                <a:gd name="T10" fmla="*/ 175 w 899"/>
                <a:gd name="T11" fmla="*/ 150 h 1013"/>
                <a:gd name="T12" fmla="*/ 187 w 899"/>
                <a:gd name="T13" fmla="*/ 165 h 1013"/>
                <a:gd name="T14" fmla="*/ 197 w 899"/>
                <a:gd name="T15" fmla="*/ 180 h 1013"/>
                <a:gd name="T16" fmla="*/ 196 w 899"/>
                <a:gd name="T17" fmla="*/ 193 h 1013"/>
                <a:gd name="T18" fmla="*/ 207 w 899"/>
                <a:gd name="T19" fmla="*/ 196 h 1013"/>
                <a:gd name="T20" fmla="*/ 229 w 899"/>
                <a:gd name="T21" fmla="*/ 193 h 1013"/>
                <a:gd name="T22" fmla="*/ 235 w 899"/>
                <a:gd name="T23" fmla="*/ 204 h 1013"/>
                <a:gd name="T24" fmla="*/ 239 w 899"/>
                <a:gd name="T25" fmla="*/ 210 h 1013"/>
                <a:gd name="T26" fmla="*/ 252 w 899"/>
                <a:gd name="T27" fmla="*/ 219 h 1013"/>
                <a:gd name="T28" fmla="*/ 276 w 899"/>
                <a:gd name="T29" fmla="*/ 255 h 1013"/>
                <a:gd name="T30" fmla="*/ 293 w 899"/>
                <a:gd name="T31" fmla="*/ 284 h 1013"/>
                <a:gd name="T32" fmla="*/ 257 w 899"/>
                <a:gd name="T33" fmla="*/ 285 h 1013"/>
                <a:gd name="T34" fmla="*/ 226 w 899"/>
                <a:gd name="T35" fmla="*/ 274 h 1013"/>
                <a:gd name="T36" fmla="*/ 200 w 899"/>
                <a:gd name="T37" fmla="*/ 263 h 1013"/>
                <a:gd name="T38" fmla="*/ 177 w 899"/>
                <a:gd name="T39" fmla="*/ 263 h 1013"/>
                <a:gd name="T40" fmla="*/ 146 w 899"/>
                <a:gd name="T41" fmla="*/ 246 h 1013"/>
                <a:gd name="T42" fmla="*/ 115 w 899"/>
                <a:gd name="T43" fmla="*/ 271 h 1013"/>
                <a:gd name="T44" fmla="*/ 74 w 899"/>
                <a:gd name="T45" fmla="*/ 309 h 1013"/>
                <a:gd name="T46" fmla="*/ 59 w 899"/>
                <a:gd name="T47" fmla="*/ 318 h 1013"/>
                <a:gd name="T48" fmla="*/ 35 w 899"/>
                <a:gd name="T49" fmla="*/ 336 h 1013"/>
                <a:gd name="T50" fmla="*/ 13 w 899"/>
                <a:gd name="T51" fmla="*/ 337 h 1013"/>
                <a:gd name="T52" fmla="*/ 11 w 899"/>
                <a:gd name="T53" fmla="*/ 299 h 1013"/>
                <a:gd name="T54" fmla="*/ 28 w 899"/>
                <a:gd name="T55" fmla="*/ 239 h 1013"/>
                <a:gd name="T56" fmla="*/ 19 w 899"/>
                <a:gd name="T57" fmla="*/ 230 h 1013"/>
                <a:gd name="T58" fmla="*/ 20 w 899"/>
                <a:gd name="T59" fmla="*/ 224 h 1013"/>
                <a:gd name="T60" fmla="*/ 47 w 899"/>
                <a:gd name="T61" fmla="*/ 227 h 1013"/>
                <a:gd name="T62" fmla="*/ 69 w 899"/>
                <a:gd name="T63" fmla="*/ 222 h 1013"/>
                <a:gd name="T64" fmla="*/ 88 w 899"/>
                <a:gd name="T65" fmla="*/ 216 h 1013"/>
                <a:gd name="T66" fmla="*/ 85 w 899"/>
                <a:gd name="T67" fmla="*/ 214 h 1013"/>
                <a:gd name="T68" fmla="*/ 85 w 899"/>
                <a:gd name="T69" fmla="*/ 197 h 1013"/>
                <a:gd name="T70" fmla="*/ 97 w 899"/>
                <a:gd name="T71" fmla="*/ 196 h 1013"/>
                <a:gd name="T72" fmla="*/ 103 w 899"/>
                <a:gd name="T73" fmla="*/ 164 h 1013"/>
                <a:gd name="T74" fmla="*/ 73 w 899"/>
                <a:gd name="T75" fmla="*/ 120 h 1013"/>
                <a:gd name="T76" fmla="*/ 77 w 899"/>
                <a:gd name="T77" fmla="*/ 85 h 1013"/>
                <a:gd name="T78" fmla="*/ 63 w 899"/>
                <a:gd name="T79" fmla="*/ 75 h 1013"/>
                <a:gd name="T80" fmla="*/ 69 w 899"/>
                <a:gd name="T81" fmla="*/ 54 h 1013"/>
                <a:gd name="T82" fmla="*/ 82 w 899"/>
                <a:gd name="T83" fmla="*/ 50 h 1013"/>
                <a:gd name="T84" fmla="*/ 102 w 899"/>
                <a:gd name="T85" fmla="*/ 35 h 1013"/>
                <a:gd name="T86" fmla="*/ 82 w 899"/>
                <a:gd name="T87" fmla="*/ 12 h 1013"/>
                <a:gd name="T88" fmla="*/ 92 w 899"/>
                <a:gd name="T89" fmla="*/ 6 h 1013"/>
                <a:gd name="T90" fmla="*/ 112 w 899"/>
                <a:gd name="T91" fmla="*/ 5 h 1013"/>
                <a:gd name="T92" fmla="*/ 116 w 899"/>
                <a:gd name="T93" fmla="*/ 7 h 1013"/>
                <a:gd name="T94" fmla="*/ 119 w 899"/>
                <a:gd name="T95" fmla="*/ 35 h 1013"/>
                <a:gd name="T96" fmla="*/ 130 w 899"/>
                <a:gd name="T97" fmla="*/ 46 h 1013"/>
                <a:gd name="T98" fmla="*/ 143 w 899"/>
                <a:gd name="T99" fmla="*/ 42 h 1013"/>
                <a:gd name="T100" fmla="*/ 161 w 899"/>
                <a:gd name="T101" fmla="*/ 54 h 1013"/>
                <a:gd name="T102" fmla="*/ 183 w 899"/>
                <a:gd name="T103" fmla="*/ 58 h 1013"/>
                <a:gd name="T104" fmla="*/ 212 w 899"/>
                <a:gd name="T105" fmla="*/ 81 h 1013"/>
                <a:gd name="T106" fmla="*/ 212 w 899"/>
                <a:gd name="T107" fmla="*/ 93 h 1013"/>
                <a:gd name="T108" fmla="*/ 222 w 899"/>
                <a:gd name="T109" fmla="*/ 109 h 1013"/>
                <a:gd name="T110" fmla="*/ 216 w 899"/>
                <a:gd name="T111" fmla="*/ 115 h 1013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899" h="1013">
                  <a:moveTo>
                    <a:pt x="666" y="365"/>
                  </a:moveTo>
                  <a:lnTo>
                    <a:pt x="662" y="366"/>
                  </a:lnTo>
                  <a:lnTo>
                    <a:pt x="659" y="367"/>
                  </a:lnTo>
                  <a:lnTo>
                    <a:pt x="657" y="370"/>
                  </a:lnTo>
                  <a:lnTo>
                    <a:pt x="656" y="372"/>
                  </a:lnTo>
                  <a:lnTo>
                    <a:pt x="656" y="378"/>
                  </a:lnTo>
                  <a:lnTo>
                    <a:pt x="658" y="384"/>
                  </a:lnTo>
                  <a:lnTo>
                    <a:pt x="663" y="391"/>
                  </a:lnTo>
                  <a:lnTo>
                    <a:pt x="667" y="396"/>
                  </a:lnTo>
                  <a:lnTo>
                    <a:pt x="671" y="400"/>
                  </a:lnTo>
                  <a:lnTo>
                    <a:pt x="675" y="402"/>
                  </a:lnTo>
                  <a:lnTo>
                    <a:pt x="674" y="405"/>
                  </a:lnTo>
                  <a:lnTo>
                    <a:pt x="673" y="409"/>
                  </a:lnTo>
                  <a:lnTo>
                    <a:pt x="672" y="410"/>
                  </a:lnTo>
                  <a:lnTo>
                    <a:pt x="670" y="412"/>
                  </a:lnTo>
                  <a:lnTo>
                    <a:pt x="665" y="414"/>
                  </a:lnTo>
                  <a:lnTo>
                    <a:pt x="659" y="415"/>
                  </a:lnTo>
                  <a:lnTo>
                    <a:pt x="654" y="417"/>
                  </a:lnTo>
                  <a:lnTo>
                    <a:pt x="650" y="420"/>
                  </a:lnTo>
                  <a:lnTo>
                    <a:pt x="648" y="421"/>
                  </a:lnTo>
                  <a:lnTo>
                    <a:pt x="647" y="424"/>
                  </a:lnTo>
                  <a:lnTo>
                    <a:pt x="647" y="427"/>
                  </a:lnTo>
                  <a:lnTo>
                    <a:pt x="647" y="431"/>
                  </a:lnTo>
                  <a:lnTo>
                    <a:pt x="619" y="423"/>
                  </a:lnTo>
                  <a:lnTo>
                    <a:pt x="593" y="414"/>
                  </a:lnTo>
                  <a:lnTo>
                    <a:pt x="568" y="404"/>
                  </a:lnTo>
                  <a:lnTo>
                    <a:pt x="544" y="394"/>
                  </a:lnTo>
                  <a:lnTo>
                    <a:pt x="537" y="400"/>
                  </a:lnTo>
                  <a:lnTo>
                    <a:pt x="532" y="407"/>
                  </a:lnTo>
                  <a:lnTo>
                    <a:pt x="528" y="414"/>
                  </a:lnTo>
                  <a:lnTo>
                    <a:pt x="525" y="420"/>
                  </a:lnTo>
                  <a:lnTo>
                    <a:pt x="523" y="425"/>
                  </a:lnTo>
                  <a:lnTo>
                    <a:pt x="521" y="432"/>
                  </a:lnTo>
                  <a:lnTo>
                    <a:pt x="521" y="437"/>
                  </a:lnTo>
                  <a:lnTo>
                    <a:pt x="523" y="443"/>
                  </a:lnTo>
                  <a:lnTo>
                    <a:pt x="524" y="449"/>
                  </a:lnTo>
                  <a:lnTo>
                    <a:pt x="527" y="454"/>
                  </a:lnTo>
                  <a:lnTo>
                    <a:pt x="529" y="459"/>
                  </a:lnTo>
                  <a:lnTo>
                    <a:pt x="533" y="464"/>
                  </a:lnTo>
                  <a:lnTo>
                    <a:pt x="540" y="474"/>
                  </a:lnTo>
                  <a:lnTo>
                    <a:pt x="550" y="484"/>
                  </a:lnTo>
                  <a:lnTo>
                    <a:pt x="559" y="494"/>
                  </a:lnTo>
                  <a:lnTo>
                    <a:pt x="568" y="503"/>
                  </a:lnTo>
                  <a:lnTo>
                    <a:pt x="576" y="514"/>
                  </a:lnTo>
                  <a:lnTo>
                    <a:pt x="583" y="524"/>
                  </a:lnTo>
                  <a:lnTo>
                    <a:pt x="586" y="530"/>
                  </a:lnTo>
                  <a:lnTo>
                    <a:pt x="588" y="535"/>
                  </a:lnTo>
                  <a:lnTo>
                    <a:pt x="589" y="540"/>
                  </a:lnTo>
                  <a:lnTo>
                    <a:pt x="589" y="546"/>
                  </a:lnTo>
                  <a:lnTo>
                    <a:pt x="589" y="552"/>
                  </a:lnTo>
                  <a:lnTo>
                    <a:pt x="587" y="558"/>
                  </a:lnTo>
                  <a:lnTo>
                    <a:pt x="585" y="564"/>
                  </a:lnTo>
                  <a:lnTo>
                    <a:pt x="581" y="572"/>
                  </a:lnTo>
                  <a:lnTo>
                    <a:pt x="586" y="577"/>
                  </a:lnTo>
                  <a:lnTo>
                    <a:pt x="590" y="582"/>
                  </a:lnTo>
                  <a:lnTo>
                    <a:pt x="595" y="585"/>
                  </a:lnTo>
                  <a:lnTo>
                    <a:pt x="601" y="586"/>
                  </a:lnTo>
                  <a:lnTo>
                    <a:pt x="607" y="588"/>
                  </a:lnTo>
                  <a:lnTo>
                    <a:pt x="613" y="588"/>
                  </a:lnTo>
                  <a:lnTo>
                    <a:pt x="620" y="588"/>
                  </a:lnTo>
                  <a:lnTo>
                    <a:pt x="627" y="586"/>
                  </a:lnTo>
                  <a:lnTo>
                    <a:pt x="643" y="583"/>
                  </a:lnTo>
                  <a:lnTo>
                    <a:pt x="658" y="580"/>
                  </a:lnTo>
                  <a:lnTo>
                    <a:pt x="667" y="579"/>
                  </a:lnTo>
                  <a:lnTo>
                    <a:pt x="675" y="579"/>
                  </a:lnTo>
                  <a:lnTo>
                    <a:pt x="685" y="579"/>
                  </a:lnTo>
                  <a:lnTo>
                    <a:pt x="693" y="580"/>
                  </a:lnTo>
                  <a:lnTo>
                    <a:pt x="693" y="586"/>
                  </a:lnTo>
                  <a:lnTo>
                    <a:pt x="693" y="592"/>
                  </a:lnTo>
                  <a:lnTo>
                    <a:pt x="695" y="597"/>
                  </a:lnTo>
                  <a:lnTo>
                    <a:pt x="697" y="601"/>
                  </a:lnTo>
                  <a:lnTo>
                    <a:pt x="704" y="611"/>
                  </a:lnTo>
                  <a:lnTo>
                    <a:pt x="711" y="619"/>
                  </a:lnTo>
                  <a:lnTo>
                    <a:pt x="716" y="625"/>
                  </a:lnTo>
                  <a:lnTo>
                    <a:pt x="720" y="629"/>
                  </a:lnTo>
                  <a:lnTo>
                    <a:pt x="720" y="630"/>
                  </a:lnTo>
                  <a:lnTo>
                    <a:pt x="719" y="630"/>
                  </a:lnTo>
                  <a:lnTo>
                    <a:pt x="716" y="629"/>
                  </a:lnTo>
                  <a:lnTo>
                    <a:pt x="712" y="628"/>
                  </a:lnTo>
                  <a:lnTo>
                    <a:pt x="719" y="631"/>
                  </a:lnTo>
                  <a:lnTo>
                    <a:pt x="727" y="635"/>
                  </a:lnTo>
                  <a:lnTo>
                    <a:pt x="734" y="639"/>
                  </a:lnTo>
                  <a:lnTo>
                    <a:pt x="742" y="644"/>
                  </a:lnTo>
                  <a:lnTo>
                    <a:pt x="754" y="655"/>
                  </a:lnTo>
                  <a:lnTo>
                    <a:pt x="766" y="669"/>
                  </a:lnTo>
                  <a:lnTo>
                    <a:pt x="777" y="682"/>
                  </a:lnTo>
                  <a:lnTo>
                    <a:pt x="788" y="697"/>
                  </a:lnTo>
                  <a:lnTo>
                    <a:pt x="798" y="714"/>
                  </a:lnTo>
                  <a:lnTo>
                    <a:pt x="808" y="731"/>
                  </a:lnTo>
                  <a:lnTo>
                    <a:pt x="828" y="764"/>
                  </a:lnTo>
                  <a:lnTo>
                    <a:pt x="849" y="797"/>
                  </a:lnTo>
                  <a:lnTo>
                    <a:pt x="861" y="813"/>
                  </a:lnTo>
                  <a:lnTo>
                    <a:pt x="873" y="828"/>
                  </a:lnTo>
                  <a:lnTo>
                    <a:pt x="886" y="840"/>
                  </a:lnTo>
                  <a:lnTo>
                    <a:pt x="899" y="852"/>
                  </a:lnTo>
                  <a:lnTo>
                    <a:pt x="879" y="851"/>
                  </a:lnTo>
                  <a:lnTo>
                    <a:pt x="861" y="851"/>
                  </a:lnTo>
                  <a:lnTo>
                    <a:pt x="843" y="852"/>
                  </a:lnTo>
                  <a:lnTo>
                    <a:pt x="825" y="854"/>
                  </a:lnTo>
                  <a:lnTo>
                    <a:pt x="807" y="855"/>
                  </a:lnTo>
                  <a:lnTo>
                    <a:pt x="788" y="855"/>
                  </a:lnTo>
                  <a:lnTo>
                    <a:pt x="769" y="855"/>
                  </a:lnTo>
                  <a:lnTo>
                    <a:pt x="750" y="852"/>
                  </a:lnTo>
                  <a:lnTo>
                    <a:pt x="737" y="849"/>
                  </a:lnTo>
                  <a:lnTo>
                    <a:pt x="725" y="844"/>
                  </a:lnTo>
                  <a:lnTo>
                    <a:pt x="712" y="839"/>
                  </a:lnTo>
                  <a:lnTo>
                    <a:pt x="700" y="834"/>
                  </a:lnTo>
                  <a:lnTo>
                    <a:pt x="677" y="820"/>
                  </a:lnTo>
                  <a:lnTo>
                    <a:pt x="655" y="808"/>
                  </a:lnTo>
                  <a:lnTo>
                    <a:pt x="644" y="801"/>
                  </a:lnTo>
                  <a:lnTo>
                    <a:pt x="632" y="796"/>
                  </a:lnTo>
                  <a:lnTo>
                    <a:pt x="621" y="792"/>
                  </a:lnTo>
                  <a:lnTo>
                    <a:pt x="610" y="790"/>
                  </a:lnTo>
                  <a:lnTo>
                    <a:pt x="598" y="789"/>
                  </a:lnTo>
                  <a:lnTo>
                    <a:pt x="587" y="789"/>
                  </a:lnTo>
                  <a:lnTo>
                    <a:pt x="575" y="791"/>
                  </a:lnTo>
                  <a:lnTo>
                    <a:pt x="563" y="796"/>
                  </a:lnTo>
                  <a:lnTo>
                    <a:pt x="551" y="794"/>
                  </a:lnTo>
                  <a:lnTo>
                    <a:pt x="540" y="790"/>
                  </a:lnTo>
                  <a:lnTo>
                    <a:pt x="530" y="787"/>
                  </a:lnTo>
                  <a:lnTo>
                    <a:pt x="520" y="782"/>
                  </a:lnTo>
                  <a:lnTo>
                    <a:pt x="503" y="772"/>
                  </a:lnTo>
                  <a:lnTo>
                    <a:pt x="485" y="761"/>
                  </a:lnTo>
                  <a:lnTo>
                    <a:pt x="467" y="751"/>
                  </a:lnTo>
                  <a:lnTo>
                    <a:pt x="448" y="742"/>
                  </a:lnTo>
                  <a:lnTo>
                    <a:pt x="438" y="738"/>
                  </a:lnTo>
                  <a:lnTo>
                    <a:pt x="427" y="735"/>
                  </a:lnTo>
                  <a:lnTo>
                    <a:pt x="415" y="732"/>
                  </a:lnTo>
                  <a:lnTo>
                    <a:pt x="404" y="731"/>
                  </a:lnTo>
                  <a:lnTo>
                    <a:pt x="385" y="759"/>
                  </a:lnTo>
                  <a:lnTo>
                    <a:pt x="366" y="787"/>
                  </a:lnTo>
                  <a:lnTo>
                    <a:pt x="345" y="813"/>
                  </a:lnTo>
                  <a:lnTo>
                    <a:pt x="323" y="838"/>
                  </a:lnTo>
                  <a:lnTo>
                    <a:pt x="302" y="863"/>
                  </a:lnTo>
                  <a:lnTo>
                    <a:pt x="280" y="888"/>
                  </a:lnTo>
                  <a:lnTo>
                    <a:pt x="257" y="912"/>
                  </a:lnTo>
                  <a:lnTo>
                    <a:pt x="235" y="936"/>
                  </a:lnTo>
                  <a:lnTo>
                    <a:pt x="221" y="927"/>
                  </a:lnTo>
                  <a:lnTo>
                    <a:pt x="207" y="918"/>
                  </a:lnTo>
                  <a:lnTo>
                    <a:pt x="199" y="923"/>
                  </a:lnTo>
                  <a:lnTo>
                    <a:pt x="193" y="930"/>
                  </a:lnTo>
                  <a:lnTo>
                    <a:pt x="187" y="936"/>
                  </a:lnTo>
                  <a:lnTo>
                    <a:pt x="180" y="943"/>
                  </a:lnTo>
                  <a:lnTo>
                    <a:pt x="176" y="952"/>
                  </a:lnTo>
                  <a:lnTo>
                    <a:pt x="172" y="960"/>
                  </a:lnTo>
                  <a:lnTo>
                    <a:pt x="170" y="971"/>
                  </a:lnTo>
                  <a:lnTo>
                    <a:pt x="169" y="983"/>
                  </a:lnTo>
                  <a:lnTo>
                    <a:pt x="144" y="992"/>
                  </a:lnTo>
                  <a:lnTo>
                    <a:pt x="124" y="1000"/>
                  </a:lnTo>
                  <a:lnTo>
                    <a:pt x="106" y="1008"/>
                  </a:lnTo>
                  <a:lnTo>
                    <a:pt x="88" y="1012"/>
                  </a:lnTo>
                  <a:lnTo>
                    <a:pt x="78" y="1013"/>
                  </a:lnTo>
                  <a:lnTo>
                    <a:pt x="70" y="1013"/>
                  </a:lnTo>
                  <a:lnTo>
                    <a:pt x="60" y="1013"/>
                  </a:lnTo>
                  <a:lnTo>
                    <a:pt x="50" y="1011"/>
                  </a:lnTo>
                  <a:lnTo>
                    <a:pt x="39" y="1009"/>
                  </a:lnTo>
                  <a:lnTo>
                    <a:pt x="28" y="1005"/>
                  </a:lnTo>
                  <a:lnTo>
                    <a:pt x="15" y="999"/>
                  </a:lnTo>
                  <a:lnTo>
                    <a:pt x="0" y="993"/>
                  </a:lnTo>
                  <a:lnTo>
                    <a:pt x="11" y="959"/>
                  </a:lnTo>
                  <a:lnTo>
                    <a:pt x="21" y="927"/>
                  </a:lnTo>
                  <a:lnTo>
                    <a:pt x="32" y="895"/>
                  </a:lnTo>
                  <a:lnTo>
                    <a:pt x="42" y="863"/>
                  </a:lnTo>
                  <a:lnTo>
                    <a:pt x="53" y="830"/>
                  </a:lnTo>
                  <a:lnTo>
                    <a:pt x="63" y="796"/>
                  </a:lnTo>
                  <a:lnTo>
                    <a:pt x="74" y="760"/>
                  </a:lnTo>
                  <a:lnTo>
                    <a:pt x="84" y="721"/>
                  </a:lnTo>
                  <a:lnTo>
                    <a:pt x="84" y="716"/>
                  </a:lnTo>
                  <a:lnTo>
                    <a:pt x="83" y="711"/>
                  </a:lnTo>
                  <a:lnTo>
                    <a:pt x="81" y="708"/>
                  </a:lnTo>
                  <a:lnTo>
                    <a:pt x="78" y="704"/>
                  </a:lnTo>
                  <a:lnTo>
                    <a:pt x="72" y="699"/>
                  </a:lnTo>
                  <a:lnTo>
                    <a:pt x="66" y="694"/>
                  </a:lnTo>
                  <a:lnTo>
                    <a:pt x="58" y="690"/>
                  </a:lnTo>
                  <a:lnTo>
                    <a:pt x="52" y="683"/>
                  </a:lnTo>
                  <a:lnTo>
                    <a:pt x="50" y="680"/>
                  </a:lnTo>
                  <a:lnTo>
                    <a:pt x="49" y="676"/>
                  </a:lnTo>
                  <a:lnTo>
                    <a:pt x="48" y="671"/>
                  </a:lnTo>
                  <a:lnTo>
                    <a:pt x="48" y="664"/>
                  </a:lnTo>
                  <a:lnTo>
                    <a:pt x="61" y="670"/>
                  </a:lnTo>
                  <a:lnTo>
                    <a:pt x="75" y="673"/>
                  </a:lnTo>
                  <a:lnTo>
                    <a:pt x="89" y="676"/>
                  </a:lnTo>
                  <a:lnTo>
                    <a:pt x="101" y="678"/>
                  </a:lnTo>
                  <a:lnTo>
                    <a:pt x="115" y="679"/>
                  </a:lnTo>
                  <a:lnTo>
                    <a:pt x="128" y="680"/>
                  </a:lnTo>
                  <a:lnTo>
                    <a:pt x="140" y="680"/>
                  </a:lnTo>
                  <a:lnTo>
                    <a:pt x="152" y="679"/>
                  </a:lnTo>
                  <a:lnTo>
                    <a:pt x="164" y="678"/>
                  </a:lnTo>
                  <a:lnTo>
                    <a:pt x="176" y="676"/>
                  </a:lnTo>
                  <a:lnTo>
                    <a:pt x="187" y="673"/>
                  </a:lnTo>
                  <a:lnTo>
                    <a:pt x="197" y="670"/>
                  </a:lnTo>
                  <a:lnTo>
                    <a:pt x="208" y="665"/>
                  </a:lnTo>
                  <a:lnTo>
                    <a:pt x="217" y="661"/>
                  </a:lnTo>
                  <a:lnTo>
                    <a:pt x="227" y="655"/>
                  </a:lnTo>
                  <a:lnTo>
                    <a:pt x="235" y="650"/>
                  </a:lnTo>
                  <a:lnTo>
                    <a:pt x="247" y="648"/>
                  </a:lnTo>
                  <a:lnTo>
                    <a:pt x="259" y="648"/>
                  </a:lnTo>
                  <a:lnTo>
                    <a:pt x="263" y="648"/>
                  </a:lnTo>
                  <a:lnTo>
                    <a:pt x="266" y="648"/>
                  </a:lnTo>
                  <a:lnTo>
                    <a:pt x="266" y="646"/>
                  </a:lnTo>
                  <a:lnTo>
                    <a:pt x="262" y="646"/>
                  </a:lnTo>
                  <a:lnTo>
                    <a:pt x="259" y="645"/>
                  </a:lnTo>
                  <a:lnTo>
                    <a:pt x="256" y="643"/>
                  </a:lnTo>
                  <a:lnTo>
                    <a:pt x="255" y="640"/>
                  </a:lnTo>
                  <a:lnTo>
                    <a:pt x="253" y="637"/>
                  </a:lnTo>
                  <a:lnTo>
                    <a:pt x="252" y="629"/>
                  </a:lnTo>
                  <a:lnTo>
                    <a:pt x="252" y="619"/>
                  </a:lnTo>
                  <a:lnTo>
                    <a:pt x="253" y="609"/>
                  </a:lnTo>
                  <a:lnTo>
                    <a:pt x="254" y="598"/>
                  </a:lnTo>
                  <a:lnTo>
                    <a:pt x="255" y="589"/>
                  </a:lnTo>
                  <a:lnTo>
                    <a:pt x="253" y="580"/>
                  </a:lnTo>
                  <a:lnTo>
                    <a:pt x="263" y="585"/>
                  </a:lnTo>
                  <a:lnTo>
                    <a:pt x="272" y="589"/>
                  </a:lnTo>
                  <a:lnTo>
                    <a:pt x="279" y="590"/>
                  </a:lnTo>
                  <a:lnTo>
                    <a:pt x="287" y="590"/>
                  </a:lnTo>
                  <a:lnTo>
                    <a:pt x="292" y="588"/>
                  </a:lnTo>
                  <a:lnTo>
                    <a:pt x="298" y="584"/>
                  </a:lnTo>
                  <a:lnTo>
                    <a:pt x="302" y="579"/>
                  </a:lnTo>
                  <a:lnTo>
                    <a:pt x="307" y="574"/>
                  </a:lnTo>
                  <a:lnTo>
                    <a:pt x="321" y="549"/>
                  </a:lnTo>
                  <a:lnTo>
                    <a:pt x="337" y="524"/>
                  </a:lnTo>
                  <a:lnTo>
                    <a:pt x="310" y="492"/>
                  </a:lnTo>
                  <a:lnTo>
                    <a:pt x="281" y="459"/>
                  </a:lnTo>
                  <a:lnTo>
                    <a:pt x="267" y="443"/>
                  </a:lnTo>
                  <a:lnTo>
                    <a:pt x="251" y="429"/>
                  </a:lnTo>
                  <a:lnTo>
                    <a:pt x="234" y="415"/>
                  </a:lnTo>
                  <a:lnTo>
                    <a:pt x="216" y="402"/>
                  </a:lnTo>
                  <a:lnTo>
                    <a:pt x="218" y="360"/>
                  </a:lnTo>
                  <a:lnTo>
                    <a:pt x="219" y="326"/>
                  </a:lnTo>
                  <a:lnTo>
                    <a:pt x="221" y="312"/>
                  </a:lnTo>
                  <a:lnTo>
                    <a:pt x="223" y="297"/>
                  </a:lnTo>
                  <a:lnTo>
                    <a:pt x="228" y="280"/>
                  </a:lnTo>
                  <a:lnTo>
                    <a:pt x="235" y="262"/>
                  </a:lnTo>
                  <a:lnTo>
                    <a:pt x="231" y="255"/>
                  </a:lnTo>
                  <a:lnTo>
                    <a:pt x="226" y="247"/>
                  </a:lnTo>
                  <a:lnTo>
                    <a:pt x="220" y="242"/>
                  </a:lnTo>
                  <a:lnTo>
                    <a:pt x="213" y="237"/>
                  </a:lnTo>
                  <a:lnTo>
                    <a:pt x="206" y="233"/>
                  </a:lnTo>
                  <a:lnTo>
                    <a:pt x="197" y="230"/>
                  </a:lnTo>
                  <a:lnTo>
                    <a:pt x="189" y="226"/>
                  </a:lnTo>
                  <a:lnTo>
                    <a:pt x="178" y="224"/>
                  </a:lnTo>
                  <a:lnTo>
                    <a:pt x="181" y="213"/>
                  </a:lnTo>
                  <a:lnTo>
                    <a:pt x="186" y="201"/>
                  </a:lnTo>
                  <a:lnTo>
                    <a:pt x="190" y="191"/>
                  </a:lnTo>
                  <a:lnTo>
                    <a:pt x="195" y="181"/>
                  </a:lnTo>
                  <a:lnTo>
                    <a:pt x="207" y="161"/>
                  </a:lnTo>
                  <a:lnTo>
                    <a:pt x="216" y="140"/>
                  </a:lnTo>
                  <a:lnTo>
                    <a:pt x="222" y="144"/>
                  </a:lnTo>
                  <a:lnTo>
                    <a:pt x="229" y="147"/>
                  </a:lnTo>
                  <a:lnTo>
                    <a:pt x="234" y="149"/>
                  </a:lnTo>
                  <a:lnTo>
                    <a:pt x="240" y="149"/>
                  </a:lnTo>
                  <a:lnTo>
                    <a:pt x="247" y="149"/>
                  </a:lnTo>
                  <a:lnTo>
                    <a:pt x="253" y="148"/>
                  </a:lnTo>
                  <a:lnTo>
                    <a:pt x="259" y="146"/>
                  </a:lnTo>
                  <a:lnTo>
                    <a:pt x="266" y="144"/>
                  </a:lnTo>
                  <a:lnTo>
                    <a:pt x="289" y="133"/>
                  </a:lnTo>
                  <a:lnTo>
                    <a:pt x="310" y="122"/>
                  </a:lnTo>
                  <a:lnTo>
                    <a:pt x="305" y="106"/>
                  </a:lnTo>
                  <a:lnTo>
                    <a:pt x="297" y="92"/>
                  </a:lnTo>
                  <a:lnTo>
                    <a:pt x="289" y="79"/>
                  </a:lnTo>
                  <a:lnTo>
                    <a:pt x="279" y="67"/>
                  </a:lnTo>
                  <a:lnTo>
                    <a:pt x="270" y="57"/>
                  </a:lnTo>
                  <a:lnTo>
                    <a:pt x="258" y="46"/>
                  </a:lnTo>
                  <a:lnTo>
                    <a:pt x="247" y="37"/>
                  </a:lnTo>
                  <a:lnTo>
                    <a:pt x="235" y="28"/>
                  </a:lnTo>
                  <a:lnTo>
                    <a:pt x="239" y="23"/>
                  </a:lnTo>
                  <a:lnTo>
                    <a:pt x="245" y="20"/>
                  </a:lnTo>
                  <a:lnTo>
                    <a:pt x="251" y="19"/>
                  </a:lnTo>
                  <a:lnTo>
                    <a:pt x="259" y="18"/>
                  </a:lnTo>
                  <a:lnTo>
                    <a:pt x="277" y="18"/>
                  </a:lnTo>
                  <a:lnTo>
                    <a:pt x="296" y="19"/>
                  </a:lnTo>
                  <a:lnTo>
                    <a:pt x="306" y="20"/>
                  </a:lnTo>
                  <a:lnTo>
                    <a:pt x="314" y="20"/>
                  </a:lnTo>
                  <a:lnTo>
                    <a:pt x="322" y="19"/>
                  </a:lnTo>
                  <a:lnTo>
                    <a:pt x="330" y="18"/>
                  </a:lnTo>
                  <a:lnTo>
                    <a:pt x="336" y="16"/>
                  </a:lnTo>
                  <a:lnTo>
                    <a:pt x="341" y="13"/>
                  </a:lnTo>
                  <a:lnTo>
                    <a:pt x="344" y="9"/>
                  </a:lnTo>
                  <a:lnTo>
                    <a:pt x="346" y="7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48" y="22"/>
                  </a:lnTo>
                  <a:lnTo>
                    <a:pt x="348" y="43"/>
                  </a:lnTo>
                  <a:lnTo>
                    <a:pt x="348" y="62"/>
                  </a:lnTo>
                  <a:lnTo>
                    <a:pt x="350" y="81"/>
                  </a:lnTo>
                  <a:lnTo>
                    <a:pt x="352" y="89"/>
                  </a:lnTo>
                  <a:lnTo>
                    <a:pt x="354" y="98"/>
                  </a:lnTo>
                  <a:lnTo>
                    <a:pt x="356" y="105"/>
                  </a:lnTo>
                  <a:lnTo>
                    <a:pt x="360" y="114"/>
                  </a:lnTo>
                  <a:lnTo>
                    <a:pt x="365" y="120"/>
                  </a:lnTo>
                  <a:lnTo>
                    <a:pt x="370" y="127"/>
                  </a:lnTo>
                  <a:lnTo>
                    <a:pt x="377" y="134"/>
                  </a:lnTo>
                  <a:lnTo>
                    <a:pt x="385" y="140"/>
                  </a:lnTo>
                  <a:lnTo>
                    <a:pt x="390" y="138"/>
                  </a:lnTo>
                  <a:lnTo>
                    <a:pt x="399" y="132"/>
                  </a:lnTo>
                  <a:lnTo>
                    <a:pt x="405" y="127"/>
                  </a:lnTo>
                  <a:lnTo>
                    <a:pt x="411" y="124"/>
                  </a:lnTo>
                  <a:lnTo>
                    <a:pt x="416" y="122"/>
                  </a:lnTo>
                  <a:lnTo>
                    <a:pt x="422" y="122"/>
                  </a:lnTo>
                  <a:lnTo>
                    <a:pt x="429" y="127"/>
                  </a:lnTo>
                  <a:lnTo>
                    <a:pt x="438" y="138"/>
                  </a:lnTo>
                  <a:lnTo>
                    <a:pt x="445" y="144"/>
                  </a:lnTo>
                  <a:lnTo>
                    <a:pt x="452" y="151"/>
                  </a:lnTo>
                  <a:lnTo>
                    <a:pt x="459" y="156"/>
                  </a:lnTo>
                  <a:lnTo>
                    <a:pt x="469" y="159"/>
                  </a:lnTo>
                  <a:lnTo>
                    <a:pt x="481" y="162"/>
                  </a:lnTo>
                  <a:lnTo>
                    <a:pt x="494" y="163"/>
                  </a:lnTo>
                  <a:lnTo>
                    <a:pt x="506" y="162"/>
                  </a:lnTo>
                  <a:lnTo>
                    <a:pt x="516" y="161"/>
                  </a:lnTo>
                  <a:lnTo>
                    <a:pt x="534" y="159"/>
                  </a:lnTo>
                  <a:lnTo>
                    <a:pt x="544" y="159"/>
                  </a:lnTo>
                  <a:lnTo>
                    <a:pt x="548" y="173"/>
                  </a:lnTo>
                  <a:lnTo>
                    <a:pt x="553" y="187"/>
                  </a:lnTo>
                  <a:lnTo>
                    <a:pt x="575" y="199"/>
                  </a:lnTo>
                  <a:lnTo>
                    <a:pt x="592" y="208"/>
                  </a:lnTo>
                  <a:lnTo>
                    <a:pt x="611" y="219"/>
                  </a:lnTo>
                  <a:lnTo>
                    <a:pt x="637" y="234"/>
                  </a:lnTo>
                  <a:lnTo>
                    <a:pt x="635" y="242"/>
                  </a:lnTo>
                  <a:lnTo>
                    <a:pt x="633" y="250"/>
                  </a:lnTo>
                  <a:lnTo>
                    <a:pt x="633" y="256"/>
                  </a:lnTo>
                  <a:lnTo>
                    <a:pt x="632" y="263"/>
                  </a:lnTo>
                  <a:lnTo>
                    <a:pt x="633" y="268"/>
                  </a:lnTo>
                  <a:lnTo>
                    <a:pt x="634" y="275"/>
                  </a:lnTo>
                  <a:lnTo>
                    <a:pt x="636" y="280"/>
                  </a:lnTo>
                  <a:lnTo>
                    <a:pt x="638" y="285"/>
                  </a:lnTo>
                  <a:lnTo>
                    <a:pt x="646" y="295"/>
                  </a:lnTo>
                  <a:lnTo>
                    <a:pt x="654" y="303"/>
                  </a:lnTo>
                  <a:lnTo>
                    <a:pt x="664" y="311"/>
                  </a:lnTo>
                  <a:lnTo>
                    <a:pt x="675" y="318"/>
                  </a:lnTo>
                  <a:lnTo>
                    <a:pt x="664" y="326"/>
                  </a:lnTo>
                  <a:lnTo>
                    <a:pt x="652" y="333"/>
                  </a:lnTo>
                  <a:lnTo>
                    <a:pt x="649" y="335"/>
                  </a:lnTo>
                  <a:lnTo>
                    <a:pt x="648" y="337"/>
                  </a:lnTo>
                  <a:lnTo>
                    <a:pt x="647" y="339"/>
                  </a:lnTo>
                  <a:lnTo>
                    <a:pt x="647" y="341"/>
                  </a:lnTo>
                  <a:lnTo>
                    <a:pt x="647" y="344"/>
                  </a:lnTo>
                  <a:lnTo>
                    <a:pt x="649" y="347"/>
                  </a:lnTo>
                  <a:lnTo>
                    <a:pt x="652" y="352"/>
                  </a:lnTo>
                  <a:lnTo>
                    <a:pt x="656" y="356"/>
                  </a:lnTo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70" name="Line 165"/>
            <p:cNvSpPr>
              <a:spLocks noChangeShapeType="1"/>
            </p:cNvSpPr>
            <p:nvPr/>
          </p:nvSpPr>
          <p:spPr bwMode="auto">
            <a:xfrm>
              <a:off x="1543052" y="4352931"/>
              <a:ext cx="1588" cy="1588"/>
            </a:xfrm>
            <a:prstGeom prst="line">
              <a:avLst/>
            </a:prstGeom>
            <a:grpFill/>
            <a:ln w="6350">
              <a:solidFill>
                <a:srgbClr val="006961"/>
              </a:solidFill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271" name="Silkeborg"/>
            <p:cNvSpPr>
              <a:spLocks/>
            </p:cNvSpPr>
            <p:nvPr/>
          </p:nvSpPr>
          <p:spPr bwMode="auto">
            <a:xfrm>
              <a:off x="1401764" y="4049718"/>
              <a:ext cx="496888" cy="461963"/>
            </a:xfrm>
            <a:custGeom>
              <a:avLst/>
              <a:gdLst>
                <a:gd name="T0" fmla="*/ 93 w 940"/>
                <a:gd name="T1" fmla="*/ 185 h 872"/>
                <a:gd name="T2" fmla="*/ 98 w 940"/>
                <a:gd name="T3" fmla="*/ 179 h 872"/>
                <a:gd name="T4" fmla="*/ 85 w 940"/>
                <a:gd name="T5" fmla="*/ 163 h 872"/>
                <a:gd name="T6" fmla="*/ 76 w 940"/>
                <a:gd name="T7" fmla="*/ 143 h 872"/>
                <a:gd name="T8" fmla="*/ 47 w 940"/>
                <a:gd name="T9" fmla="*/ 121 h 872"/>
                <a:gd name="T10" fmla="*/ 26 w 940"/>
                <a:gd name="T11" fmla="*/ 119 h 872"/>
                <a:gd name="T12" fmla="*/ 0 w 940"/>
                <a:gd name="T13" fmla="*/ 91 h 872"/>
                <a:gd name="T14" fmla="*/ 10 w 940"/>
                <a:gd name="T15" fmla="*/ 78 h 872"/>
                <a:gd name="T16" fmla="*/ 16 w 940"/>
                <a:gd name="T17" fmla="*/ 68 h 872"/>
                <a:gd name="T18" fmla="*/ 35 w 940"/>
                <a:gd name="T19" fmla="*/ 48 h 872"/>
                <a:gd name="T20" fmla="*/ 37 w 940"/>
                <a:gd name="T21" fmla="*/ 46 h 872"/>
                <a:gd name="T22" fmla="*/ 44 w 940"/>
                <a:gd name="T23" fmla="*/ 26 h 872"/>
                <a:gd name="T24" fmla="*/ 66 w 940"/>
                <a:gd name="T25" fmla="*/ 19 h 872"/>
                <a:gd name="T26" fmla="*/ 75 w 940"/>
                <a:gd name="T27" fmla="*/ 13 h 872"/>
                <a:gd name="T28" fmla="*/ 77 w 940"/>
                <a:gd name="T29" fmla="*/ 11 h 872"/>
                <a:gd name="T30" fmla="*/ 85 w 940"/>
                <a:gd name="T31" fmla="*/ 11 h 872"/>
                <a:gd name="T32" fmla="*/ 92 w 940"/>
                <a:gd name="T33" fmla="*/ 11 h 872"/>
                <a:gd name="T34" fmla="*/ 101 w 940"/>
                <a:gd name="T35" fmla="*/ 1 h 872"/>
                <a:gd name="T36" fmla="*/ 113 w 940"/>
                <a:gd name="T37" fmla="*/ 1 h 872"/>
                <a:gd name="T38" fmla="*/ 128 w 940"/>
                <a:gd name="T39" fmla="*/ 9 h 872"/>
                <a:gd name="T40" fmla="*/ 128 w 940"/>
                <a:gd name="T41" fmla="*/ 14 h 872"/>
                <a:gd name="T42" fmla="*/ 119 w 940"/>
                <a:gd name="T43" fmla="*/ 14 h 872"/>
                <a:gd name="T44" fmla="*/ 120 w 940"/>
                <a:gd name="T45" fmla="*/ 25 h 872"/>
                <a:gd name="T46" fmla="*/ 157 w 940"/>
                <a:gd name="T47" fmla="*/ 42 h 872"/>
                <a:gd name="T48" fmla="*/ 213 w 940"/>
                <a:gd name="T49" fmla="*/ 44 h 872"/>
                <a:gd name="T50" fmla="*/ 260 w 940"/>
                <a:gd name="T51" fmla="*/ 62 h 872"/>
                <a:gd name="T52" fmla="*/ 265 w 940"/>
                <a:gd name="T53" fmla="*/ 74 h 872"/>
                <a:gd name="T54" fmla="*/ 264 w 940"/>
                <a:gd name="T55" fmla="*/ 81 h 872"/>
                <a:gd name="T56" fmla="*/ 275 w 940"/>
                <a:gd name="T57" fmla="*/ 87 h 872"/>
                <a:gd name="T58" fmla="*/ 271 w 940"/>
                <a:gd name="T59" fmla="*/ 96 h 872"/>
                <a:gd name="T60" fmla="*/ 270 w 940"/>
                <a:gd name="T61" fmla="*/ 101 h 872"/>
                <a:gd name="T62" fmla="*/ 273 w 940"/>
                <a:gd name="T63" fmla="*/ 110 h 872"/>
                <a:gd name="T64" fmla="*/ 266 w 940"/>
                <a:gd name="T65" fmla="*/ 121 h 872"/>
                <a:gd name="T66" fmla="*/ 270 w 940"/>
                <a:gd name="T67" fmla="*/ 132 h 872"/>
                <a:gd name="T68" fmla="*/ 283 w 940"/>
                <a:gd name="T69" fmla="*/ 136 h 872"/>
                <a:gd name="T70" fmla="*/ 312 w 940"/>
                <a:gd name="T71" fmla="*/ 140 h 872"/>
                <a:gd name="T72" fmla="*/ 297 w 940"/>
                <a:gd name="T73" fmla="*/ 150 h 872"/>
                <a:gd name="T74" fmla="*/ 257 w 940"/>
                <a:gd name="T75" fmla="*/ 160 h 872"/>
                <a:gd name="T76" fmla="*/ 255 w 940"/>
                <a:gd name="T77" fmla="*/ 176 h 872"/>
                <a:gd name="T78" fmla="*/ 246 w 940"/>
                <a:gd name="T79" fmla="*/ 190 h 872"/>
                <a:gd name="T80" fmla="*/ 227 w 940"/>
                <a:gd name="T81" fmla="*/ 193 h 872"/>
                <a:gd name="T82" fmla="*/ 216 w 940"/>
                <a:gd name="T83" fmla="*/ 188 h 872"/>
                <a:gd name="T84" fmla="*/ 207 w 940"/>
                <a:gd name="T85" fmla="*/ 187 h 872"/>
                <a:gd name="T86" fmla="*/ 201 w 940"/>
                <a:gd name="T87" fmla="*/ 204 h 872"/>
                <a:gd name="T88" fmla="*/ 207 w 940"/>
                <a:gd name="T89" fmla="*/ 232 h 872"/>
                <a:gd name="T90" fmla="*/ 185 w 940"/>
                <a:gd name="T91" fmla="*/ 230 h 872"/>
                <a:gd name="T92" fmla="*/ 175 w 940"/>
                <a:gd name="T93" fmla="*/ 238 h 872"/>
                <a:gd name="T94" fmla="*/ 184 w 940"/>
                <a:gd name="T95" fmla="*/ 251 h 872"/>
                <a:gd name="T96" fmla="*/ 196 w 940"/>
                <a:gd name="T97" fmla="*/ 266 h 872"/>
                <a:gd name="T98" fmla="*/ 187 w 940"/>
                <a:gd name="T99" fmla="*/ 279 h 872"/>
                <a:gd name="T100" fmla="*/ 169 w 940"/>
                <a:gd name="T101" fmla="*/ 282 h 872"/>
                <a:gd name="T102" fmla="*/ 128 w 940"/>
                <a:gd name="T103" fmla="*/ 287 h 872"/>
                <a:gd name="T104" fmla="*/ 111 w 940"/>
                <a:gd name="T105" fmla="*/ 278 h 872"/>
                <a:gd name="T106" fmla="*/ 85 w 940"/>
                <a:gd name="T107" fmla="*/ 263 h 872"/>
                <a:gd name="T108" fmla="*/ 70 w 940"/>
                <a:gd name="T109" fmla="*/ 255 h 872"/>
                <a:gd name="T110" fmla="*/ 64 w 940"/>
                <a:gd name="T111" fmla="*/ 240 h 872"/>
                <a:gd name="T112" fmla="*/ 50 w 940"/>
                <a:gd name="T113" fmla="*/ 224 h 872"/>
                <a:gd name="T114" fmla="*/ 48 w 940"/>
                <a:gd name="T115" fmla="*/ 210 h 872"/>
                <a:gd name="T116" fmla="*/ 81 w 940"/>
                <a:gd name="T117" fmla="*/ 217 h 872"/>
                <a:gd name="T118" fmla="*/ 101 w 940"/>
                <a:gd name="T119" fmla="*/ 213 h 872"/>
                <a:gd name="T120" fmla="*/ 96 w 940"/>
                <a:gd name="T121" fmla="*/ 204 h 872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940" h="872">
                  <a:moveTo>
                    <a:pt x="275" y="572"/>
                  </a:moveTo>
                  <a:lnTo>
                    <a:pt x="274" y="568"/>
                  </a:lnTo>
                  <a:lnTo>
                    <a:pt x="274" y="563"/>
                  </a:lnTo>
                  <a:lnTo>
                    <a:pt x="275" y="560"/>
                  </a:lnTo>
                  <a:lnTo>
                    <a:pt x="275" y="558"/>
                  </a:lnTo>
                  <a:lnTo>
                    <a:pt x="278" y="554"/>
                  </a:lnTo>
                  <a:lnTo>
                    <a:pt x="282" y="551"/>
                  </a:lnTo>
                  <a:lnTo>
                    <a:pt x="286" y="548"/>
                  </a:lnTo>
                  <a:lnTo>
                    <a:pt x="289" y="544"/>
                  </a:lnTo>
                  <a:lnTo>
                    <a:pt x="292" y="542"/>
                  </a:lnTo>
                  <a:lnTo>
                    <a:pt x="293" y="540"/>
                  </a:lnTo>
                  <a:lnTo>
                    <a:pt x="294" y="537"/>
                  </a:lnTo>
                  <a:lnTo>
                    <a:pt x="294" y="534"/>
                  </a:lnTo>
                  <a:lnTo>
                    <a:pt x="278" y="519"/>
                  </a:lnTo>
                  <a:lnTo>
                    <a:pt x="263" y="504"/>
                  </a:lnTo>
                  <a:lnTo>
                    <a:pt x="260" y="499"/>
                  </a:lnTo>
                  <a:lnTo>
                    <a:pt x="258" y="495"/>
                  </a:lnTo>
                  <a:lnTo>
                    <a:pt x="256" y="489"/>
                  </a:lnTo>
                  <a:lnTo>
                    <a:pt x="254" y="482"/>
                  </a:lnTo>
                  <a:lnTo>
                    <a:pt x="254" y="476"/>
                  </a:lnTo>
                  <a:lnTo>
                    <a:pt x="254" y="469"/>
                  </a:lnTo>
                  <a:lnTo>
                    <a:pt x="255" y="459"/>
                  </a:lnTo>
                  <a:lnTo>
                    <a:pt x="257" y="450"/>
                  </a:lnTo>
                  <a:lnTo>
                    <a:pt x="228" y="429"/>
                  </a:lnTo>
                  <a:lnTo>
                    <a:pt x="201" y="408"/>
                  </a:lnTo>
                  <a:lnTo>
                    <a:pt x="187" y="396"/>
                  </a:lnTo>
                  <a:lnTo>
                    <a:pt x="176" y="383"/>
                  </a:lnTo>
                  <a:lnTo>
                    <a:pt x="164" y="371"/>
                  </a:lnTo>
                  <a:lnTo>
                    <a:pt x="154" y="356"/>
                  </a:lnTo>
                  <a:lnTo>
                    <a:pt x="141" y="362"/>
                  </a:lnTo>
                  <a:lnTo>
                    <a:pt x="129" y="365"/>
                  </a:lnTo>
                  <a:lnTo>
                    <a:pt x="119" y="367"/>
                  </a:lnTo>
                  <a:lnTo>
                    <a:pt x="108" y="367"/>
                  </a:lnTo>
                  <a:lnTo>
                    <a:pt x="98" y="365"/>
                  </a:lnTo>
                  <a:lnTo>
                    <a:pt x="88" y="362"/>
                  </a:lnTo>
                  <a:lnTo>
                    <a:pt x="78" y="358"/>
                  </a:lnTo>
                  <a:lnTo>
                    <a:pt x="69" y="354"/>
                  </a:lnTo>
                  <a:lnTo>
                    <a:pt x="35" y="331"/>
                  </a:lnTo>
                  <a:lnTo>
                    <a:pt x="3" y="310"/>
                  </a:lnTo>
                  <a:lnTo>
                    <a:pt x="1" y="295"/>
                  </a:lnTo>
                  <a:lnTo>
                    <a:pt x="0" y="282"/>
                  </a:lnTo>
                  <a:lnTo>
                    <a:pt x="0" y="272"/>
                  </a:lnTo>
                  <a:lnTo>
                    <a:pt x="3" y="263"/>
                  </a:lnTo>
                  <a:lnTo>
                    <a:pt x="6" y="256"/>
                  </a:lnTo>
                  <a:lnTo>
                    <a:pt x="10" y="250"/>
                  </a:lnTo>
                  <a:lnTo>
                    <a:pt x="16" y="244"/>
                  </a:lnTo>
                  <a:lnTo>
                    <a:pt x="21" y="240"/>
                  </a:lnTo>
                  <a:lnTo>
                    <a:pt x="30" y="233"/>
                  </a:lnTo>
                  <a:lnTo>
                    <a:pt x="39" y="225"/>
                  </a:lnTo>
                  <a:lnTo>
                    <a:pt x="42" y="222"/>
                  </a:lnTo>
                  <a:lnTo>
                    <a:pt x="43" y="217"/>
                  </a:lnTo>
                  <a:lnTo>
                    <a:pt x="43" y="213"/>
                  </a:lnTo>
                  <a:lnTo>
                    <a:pt x="41" y="206"/>
                  </a:lnTo>
                  <a:lnTo>
                    <a:pt x="48" y="204"/>
                  </a:lnTo>
                  <a:lnTo>
                    <a:pt x="49" y="204"/>
                  </a:lnTo>
                  <a:lnTo>
                    <a:pt x="54" y="201"/>
                  </a:lnTo>
                  <a:lnTo>
                    <a:pt x="60" y="195"/>
                  </a:lnTo>
                  <a:lnTo>
                    <a:pt x="68" y="186"/>
                  </a:lnTo>
                  <a:lnTo>
                    <a:pt x="86" y="166"/>
                  </a:lnTo>
                  <a:lnTo>
                    <a:pt x="105" y="144"/>
                  </a:lnTo>
                  <a:lnTo>
                    <a:pt x="121" y="125"/>
                  </a:lnTo>
                  <a:lnTo>
                    <a:pt x="130" y="114"/>
                  </a:lnTo>
                  <a:lnTo>
                    <a:pt x="130" y="115"/>
                  </a:lnTo>
                  <a:lnTo>
                    <a:pt x="116" y="132"/>
                  </a:lnTo>
                  <a:lnTo>
                    <a:pt x="113" y="136"/>
                  </a:lnTo>
                  <a:lnTo>
                    <a:pt x="110" y="137"/>
                  </a:lnTo>
                  <a:lnTo>
                    <a:pt x="108" y="136"/>
                  </a:lnTo>
                  <a:lnTo>
                    <a:pt x="108" y="133"/>
                  </a:lnTo>
                  <a:lnTo>
                    <a:pt x="110" y="122"/>
                  </a:lnTo>
                  <a:lnTo>
                    <a:pt x="116" y="109"/>
                  </a:lnTo>
                  <a:lnTo>
                    <a:pt x="123" y="92"/>
                  </a:lnTo>
                  <a:lnTo>
                    <a:pt x="133" y="77"/>
                  </a:lnTo>
                  <a:lnTo>
                    <a:pt x="138" y="70"/>
                  </a:lnTo>
                  <a:lnTo>
                    <a:pt x="143" y="64"/>
                  </a:lnTo>
                  <a:lnTo>
                    <a:pt x="148" y="60"/>
                  </a:lnTo>
                  <a:lnTo>
                    <a:pt x="154" y="57"/>
                  </a:lnTo>
                  <a:lnTo>
                    <a:pt x="171" y="56"/>
                  </a:lnTo>
                  <a:lnTo>
                    <a:pt x="198" y="56"/>
                  </a:lnTo>
                  <a:lnTo>
                    <a:pt x="204" y="55"/>
                  </a:lnTo>
                  <a:lnTo>
                    <a:pt x="210" y="54"/>
                  </a:lnTo>
                  <a:lnTo>
                    <a:pt x="216" y="52"/>
                  </a:lnTo>
                  <a:lnTo>
                    <a:pt x="220" y="50"/>
                  </a:lnTo>
                  <a:lnTo>
                    <a:pt x="223" y="45"/>
                  </a:lnTo>
                  <a:lnTo>
                    <a:pt x="225" y="40"/>
                  </a:lnTo>
                  <a:lnTo>
                    <a:pt x="226" y="35"/>
                  </a:lnTo>
                  <a:lnTo>
                    <a:pt x="226" y="27"/>
                  </a:lnTo>
                  <a:lnTo>
                    <a:pt x="226" y="30"/>
                  </a:lnTo>
                  <a:lnTo>
                    <a:pt x="227" y="31"/>
                  </a:lnTo>
                  <a:lnTo>
                    <a:pt x="229" y="32"/>
                  </a:lnTo>
                  <a:lnTo>
                    <a:pt x="231" y="32"/>
                  </a:lnTo>
                  <a:lnTo>
                    <a:pt x="236" y="32"/>
                  </a:lnTo>
                  <a:lnTo>
                    <a:pt x="241" y="32"/>
                  </a:lnTo>
                  <a:lnTo>
                    <a:pt x="246" y="32"/>
                  </a:lnTo>
                  <a:lnTo>
                    <a:pt x="250" y="33"/>
                  </a:lnTo>
                  <a:lnTo>
                    <a:pt x="253" y="33"/>
                  </a:lnTo>
                  <a:lnTo>
                    <a:pt x="255" y="34"/>
                  </a:lnTo>
                  <a:lnTo>
                    <a:pt x="256" y="36"/>
                  </a:lnTo>
                  <a:lnTo>
                    <a:pt x="257" y="38"/>
                  </a:lnTo>
                  <a:lnTo>
                    <a:pt x="262" y="38"/>
                  </a:lnTo>
                  <a:lnTo>
                    <a:pt x="267" y="37"/>
                  </a:lnTo>
                  <a:lnTo>
                    <a:pt x="272" y="36"/>
                  </a:lnTo>
                  <a:lnTo>
                    <a:pt x="276" y="34"/>
                  </a:lnTo>
                  <a:lnTo>
                    <a:pt x="282" y="29"/>
                  </a:lnTo>
                  <a:lnTo>
                    <a:pt x="287" y="22"/>
                  </a:lnTo>
                  <a:lnTo>
                    <a:pt x="293" y="16"/>
                  </a:lnTo>
                  <a:lnTo>
                    <a:pt x="298" y="10"/>
                  </a:lnTo>
                  <a:lnTo>
                    <a:pt x="301" y="6"/>
                  </a:lnTo>
                  <a:lnTo>
                    <a:pt x="304" y="4"/>
                  </a:lnTo>
                  <a:lnTo>
                    <a:pt x="308" y="2"/>
                  </a:lnTo>
                  <a:lnTo>
                    <a:pt x="313" y="0"/>
                  </a:lnTo>
                  <a:lnTo>
                    <a:pt x="320" y="0"/>
                  </a:lnTo>
                  <a:lnTo>
                    <a:pt x="326" y="1"/>
                  </a:lnTo>
                  <a:lnTo>
                    <a:pt x="333" y="2"/>
                  </a:lnTo>
                  <a:lnTo>
                    <a:pt x="338" y="3"/>
                  </a:lnTo>
                  <a:lnTo>
                    <a:pt x="347" y="7"/>
                  </a:lnTo>
                  <a:lnTo>
                    <a:pt x="357" y="13"/>
                  </a:lnTo>
                  <a:lnTo>
                    <a:pt x="365" y="18"/>
                  </a:lnTo>
                  <a:lnTo>
                    <a:pt x="374" y="23"/>
                  </a:lnTo>
                  <a:lnTo>
                    <a:pt x="379" y="25"/>
                  </a:lnTo>
                  <a:lnTo>
                    <a:pt x="384" y="27"/>
                  </a:lnTo>
                  <a:lnTo>
                    <a:pt x="390" y="29"/>
                  </a:lnTo>
                  <a:lnTo>
                    <a:pt x="397" y="29"/>
                  </a:lnTo>
                  <a:lnTo>
                    <a:pt x="394" y="34"/>
                  </a:lnTo>
                  <a:lnTo>
                    <a:pt x="392" y="37"/>
                  </a:lnTo>
                  <a:lnTo>
                    <a:pt x="388" y="39"/>
                  </a:lnTo>
                  <a:lnTo>
                    <a:pt x="385" y="41"/>
                  </a:lnTo>
                  <a:lnTo>
                    <a:pt x="380" y="42"/>
                  </a:lnTo>
                  <a:lnTo>
                    <a:pt x="374" y="42"/>
                  </a:lnTo>
                  <a:lnTo>
                    <a:pt x="368" y="42"/>
                  </a:lnTo>
                  <a:lnTo>
                    <a:pt x="362" y="42"/>
                  </a:lnTo>
                  <a:lnTo>
                    <a:pt x="359" y="42"/>
                  </a:lnTo>
                  <a:lnTo>
                    <a:pt x="356" y="43"/>
                  </a:lnTo>
                  <a:lnTo>
                    <a:pt x="353" y="45"/>
                  </a:lnTo>
                  <a:lnTo>
                    <a:pt x="349" y="47"/>
                  </a:lnTo>
                  <a:lnTo>
                    <a:pt x="352" y="56"/>
                  </a:lnTo>
                  <a:lnTo>
                    <a:pt x="353" y="63"/>
                  </a:lnTo>
                  <a:lnTo>
                    <a:pt x="356" y="70"/>
                  </a:lnTo>
                  <a:lnTo>
                    <a:pt x="359" y="76"/>
                  </a:lnTo>
                  <a:lnTo>
                    <a:pt x="366" y="87"/>
                  </a:lnTo>
                  <a:lnTo>
                    <a:pt x="375" y="97"/>
                  </a:lnTo>
                  <a:lnTo>
                    <a:pt x="396" y="115"/>
                  </a:lnTo>
                  <a:lnTo>
                    <a:pt x="416" y="132"/>
                  </a:lnTo>
                  <a:lnTo>
                    <a:pt x="444" y="127"/>
                  </a:lnTo>
                  <a:lnTo>
                    <a:pt x="473" y="125"/>
                  </a:lnTo>
                  <a:lnTo>
                    <a:pt x="501" y="123"/>
                  </a:lnTo>
                  <a:lnTo>
                    <a:pt x="529" y="123"/>
                  </a:lnTo>
                  <a:lnTo>
                    <a:pt x="557" y="123"/>
                  </a:lnTo>
                  <a:lnTo>
                    <a:pt x="585" y="125"/>
                  </a:lnTo>
                  <a:lnTo>
                    <a:pt x="613" y="129"/>
                  </a:lnTo>
                  <a:lnTo>
                    <a:pt x="639" y="133"/>
                  </a:lnTo>
                  <a:lnTo>
                    <a:pt x="665" y="138"/>
                  </a:lnTo>
                  <a:lnTo>
                    <a:pt x="691" y="144"/>
                  </a:lnTo>
                  <a:lnTo>
                    <a:pt x="715" y="153"/>
                  </a:lnTo>
                  <a:lnTo>
                    <a:pt x="738" y="162"/>
                  </a:lnTo>
                  <a:lnTo>
                    <a:pt x="760" y="174"/>
                  </a:lnTo>
                  <a:lnTo>
                    <a:pt x="781" y="186"/>
                  </a:lnTo>
                  <a:lnTo>
                    <a:pt x="791" y="193"/>
                  </a:lnTo>
                  <a:lnTo>
                    <a:pt x="800" y="200"/>
                  </a:lnTo>
                  <a:lnTo>
                    <a:pt x="810" y="208"/>
                  </a:lnTo>
                  <a:lnTo>
                    <a:pt x="818" y="216"/>
                  </a:lnTo>
                  <a:lnTo>
                    <a:pt x="805" y="218"/>
                  </a:lnTo>
                  <a:lnTo>
                    <a:pt x="795" y="221"/>
                  </a:lnTo>
                  <a:lnTo>
                    <a:pt x="791" y="223"/>
                  </a:lnTo>
                  <a:lnTo>
                    <a:pt x="786" y="226"/>
                  </a:lnTo>
                  <a:lnTo>
                    <a:pt x="783" y="231"/>
                  </a:lnTo>
                  <a:lnTo>
                    <a:pt x="781" y="235"/>
                  </a:lnTo>
                  <a:lnTo>
                    <a:pt x="785" y="239"/>
                  </a:lnTo>
                  <a:lnTo>
                    <a:pt x="792" y="243"/>
                  </a:lnTo>
                  <a:lnTo>
                    <a:pt x="798" y="245"/>
                  </a:lnTo>
                  <a:lnTo>
                    <a:pt x="804" y="249"/>
                  </a:lnTo>
                  <a:lnTo>
                    <a:pt x="811" y="252"/>
                  </a:lnTo>
                  <a:lnTo>
                    <a:pt x="817" y="255"/>
                  </a:lnTo>
                  <a:lnTo>
                    <a:pt x="823" y="258"/>
                  </a:lnTo>
                  <a:lnTo>
                    <a:pt x="827" y="262"/>
                  </a:lnTo>
                  <a:lnTo>
                    <a:pt x="829" y="266"/>
                  </a:lnTo>
                  <a:lnTo>
                    <a:pt x="827" y="270"/>
                  </a:lnTo>
                  <a:lnTo>
                    <a:pt x="826" y="274"/>
                  </a:lnTo>
                  <a:lnTo>
                    <a:pt x="824" y="277"/>
                  </a:lnTo>
                  <a:lnTo>
                    <a:pt x="819" y="282"/>
                  </a:lnTo>
                  <a:lnTo>
                    <a:pt x="813" y="288"/>
                  </a:lnTo>
                  <a:lnTo>
                    <a:pt x="811" y="291"/>
                  </a:lnTo>
                  <a:lnTo>
                    <a:pt x="809" y="293"/>
                  </a:lnTo>
                  <a:lnTo>
                    <a:pt x="806" y="296"/>
                  </a:lnTo>
                  <a:lnTo>
                    <a:pt x="806" y="298"/>
                  </a:lnTo>
                  <a:lnTo>
                    <a:pt x="807" y="301"/>
                  </a:lnTo>
                  <a:lnTo>
                    <a:pt x="810" y="303"/>
                  </a:lnTo>
                  <a:lnTo>
                    <a:pt x="813" y="307"/>
                  </a:lnTo>
                  <a:lnTo>
                    <a:pt x="818" y="310"/>
                  </a:lnTo>
                  <a:lnTo>
                    <a:pt x="814" y="314"/>
                  </a:lnTo>
                  <a:lnTo>
                    <a:pt x="818" y="319"/>
                  </a:lnTo>
                  <a:lnTo>
                    <a:pt x="819" y="325"/>
                  </a:lnTo>
                  <a:lnTo>
                    <a:pt x="819" y="331"/>
                  </a:lnTo>
                  <a:lnTo>
                    <a:pt x="819" y="336"/>
                  </a:lnTo>
                  <a:lnTo>
                    <a:pt x="818" y="340"/>
                  </a:lnTo>
                  <a:lnTo>
                    <a:pt x="814" y="347"/>
                  </a:lnTo>
                  <a:lnTo>
                    <a:pt x="809" y="352"/>
                  </a:lnTo>
                  <a:lnTo>
                    <a:pt x="803" y="357"/>
                  </a:lnTo>
                  <a:lnTo>
                    <a:pt x="800" y="363"/>
                  </a:lnTo>
                  <a:lnTo>
                    <a:pt x="798" y="368"/>
                  </a:lnTo>
                  <a:lnTo>
                    <a:pt x="798" y="373"/>
                  </a:lnTo>
                  <a:lnTo>
                    <a:pt x="798" y="378"/>
                  </a:lnTo>
                  <a:lnTo>
                    <a:pt x="799" y="384"/>
                  </a:lnTo>
                  <a:lnTo>
                    <a:pt x="805" y="390"/>
                  </a:lnTo>
                  <a:lnTo>
                    <a:pt x="811" y="395"/>
                  </a:lnTo>
                  <a:lnTo>
                    <a:pt x="817" y="398"/>
                  </a:lnTo>
                  <a:lnTo>
                    <a:pt x="823" y="401"/>
                  </a:lnTo>
                  <a:lnTo>
                    <a:pt x="830" y="403"/>
                  </a:lnTo>
                  <a:lnTo>
                    <a:pt x="836" y="405"/>
                  </a:lnTo>
                  <a:lnTo>
                    <a:pt x="843" y="407"/>
                  </a:lnTo>
                  <a:lnTo>
                    <a:pt x="851" y="407"/>
                  </a:lnTo>
                  <a:lnTo>
                    <a:pt x="885" y="407"/>
                  </a:lnTo>
                  <a:lnTo>
                    <a:pt x="931" y="403"/>
                  </a:lnTo>
                  <a:lnTo>
                    <a:pt x="931" y="409"/>
                  </a:lnTo>
                  <a:lnTo>
                    <a:pt x="932" y="414"/>
                  </a:lnTo>
                  <a:lnTo>
                    <a:pt x="934" y="418"/>
                  </a:lnTo>
                  <a:lnTo>
                    <a:pt x="936" y="421"/>
                  </a:lnTo>
                  <a:lnTo>
                    <a:pt x="937" y="425"/>
                  </a:lnTo>
                  <a:lnTo>
                    <a:pt x="939" y="430"/>
                  </a:lnTo>
                  <a:lnTo>
                    <a:pt x="940" y="435"/>
                  </a:lnTo>
                  <a:lnTo>
                    <a:pt x="940" y="440"/>
                  </a:lnTo>
                  <a:lnTo>
                    <a:pt x="914" y="446"/>
                  </a:lnTo>
                  <a:lnTo>
                    <a:pt x="891" y="450"/>
                  </a:lnTo>
                  <a:lnTo>
                    <a:pt x="870" y="452"/>
                  </a:lnTo>
                  <a:lnTo>
                    <a:pt x="851" y="455"/>
                  </a:lnTo>
                  <a:lnTo>
                    <a:pt x="832" y="458"/>
                  </a:lnTo>
                  <a:lnTo>
                    <a:pt x="812" y="462"/>
                  </a:lnTo>
                  <a:lnTo>
                    <a:pt x="793" y="470"/>
                  </a:lnTo>
                  <a:lnTo>
                    <a:pt x="772" y="478"/>
                  </a:lnTo>
                  <a:lnTo>
                    <a:pt x="774" y="489"/>
                  </a:lnTo>
                  <a:lnTo>
                    <a:pt x="774" y="498"/>
                  </a:lnTo>
                  <a:lnTo>
                    <a:pt x="774" y="507"/>
                  </a:lnTo>
                  <a:lnTo>
                    <a:pt x="773" y="514"/>
                  </a:lnTo>
                  <a:lnTo>
                    <a:pt x="771" y="521"/>
                  </a:lnTo>
                  <a:lnTo>
                    <a:pt x="767" y="527"/>
                  </a:lnTo>
                  <a:lnTo>
                    <a:pt x="764" y="533"/>
                  </a:lnTo>
                  <a:lnTo>
                    <a:pt x="760" y="537"/>
                  </a:lnTo>
                  <a:lnTo>
                    <a:pt x="753" y="547"/>
                  </a:lnTo>
                  <a:lnTo>
                    <a:pt x="744" y="557"/>
                  </a:lnTo>
                  <a:lnTo>
                    <a:pt x="741" y="562"/>
                  </a:lnTo>
                  <a:lnTo>
                    <a:pt x="738" y="568"/>
                  </a:lnTo>
                  <a:lnTo>
                    <a:pt x="736" y="574"/>
                  </a:lnTo>
                  <a:lnTo>
                    <a:pt x="734" y="581"/>
                  </a:lnTo>
                  <a:lnTo>
                    <a:pt x="722" y="578"/>
                  </a:lnTo>
                  <a:lnTo>
                    <a:pt x="710" y="578"/>
                  </a:lnTo>
                  <a:lnTo>
                    <a:pt x="697" y="578"/>
                  </a:lnTo>
                  <a:lnTo>
                    <a:pt x="683" y="577"/>
                  </a:lnTo>
                  <a:lnTo>
                    <a:pt x="677" y="577"/>
                  </a:lnTo>
                  <a:lnTo>
                    <a:pt x="671" y="576"/>
                  </a:lnTo>
                  <a:lnTo>
                    <a:pt x="664" y="574"/>
                  </a:lnTo>
                  <a:lnTo>
                    <a:pt x="659" y="572"/>
                  </a:lnTo>
                  <a:lnTo>
                    <a:pt x="654" y="569"/>
                  </a:lnTo>
                  <a:lnTo>
                    <a:pt x="648" y="564"/>
                  </a:lnTo>
                  <a:lnTo>
                    <a:pt x="644" y="559"/>
                  </a:lnTo>
                  <a:lnTo>
                    <a:pt x="640" y="553"/>
                  </a:lnTo>
                  <a:lnTo>
                    <a:pt x="635" y="555"/>
                  </a:lnTo>
                  <a:lnTo>
                    <a:pt x="630" y="556"/>
                  </a:lnTo>
                  <a:lnTo>
                    <a:pt x="625" y="558"/>
                  </a:lnTo>
                  <a:lnTo>
                    <a:pt x="621" y="561"/>
                  </a:lnTo>
                  <a:lnTo>
                    <a:pt x="615" y="567"/>
                  </a:lnTo>
                  <a:lnTo>
                    <a:pt x="610" y="574"/>
                  </a:lnTo>
                  <a:lnTo>
                    <a:pt x="606" y="582"/>
                  </a:lnTo>
                  <a:lnTo>
                    <a:pt x="604" y="592"/>
                  </a:lnTo>
                  <a:lnTo>
                    <a:pt x="603" y="601"/>
                  </a:lnTo>
                  <a:lnTo>
                    <a:pt x="603" y="612"/>
                  </a:lnTo>
                  <a:lnTo>
                    <a:pt x="604" y="622"/>
                  </a:lnTo>
                  <a:lnTo>
                    <a:pt x="605" y="634"/>
                  </a:lnTo>
                  <a:lnTo>
                    <a:pt x="608" y="645"/>
                  </a:lnTo>
                  <a:lnTo>
                    <a:pt x="611" y="655"/>
                  </a:lnTo>
                  <a:lnTo>
                    <a:pt x="616" y="676"/>
                  </a:lnTo>
                  <a:lnTo>
                    <a:pt x="621" y="694"/>
                  </a:lnTo>
                  <a:lnTo>
                    <a:pt x="605" y="691"/>
                  </a:lnTo>
                  <a:lnTo>
                    <a:pt x="591" y="689"/>
                  </a:lnTo>
                  <a:lnTo>
                    <a:pt x="578" y="688"/>
                  </a:lnTo>
                  <a:lnTo>
                    <a:pt x="566" y="688"/>
                  </a:lnTo>
                  <a:lnTo>
                    <a:pt x="560" y="689"/>
                  </a:lnTo>
                  <a:lnTo>
                    <a:pt x="555" y="690"/>
                  </a:lnTo>
                  <a:lnTo>
                    <a:pt x="551" y="692"/>
                  </a:lnTo>
                  <a:lnTo>
                    <a:pt x="545" y="695"/>
                  </a:lnTo>
                  <a:lnTo>
                    <a:pt x="541" y="698"/>
                  </a:lnTo>
                  <a:lnTo>
                    <a:pt x="536" y="701"/>
                  </a:lnTo>
                  <a:lnTo>
                    <a:pt x="532" y="707"/>
                  </a:lnTo>
                  <a:lnTo>
                    <a:pt x="527" y="712"/>
                  </a:lnTo>
                  <a:lnTo>
                    <a:pt x="529" y="719"/>
                  </a:lnTo>
                  <a:lnTo>
                    <a:pt x="532" y="725"/>
                  </a:lnTo>
                  <a:lnTo>
                    <a:pt x="534" y="731"/>
                  </a:lnTo>
                  <a:lnTo>
                    <a:pt x="537" y="736"/>
                  </a:lnTo>
                  <a:lnTo>
                    <a:pt x="544" y="746"/>
                  </a:lnTo>
                  <a:lnTo>
                    <a:pt x="553" y="753"/>
                  </a:lnTo>
                  <a:lnTo>
                    <a:pt x="562" y="760"/>
                  </a:lnTo>
                  <a:lnTo>
                    <a:pt x="572" y="767"/>
                  </a:lnTo>
                  <a:lnTo>
                    <a:pt x="582" y="772"/>
                  </a:lnTo>
                  <a:lnTo>
                    <a:pt x="594" y="778"/>
                  </a:lnTo>
                  <a:lnTo>
                    <a:pt x="592" y="789"/>
                  </a:lnTo>
                  <a:lnTo>
                    <a:pt x="588" y="798"/>
                  </a:lnTo>
                  <a:lnTo>
                    <a:pt x="585" y="807"/>
                  </a:lnTo>
                  <a:lnTo>
                    <a:pt x="582" y="814"/>
                  </a:lnTo>
                  <a:lnTo>
                    <a:pt x="578" y="820"/>
                  </a:lnTo>
                  <a:lnTo>
                    <a:pt x="574" y="827"/>
                  </a:lnTo>
                  <a:lnTo>
                    <a:pt x="568" y="831"/>
                  </a:lnTo>
                  <a:lnTo>
                    <a:pt x="563" y="835"/>
                  </a:lnTo>
                  <a:lnTo>
                    <a:pt x="558" y="838"/>
                  </a:lnTo>
                  <a:lnTo>
                    <a:pt x="552" y="840"/>
                  </a:lnTo>
                  <a:lnTo>
                    <a:pt x="545" y="842"/>
                  </a:lnTo>
                  <a:lnTo>
                    <a:pt x="538" y="844"/>
                  </a:lnTo>
                  <a:lnTo>
                    <a:pt x="523" y="846"/>
                  </a:lnTo>
                  <a:lnTo>
                    <a:pt x="507" y="846"/>
                  </a:lnTo>
                  <a:lnTo>
                    <a:pt x="475" y="846"/>
                  </a:lnTo>
                  <a:lnTo>
                    <a:pt x="439" y="847"/>
                  </a:lnTo>
                  <a:lnTo>
                    <a:pt x="421" y="849"/>
                  </a:lnTo>
                  <a:lnTo>
                    <a:pt x="403" y="854"/>
                  </a:lnTo>
                  <a:lnTo>
                    <a:pt x="395" y="857"/>
                  </a:lnTo>
                  <a:lnTo>
                    <a:pt x="385" y="861"/>
                  </a:lnTo>
                  <a:lnTo>
                    <a:pt x="377" y="866"/>
                  </a:lnTo>
                  <a:lnTo>
                    <a:pt x="368" y="872"/>
                  </a:lnTo>
                  <a:lnTo>
                    <a:pt x="358" y="864"/>
                  </a:lnTo>
                  <a:lnTo>
                    <a:pt x="348" y="854"/>
                  </a:lnTo>
                  <a:lnTo>
                    <a:pt x="340" y="845"/>
                  </a:lnTo>
                  <a:lnTo>
                    <a:pt x="332" y="834"/>
                  </a:lnTo>
                  <a:lnTo>
                    <a:pt x="317" y="811"/>
                  </a:lnTo>
                  <a:lnTo>
                    <a:pt x="303" y="788"/>
                  </a:lnTo>
                  <a:lnTo>
                    <a:pt x="289" y="786"/>
                  </a:lnTo>
                  <a:lnTo>
                    <a:pt x="276" y="786"/>
                  </a:lnTo>
                  <a:lnTo>
                    <a:pt x="264" y="787"/>
                  </a:lnTo>
                  <a:lnTo>
                    <a:pt x="254" y="789"/>
                  </a:lnTo>
                  <a:lnTo>
                    <a:pt x="231" y="793"/>
                  </a:lnTo>
                  <a:lnTo>
                    <a:pt x="209" y="796"/>
                  </a:lnTo>
                  <a:lnTo>
                    <a:pt x="210" y="788"/>
                  </a:lnTo>
                  <a:lnTo>
                    <a:pt x="211" y="779"/>
                  </a:lnTo>
                  <a:lnTo>
                    <a:pt x="211" y="771"/>
                  </a:lnTo>
                  <a:lnTo>
                    <a:pt x="211" y="764"/>
                  </a:lnTo>
                  <a:lnTo>
                    <a:pt x="210" y="756"/>
                  </a:lnTo>
                  <a:lnTo>
                    <a:pt x="209" y="750"/>
                  </a:lnTo>
                  <a:lnTo>
                    <a:pt x="207" y="743"/>
                  </a:lnTo>
                  <a:lnTo>
                    <a:pt x="205" y="738"/>
                  </a:lnTo>
                  <a:lnTo>
                    <a:pt x="199" y="728"/>
                  </a:lnTo>
                  <a:lnTo>
                    <a:pt x="193" y="718"/>
                  </a:lnTo>
                  <a:lnTo>
                    <a:pt x="185" y="710"/>
                  </a:lnTo>
                  <a:lnTo>
                    <a:pt x="177" y="701"/>
                  </a:lnTo>
                  <a:lnTo>
                    <a:pt x="169" y="694"/>
                  </a:lnTo>
                  <a:lnTo>
                    <a:pt x="162" y="687"/>
                  </a:lnTo>
                  <a:lnTo>
                    <a:pt x="156" y="679"/>
                  </a:lnTo>
                  <a:lnTo>
                    <a:pt x="149" y="671"/>
                  </a:lnTo>
                  <a:lnTo>
                    <a:pt x="145" y="662"/>
                  </a:lnTo>
                  <a:lnTo>
                    <a:pt x="143" y="652"/>
                  </a:lnTo>
                  <a:lnTo>
                    <a:pt x="142" y="647"/>
                  </a:lnTo>
                  <a:lnTo>
                    <a:pt x="142" y="640"/>
                  </a:lnTo>
                  <a:lnTo>
                    <a:pt x="143" y="635"/>
                  </a:lnTo>
                  <a:lnTo>
                    <a:pt x="144" y="628"/>
                  </a:lnTo>
                  <a:lnTo>
                    <a:pt x="168" y="632"/>
                  </a:lnTo>
                  <a:lnTo>
                    <a:pt x="190" y="637"/>
                  </a:lnTo>
                  <a:lnTo>
                    <a:pt x="208" y="641"/>
                  </a:lnTo>
                  <a:lnTo>
                    <a:pt x="226" y="646"/>
                  </a:lnTo>
                  <a:lnTo>
                    <a:pt x="235" y="648"/>
                  </a:lnTo>
                  <a:lnTo>
                    <a:pt x="243" y="649"/>
                  </a:lnTo>
                  <a:lnTo>
                    <a:pt x="252" y="649"/>
                  </a:lnTo>
                  <a:lnTo>
                    <a:pt x="261" y="649"/>
                  </a:lnTo>
                  <a:lnTo>
                    <a:pt x="270" y="648"/>
                  </a:lnTo>
                  <a:lnTo>
                    <a:pt x="281" y="646"/>
                  </a:lnTo>
                  <a:lnTo>
                    <a:pt x="292" y="642"/>
                  </a:lnTo>
                  <a:lnTo>
                    <a:pt x="303" y="637"/>
                  </a:lnTo>
                  <a:lnTo>
                    <a:pt x="300" y="635"/>
                  </a:lnTo>
                  <a:lnTo>
                    <a:pt x="297" y="633"/>
                  </a:lnTo>
                  <a:lnTo>
                    <a:pt x="295" y="630"/>
                  </a:lnTo>
                  <a:lnTo>
                    <a:pt x="294" y="627"/>
                  </a:lnTo>
                  <a:lnTo>
                    <a:pt x="290" y="618"/>
                  </a:lnTo>
                  <a:lnTo>
                    <a:pt x="288" y="611"/>
                  </a:lnTo>
                  <a:lnTo>
                    <a:pt x="285" y="602"/>
                  </a:lnTo>
                  <a:lnTo>
                    <a:pt x="283" y="594"/>
                  </a:lnTo>
                  <a:lnTo>
                    <a:pt x="280" y="587"/>
                  </a:lnTo>
                  <a:lnTo>
                    <a:pt x="275" y="581"/>
                  </a:lnTo>
                  <a:lnTo>
                    <a:pt x="275" y="572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272" name="Silkeborg kant"/>
            <p:cNvSpPr>
              <a:spLocks/>
            </p:cNvSpPr>
            <p:nvPr/>
          </p:nvSpPr>
          <p:spPr bwMode="auto">
            <a:xfrm>
              <a:off x="1401764" y="4049718"/>
              <a:ext cx="496888" cy="461963"/>
            </a:xfrm>
            <a:custGeom>
              <a:avLst/>
              <a:gdLst>
                <a:gd name="T0" fmla="*/ 93 w 940"/>
                <a:gd name="T1" fmla="*/ 185 h 872"/>
                <a:gd name="T2" fmla="*/ 98 w 940"/>
                <a:gd name="T3" fmla="*/ 179 h 872"/>
                <a:gd name="T4" fmla="*/ 85 w 940"/>
                <a:gd name="T5" fmla="*/ 163 h 872"/>
                <a:gd name="T6" fmla="*/ 76 w 940"/>
                <a:gd name="T7" fmla="*/ 143 h 872"/>
                <a:gd name="T8" fmla="*/ 47 w 940"/>
                <a:gd name="T9" fmla="*/ 121 h 872"/>
                <a:gd name="T10" fmla="*/ 26 w 940"/>
                <a:gd name="T11" fmla="*/ 119 h 872"/>
                <a:gd name="T12" fmla="*/ 0 w 940"/>
                <a:gd name="T13" fmla="*/ 91 h 872"/>
                <a:gd name="T14" fmla="*/ 10 w 940"/>
                <a:gd name="T15" fmla="*/ 78 h 872"/>
                <a:gd name="T16" fmla="*/ 16 w 940"/>
                <a:gd name="T17" fmla="*/ 68 h 872"/>
                <a:gd name="T18" fmla="*/ 35 w 940"/>
                <a:gd name="T19" fmla="*/ 48 h 872"/>
                <a:gd name="T20" fmla="*/ 37 w 940"/>
                <a:gd name="T21" fmla="*/ 46 h 872"/>
                <a:gd name="T22" fmla="*/ 44 w 940"/>
                <a:gd name="T23" fmla="*/ 26 h 872"/>
                <a:gd name="T24" fmla="*/ 66 w 940"/>
                <a:gd name="T25" fmla="*/ 19 h 872"/>
                <a:gd name="T26" fmla="*/ 75 w 940"/>
                <a:gd name="T27" fmla="*/ 13 h 872"/>
                <a:gd name="T28" fmla="*/ 77 w 940"/>
                <a:gd name="T29" fmla="*/ 11 h 872"/>
                <a:gd name="T30" fmla="*/ 85 w 940"/>
                <a:gd name="T31" fmla="*/ 11 h 872"/>
                <a:gd name="T32" fmla="*/ 92 w 940"/>
                <a:gd name="T33" fmla="*/ 11 h 872"/>
                <a:gd name="T34" fmla="*/ 101 w 940"/>
                <a:gd name="T35" fmla="*/ 1 h 872"/>
                <a:gd name="T36" fmla="*/ 113 w 940"/>
                <a:gd name="T37" fmla="*/ 1 h 872"/>
                <a:gd name="T38" fmla="*/ 128 w 940"/>
                <a:gd name="T39" fmla="*/ 9 h 872"/>
                <a:gd name="T40" fmla="*/ 128 w 940"/>
                <a:gd name="T41" fmla="*/ 14 h 872"/>
                <a:gd name="T42" fmla="*/ 119 w 940"/>
                <a:gd name="T43" fmla="*/ 14 h 872"/>
                <a:gd name="T44" fmla="*/ 120 w 940"/>
                <a:gd name="T45" fmla="*/ 25 h 872"/>
                <a:gd name="T46" fmla="*/ 157 w 940"/>
                <a:gd name="T47" fmla="*/ 42 h 872"/>
                <a:gd name="T48" fmla="*/ 213 w 940"/>
                <a:gd name="T49" fmla="*/ 44 h 872"/>
                <a:gd name="T50" fmla="*/ 260 w 940"/>
                <a:gd name="T51" fmla="*/ 62 h 872"/>
                <a:gd name="T52" fmla="*/ 265 w 940"/>
                <a:gd name="T53" fmla="*/ 74 h 872"/>
                <a:gd name="T54" fmla="*/ 264 w 940"/>
                <a:gd name="T55" fmla="*/ 81 h 872"/>
                <a:gd name="T56" fmla="*/ 275 w 940"/>
                <a:gd name="T57" fmla="*/ 87 h 872"/>
                <a:gd name="T58" fmla="*/ 271 w 940"/>
                <a:gd name="T59" fmla="*/ 96 h 872"/>
                <a:gd name="T60" fmla="*/ 270 w 940"/>
                <a:gd name="T61" fmla="*/ 101 h 872"/>
                <a:gd name="T62" fmla="*/ 273 w 940"/>
                <a:gd name="T63" fmla="*/ 110 h 872"/>
                <a:gd name="T64" fmla="*/ 266 w 940"/>
                <a:gd name="T65" fmla="*/ 121 h 872"/>
                <a:gd name="T66" fmla="*/ 270 w 940"/>
                <a:gd name="T67" fmla="*/ 132 h 872"/>
                <a:gd name="T68" fmla="*/ 283 w 940"/>
                <a:gd name="T69" fmla="*/ 136 h 872"/>
                <a:gd name="T70" fmla="*/ 312 w 940"/>
                <a:gd name="T71" fmla="*/ 140 h 872"/>
                <a:gd name="T72" fmla="*/ 297 w 940"/>
                <a:gd name="T73" fmla="*/ 150 h 872"/>
                <a:gd name="T74" fmla="*/ 257 w 940"/>
                <a:gd name="T75" fmla="*/ 160 h 872"/>
                <a:gd name="T76" fmla="*/ 255 w 940"/>
                <a:gd name="T77" fmla="*/ 176 h 872"/>
                <a:gd name="T78" fmla="*/ 246 w 940"/>
                <a:gd name="T79" fmla="*/ 190 h 872"/>
                <a:gd name="T80" fmla="*/ 227 w 940"/>
                <a:gd name="T81" fmla="*/ 193 h 872"/>
                <a:gd name="T82" fmla="*/ 216 w 940"/>
                <a:gd name="T83" fmla="*/ 188 h 872"/>
                <a:gd name="T84" fmla="*/ 207 w 940"/>
                <a:gd name="T85" fmla="*/ 187 h 872"/>
                <a:gd name="T86" fmla="*/ 201 w 940"/>
                <a:gd name="T87" fmla="*/ 204 h 872"/>
                <a:gd name="T88" fmla="*/ 207 w 940"/>
                <a:gd name="T89" fmla="*/ 232 h 872"/>
                <a:gd name="T90" fmla="*/ 185 w 940"/>
                <a:gd name="T91" fmla="*/ 230 h 872"/>
                <a:gd name="T92" fmla="*/ 175 w 940"/>
                <a:gd name="T93" fmla="*/ 238 h 872"/>
                <a:gd name="T94" fmla="*/ 184 w 940"/>
                <a:gd name="T95" fmla="*/ 251 h 872"/>
                <a:gd name="T96" fmla="*/ 196 w 940"/>
                <a:gd name="T97" fmla="*/ 266 h 872"/>
                <a:gd name="T98" fmla="*/ 187 w 940"/>
                <a:gd name="T99" fmla="*/ 279 h 872"/>
                <a:gd name="T100" fmla="*/ 169 w 940"/>
                <a:gd name="T101" fmla="*/ 282 h 872"/>
                <a:gd name="T102" fmla="*/ 128 w 940"/>
                <a:gd name="T103" fmla="*/ 287 h 872"/>
                <a:gd name="T104" fmla="*/ 111 w 940"/>
                <a:gd name="T105" fmla="*/ 278 h 872"/>
                <a:gd name="T106" fmla="*/ 85 w 940"/>
                <a:gd name="T107" fmla="*/ 263 h 872"/>
                <a:gd name="T108" fmla="*/ 70 w 940"/>
                <a:gd name="T109" fmla="*/ 255 h 872"/>
                <a:gd name="T110" fmla="*/ 64 w 940"/>
                <a:gd name="T111" fmla="*/ 240 h 872"/>
                <a:gd name="T112" fmla="*/ 50 w 940"/>
                <a:gd name="T113" fmla="*/ 224 h 872"/>
                <a:gd name="T114" fmla="*/ 48 w 940"/>
                <a:gd name="T115" fmla="*/ 210 h 872"/>
                <a:gd name="T116" fmla="*/ 81 w 940"/>
                <a:gd name="T117" fmla="*/ 217 h 872"/>
                <a:gd name="T118" fmla="*/ 101 w 940"/>
                <a:gd name="T119" fmla="*/ 213 h 872"/>
                <a:gd name="T120" fmla="*/ 96 w 940"/>
                <a:gd name="T121" fmla="*/ 204 h 872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940" h="872">
                  <a:moveTo>
                    <a:pt x="275" y="572"/>
                  </a:moveTo>
                  <a:lnTo>
                    <a:pt x="274" y="568"/>
                  </a:lnTo>
                  <a:lnTo>
                    <a:pt x="274" y="563"/>
                  </a:lnTo>
                  <a:lnTo>
                    <a:pt x="275" y="560"/>
                  </a:lnTo>
                  <a:lnTo>
                    <a:pt x="275" y="558"/>
                  </a:lnTo>
                  <a:lnTo>
                    <a:pt x="278" y="554"/>
                  </a:lnTo>
                  <a:lnTo>
                    <a:pt x="282" y="551"/>
                  </a:lnTo>
                  <a:lnTo>
                    <a:pt x="286" y="548"/>
                  </a:lnTo>
                  <a:lnTo>
                    <a:pt x="289" y="544"/>
                  </a:lnTo>
                  <a:lnTo>
                    <a:pt x="292" y="542"/>
                  </a:lnTo>
                  <a:lnTo>
                    <a:pt x="293" y="540"/>
                  </a:lnTo>
                  <a:lnTo>
                    <a:pt x="294" y="537"/>
                  </a:lnTo>
                  <a:lnTo>
                    <a:pt x="294" y="534"/>
                  </a:lnTo>
                  <a:lnTo>
                    <a:pt x="278" y="519"/>
                  </a:lnTo>
                  <a:lnTo>
                    <a:pt x="263" y="504"/>
                  </a:lnTo>
                  <a:lnTo>
                    <a:pt x="260" y="499"/>
                  </a:lnTo>
                  <a:lnTo>
                    <a:pt x="258" y="495"/>
                  </a:lnTo>
                  <a:lnTo>
                    <a:pt x="256" y="489"/>
                  </a:lnTo>
                  <a:lnTo>
                    <a:pt x="254" y="482"/>
                  </a:lnTo>
                  <a:lnTo>
                    <a:pt x="254" y="476"/>
                  </a:lnTo>
                  <a:lnTo>
                    <a:pt x="254" y="469"/>
                  </a:lnTo>
                  <a:lnTo>
                    <a:pt x="255" y="459"/>
                  </a:lnTo>
                  <a:lnTo>
                    <a:pt x="257" y="450"/>
                  </a:lnTo>
                  <a:lnTo>
                    <a:pt x="228" y="429"/>
                  </a:lnTo>
                  <a:lnTo>
                    <a:pt x="201" y="408"/>
                  </a:lnTo>
                  <a:lnTo>
                    <a:pt x="187" y="396"/>
                  </a:lnTo>
                  <a:lnTo>
                    <a:pt x="176" y="383"/>
                  </a:lnTo>
                  <a:lnTo>
                    <a:pt x="164" y="371"/>
                  </a:lnTo>
                  <a:lnTo>
                    <a:pt x="154" y="356"/>
                  </a:lnTo>
                  <a:lnTo>
                    <a:pt x="141" y="362"/>
                  </a:lnTo>
                  <a:lnTo>
                    <a:pt x="129" y="365"/>
                  </a:lnTo>
                  <a:lnTo>
                    <a:pt x="119" y="367"/>
                  </a:lnTo>
                  <a:lnTo>
                    <a:pt x="108" y="367"/>
                  </a:lnTo>
                  <a:lnTo>
                    <a:pt x="98" y="365"/>
                  </a:lnTo>
                  <a:lnTo>
                    <a:pt x="88" y="362"/>
                  </a:lnTo>
                  <a:lnTo>
                    <a:pt x="78" y="358"/>
                  </a:lnTo>
                  <a:lnTo>
                    <a:pt x="69" y="354"/>
                  </a:lnTo>
                  <a:lnTo>
                    <a:pt x="35" y="331"/>
                  </a:lnTo>
                  <a:lnTo>
                    <a:pt x="3" y="310"/>
                  </a:lnTo>
                  <a:lnTo>
                    <a:pt x="1" y="295"/>
                  </a:lnTo>
                  <a:lnTo>
                    <a:pt x="0" y="282"/>
                  </a:lnTo>
                  <a:lnTo>
                    <a:pt x="0" y="272"/>
                  </a:lnTo>
                  <a:lnTo>
                    <a:pt x="3" y="263"/>
                  </a:lnTo>
                  <a:lnTo>
                    <a:pt x="6" y="256"/>
                  </a:lnTo>
                  <a:lnTo>
                    <a:pt x="10" y="250"/>
                  </a:lnTo>
                  <a:lnTo>
                    <a:pt x="16" y="244"/>
                  </a:lnTo>
                  <a:lnTo>
                    <a:pt x="21" y="240"/>
                  </a:lnTo>
                  <a:lnTo>
                    <a:pt x="30" y="233"/>
                  </a:lnTo>
                  <a:lnTo>
                    <a:pt x="39" y="225"/>
                  </a:lnTo>
                  <a:lnTo>
                    <a:pt x="42" y="222"/>
                  </a:lnTo>
                  <a:lnTo>
                    <a:pt x="43" y="217"/>
                  </a:lnTo>
                  <a:lnTo>
                    <a:pt x="43" y="213"/>
                  </a:lnTo>
                  <a:lnTo>
                    <a:pt x="41" y="206"/>
                  </a:lnTo>
                  <a:lnTo>
                    <a:pt x="48" y="204"/>
                  </a:lnTo>
                  <a:lnTo>
                    <a:pt x="49" y="204"/>
                  </a:lnTo>
                  <a:lnTo>
                    <a:pt x="54" y="201"/>
                  </a:lnTo>
                  <a:lnTo>
                    <a:pt x="60" y="195"/>
                  </a:lnTo>
                  <a:lnTo>
                    <a:pt x="68" y="186"/>
                  </a:lnTo>
                  <a:lnTo>
                    <a:pt x="86" y="166"/>
                  </a:lnTo>
                  <a:lnTo>
                    <a:pt x="105" y="144"/>
                  </a:lnTo>
                  <a:lnTo>
                    <a:pt x="121" y="125"/>
                  </a:lnTo>
                  <a:lnTo>
                    <a:pt x="130" y="114"/>
                  </a:lnTo>
                  <a:lnTo>
                    <a:pt x="130" y="115"/>
                  </a:lnTo>
                  <a:lnTo>
                    <a:pt x="116" y="132"/>
                  </a:lnTo>
                  <a:lnTo>
                    <a:pt x="113" y="136"/>
                  </a:lnTo>
                  <a:lnTo>
                    <a:pt x="110" y="137"/>
                  </a:lnTo>
                  <a:lnTo>
                    <a:pt x="108" y="136"/>
                  </a:lnTo>
                  <a:lnTo>
                    <a:pt x="108" y="133"/>
                  </a:lnTo>
                  <a:lnTo>
                    <a:pt x="110" y="122"/>
                  </a:lnTo>
                  <a:lnTo>
                    <a:pt x="116" y="109"/>
                  </a:lnTo>
                  <a:lnTo>
                    <a:pt x="123" y="92"/>
                  </a:lnTo>
                  <a:lnTo>
                    <a:pt x="133" y="77"/>
                  </a:lnTo>
                  <a:lnTo>
                    <a:pt x="138" y="70"/>
                  </a:lnTo>
                  <a:lnTo>
                    <a:pt x="143" y="64"/>
                  </a:lnTo>
                  <a:lnTo>
                    <a:pt x="148" y="60"/>
                  </a:lnTo>
                  <a:lnTo>
                    <a:pt x="154" y="57"/>
                  </a:lnTo>
                  <a:lnTo>
                    <a:pt x="171" y="56"/>
                  </a:lnTo>
                  <a:lnTo>
                    <a:pt x="198" y="56"/>
                  </a:lnTo>
                  <a:lnTo>
                    <a:pt x="204" y="55"/>
                  </a:lnTo>
                  <a:lnTo>
                    <a:pt x="210" y="54"/>
                  </a:lnTo>
                  <a:lnTo>
                    <a:pt x="216" y="52"/>
                  </a:lnTo>
                  <a:lnTo>
                    <a:pt x="220" y="50"/>
                  </a:lnTo>
                  <a:lnTo>
                    <a:pt x="223" y="45"/>
                  </a:lnTo>
                  <a:lnTo>
                    <a:pt x="225" y="40"/>
                  </a:lnTo>
                  <a:lnTo>
                    <a:pt x="226" y="35"/>
                  </a:lnTo>
                  <a:lnTo>
                    <a:pt x="226" y="27"/>
                  </a:lnTo>
                  <a:lnTo>
                    <a:pt x="226" y="30"/>
                  </a:lnTo>
                  <a:lnTo>
                    <a:pt x="227" y="31"/>
                  </a:lnTo>
                  <a:lnTo>
                    <a:pt x="229" y="32"/>
                  </a:lnTo>
                  <a:lnTo>
                    <a:pt x="231" y="32"/>
                  </a:lnTo>
                  <a:lnTo>
                    <a:pt x="236" y="32"/>
                  </a:lnTo>
                  <a:lnTo>
                    <a:pt x="241" y="32"/>
                  </a:lnTo>
                  <a:lnTo>
                    <a:pt x="246" y="32"/>
                  </a:lnTo>
                  <a:lnTo>
                    <a:pt x="250" y="33"/>
                  </a:lnTo>
                  <a:lnTo>
                    <a:pt x="253" y="33"/>
                  </a:lnTo>
                  <a:lnTo>
                    <a:pt x="255" y="34"/>
                  </a:lnTo>
                  <a:lnTo>
                    <a:pt x="256" y="36"/>
                  </a:lnTo>
                  <a:lnTo>
                    <a:pt x="257" y="38"/>
                  </a:lnTo>
                  <a:lnTo>
                    <a:pt x="262" y="38"/>
                  </a:lnTo>
                  <a:lnTo>
                    <a:pt x="267" y="37"/>
                  </a:lnTo>
                  <a:lnTo>
                    <a:pt x="272" y="36"/>
                  </a:lnTo>
                  <a:lnTo>
                    <a:pt x="276" y="34"/>
                  </a:lnTo>
                  <a:lnTo>
                    <a:pt x="282" y="29"/>
                  </a:lnTo>
                  <a:lnTo>
                    <a:pt x="287" y="22"/>
                  </a:lnTo>
                  <a:lnTo>
                    <a:pt x="293" y="16"/>
                  </a:lnTo>
                  <a:lnTo>
                    <a:pt x="298" y="10"/>
                  </a:lnTo>
                  <a:lnTo>
                    <a:pt x="301" y="6"/>
                  </a:lnTo>
                  <a:lnTo>
                    <a:pt x="304" y="4"/>
                  </a:lnTo>
                  <a:lnTo>
                    <a:pt x="308" y="2"/>
                  </a:lnTo>
                  <a:lnTo>
                    <a:pt x="313" y="0"/>
                  </a:lnTo>
                  <a:lnTo>
                    <a:pt x="320" y="0"/>
                  </a:lnTo>
                  <a:lnTo>
                    <a:pt x="326" y="1"/>
                  </a:lnTo>
                  <a:lnTo>
                    <a:pt x="333" y="2"/>
                  </a:lnTo>
                  <a:lnTo>
                    <a:pt x="338" y="3"/>
                  </a:lnTo>
                  <a:lnTo>
                    <a:pt x="347" y="7"/>
                  </a:lnTo>
                  <a:lnTo>
                    <a:pt x="357" y="13"/>
                  </a:lnTo>
                  <a:lnTo>
                    <a:pt x="365" y="18"/>
                  </a:lnTo>
                  <a:lnTo>
                    <a:pt x="374" y="23"/>
                  </a:lnTo>
                  <a:lnTo>
                    <a:pt x="379" y="25"/>
                  </a:lnTo>
                  <a:lnTo>
                    <a:pt x="384" y="27"/>
                  </a:lnTo>
                  <a:lnTo>
                    <a:pt x="390" y="29"/>
                  </a:lnTo>
                  <a:lnTo>
                    <a:pt x="397" y="29"/>
                  </a:lnTo>
                  <a:lnTo>
                    <a:pt x="394" y="34"/>
                  </a:lnTo>
                  <a:lnTo>
                    <a:pt x="392" y="37"/>
                  </a:lnTo>
                  <a:lnTo>
                    <a:pt x="388" y="39"/>
                  </a:lnTo>
                  <a:lnTo>
                    <a:pt x="385" y="41"/>
                  </a:lnTo>
                  <a:lnTo>
                    <a:pt x="380" y="42"/>
                  </a:lnTo>
                  <a:lnTo>
                    <a:pt x="374" y="42"/>
                  </a:lnTo>
                  <a:lnTo>
                    <a:pt x="368" y="42"/>
                  </a:lnTo>
                  <a:lnTo>
                    <a:pt x="362" y="42"/>
                  </a:lnTo>
                  <a:lnTo>
                    <a:pt x="359" y="42"/>
                  </a:lnTo>
                  <a:lnTo>
                    <a:pt x="356" y="43"/>
                  </a:lnTo>
                  <a:lnTo>
                    <a:pt x="353" y="45"/>
                  </a:lnTo>
                  <a:lnTo>
                    <a:pt x="349" y="47"/>
                  </a:lnTo>
                  <a:lnTo>
                    <a:pt x="352" y="56"/>
                  </a:lnTo>
                  <a:lnTo>
                    <a:pt x="353" y="63"/>
                  </a:lnTo>
                  <a:lnTo>
                    <a:pt x="356" y="70"/>
                  </a:lnTo>
                  <a:lnTo>
                    <a:pt x="359" y="76"/>
                  </a:lnTo>
                  <a:lnTo>
                    <a:pt x="366" y="87"/>
                  </a:lnTo>
                  <a:lnTo>
                    <a:pt x="375" y="97"/>
                  </a:lnTo>
                  <a:lnTo>
                    <a:pt x="396" y="115"/>
                  </a:lnTo>
                  <a:lnTo>
                    <a:pt x="416" y="132"/>
                  </a:lnTo>
                  <a:lnTo>
                    <a:pt x="444" y="127"/>
                  </a:lnTo>
                  <a:lnTo>
                    <a:pt x="473" y="125"/>
                  </a:lnTo>
                  <a:lnTo>
                    <a:pt x="501" y="123"/>
                  </a:lnTo>
                  <a:lnTo>
                    <a:pt x="529" y="123"/>
                  </a:lnTo>
                  <a:lnTo>
                    <a:pt x="557" y="123"/>
                  </a:lnTo>
                  <a:lnTo>
                    <a:pt x="585" y="125"/>
                  </a:lnTo>
                  <a:lnTo>
                    <a:pt x="613" y="129"/>
                  </a:lnTo>
                  <a:lnTo>
                    <a:pt x="639" y="133"/>
                  </a:lnTo>
                  <a:lnTo>
                    <a:pt x="665" y="138"/>
                  </a:lnTo>
                  <a:lnTo>
                    <a:pt x="691" y="144"/>
                  </a:lnTo>
                  <a:lnTo>
                    <a:pt x="715" y="153"/>
                  </a:lnTo>
                  <a:lnTo>
                    <a:pt x="738" y="162"/>
                  </a:lnTo>
                  <a:lnTo>
                    <a:pt x="760" y="174"/>
                  </a:lnTo>
                  <a:lnTo>
                    <a:pt x="781" y="186"/>
                  </a:lnTo>
                  <a:lnTo>
                    <a:pt x="791" y="193"/>
                  </a:lnTo>
                  <a:lnTo>
                    <a:pt x="800" y="200"/>
                  </a:lnTo>
                  <a:lnTo>
                    <a:pt x="810" y="208"/>
                  </a:lnTo>
                  <a:lnTo>
                    <a:pt x="818" y="216"/>
                  </a:lnTo>
                  <a:lnTo>
                    <a:pt x="805" y="218"/>
                  </a:lnTo>
                  <a:lnTo>
                    <a:pt x="795" y="221"/>
                  </a:lnTo>
                  <a:lnTo>
                    <a:pt x="791" y="223"/>
                  </a:lnTo>
                  <a:lnTo>
                    <a:pt x="786" y="226"/>
                  </a:lnTo>
                  <a:lnTo>
                    <a:pt x="783" y="231"/>
                  </a:lnTo>
                  <a:lnTo>
                    <a:pt x="781" y="235"/>
                  </a:lnTo>
                  <a:lnTo>
                    <a:pt x="785" y="239"/>
                  </a:lnTo>
                  <a:lnTo>
                    <a:pt x="792" y="243"/>
                  </a:lnTo>
                  <a:lnTo>
                    <a:pt x="798" y="245"/>
                  </a:lnTo>
                  <a:lnTo>
                    <a:pt x="804" y="249"/>
                  </a:lnTo>
                  <a:lnTo>
                    <a:pt x="811" y="252"/>
                  </a:lnTo>
                  <a:lnTo>
                    <a:pt x="817" y="255"/>
                  </a:lnTo>
                  <a:lnTo>
                    <a:pt x="823" y="258"/>
                  </a:lnTo>
                  <a:lnTo>
                    <a:pt x="827" y="262"/>
                  </a:lnTo>
                  <a:lnTo>
                    <a:pt x="829" y="266"/>
                  </a:lnTo>
                  <a:lnTo>
                    <a:pt x="827" y="270"/>
                  </a:lnTo>
                  <a:lnTo>
                    <a:pt x="826" y="274"/>
                  </a:lnTo>
                  <a:lnTo>
                    <a:pt x="824" y="277"/>
                  </a:lnTo>
                  <a:lnTo>
                    <a:pt x="819" y="282"/>
                  </a:lnTo>
                  <a:lnTo>
                    <a:pt x="813" y="288"/>
                  </a:lnTo>
                  <a:lnTo>
                    <a:pt x="811" y="291"/>
                  </a:lnTo>
                  <a:lnTo>
                    <a:pt x="809" y="293"/>
                  </a:lnTo>
                  <a:lnTo>
                    <a:pt x="806" y="296"/>
                  </a:lnTo>
                  <a:lnTo>
                    <a:pt x="806" y="298"/>
                  </a:lnTo>
                  <a:lnTo>
                    <a:pt x="807" y="301"/>
                  </a:lnTo>
                  <a:lnTo>
                    <a:pt x="810" y="303"/>
                  </a:lnTo>
                  <a:lnTo>
                    <a:pt x="813" y="307"/>
                  </a:lnTo>
                  <a:lnTo>
                    <a:pt x="818" y="310"/>
                  </a:lnTo>
                  <a:lnTo>
                    <a:pt x="814" y="314"/>
                  </a:lnTo>
                  <a:lnTo>
                    <a:pt x="818" y="319"/>
                  </a:lnTo>
                  <a:lnTo>
                    <a:pt x="819" y="325"/>
                  </a:lnTo>
                  <a:lnTo>
                    <a:pt x="819" y="331"/>
                  </a:lnTo>
                  <a:lnTo>
                    <a:pt x="819" y="336"/>
                  </a:lnTo>
                  <a:lnTo>
                    <a:pt x="818" y="340"/>
                  </a:lnTo>
                  <a:lnTo>
                    <a:pt x="814" y="347"/>
                  </a:lnTo>
                  <a:lnTo>
                    <a:pt x="809" y="352"/>
                  </a:lnTo>
                  <a:lnTo>
                    <a:pt x="803" y="357"/>
                  </a:lnTo>
                  <a:lnTo>
                    <a:pt x="800" y="363"/>
                  </a:lnTo>
                  <a:lnTo>
                    <a:pt x="798" y="368"/>
                  </a:lnTo>
                  <a:lnTo>
                    <a:pt x="798" y="373"/>
                  </a:lnTo>
                  <a:lnTo>
                    <a:pt x="798" y="378"/>
                  </a:lnTo>
                  <a:lnTo>
                    <a:pt x="799" y="384"/>
                  </a:lnTo>
                  <a:lnTo>
                    <a:pt x="805" y="390"/>
                  </a:lnTo>
                  <a:lnTo>
                    <a:pt x="811" y="395"/>
                  </a:lnTo>
                  <a:lnTo>
                    <a:pt x="817" y="398"/>
                  </a:lnTo>
                  <a:lnTo>
                    <a:pt x="823" y="401"/>
                  </a:lnTo>
                  <a:lnTo>
                    <a:pt x="830" y="403"/>
                  </a:lnTo>
                  <a:lnTo>
                    <a:pt x="836" y="405"/>
                  </a:lnTo>
                  <a:lnTo>
                    <a:pt x="843" y="407"/>
                  </a:lnTo>
                  <a:lnTo>
                    <a:pt x="851" y="407"/>
                  </a:lnTo>
                  <a:lnTo>
                    <a:pt x="885" y="407"/>
                  </a:lnTo>
                  <a:lnTo>
                    <a:pt x="931" y="403"/>
                  </a:lnTo>
                  <a:lnTo>
                    <a:pt x="931" y="409"/>
                  </a:lnTo>
                  <a:lnTo>
                    <a:pt x="932" y="414"/>
                  </a:lnTo>
                  <a:lnTo>
                    <a:pt x="934" y="418"/>
                  </a:lnTo>
                  <a:lnTo>
                    <a:pt x="936" y="421"/>
                  </a:lnTo>
                  <a:lnTo>
                    <a:pt x="937" y="425"/>
                  </a:lnTo>
                  <a:lnTo>
                    <a:pt x="939" y="430"/>
                  </a:lnTo>
                  <a:lnTo>
                    <a:pt x="940" y="435"/>
                  </a:lnTo>
                  <a:lnTo>
                    <a:pt x="940" y="440"/>
                  </a:lnTo>
                  <a:lnTo>
                    <a:pt x="914" y="446"/>
                  </a:lnTo>
                  <a:lnTo>
                    <a:pt x="891" y="450"/>
                  </a:lnTo>
                  <a:lnTo>
                    <a:pt x="870" y="452"/>
                  </a:lnTo>
                  <a:lnTo>
                    <a:pt x="851" y="455"/>
                  </a:lnTo>
                  <a:lnTo>
                    <a:pt x="832" y="458"/>
                  </a:lnTo>
                  <a:lnTo>
                    <a:pt x="812" y="462"/>
                  </a:lnTo>
                  <a:lnTo>
                    <a:pt x="793" y="470"/>
                  </a:lnTo>
                  <a:lnTo>
                    <a:pt x="772" y="478"/>
                  </a:lnTo>
                  <a:lnTo>
                    <a:pt x="774" y="489"/>
                  </a:lnTo>
                  <a:lnTo>
                    <a:pt x="774" y="498"/>
                  </a:lnTo>
                  <a:lnTo>
                    <a:pt x="774" y="507"/>
                  </a:lnTo>
                  <a:lnTo>
                    <a:pt x="773" y="514"/>
                  </a:lnTo>
                  <a:lnTo>
                    <a:pt x="771" y="521"/>
                  </a:lnTo>
                  <a:lnTo>
                    <a:pt x="767" y="527"/>
                  </a:lnTo>
                  <a:lnTo>
                    <a:pt x="764" y="533"/>
                  </a:lnTo>
                  <a:lnTo>
                    <a:pt x="760" y="537"/>
                  </a:lnTo>
                  <a:lnTo>
                    <a:pt x="753" y="547"/>
                  </a:lnTo>
                  <a:lnTo>
                    <a:pt x="744" y="557"/>
                  </a:lnTo>
                  <a:lnTo>
                    <a:pt x="741" y="562"/>
                  </a:lnTo>
                  <a:lnTo>
                    <a:pt x="738" y="568"/>
                  </a:lnTo>
                  <a:lnTo>
                    <a:pt x="736" y="574"/>
                  </a:lnTo>
                  <a:lnTo>
                    <a:pt x="734" y="581"/>
                  </a:lnTo>
                  <a:lnTo>
                    <a:pt x="722" y="578"/>
                  </a:lnTo>
                  <a:lnTo>
                    <a:pt x="710" y="578"/>
                  </a:lnTo>
                  <a:lnTo>
                    <a:pt x="697" y="578"/>
                  </a:lnTo>
                  <a:lnTo>
                    <a:pt x="683" y="577"/>
                  </a:lnTo>
                  <a:lnTo>
                    <a:pt x="677" y="577"/>
                  </a:lnTo>
                  <a:lnTo>
                    <a:pt x="671" y="576"/>
                  </a:lnTo>
                  <a:lnTo>
                    <a:pt x="664" y="574"/>
                  </a:lnTo>
                  <a:lnTo>
                    <a:pt x="659" y="572"/>
                  </a:lnTo>
                  <a:lnTo>
                    <a:pt x="654" y="569"/>
                  </a:lnTo>
                  <a:lnTo>
                    <a:pt x="648" y="564"/>
                  </a:lnTo>
                  <a:lnTo>
                    <a:pt x="644" y="559"/>
                  </a:lnTo>
                  <a:lnTo>
                    <a:pt x="640" y="553"/>
                  </a:lnTo>
                  <a:lnTo>
                    <a:pt x="635" y="555"/>
                  </a:lnTo>
                  <a:lnTo>
                    <a:pt x="630" y="556"/>
                  </a:lnTo>
                  <a:lnTo>
                    <a:pt x="625" y="558"/>
                  </a:lnTo>
                  <a:lnTo>
                    <a:pt x="621" y="561"/>
                  </a:lnTo>
                  <a:lnTo>
                    <a:pt x="615" y="567"/>
                  </a:lnTo>
                  <a:lnTo>
                    <a:pt x="610" y="574"/>
                  </a:lnTo>
                  <a:lnTo>
                    <a:pt x="606" y="582"/>
                  </a:lnTo>
                  <a:lnTo>
                    <a:pt x="604" y="592"/>
                  </a:lnTo>
                  <a:lnTo>
                    <a:pt x="603" y="601"/>
                  </a:lnTo>
                  <a:lnTo>
                    <a:pt x="603" y="612"/>
                  </a:lnTo>
                  <a:lnTo>
                    <a:pt x="604" y="622"/>
                  </a:lnTo>
                  <a:lnTo>
                    <a:pt x="605" y="634"/>
                  </a:lnTo>
                  <a:lnTo>
                    <a:pt x="608" y="645"/>
                  </a:lnTo>
                  <a:lnTo>
                    <a:pt x="611" y="655"/>
                  </a:lnTo>
                  <a:lnTo>
                    <a:pt x="616" y="676"/>
                  </a:lnTo>
                  <a:lnTo>
                    <a:pt x="621" y="694"/>
                  </a:lnTo>
                  <a:lnTo>
                    <a:pt x="605" y="691"/>
                  </a:lnTo>
                  <a:lnTo>
                    <a:pt x="591" y="689"/>
                  </a:lnTo>
                  <a:lnTo>
                    <a:pt x="578" y="688"/>
                  </a:lnTo>
                  <a:lnTo>
                    <a:pt x="566" y="688"/>
                  </a:lnTo>
                  <a:lnTo>
                    <a:pt x="560" y="689"/>
                  </a:lnTo>
                  <a:lnTo>
                    <a:pt x="555" y="690"/>
                  </a:lnTo>
                  <a:lnTo>
                    <a:pt x="551" y="692"/>
                  </a:lnTo>
                  <a:lnTo>
                    <a:pt x="545" y="695"/>
                  </a:lnTo>
                  <a:lnTo>
                    <a:pt x="541" y="698"/>
                  </a:lnTo>
                  <a:lnTo>
                    <a:pt x="536" y="701"/>
                  </a:lnTo>
                  <a:lnTo>
                    <a:pt x="532" y="707"/>
                  </a:lnTo>
                  <a:lnTo>
                    <a:pt x="527" y="712"/>
                  </a:lnTo>
                  <a:lnTo>
                    <a:pt x="529" y="719"/>
                  </a:lnTo>
                  <a:lnTo>
                    <a:pt x="532" y="725"/>
                  </a:lnTo>
                  <a:lnTo>
                    <a:pt x="534" y="731"/>
                  </a:lnTo>
                  <a:lnTo>
                    <a:pt x="537" y="736"/>
                  </a:lnTo>
                  <a:lnTo>
                    <a:pt x="544" y="746"/>
                  </a:lnTo>
                  <a:lnTo>
                    <a:pt x="553" y="753"/>
                  </a:lnTo>
                  <a:lnTo>
                    <a:pt x="562" y="760"/>
                  </a:lnTo>
                  <a:lnTo>
                    <a:pt x="572" y="767"/>
                  </a:lnTo>
                  <a:lnTo>
                    <a:pt x="582" y="772"/>
                  </a:lnTo>
                  <a:lnTo>
                    <a:pt x="594" y="778"/>
                  </a:lnTo>
                  <a:lnTo>
                    <a:pt x="592" y="789"/>
                  </a:lnTo>
                  <a:lnTo>
                    <a:pt x="588" y="798"/>
                  </a:lnTo>
                  <a:lnTo>
                    <a:pt x="585" y="807"/>
                  </a:lnTo>
                  <a:lnTo>
                    <a:pt x="582" y="814"/>
                  </a:lnTo>
                  <a:lnTo>
                    <a:pt x="578" y="820"/>
                  </a:lnTo>
                  <a:lnTo>
                    <a:pt x="574" y="827"/>
                  </a:lnTo>
                  <a:lnTo>
                    <a:pt x="568" y="831"/>
                  </a:lnTo>
                  <a:lnTo>
                    <a:pt x="563" y="835"/>
                  </a:lnTo>
                  <a:lnTo>
                    <a:pt x="558" y="838"/>
                  </a:lnTo>
                  <a:lnTo>
                    <a:pt x="552" y="840"/>
                  </a:lnTo>
                  <a:lnTo>
                    <a:pt x="545" y="842"/>
                  </a:lnTo>
                  <a:lnTo>
                    <a:pt x="538" y="844"/>
                  </a:lnTo>
                  <a:lnTo>
                    <a:pt x="523" y="846"/>
                  </a:lnTo>
                  <a:lnTo>
                    <a:pt x="507" y="846"/>
                  </a:lnTo>
                  <a:lnTo>
                    <a:pt x="475" y="846"/>
                  </a:lnTo>
                  <a:lnTo>
                    <a:pt x="439" y="847"/>
                  </a:lnTo>
                  <a:lnTo>
                    <a:pt x="421" y="849"/>
                  </a:lnTo>
                  <a:lnTo>
                    <a:pt x="403" y="854"/>
                  </a:lnTo>
                  <a:lnTo>
                    <a:pt x="395" y="857"/>
                  </a:lnTo>
                  <a:lnTo>
                    <a:pt x="385" y="861"/>
                  </a:lnTo>
                  <a:lnTo>
                    <a:pt x="377" y="866"/>
                  </a:lnTo>
                  <a:lnTo>
                    <a:pt x="368" y="872"/>
                  </a:lnTo>
                  <a:lnTo>
                    <a:pt x="358" y="864"/>
                  </a:lnTo>
                  <a:lnTo>
                    <a:pt x="348" y="854"/>
                  </a:lnTo>
                  <a:lnTo>
                    <a:pt x="340" y="845"/>
                  </a:lnTo>
                  <a:lnTo>
                    <a:pt x="332" y="834"/>
                  </a:lnTo>
                  <a:lnTo>
                    <a:pt x="317" y="811"/>
                  </a:lnTo>
                  <a:lnTo>
                    <a:pt x="303" y="788"/>
                  </a:lnTo>
                  <a:lnTo>
                    <a:pt x="289" y="786"/>
                  </a:lnTo>
                  <a:lnTo>
                    <a:pt x="276" y="786"/>
                  </a:lnTo>
                  <a:lnTo>
                    <a:pt x="264" y="787"/>
                  </a:lnTo>
                  <a:lnTo>
                    <a:pt x="254" y="789"/>
                  </a:lnTo>
                  <a:lnTo>
                    <a:pt x="231" y="793"/>
                  </a:lnTo>
                  <a:lnTo>
                    <a:pt x="209" y="796"/>
                  </a:lnTo>
                  <a:lnTo>
                    <a:pt x="210" y="788"/>
                  </a:lnTo>
                  <a:lnTo>
                    <a:pt x="211" y="779"/>
                  </a:lnTo>
                  <a:lnTo>
                    <a:pt x="211" y="771"/>
                  </a:lnTo>
                  <a:lnTo>
                    <a:pt x="211" y="764"/>
                  </a:lnTo>
                  <a:lnTo>
                    <a:pt x="210" y="756"/>
                  </a:lnTo>
                  <a:lnTo>
                    <a:pt x="209" y="750"/>
                  </a:lnTo>
                  <a:lnTo>
                    <a:pt x="207" y="743"/>
                  </a:lnTo>
                  <a:lnTo>
                    <a:pt x="205" y="738"/>
                  </a:lnTo>
                  <a:lnTo>
                    <a:pt x="199" y="728"/>
                  </a:lnTo>
                  <a:lnTo>
                    <a:pt x="193" y="718"/>
                  </a:lnTo>
                  <a:lnTo>
                    <a:pt x="185" y="710"/>
                  </a:lnTo>
                  <a:lnTo>
                    <a:pt x="177" y="701"/>
                  </a:lnTo>
                  <a:lnTo>
                    <a:pt x="169" y="694"/>
                  </a:lnTo>
                  <a:lnTo>
                    <a:pt x="162" y="687"/>
                  </a:lnTo>
                  <a:lnTo>
                    <a:pt x="156" y="679"/>
                  </a:lnTo>
                  <a:lnTo>
                    <a:pt x="149" y="671"/>
                  </a:lnTo>
                  <a:lnTo>
                    <a:pt x="145" y="662"/>
                  </a:lnTo>
                  <a:lnTo>
                    <a:pt x="143" y="652"/>
                  </a:lnTo>
                  <a:lnTo>
                    <a:pt x="142" y="647"/>
                  </a:lnTo>
                  <a:lnTo>
                    <a:pt x="142" y="640"/>
                  </a:lnTo>
                  <a:lnTo>
                    <a:pt x="143" y="635"/>
                  </a:lnTo>
                  <a:lnTo>
                    <a:pt x="144" y="628"/>
                  </a:lnTo>
                  <a:lnTo>
                    <a:pt x="168" y="632"/>
                  </a:lnTo>
                  <a:lnTo>
                    <a:pt x="190" y="637"/>
                  </a:lnTo>
                  <a:lnTo>
                    <a:pt x="208" y="641"/>
                  </a:lnTo>
                  <a:lnTo>
                    <a:pt x="226" y="646"/>
                  </a:lnTo>
                  <a:lnTo>
                    <a:pt x="235" y="648"/>
                  </a:lnTo>
                  <a:lnTo>
                    <a:pt x="243" y="649"/>
                  </a:lnTo>
                  <a:lnTo>
                    <a:pt x="252" y="649"/>
                  </a:lnTo>
                  <a:lnTo>
                    <a:pt x="261" y="649"/>
                  </a:lnTo>
                  <a:lnTo>
                    <a:pt x="270" y="648"/>
                  </a:lnTo>
                  <a:lnTo>
                    <a:pt x="281" y="646"/>
                  </a:lnTo>
                  <a:lnTo>
                    <a:pt x="292" y="642"/>
                  </a:lnTo>
                  <a:lnTo>
                    <a:pt x="303" y="637"/>
                  </a:lnTo>
                  <a:lnTo>
                    <a:pt x="300" y="635"/>
                  </a:lnTo>
                  <a:lnTo>
                    <a:pt x="297" y="633"/>
                  </a:lnTo>
                  <a:lnTo>
                    <a:pt x="295" y="630"/>
                  </a:lnTo>
                  <a:lnTo>
                    <a:pt x="294" y="627"/>
                  </a:lnTo>
                  <a:lnTo>
                    <a:pt x="290" y="618"/>
                  </a:lnTo>
                  <a:lnTo>
                    <a:pt x="288" y="611"/>
                  </a:lnTo>
                  <a:lnTo>
                    <a:pt x="285" y="602"/>
                  </a:lnTo>
                  <a:lnTo>
                    <a:pt x="283" y="594"/>
                  </a:lnTo>
                  <a:lnTo>
                    <a:pt x="280" y="587"/>
                  </a:lnTo>
                  <a:lnTo>
                    <a:pt x="275" y="581"/>
                  </a:lnTo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273" name="Viborg"/>
            <p:cNvSpPr>
              <a:spLocks/>
            </p:cNvSpPr>
            <p:nvPr/>
          </p:nvSpPr>
          <p:spPr bwMode="auto">
            <a:xfrm>
              <a:off x="1211264" y="3649668"/>
              <a:ext cx="620714" cy="579438"/>
            </a:xfrm>
            <a:custGeom>
              <a:avLst/>
              <a:gdLst>
                <a:gd name="T0" fmla="*/ 188 w 1174"/>
                <a:gd name="T1" fmla="*/ 265 h 1096"/>
                <a:gd name="T2" fmla="*/ 165 w 1174"/>
                <a:gd name="T3" fmla="*/ 268 h 1096"/>
                <a:gd name="T4" fmla="*/ 144 w 1174"/>
                <a:gd name="T5" fmla="*/ 299 h 1096"/>
                <a:gd name="T6" fmla="*/ 129 w 1174"/>
                <a:gd name="T7" fmla="*/ 316 h 1096"/>
                <a:gd name="T8" fmla="*/ 123 w 1174"/>
                <a:gd name="T9" fmla="*/ 330 h 1096"/>
                <a:gd name="T10" fmla="*/ 120 w 1174"/>
                <a:gd name="T11" fmla="*/ 359 h 1096"/>
                <a:gd name="T12" fmla="*/ 111 w 1174"/>
                <a:gd name="T13" fmla="*/ 357 h 1096"/>
                <a:gd name="T14" fmla="*/ 111 w 1174"/>
                <a:gd name="T15" fmla="*/ 331 h 1096"/>
                <a:gd name="T16" fmla="*/ 75 w 1174"/>
                <a:gd name="T17" fmla="*/ 326 h 1096"/>
                <a:gd name="T18" fmla="*/ 47 w 1174"/>
                <a:gd name="T19" fmla="*/ 302 h 1096"/>
                <a:gd name="T20" fmla="*/ 40 w 1174"/>
                <a:gd name="T21" fmla="*/ 302 h 1096"/>
                <a:gd name="T22" fmla="*/ 30 w 1174"/>
                <a:gd name="T23" fmla="*/ 286 h 1096"/>
                <a:gd name="T24" fmla="*/ 37 w 1174"/>
                <a:gd name="T25" fmla="*/ 279 h 1096"/>
                <a:gd name="T26" fmla="*/ 57 w 1174"/>
                <a:gd name="T27" fmla="*/ 283 h 1096"/>
                <a:gd name="T28" fmla="*/ 59 w 1174"/>
                <a:gd name="T29" fmla="*/ 261 h 1096"/>
                <a:gd name="T30" fmla="*/ 30 w 1174"/>
                <a:gd name="T31" fmla="*/ 236 h 1096"/>
                <a:gd name="T32" fmla="*/ 15 w 1174"/>
                <a:gd name="T33" fmla="*/ 218 h 1096"/>
                <a:gd name="T34" fmla="*/ 10 w 1174"/>
                <a:gd name="T35" fmla="*/ 191 h 1096"/>
                <a:gd name="T36" fmla="*/ 2 w 1174"/>
                <a:gd name="T37" fmla="*/ 138 h 1096"/>
                <a:gd name="T38" fmla="*/ 43 w 1174"/>
                <a:gd name="T39" fmla="*/ 131 h 1096"/>
                <a:gd name="T40" fmla="*/ 67 w 1174"/>
                <a:gd name="T41" fmla="*/ 134 h 1096"/>
                <a:gd name="T42" fmla="*/ 98 w 1174"/>
                <a:gd name="T43" fmla="*/ 135 h 1096"/>
                <a:gd name="T44" fmla="*/ 124 w 1174"/>
                <a:gd name="T45" fmla="*/ 112 h 1096"/>
                <a:gd name="T46" fmla="*/ 141 w 1174"/>
                <a:gd name="T47" fmla="*/ 116 h 1096"/>
                <a:gd name="T48" fmla="*/ 161 w 1174"/>
                <a:gd name="T49" fmla="*/ 138 h 1096"/>
                <a:gd name="T50" fmla="*/ 180 w 1174"/>
                <a:gd name="T51" fmla="*/ 127 h 1096"/>
                <a:gd name="T52" fmla="*/ 191 w 1174"/>
                <a:gd name="T53" fmla="*/ 119 h 1096"/>
                <a:gd name="T54" fmla="*/ 195 w 1174"/>
                <a:gd name="T55" fmla="*/ 102 h 1096"/>
                <a:gd name="T56" fmla="*/ 172 w 1174"/>
                <a:gd name="T57" fmla="*/ 111 h 1096"/>
                <a:gd name="T58" fmla="*/ 157 w 1174"/>
                <a:gd name="T59" fmla="*/ 113 h 1096"/>
                <a:gd name="T60" fmla="*/ 159 w 1174"/>
                <a:gd name="T61" fmla="*/ 77 h 1096"/>
                <a:gd name="T62" fmla="*/ 169 w 1174"/>
                <a:gd name="T63" fmla="*/ 33 h 1096"/>
                <a:gd name="T64" fmla="*/ 186 w 1174"/>
                <a:gd name="T65" fmla="*/ 27 h 1096"/>
                <a:gd name="T66" fmla="*/ 201 w 1174"/>
                <a:gd name="T67" fmla="*/ 35 h 1096"/>
                <a:gd name="T68" fmla="*/ 220 w 1174"/>
                <a:gd name="T69" fmla="*/ 46 h 1096"/>
                <a:gd name="T70" fmla="*/ 232 w 1174"/>
                <a:gd name="T71" fmla="*/ 29 h 1096"/>
                <a:gd name="T72" fmla="*/ 246 w 1174"/>
                <a:gd name="T73" fmla="*/ 2 h 1096"/>
                <a:gd name="T74" fmla="*/ 250 w 1174"/>
                <a:gd name="T75" fmla="*/ 31 h 1096"/>
                <a:gd name="T76" fmla="*/ 268 w 1174"/>
                <a:gd name="T77" fmla="*/ 49 h 1096"/>
                <a:gd name="T78" fmla="*/ 313 w 1174"/>
                <a:gd name="T79" fmla="*/ 55 h 1096"/>
                <a:gd name="T80" fmla="*/ 339 w 1174"/>
                <a:gd name="T81" fmla="*/ 63 h 1096"/>
                <a:gd name="T82" fmla="*/ 324 w 1174"/>
                <a:gd name="T83" fmla="*/ 88 h 1096"/>
                <a:gd name="T84" fmla="*/ 345 w 1174"/>
                <a:gd name="T85" fmla="*/ 84 h 1096"/>
                <a:gd name="T86" fmla="*/ 367 w 1174"/>
                <a:gd name="T87" fmla="*/ 97 h 1096"/>
                <a:gd name="T88" fmla="*/ 387 w 1174"/>
                <a:gd name="T89" fmla="*/ 113 h 1096"/>
                <a:gd name="T90" fmla="*/ 387 w 1174"/>
                <a:gd name="T91" fmla="*/ 195 h 1096"/>
                <a:gd name="T92" fmla="*/ 369 w 1174"/>
                <a:gd name="T93" fmla="*/ 226 h 1096"/>
                <a:gd name="T94" fmla="*/ 353 w 1174"/>
                <a:gd name="T95" fmla="*/ 258 h 1096"/>
                <a:gd name="T96" fmla="*/ 360 w 1174"/>
                <a:gd name="T97" fmla="*/ 279 h 1096"/>
                <a:gd name="T98" fmla="*/ 339 w 1174"/>
                <a:gd name="T99" fmla="*/ 283 h 1096"/>
                <a:gd name="T100" fmla="*/ 325 w 1174"/>
                <a:gd name="T101" fmla="*/ 294 h 1096"/>
                <a:gd name="T102" fmla="*/ 277 w 1174"/>
                <a:gd name="T103" fmla="*/ 289 h 1096"/>
                <a:gd name="T104" fmla="*/ 243 w 1174"/>
                <a:gd name="T105" fmla="*/ 276 h 1096"/>
                <a:gd name="T106" fmla="*/ 254 w 1174"/>
                <a:gd name="T107" fmla="*/ 266 h 1096"/>
                <a:gd name="T108" fmla="*/ 231 w 1174"/>
                <a:gd name="T109" fmla="*/ 251 h 1096"/>
                <a:gd name="T110" fmla="*/ 201 w 1174"/>
                <a:gd name="T111" fmla="*/ 256 h 109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174" h="1096">
                  <a:moveTo>
                    <a:pt x="592" y="769"/>
                  </a:moveTo>
                  <a:lnTo>
                    <a:pt x="580" y="768"/>
                  </a:lnTo>
                  <a:lnTo>
                    <a:pt x="579" y="774"/>
                  </a:lnTo>
                  <a:lnTo>
                    <a:pt x="577" y="779"/>
                  </a:lnTo>
                  <a:lnTo>
                    <a:pt x="574" y="784"/>
                  </a:lnTo>
                  <a:lnTo>
                    <a:pt x="570" y="789"/>
                  </a:lnTo>
                  <a:lnTo>
                    <a:pt x="567" y="793"/>
                  </a:lnTo>
                  <a:lnTo>
                    <a:pt x="563" y="796"/>
                  </a:lnTo>
                  <a:lnTo>
                    <a:pt x="559" y="799"/>
                  </a:lnTo>
                  <a:lnTo>
                    <a:pt x="554" y="802"/>
                  </a:lnTo>
                  <a:lnTo>
                    <a:pt x="548" y="804"/>
                  </a:lnTo>
                  <a:lnTo>
                    <a:pt x="542" y="805"/>
                  </a:lnTo>
                  <a:lnTo>
                    <a:pt x="536" y="807"/>
                  </a:lnTo>
                  <a:lnTo>
                    <a:pt x="528" y="808"/>
                  </a:lnTo>
                  <a:lnTo>
                    <a:pt x="514" y="808"/>
                  </a:lnTo>
                  <a:lnTo>
                    <a:pt x="496" y="805"/>
                  </a:lnTo>
                  <a:lnTo>
                    <a:pt x="494" y="818"/>
                  </a:lnTo>
                  <a:lnTo>
                    <a:pt x="490" y="829"/>
                  </a:lnTo>
                  <a:lnTo>
                    <a:pt x="486" y="837"/>
                  </a:lnTo>
                  <a:lnTo>
                    <a:pt x="482" y="845"/>
                  </a:lnTo>
                  <a:lnTo>
                    <a:pt x="470" y="859"/>
                  </a:lnTo>
                  <a:lnTo>
                    <a:pt x="459" y="872"/>
                  </a:lnTo>
                  <a:lnTo>
                    <a:pt x="446" y="884"/>
                  </a:lnTo>
                  <a:lnTo>
                    <a:pt x="433" y="899"/>
                  </a:lnTo>
                  <a:lnTo>
                    <a:pt x="427" y="909"/>
                  </a:lnTo>
                  <a:lnTo>
                    <a:pt x="422" y="919"/>
                  </a:lnTo>
                  <a:lnTo>
                    <a:pt x="417" y="932"/>
                  </a:lnTo>
                  <a:lnTo>
                    <a:pt x="411" y="946"/>
                  </a:lnTo>
                  <a:lnTo>
                    <a:pt x="404" y="946"/>
                  </a:lnTo>
                  <a:lnTo>
                    <a:pt x="397" y="946"/>
                  </a:lnTo>
                  <a:lnTo>
                    <a:pt x="391" y="947"/>
                  </a:lnTo>
                  <a:lnTo>
                    <a:pt x="386" y="948"/>
                  </a:lnTo>
                  <a:lnTo>
                    <a:pt x="382" y="951"/>
                  </a:lnTo>
                  <a:lnTo>
                    <a:pt x="378" y="954"/>
                  </a:lnTo>
                  <a:lnTo>
                    <a:pt x="376" y="959"/>
                  </a:lnTo>
                  <a:lnTo>
                    <a:pt x="375" y="964"/>
                  </a:lnTo>
                  <a:lnTo>
                    <a:pt x="384" y="974"/>
                  </a:lnTo>
                  <a:lnTo>
                    <a:pt x="378" y="978"/>
                  </a:lnTo>
                  <a:lnTo>
                    <a:pt x="373" y="983"/>
                  </a:lnTo>
                  <a:lnTo>
                    <a:pt x="369" y="990"/>
                  </a:lnTo>
                  <a:lnTo>
                    <a:pt x="365" y="996"/>
                  </a:lnTo>
                  <a:lnTo>
                    <a:pt x="362" y="1003"/>
                  </a:lnTo>
                  <a:lnTo>
                    <a:pt x="360" y="1011"/>
                  </a:lnTo>
                  <a:lnTo>
                    <a:pt x="359" y="1019"/>
                  </a:lnTo>
                  <a:lnTo>
                    <a:pt x="358" y="1027"/>
                  </a:lnTo>
                  <a:lnTo>
                    <a:pt x="357" y="1044"/>
                  </a:lnTo>
                  <a:lnTo>
                    <a:pt x="358" y="1061"/>
                  </a:lnTo>
                  <a:lnTo>
                    <a:pt x="361" y="1079"/>
                  </a:lnTo>
                  <a:lnTo>
                    <a:pt x="365" y="1096"/>
                  </a:lnTo>
                  <a:lnTo>
                    <a:pt x="361" y="1095"/>
                  </a:lnTo>
                  <a:lnTo>
                    <a:pt x="357" y="1094"/>
                  </a:lnTo>
                  <a:lnTo>
                    <a:pt x="353" y="1093"/>
                  </a:lnTo>
                  <a:lnTo>
                    <a:pt x="349" y="1091"/>
                  </a:lnTo>
                  <a:lnTo>
                    <a:pt x="343" y="1086"/>
                  </a:lnTo>
                  <a:lnTo>
                    <a:pt x="338" y="1079"/>
                  </a:lnTo>
                  <a:lnTo>
                    <a:pt x="333" y="1071"/>
                  </a:lnTo>
                  <a:lnTo>
                    <a:pt x="330" y="1062"/>
                  </a:lnTo>
                  <a:lnTo>
                    <a:pt x="328" y="1053"/>
                  </a:lnTo>
                  <a:lnTo>
                    <a:pt x="327" y="1042"/>
                  </a:lnTo>
                  <a:lnTo>
                    <a:pt x="326" y="1033"/>
                  </a:lnTo>
                  <a:lnTo>
                    <a:pt x="326" y="1022"/>
                  </a:lnTo>
                  <a:lnTo>
                    <a:pt x="327" y="1012"/>
                  </a:lnTo>
                  <a:lnTo>
                    <a:pt x="329" y="1002"/>
                  </a:lnTo>
                  <a:lnTo>
                    <a:pt x="332" y="994"/>
                  </a:lnTo>
                  <a:lnTo>
                    <a:pt x="337" y="986"/>
                  </a:lnTo>
                  <a:lnTo>
                    <a:pt x="341" y="979"/>
                  </a:lnTo>
                  <a:lnTo>
                    <a:pt x="346" y="974"/>
                  </a:lnTo>
                  <a:lnTo>
                    <a:pt x="311" y="975"/>
                  </a:lnTo>
                  <a:lnTo>
                    <a:pt x="280" y="975"/>
                  </a:lnTo>
                  <a:lnTo>
                    <a:pt x="263" y="976"/>
                  </a:lnTo>
                  <a:lnTo>
                    <a:pt x="245" y="977"/>
                  </a:lnTo>
                  <a:lnTo>
                    <a:pt x="226" y="980"/>
                  </a:lnTo>
                  <a:lnTo>
                    <a:pt x="206" y="983"/>
                  </a:lnTo>
                  <a:lnTo>
                    <a:pt x="192" y="963"/>
                  </a:lnTo>
                  <a:lnTo>
                    <a:pt x="180" y="948"/>
                  </a:lnTo>
                  <a:lnTo>
                    <a:pt x="169" y="935"/>
                  </a:lnTo>
                  <a:lnTo>
                    <a:pt x="160" y="924"/>
                  </a:lnTo>
                  <a:lnTo>
                    <a:pt x="152" y="916"/>
                  </a:lnTo>
                  <a:lnTo>
                    <a:pt x="145" y="911"/>
                  </a:lnTo>
                  <a:lnTo>
                    <a:pt x="140" y="908"/>
                  </a:lnTo>
                  <a:lnTo>
                    <a:pt x="134" y="906"/>
                  </a:lnTo>
                  <a:lnTo>
                    <a:pt x="130" y="904"/>
                  </a:lnTo>
                  <a:lnTo>
                    <a:pt x="127" y="904"/>
                  </a:lnTo>
                  <a:lnTo>
                    <a:pt x="125" y="904"/>
                  </a:lnTo>
                  <a:lnTo>
                    <a:pt x="123" y="906"/>
                  </a:lnTo>
                  <a:lnTo>
                    <a:pt x="121" y="907"/>
                  </a:lnTo>
                  <a:lnTo>
                    <a:pt x="120" y="908"/>
                  </a:lnTo>
                  <a:lnTo>
                    <a:pt x="119" y="908"/>
                  </a:lnTo>
                  <a:lnTo>
                    <a:pt x="118" y="907"/>
                  </a:lnTo>
                  <a:lnTo>
                    <a:pt x="105" y="890"/>
                  </a:lnTo>
                  <a:lnTo>
                    <a:pt x="94" y="878"/>
                  </a:lnTo>
                  <a:lnTo>
                    <a:pt x="92" y="875"/>
                  </a:lnTo>
                  <a:lnTo>
                    <a:pt x="90" y="872"/>
                  </a:lnTo>
                  <a:lnTo>
                    <a:pt x="89" y="869"/>
                  </a:lnTo>
                  <a:lnTo>
                    <a:pt x="89" y="864"/>
                  </a:lnTo>
                  <a:lnTo>
                    <a:pt x="89" y="860"/>
                  </a:lnTo>
                  <a:lnTo>
                    <a:pt x="89" y="855"/>
                  </a:lnTo>
                  <a:lnTo>
                    <a:pt x="91" y="850"/>
                  </a:lnTo>
                  <a:lnTo>
                    <a:pt x="93" y="843"/>
                  </a:lnTo>
                  <a:lnTo>
                    <a:pt x="97" y="840"/>
                  </a:lnTo>
                  <a:lnTo>
                    <a:pt x="101" y="838"/>
                  </a:lnTo>
                  <a:lnTo>
                    <a:pt x="104" y="837"/>
                  </a:lnTo>
                  <a:lnTo>
                    <a:pt x="107" y="837"/>
                  </a:lnTo>
                  <a:lnTo>
                    <a:pt x="110" y="837"/>
                  </a:lnTo>
                  <a:lnTo>
                    <a:pt x="113" y="839"/>
                  </a:lnTo>
                  <a:lnTo>
                    <a:pt x="117" y="841"/>
                  </a:lnTo>
                  <a:lnTo>
                    <a:pt x="120" y="843"/>
                  </a:lnTo>
                  <a:lnTo>
                    <a:pt x="130" y="857"/>
                  </a:lnTo>
                  <a:lnTo>
                    <a:pt x="140" y="871"/>
                  </a:lnTo>
                  <a:lnTo>
                    <a:pt x="152" y="862"/>
                  </a:lnTo>
                  <a:lnTo>
                    <a:pt x="166" y="855"/>
                  </a:lnTo>
                  <a:lnTo>
                    <a:pt x="172" y="851"/>
                  </a:lnTo>
                  <a:lnTo>
                    <a:pt x="179" y="847"/>
                  </a:lnTo>
                  <a:lnTo>
                    <a:pt x="183" y="840"/>
                  </a:lnTo>
                  <a:lnTo>
                    <a:pt x="187" y="834"/>
                  </a:lnTo>
                  <a:lnTo>
                    <a:pt x="187" y="822"/>
                  </a:lnTo>
                  <a:lnTo>
                    <a:pt x="186" y="812"/>
                  </a:lnTo>
                  <a:lnTo>
                    <a:pt x="184" y="802"/>
                  </a:lnTo>
                  <a:lnTo>
                    <a:pt x="182" y="794"/>
                  </a:lnTo>
                  <a:lnTo>
                    <a:pt x="178" y="785"/>
                  </a:lnTo>
                  <a:lnTo>
                    <a:pt x="173" y="778"/>
                  </a:lnTo>
                  <a:lnTo>
                    <a:pt x="168" y="771"/>
                  </a:lnTo>
                  <a:lnTo>
                    <a:pt x="163" y="763"/>
                  </a:lnTo>
                  <a:lnTo>
                    <a:pt x="150" y="751"/>
                  </a:lnTo>
                  <a:lnTo>
                    <a:pt x="137" y="740"/>
                  </a:lnTo>
                  <a:lnTo>
                    <a:pt x="122" y="730"/>
                  </a:lnTo>
                  <a:lnTo>
                    <a:pt x="106" y="720"/>
                  </a:lnTo>
                  <a:lnTo>
                    <a:pt x="91" y="710"/>
                  </a:lnTo>
                  <a:lnTo>
                    <a:pt x="78" y="700"/>
                  </a:lnTo>
                  <a:lnTo>
                    <a:pt x="71" y="695"/>
                  </a:lnTo>
                  <a:lnTo>
                    <a:pt x="65" y="689"/>
                  </a:lnTo>
                  <a:lnTo>
                    <a:pt x="60" y="683"/>
                  </a:lnTo>
                  <a:lnTo>
                    <a:pt x="54" y="677"/>
                  </a:lnTo>
                  <a:lnTo>
                    <a:pt x="50" y="671"/>
                  </a:lnTo>
                  <a:lnTo>
                    <a:pt x="47" y="663"/>
                  </a:lnTo>
                  <a:lnTo>
                    <a:pt x="45" y="656"/>
                  </a:lnTo>
                  <a:lnTo>
                    <a:pt x="43" y="648"/>
                  </a:lnTo>
                  <a:lnTo>
                    <a:pt x="42" y="639"/>
                  </a:lnTo>
                  <a:lnTo>
                    <a:pt x="43" y="630"/>
                  </a:lnTo>
                  <a:lnTo>
                    <a:pt x="44" y="619"/>
                  </a:lnTo>
                  <a:lnTo>
                    <a:pt x="46" y="609"/>
                  </a:lnTo>
                  <a:lnTo>
                    <a:pt x="40" y="598"/>
                  </a:lnTo>
                  <a:lnTo>
                    <a:pt x="34" y="586"/>
                  </a:lnTo>
                  <a:lnTo>
                    <a:pt x="29" y="575"/>
                  </a:lnTo>
                  <a:lnTo>
                    <a:pt x="25" y="562"/>
                  </a:lnTo>
                  <a:lnTo>
                    <a:pt x="19" y="538"/>
                  </a:lnTo>
                  <a:lnTo>
                    <a:pt x="13" y="513"/>
                  </a:lnTo>
                  <a:lnTo>
                    <a:pt x="10" y="486"/>
                  </a:lnTo>
                  <a:lnTo>
                    <a:pt x="7" y="461"/>
                  </a:lnTo>
                  <a:lnTo>
                    <a:pt x="4" y="436"/>
                  </a:lnTo>
                  <a:lnTo>
                    <a:pt x="0" y="412"/>
                  </a:lnTo>
                  <a:lnTo>
                    <a:pt x="6" y="414"/>
                  </a:lnTo>
                  <a:lnTo>
                    <a:pt x="12" y="415"/>
                  </a:lnTo>
                  <a:lnTo>
                    <a:pt x="20" y="416"/>
                  </a:lnTo>
                  <a:lnTo>
                    <a:pt x="27" y="416"/>
                  </a:lnTo>
                  <a:lnTo>
                    <a:pt x="41" y="414"/>
                  </a:lnTo>
                  <a:lnTo>
                    <a:pt x="55" y="412"/>
                  </a:lnTo>
                  <a:lnTo>
                    <a:pt x="85" y="403"/>
                  </a:lnTo>
                  <a:lnTo>
                    <a:pt x="114" y="395"/>
                  </a:lnTo>
                  <a:lnTo>
                    <a:pt x="129" y="392"/>
                  </a:lnTo>
                  <a:lnTo>
                    <a:pt x="143" y="390"/>
                  </a:lnTo>
                  <a:lnTo>
                    <a:pt x="157" y="388"/>
                  </a:lnTo>
                  <a:lnTo>
                    <a:pt x="170" y="390"/>
                  </a:lnTo>
                  <a:lnTo>
                    <a:pt x="177" y="391"/>
                  </a:lnTo>
                  <a:lnTo>
                    <a:pt x="183" y="393"/>
                  </a:lnTo>
                  <a:lnTo>
                    <a:pt x="188" y="396"/>
                  </a:lnTo>
                  <a:lnTo>
                    <a:pt x="194" y="399"/>
                  </a:lnTo>
                  <a:lnTo>
                    <a:pt x="200" y="403"/>
                  </a:lnTo>
                  <a:lnTo>
                    <a:pt x="205" y="408"/>
                  </a:lnTo>
                  <a:lnTo>
                    <a:pt x="210" y="415"/>
                  </a:lnTo>
                  <a:lnTo>
                    <a:pt x="216" y="421"/>
                  </a:lnTo>
                  <a:lnTo>
                    <a:pt x="233" y="421"/>
                  </a:lnTo>
                  <a:lnTo>
                    <a:pt x="249" y="419"/>
                  </a:lnTo>
                  <a:lnTo>
                    <a:pt x="265" y="416"/>
                  </a:lnTo>
                  <a:lnTo>
                    <a:pt x="280" y="412"/>
                  </a:lnTo>
                  <a:lnTo>
                    <a:pt x="293" y="406"/>
                  </a:lnTo>
                  <a:lnTo>
                    <a:pt x="306" y="400"/>
                  </a:lnTo>
                  <a:lnTo>
                    <a:pt x="318" y="393"/>
                  </a:lnTo>
                  <a:lnTo>
                    <a:pt x="328" y="385"/>
                  </a:lnTo>
                  <a:lnTo>
                    <a:pt x="339" y="376"/>
                  </a:lnTo>
                  <a:lnTo>
                    <a:pt x="348" y="367"/>
                  </a:lnTo>
                  <a:lnTo>
                    <a:pt x="357" y="357"/>
                  </a:lnTo>
                  <a:lnTo>
                    <a:pt x="365" y="346"/>
                  </a:lnTo>
                  <a:lnTo>
                    <a:pt x="372" y="336"/>
                  </a:lnTo>
                  <a:lnTo>
                    <a:pt x="380" y="324"/>
                  </a:lnTo>
                  <a:lnTo>
                    <a:pt x="386" y="312"/>
                  </a:lnTo>
                  <a:lnTo>
                    <a:pt x="393" y="300"/>
                  </a:lnTo>
                  <a:lnTo>
                    <a:pt x="396" y="310"/>
                  </a:lnTo>
                  <a:lnTo>
                    <a:pt x="400" y="319"/>
                  </a:lnTo>
                  <a:lnTo>
                    <a:pt x="405" y="326"/>
                  </a:lnTo>
                  <a:lnTo>
                    <a:pt x="410" y="334"/>
                  </a:lnTo>
                  <a:lnTo>
                    <a:pt x="423" y="347"/>
                  </a:lnTo>
                  <a:lnTo>
                    <a:pt x="437" y="359"/>
                  </a:lnTo>
                  <a:lnTo>
                    <a:pt x="450" y="372"/>
                  </a:lnTo>
                  <a:lnTo>
                    <a:pt x="462" y="385"/>
                  </a:lnTo>
                  <a:lnTo>
                    <a:pt x="467" y="393"/>
                  </a:lnTo>
                  <a:lnTo>
                    <a:pt x="471" y="401"/>
                  </a:lnTo>
                  <a:lnTo>
                    <a:pt x="475" y="411"/>
                  </a:lnTo>
                  <a:lnTo>
                    <a:pt x="478" y="421"/>
                  </a:lnTo>
                  <a:lnTo>
                    <a:pt x="482" y="414"/>
                  </a:lnTo>
                  <a:lnTo>
                    <a:pt x="487" y="406"/>
                  </a:lnTo>
                  <a:lnTo>
                    <a:pt x="492" y="401"/>
                  </a:lnTo>
                  <a:lnTo>
                    <a:pt x="498" y="396"/>
                  </a:lnTo>
                  <a:lnTo>
                    <a:pt x="504" y="392"/>
                  </a:lnTo>
                  <a:lnTo>
                    <a:pt x="511" y="388"/>
                  </a:lnTo>
                  <a:lnTo>
                    <a:pt x="518" y="385"/>
                  </a:lnTo>
                  <a:lnTo>
                    <a:pt x="525" y="383"/>
                  </a:lnTo>
                  <a:lnTo>
                    <a:pt x="541" y="380"/>
                  </a:lnTo>
                  <a:lnTo>
                    <a:pt x="557" y="378"/>
                  </a:lnTo>
                  <a:lnTo>
                    <a:pt x="572" y="376"/>
                  </a:lnTo>
                  <a:lnTo>
                    <a:pt x="589" y="375"/>
                  </a:lnTo>
                  <a:lnTo>
                    <a:pt x="584" y="372"/>
                  </a:lnTo>
                  <a:lnTo>
                    <a:pt x="580" y="370"/>
                  </a:lnTo>
                  <a:lnTo>
                    <a:pt x="577" y="365"/>
                  </a:lnTo>
                  <a:lnTo>
                    <a:pt x="575" y="362"/>
                  </a:lnTo>
                  <a:lnTo>
                    <a:pt x="574" y="358"/>
                  </a:lnTo>
                  <a:lnTo>
                    <a:pt x="572" y="354"/>
                  </a:lnTo>
                  <a:lnTo>
                    <a:pt x="572" y="350"/>
                  </a:lnTo>
                  <a:lnTo>
                    <a:pt x="574" y="344"/>
                  </a:lnTo>
                  <a:lnTo>
                    <a:pt x="576" y="336"/>
                  </a:lnTo>
                  <a:lnTo>
                    <a:pt x="580" y="326"/>
                  </a:lnTo>
                  <a:lnTo>
                    <a:pt x="585" y="317"/>
                  </a:lnTo>
                  <a:lnTo>
                    <a:pt x="589" y="310"/>
                  </a:lnTo>
                  <a:lnTo>
                    <a:pt x="585" y="307"/>
                  </a:lnTo>
                  <a:lnTo>
                    <a:pt x="581" y="305"/>
                  </a:lnTo>
                  <a:lnTo>
                    <a:pt x="578" y="305"/>
                  </a:lnTo>
                  <a:lnTo>
                    <a:pt x="574" y="305"/>
                  </a:lnTo>
                  <a:lnTo>
                    <a:pt x="565" y="305"/>
                  </a:lnTo>
                  <a:lnTo>
                    <a:pt x="557" y="308"/>
                  </a:lnTo>
                  <a:lnTo>
                    <a:pt x="540" y="317"/>
                  </a:lnTo>
                  <a:lnTo>
                    <a:pt x="524" y="327"/>
                  </a:lnTo>
                  <a:lnTo>
                    <a:pt x="516" y="333"/>
                  </a:lnTo>
                  <a:lnTo>
                    <a:pt x="507" y="337"/>
                  </a:lnTo>
                  <a:lnTo>
                    <a:pt x="499" y="340"/>
                  </a:lnTo>
                  <a:lnTo>
                    <a:pt x="491" y="342"/>
                  </a:lnTo>
                  <a:lnTo>
                    <a:pt x="487" y="342"/>
                  </a:lnTo>
                  <a:lnTo>
                    <a:pt x="483" y="342"/>
                  </a:lnTo>
                  <a:lnTo>
                    <a:pt x="479" y="341"/>
                  </a:lnTo>
                  <a:lnTo>
                    <a:pt x="475" y="340"/>
                  </a:lnTo>
                  <a:lnTo>
                    <a:pt x="470" y="338"/>
                  </a:lnTo>
                  <a:lnTo>
                    <a:pt x="466" y="336"/>
                  </a:lnTo>
                  <a:lnTo>
                    <a:pt x="463" y="332"/>
                  </a:lnTo>
                  <a:lnTo>
                    <a:pt x="459" y="327"/>
                  </a:lnTo>
                  <a:lnTo>
                    <a:pt x="459" y="311"/>
                  </a:lnTo>
                  <a:lnTo>
                    <a:pt x="461" y="294"/>
                  </a:lnTo>
                  <a:lnTo>
                    <a:pt x="463" y="278"/>
                  </a:lnTo>
                  <a:lnTo>
                    <a:pt x="467" y="261"/>
                  </a:lnTo>
                  <a:lnTo>
                    <a:pt x="478" y="231"/>
                  </a:lnTo>
                  <a:lnTo>
                    <a:pt x="488" y="201"/>
                  </a:lnTo>
                  <a:lnTo>
                    <a:pt x="494" y="186"/>
                  </a:lnTo>
                  <a:lnTo>
                    <a:pt x="499" y="172"/>
                  </a:lnTo>
                  <a:lnTo>
                    <a:pt x="503" y="158"/>
                  </a:lnTo>
                  <a:lnTo>
                    <a:pt x="506" y="143"/>
                  </a:lnTo>
                  <a:lnTo>
                    <a:pt x="508" y="128"/>
                  </a:lnTo>
                  <a:lnTo>
                    <a:pt x="509" y="114"/>
                  </a:lnTo>
                  <a:lnTo>
                    <a:pt x="508" y="99"/>
                  </a:lnTo>
                  <a:lnTo>
                    <a:pt x="505" y="84"/>
                  </a:lnTo>
                  <a:lnTo>
                    <a:pt x="509" y="80"/>
                  </a:lnTo>
                  <a:lnTo>
                    <a:pt x="515" y="77"/>
                  </a:lnTo>
                  <a:lnTo>
                    <a:pt x="520" y="75"/>
                  </a:lnTo>
                  <a:lnTo>
                    <a:pt x="525" y="74"/>
                  </a:lnTo>
                  <a:lnTo>
                    <a:pt x="536" y="75"/>
                  </a:lnTo>
                  <a:lnTo>
                    <a:pt x="547" y="78"/>
                  </a:lnTo>
                  <a:lnTo>
                    <a:pt x="559" y="82"/>
                  </a:lnTo>
                  <a:lnTo>
                    <a:pt x="572" y="85"/>
                  </a:lnTo>
                  <a:lnTo>
                    <a:pt x="579" y="86"/>
                  </a:lnTo>
                  <a:lnTo>
                    <a:pt x="585" y="86"/>
                  </a:lnTo>
                  <a:lnTo>
                    <a:pt x="592" y="86"/>
                  </a:lnTo>
                  <a:lnTo>
                    <a:pt x="599" y="84"/>
                  </a:lnTo>
                  <a:lnTo>
                    <a:pt x="600" y="93"/>
                  </a:lnTo>
                  <a:lnTo>
                    <a:pt x="602" y="99"/>
                  </a:lnTo>
                  <a:lnTo>
                    <a:pt x="605" y="104"/>
                  </a:lnTo>
                  <a:lnTo>
                    <a:pt x="609" y="109"/>
                  </a:lnTo>
                  <a:lnTo>
                    <a:pt x="614" y="114"/>
                  </a:lnTo>
                  <a:lnTo>
                    <a:pt x="619" y="117"/>
                  </a:lnTo>
                  <a:lnTo>
                    <a:pt x="624" y="120"/>
                  </a:lnTo>
                  <a:lnTo>
                    <a:pt x="630" y="123"/>
                  </a:lnTo>
                  <a:lnTo>
                    <a:pt x="643" y="128"/>
                  </a:lnTo>
                  <a:lnTo>
                    <a:pt x="655" y="134"/>
                  </a:lnTo>
                  <a:lnTo>
                    <a:pt x="661" y="137"/>
                  </a:lnTo>
                  <a:lnTo>
                    <a:pt x="665" y="141"/>
                  </a:lnTo>
                  <a:lnTo>
                    <a:pt x="670" y="145"/>
                  </a:lnTo>
                  <a:lnTo>
                    <a:pt x="674" y="149"/>
                  </a:lnTo>
                  <a:lnTo>
                    <a:pt x="679" y="141"/>
                  </a:lnTo>
                  <a:lnTo>
                    <a:pt x="683" y="132"/>
                  </a:lnTo>
                  <a:lnTo>
                    <a:pt x="687" y="121"/>
                  </a:lnTo>
                  <a:lnTo>
                    <a:pt x="690" y="110"/>
                  </a:lnTo>
                  <a:lnTo>
                    <a:pt x="697" y="88"/>
                  </a:lnTo>
                  <a:lnTo>
                    <a:pt x="702" y="66"/>
                  </a:lnTo>
                  <a:lnTo>
                    <a:pt x="705" y="56"/>
                  </a:lnTo>
                  <a:lnTo>
                    <a:pt x="709" y="45"/>
                  </a:lnTo>
                  <a:lnTo>
                    <a:pt x="714" y="36"/>
                  </a:lnTo>
                  <a:lnTo>
                    <a:pt x="719" y="26"/>
                  </a:lnTo>
                  <a:lnTo>
                    <a:pt x="725" y="18"/>
                  </a:lnTo>
                  <a:lnTo>
                    <a:pt x="731" y="10"/>
                  </a:lnTo>
                  <a:lnTo>
                    <a:pt x="740" y="5"/>
                  </a:lnTo>
                  <a:lnTo>
                    <a:pt x="748" y="0"/>
                  </a:lnTo>
                  <a:lnTo>
                    <a:pt x="745" y="16"/>
                  </a:lnTo>
                  <a:lnTo>
                    <a:pt x="744" y="32"/>
                  </a:lnTo>
                  <a:lnTo>
                    <a:pt x="743" y="45"/>
                  </a:lnTo>
                  <a:lnTo>
                    <a:pt x="743" y="59"/>
                  </a:lnTo>
                  <a:lnTo>
                    <a:pt x="744" y="70"/>
                  </a:lnTo>
                  <a:lnTo>
                    <a:pt x="747" y="82"/>
                  </a:lnTo>
                  <a:lnTo>
                    <a:pt x="750" y="92"/>
                  </a:lnTo>
                  <a:lnTo>
                    <a:pt x="755" y="101"/>
                  </a:lnTo>
                  <a:lnTo>
                    <a:pt x="760" y="110"/>
                  </a:lnTo>
                  <a:lnTo>
                    <a:pt x="765" y="118"/>
                  </a:lnTo>
                  <a:lnTo>
                    <a:pt x="773" y="125"/>
                  </a:lnTo>
                  <a:lnTo>
                    <a:pt x="780" y="132"/>
                  </a:lnTo>
                  <a:lnTo>
                    <a:pt x="788" y="137"/>
                  </a:lnTo>
                  <a:lnTo>
                    <a:pt x="797" y="142"/>
                  </a:lnTo>
                  <a:lnTo>
                    <a:pt x="806" y="146"/>
                  </a:lnTo>
                  <a:lnTo>
                    <a:pt x="817" y="151"/>
                  </a:lnTo>
                  <a:lnTo>
                    <a:pt x="827" y="154"/>
                  </a:lnTo>
                  <a:lnTo>
                    <a:pt x="838" y="157"/>
                  </a:lnTo>
                  <a:lnTo>
                    <a:pt x="849" y="159"/>
                  </a:lnTo>
                  <a:lnTo>
                    <a:pt x="862" y="160"/>
                  </a:lnTo>
                  <a:lnTo>
                    <a:pt x="886" y="163"/>
                  </a:lnTo>
                  <a:lnTo>
                    <a:pt x="913" y="164"/>
                  </a:lnTo>
                  <a:lnTo>
                    <a:pt x="939" y="164"/>
                  </a:lnTo>
                  <a:lnTo>
                    <a:pt x="966" y="163"/>
                  </a:lnTo>
                  <a:lnTo>
                    <a:pt x="994" y="161"/>
                  </a:lnTo>
                  <a:lnTo>
                    <a:pt x="1020" y="159"/>
                  </a:lnTo>
                  <a:lnTo>
                    <a:pt x="1022" y="167"/>
                  </a:lnTo>
                  <a:lnTo>
                    <a:pt x="1022" y="174"/>
                  </a:lnTo>
                  <a:lnTo>
                    <a:pt x="1022" y="180"/>
                  </a:lnTo>
                  <a:lnTo>
                    <a:pt x="1021" y="185"/>
                  </a:lnTo>
                  <a:lnTo>
                    <a:pt x="1019" y="189"/>
                  </a:lnTo>
                  <a:lnTo>
                    <a:pt x="1016" y="194"/>
                  </a:lnTo>
                  <a:lnTo>
                    <a:pt x="1013" y="197"/>
                  </a:lnTo>
                  <a:lnTo>
                    <a:pt x="1008" y="199"/>
                  </a:lnTo>
                  <a:lnTo>
                    <a:pt x="991" y="207"/>
                  </a:lnTo>
                  <a:lnTo>
                    <a:pt x="974" y="216"/>
                  </a:lnTo>
                  <a:lnTo>
                    <a:pt x="974" y="232"/>
                  </a:lnTo>
                  <a:lnTo>
                    <a:pt x="974" y="248"/>
                  </a:lnTo>
                  <a:lnTo>
                    <a:pt x="974" y="264"/>
                  </a:lnTo>
                  <a:lnTo>
                    <a:pt x="974" y="281"/>
                  </a:lnTo>
                  <a:lnTo>
                    <a:pt x="984" y="278"/>
                  </a:lnTo>
                  <a:lnTo>
                    <a:pt x="995" y="274"/>
                  </a:lnTo>
                  <a:lnTo>
                    <a:pt x="1003" y="268"/>
                  </a:lnTo>
                  <a:lnTo>
                    <a:pt x="1012" y="263"/>
                  </a:lnTo>
                  <a:lnTo>
                    <a:pt x="1021" y="258"/>
                  </a:lnTo>
                  <a:lnTo>
                    <a:pt x="1032" y="255"/>
                  </a:lnTo>
                  <a:lnTo>
                    <a:pt x="1037" y="253"/>
                  </a:lnTo>
                  <a:lnTo>
                    <a:pt x="1043" y="253"/>
                  </a:lnTo>
                  <a:lnTo>
                    <a:pt x="1051" y="253"/>
                  </a:lnTo>
                  <a:lnTo>
                    <a:pt x="1058" y="253"/>
                  </a:lnTo>
                  <a:lnTo>
                    <a:pt x="1066" y="257"/>
                  </a:lnTo>
                  <a:lnTo>
                    <a:pt x="1074" y="263"/>
                  </a:lnTo>
                  <a:lnTo>
                    <a:pt x="1081" y="268"/>
                  </a:lnTo>
                  <a:lnTo>
                    <a:pt x="1087" y="276"/>
                  </a:lnTo>
                  <a:lnTo>
                    <a:pt x="1101" y="291"/>
                  </a:lnTo>
                  <a:lnTo>
                    <a:pt x="1114" y="306"/>
                  </a:lnTo>
                  <a:lnTo>
                    <a:pt x="1120" y="313"/>
                  </a:lnTo>
                  <a:lnTo>
                    <a:pt x="1127" y="320"/>
                  </a:lnTo>
                  <a:lnTo>
                    <a:pt x="1134" y="325"/>
                  </a:lnTo>
                  <a:lnTo>
                    <a:pt x="1140" y="331"/>
                  </a:lnTo>
                  <a:lnTo>
                    <a:pt x="1147" y="335"/>
                  </a:lnTo>
                  <a:lnTo>
                    <a:pt x="1155" y="337"/>
                  </a:lnTo>
                  <a:lnTo>
                    <a:pt x="1162" y="338"/>
                  </a:lnTo>
                  <a:lnTo>
                    <a:pt x="1171" y="337"/>
                  </a:lnTo>
                  <a:lnTo>
                    <a:pt x="1173" y="374"/>
                  </a:lnTo>
                  <a:lnTo>
                    <a:pt x="1174" y="412"/>
                  </a:lnTo>
                  <a:lnTo>
                    <a:pt x="1174" y="452"/>
                  </a:lnTo>
                  <a:lnTo>
                    <a:pt x="1173" y="492"/>
                  </a:lnTo>
                  <a:lnTo>
                    <a:pt x="1171" y="531"/>
                  </a:lnTo>
                  <a:lnTo>
                    <a:pt x="1166" y="569"/>
                  </a:lnTo>
                  <a:lnTo>
                    <a:pt x="1163" y="586"/>
                  </a:lnTo>
                  <a:lnTo>
                    <a:pt x="1160" y="604"/>
                  </a:lnTo>
                  <a:lnTo>
                    <a:pt x="1156" y="621"/>
                  </a:lnTo>
                  <a:lnTo>
                    <a:pt x="1152" y="637"/>
                  </a:lnTo>
                  <a:lnTo>
                    <a:pt x="1142" y="643"/>
                  </a:lnTo>
                  <a:lnTo>
                    <a:pt x="1134" y="650"/>
                  </a:lnTo>
                  <a:lnTo>
                    <a:pt x="1126" y="657"/>
                  </a:lnTo>
                  <a:lnTo>
                    <a:pt x="1120" y="663"/>
                  </a:lnTo>
                  <a:lnTo>
                    <a:pt x="1108" y="678"/>
                  </a:lnTo>
                  <a:lnTo>
                    <a:pt x="1100" y="694"/>
                  </a:lnTo>
                  <a:lnTo>
                    <a:pt x="1092" y="709"/>
                  </a:lnTo>
                  <a:lnTo>
                    <a:pt x="1083" y="723"/>
                  </a:lnTo>
                  <a:lnTo>
                    <a:pt x="1078" y="730"/>
                  </a:lnTo>
                  <a:lnTo>
                    <a:pt x="1072" y="737"/>
                  </a:lnTo>
                  <a:lnTo>
                    <a:pt x="1065" y="743"/>
                  </a:lnTo>
                  <a:lnTo>
                    <a:pt x="1058" y="750"/>
                  </a:lnTo>
                  <a:lnTo>
                    <a:pt x="1060" y="775"/>
                  </a:lnTo>
                  <a:lnTo>
                    <a:pt x="1063" y="799"/>
                  </a:lnTo>
                  <a:lnTo>
                    <a:pt x="1066" y="811"/>
                  </a:lnTo>
                  <a:lnTo>
                    <a:pt x="1072" y="820"/>
                  </a:lnTo>
                  <a:lnTo>
                    <a:pt x="1074" y="824"/>
                  </a:lnTo>
                  <a:lnTo>
                    <a:pt x="1078" y="828"/>
                  </a:lnTo>
                  <a:lnTo>
                    <a:pt x="1081" y="831"/>
                  </a:lnTo>
                  <a:lnTo>
                    <a:pt x="1086" y="834"/>
                  </a:lnTo>
                  <a:lnTo>
                    <a:pt x="1080" y="838"/>
                  </a:lnTo>
                  <a:lnTo>
                    <a:pt x="1075" y="842"/>
                  </a:lnTo>
                  <a:lnTo>
                    <a:pt x="1067" y="844"/>
                  </a:lnTo>
                  <a:lnTo>
                    <a:pt x="1061" y="845"/>
                  </a:lnTo>
                  <a:lnTo>
                    <a:pt x="1046" y="847"/>
                  </a:lnTo>
                  <a:lnTo>
                    <a:pt x="1034" y="847"/>
                  </a:lnTo>
                  <a:lnTo>
                    <a:pt x="1027" y="847"/>
                  </a:lnTo>
                  <a:lnTo>
                    <a:pt x="1023" y="848"/>
                  </a:lnTo>
                  <a:lnTo>
                    <a:pt x="1019" y="850"/>
                  </a:lnTo>
                  <a:lnTo>
                    <a:pt x="1016" y="853"/>
                  </a:lnTo>
                  <a:lnTo>
                    <a:pt x="1015" y="857"/>
                  </a:lnTo>
                  <a:lnTo>
                    <a:pt x="1015" y="862"/>
                  </a:lnTo>
                  <a:lnTo>
                    <a:pt x="1017" y="871"/>
                  </a:lnTo>
                  <a:lnTo>
                    <a:pt x="1020" y="880"/>
                  </a:lnTo>
                  <a:lnTo>
                    <a:pt x="1006" y="883"/>
                  </a:lnTo>
                  <a:lnTo>
                    <a:pt x="992" y="884"/>
                  </a:lnTo>
                  <a:lnTo>
                    <a:pt x="977" y="883"/>
                  </a:lnTo>
                  <a:lnTo>
                    <a:pt x="963" y="882"/>
                  </a:lnTo>
                  <a:lnTo>
                    <a:pt x="935" y="877"/>
                  </a:lnTo>
                  <a:lnTo>
                    <a:pt x="906" y="872"/>
                  </a:lnTo>
                  <a:lnTo>
                    <a:pt x="892" y="869"/>
                  </a:lnTo>
                  <a:lnTo>
                    <a:pt x="877" y="867"/>
                  </a:lnTo>
                  <a:lnTo>
                    <a:pt x="862" y="865"/>
                  </a:lnTo>
                  <a:lnTo>
                    <a:pt x="847" y="865"/>
                  </a:lnTo>
                  <a:lnTo>
                    <a:pt x="833" y="867"/>
                  </a:lnTo>
                  <a:lnTo>
                    <a:pt x="818" y="869"/>
                  </a:lnTo>
                  <a:lnTo>
                    <a:pt x="802" y="874"/>
                  </a:lnTo>
                  <a:lnTo>
                    <a:pt x="786" y="880"/>
                  </a:lnTo>
                  <a:lnTo>
                    <a:pt x="772" y="870"/>
                  </a:lnTo>
                  <a:lnTo>
                    <a:pt x="758" y="857"/>
                  </a:lnTo>
                  <a:lnTo>
                    <a:pt x="744" y="845"/>
                  </a:lnTo>
                  <a:lnTo>
                    <a:pt x="730" y="834"/>
                  </a:lnTo>
                  <a:lnTo>
                    <a:pt x="729" y="828"/>
                  </a:lnTo>
                  <a:lnTo>
                    <a:pt x="729" y="822"/>
                  </a:lnTo>
                  <a:lnTo>
                    <a:pt x="730" y="818"/>
                  </a:lnTo>
                  <a:lnTo>
                    <a:pt x="733" y="815"/>
                  </a:lnTo>
                  <a:lnTo>
                    <a:pt x="739" y="811"/>
                  </a:lnTo>
                  <a:lnTo>
                    <a:pt x="745" y="807"/>
                  </a:lnTo>
                  <a:lnTo>
                    <a:pt x="754" y="803"/>
                  </a:lnTo>
                  <a:lnTo>
                    <a:pt x="760" y="800"/>
                  </a:lnTo>
                  <a:lnTo>
                    <a:pt x="763" y="798"/>
                  </a:lnTo>
                  <a:lnTo>
                    <a:pt x="765" y="795"/>
                  </a:lnTo>
                  <a:lnTo>
                    <a:pt x="766" y="791"/>
                  </a:lnTo>
                  <a:lnTo>
                    <a:pt x="767" y="787"/>
                  </a:lnTo>
                  <a:lnTo>
                    <a:pt x="748" y="776"/>
                  </a:lnTo>
                  <a:lnTo>
                    <a:pt x="727" y="765"/>
                  </a:lnTo>
                  <a:lnTo>
                    <a:pt x="717" y="761"/>
                  </a:lnTo>
                  <a:lnTo>
                    <a:pt x="706" y="757"/>
                  </a:lnTo>
                  <a:lnTo>
                    <a:pt x="695" y="753"/>
                  </a:lnTo>
                  <a:lnTo>
                    <a:pt x="683" y="750"/>
                  </a:lnTo>
                  <a:lnTo>
                    <a:pt x="669" y="758"/>
                  </a:lnTo>
                  <a:lnTo>
                    <a:pt x="658" y="764"/>
                  </a:lnTo>
                  <a:lnTo>
                    <a:pt x="646" y="769"/>
                  </a:lnTo>
                  <a:lnTo>
                    <a:pt x="637" y="771"/>
                  </a:lnTo>
                  <a:lnTo>
                    <a:pt x="627" y="771"/>
                  </a:lnTo>
                  <a:lnTo>
                    <a:pt x="617" y="771"/>
                  </a:lnTo>
                  <a:lnTo>
                    <a:pt x="605" y="770"/>
                  </a:lnTo>
                  <a:lnTo>
                    <a:pt x="592" y="769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274" name="Viborg kant"/>
            <p:cNvSpPr>
              <a:spLocks/>
            </p:cNvSpPr>
            <p:nvPr/>
          </p:nvSpPr>
          <p:spPr bwMode="auto">
            <a:xfrm>
              <a:off x="1211264" y="3649668"/>
              <a:ext cx="620714" cy="579438"/>
            </a:xfrm>
            <a:custGeom>
              <a:avLst/>
              <a:gdLst>
                <a:gd name="T0" fmla="*/ 188 w 1174"/>
                <a:gd name="T1" fmla="*/ 265 h 1096"/>
                <a:gd name="T2" fmla="*/ 165 w 1174"/>
                <a:gd name="T3" fmla="*/ 268 h 1096"/>
                <a:gd name="T4" fmla="*/ 144 w 1174"/>
                <a:gd name="T5" fmla="*/ 299 h 1096"/>
                <a:gd name="T6" fmla="*/ 129 w 1174"/>
                <a:gd name="T7" fmla="*/ 316 h 1096"/>
                <a:gd name="T8" fmla="*/ 123 w 1174"/>
                <a:gd name="T9" fmla="*/ 330 h 1096"/>
                <a:gd name="T10" fmla="*/ 120 w 1174"/>
                <a:gd name="T11" fmla="*/ 359 h 1096"/>
                <a:gd name="T12" fmla="*/ 111 w 1174"/>
                <a:gd name="T13" fmla="*/ 357 h 1096"/>
                <a:gd name="T14" fmla="*/ 111 w 1174"/>
                <a:gd name="T15" fmla="*/ 331 h 1096"/>
                <a:gd name="T16" fmla="*/ 75 w 1174"/>
                <a:gd name="T17" fmla="*/ 326 h 1096"/>
                <a:gd name="T18" fmla="*/ 47 w 1174"/>
                <a:gd name="T19" fmla="*/ 302 h 1096"/>
                <a:gd name="T20" fmla="*/ 40 w 1174"/>
                <a:gd name="T21" fmla="*/ 302 h 1096"/>
                <a:gd name="T22" fmla="*/ 30 w 1174"/>
                <a:gd name="T23" fmla="*/ 286 h 1096"/>
                <a:gd name="T24" fmla="*/ 37 w 1174"/>
                <a:gd name="T25" fmla="*/ 279 h 1096"/>
                <a:gd name="T26" fmla="*/ 57 w 1174"/>
                <a:gd name="T27" fmla="*/ 283 h 1096"/>
                <a:gd name="T28" fmla="*/ 59 w 1174"/>
                <a:gd name="T29" fmla="*/ 261 h 1096"/>
                <a:gd name="T30" fmla="*/ 30 w 1174"/>
                <a:gd name="T31" fmla="*/ 236 h 1096"/>
                <a:gd name="T32" fmla="*/ 15 w 1174"/>
                <a:gd name="T33" fmla="*/ 218 h 1096"/>
                <a:gd name="T34" fmla="*/ 10 w 1174"/>
                <a:gd name="T35" fmla="*/ 191 h 1096"/>
                <a:gd name="T36" fmla="*/ 2 w 1174"/>
                <a:gd name="T37" fmla="*/ 138 h 1096"/>
                <a:gd name="T38" fmla="*/ 43 w 1174"/>
                <a:gd name="T39" fmla="*/ 131 h 1096"/>
                <a:gd name="T40" fmla="*/ 67 w 1174"/>
                <a:gd name="T41" fmla="*/ 134 h 1096"/>
                <a:gd name="T42" fmla="*/ 98 w 1174"/>
                <a:gd name="T43" fmla="*/ 135 h 1096"/>
                <a:gd name="T44" fmla="*/ 124 w 1174"/>
                <a:gd name="T45" fmla="*/ 112 h 1096"/>
                <a:gd name="T46" fmla="*/ 141 w 1174"/>
                <a:gd name="T47" fmla="*/ 116 h 1096"/>
                <a:gd name="T48" fmla="*/ 161 w 1174"/>
                <a:gd name="T49" fmla="*/ 138 h 1096"/>
                <a:gd name="T50" fmla="*/ 180 w 1174"/>
                <a:gd name="T51" fmla="*/ 127 h 1096"/>
                <a:gd name="T52" fmla="*/ 191 w 1174"/>
                <a:gd name="T53" fmla="*/ 119 h 1096"/>
                <a:gd name="T54" fmla="*/ 195 w 1174"/>
                <a:gd name="T55" fmla="*/ 102 h 1096"/>
                <a:gd name="T56" fmla="*/ 172 w 1174"/>
                <a:gd name="T57" fmla="*/ 111 h 1096"/>
                <a:gd name="T58" fmla="*/ 157 w 1174"/>
                <a:gd name="T59" fmla="*/ 113 h 1096"/>
                <a:gd name="T60" fmla="*/ 159 w 1174"/>
                <a:gd name="T61" fmla="*/ 77 h 1096"/>
                <a:gd name="T62" fmla="*/ 169 w 1174"/>
                <a:gd name="T63" fmla="*/ 33 h 1096"/>
                <a:gd name="T64" fmla="*/ 186 w 1174"/>
                <a:gd name="T65" fmla="*/ 27 h 1096"/>
                <a:gd name="T66" fmla="*/ 201 w 1174"/>
                <a:gd name="T67" fmla="*/ 35 h 1096"/>
                <a:gd name="T68" fmla="*/ 220 w 1174"/>
                <a:gd name="T69" fmla="*/ 46 h 1096"/>
                <a:gd name="T70" fmla="*/ 232 w 1174"/>
                <a:gd name="T71" fmla="*/ 29 h 1096"/>
                <a:gd name="T72" fmla="*/ 246 w 1174"/>
                <a:gd name="T73" fmla="*/ 2 h 1096"/>
                <a:gd name="T74" fmla="*/ 250 w 1174"/>
                <a:gd name="T75" fmla="*/ 31 h 1096"/>
                <a:gd name="T76" fmla="*/ 268 w 1174"/>
                <a:gd name="T77" fmla="*/ 49 h 1096"/>
                <a:gd name="T78" fmla="*/ 313 w 1174"/>
                <a:gd name="T79" fmla="*/ 55 h 1096"/>
                <a:gd name="T80" fmla="*/ 339 w 1174"/>
                <a:gd name="T81" fmla="*/ 63 h 1096"/>
                <a:gd name="T82" fmla="*/ 324 w 1174"/>
                <a:gd name="T83" fmla="*/ 88 h 1096"/>
                <a:gd name="T84" fmla="*/ 345 w 1174"/>
                <a:gd name="T85" fmla="*/ 84 h 1096"/>
                <a:gd name="T86" fmla="*/ 367 w 1174"/>
                <a:gd name="T87" fmla="*/ 97 h 1096"/>
                <a:gd name="T88" fmla="*/ 387 w 1174"/>
                <a:gd name="T89" fmla="*/ 113 h 1096"/>
                <a:gd name="T90" fmla="*/ 387 w 1174"/>
                <a:gd name="T91" fmla="*/ 195 h 1096"/>
                <a:gd name="T92" fmla="*/ 369 w 1174"/>
                <a:gd name="T93" fmla="*/ 226 h 1096"/>
                <a:gd name="T94" fmla="*/ 353 w 1174"/>
                <a:gd name="T95" fmla="*/ 258 h 1096"/>
                <a:gd name="T96" fmla="*/ 360 w 1174"/>
                <a:gd name="T97" fmla="*/ 279 h 1096"/>
                <a:gd name="T98" fmla="*/ 339 w 1174"/>
                <a:gd name="T99" fmla="*/ 283 h 1096"/>
                <a:gd name="T100" fmla="*/ 325 w 1174"/>
                <a:gd name="T101" fmla="*/ 294 h 1096"/>
                <a:gd name="T102" fmla="*/ 277 w 1174"/>
                <a:gd name="T103" fmla="*/ 289 h 1096"/>
                <a:gd name="T104" fmla="*/ 243 w 1174"/>
                <a:gd name="T105" fmla="*/ 276 h 1096"/>
                <a:gd name="T106" fmla="*/ 254 w 1174"/>
                <a:gd name="T107" fmla="*/ 266 h 1096"/>
                <a:gd name="T108" fmla="*/ 231 w 1174"/>
                <a:gd name="T109" fmla="*/ 251 h 1096"/>
                <a:gd name="T110" fmla="*/ 201 w 1174"/>
                <a:gd name="T111" fmla="*/ 256 h 109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174" h="1096">
                  <a:moveTo>
                    <a:pt x="592" y="769"/>
                  </a:moveTo>
                  <a:lnTo>
                    <a:pt x="580" y="768"/>
                  </a:lnTo>
                  <a:lnTo>
                    <a:pt x="579" y="774"/>
                  </a:lnTo>
                  <a:lnTo>
                    <a:pt x="577" y="779"/>
                  </a:lnTo>
                  <a:lnTo>
                    <a:pt x="574" y="784"/>
                  </a:lnTo>
                  <a:lnTo>
                    <a:pt x="570" y="789"/>
                  </a:lnTo>
                  <a:lnTo>
                    <a:pt x="567" y="793"/>
                  </a:lnTo>
                  <a:lnTo>
                    <a:pt x="563" y="796"/>
                  </a:lnTo>
                  <a:lnTo>
                    <a:pt x="559" y="799"/>
                  </a:lnTo>
                  <a:lnTo>
                    <a:pt x="554" y="802"/>
                  </a:lnTo>
                  <a:lnTo>
                    <a:pt x="548" y="804"/>
                  </a:lnTo>
                  <a:lnTo>
                    <a:pt x="542" y="805"/>
                  </a:lnTo>
                  <a:lnTo>
                    <a:pt x="536" y="807"/>
                  </a:lnTo>
                  <a:lnTo>
                    <a:pt x="528" y="808"/>
                  </a:lnTo>
                  <a:lnTo>
                    <a:pt x="514" y="808"/>
                  </a:lnTo>
                  <a:lnTo>
                    <a:pt x="496" y="805"/>
                  </a:lnTo>
                  <a:lnTo>
                    <a:pt x="494" y="818"/>
                  </a:lnTo>
                  <a:lnTo>
                    <a:pt x="490" y="829"/>
                  </a:lnTo>
                  <a:lnTo>
                    <a:pt x="486" y="837"/>
                  </a:lnTo>
                  <a:lnTo>
                    <a:pt x="482" y="845"/>
                  </a:lnTo>
                  <a:lnTo>
                    <a:pt x="470" y="859"/>
                  </a:lnTo>
                  <a:lnTo>
                    <a:pt x="459" y="872"/>
                  </a:lnTo>
                  <a:lnTo>
                    <a:pt x="446" y="884"/>
                  </a:lnTo>
                  <a:lnTo>
                    <a:pt x="433" y="899"/>
                  </a:lnTo>
                  <a:lnTo>
                    <a:pt x="427" y="909"/>
                  </a:lnTo>
                  <a:lnTo>
                    <a:pt x="422" y="919"/>
                  </a:lnTo>
                  <a:lnTo>
                    <a:pt x="417" y="932"/>
                  </a:lnTo>
                  <a:lnTo>
                    <a:pt x="411" y="946"/>
                  </a:lnTo>
                  <a:lnTo>
                    <a:pt x="404" y="946"/>
                  </a:lnTo>
                  <a:lnTo>
                    <a:pt x="397" y="946"/>
                  </a:lnTo>
                  <a:lnTo>
                    <a:pt x="391" y="947"/>
                  </a:lnTo>
                  <a:lnTo>
                    <a:pt x="386" y="948"/>
                  </a:lnTo>
                  <a:lnTo>
                    <a:pt x="382" y="951"/>
                  </a:lnTo>
                  <a:lnTo>
                    <a:pt x="378" y="954"/>
                  </a:lnTo>
                  <a:lnTo>
                    <a:pt x="376" y="959"/>
                  </a:lnTo>
                  <a:lnTo>
                    <a:pt x="375" y="964"/>
                  </a:lnTo>
                  <a:lnTo>
                    <a:pt x="384" y="974"/>
                  </a:lnTo>
                  <a:lnTo>
                    <a:pt x="378" y="978"/>
                  </a:lnTo>
                  <a:lnTo>
                    <a:pt x="373" y="983"/>
                  </a:lnTo>
                  <a:lnTo>
                    <a:pt x="369" y="990"/>
                  </a:lnTo>
                  <a:lnTo>
                    <a:pt x="365" y="996"/>
                  </a:lnTo>
                  <a:lnTo>
                    <a:pt x="362" y="1003"/>
                  </a:lnTo>
                  <a:lnTo>
                    <a:pt x="360" y="1011"/>
                  </a:lnTo>
                  <a:lnTo>
                    <a:pt x="359" y="1019"/>
                  </a:lnTo>
                  <a:lnTo>
                    <a:pt x="358" y="1027"/>
                  </a:lnTo>
                  <a:lnTo>
                    <a:pt x="357" y="1044"/>
                  </a:lnTo>
                  <a:lnTo>
                    <a:pt x="358" y="1061"/>
                  </a:lnTo>
                  <a:lnTo>
                    <a:pt x="361" y="1079"/>
                  </a:lnTo>
                  <a:lnTo>
                    <a:pt x="365" y="1096"/>
                  </a:lnTo>
                  <a:lnTo>
                    <a:pt x="361" y="1095"/>
                  </a:lnTo>
                  <a:lnTo>
                    <a:pt x="357" y="1094"/>
                  </a:lnTo>
                  <a:lnTo>
                    <a:pt x="353" y="1093"/>
                  </a:lnTo>
                  <a:lnTo>
                    <a:pt x="349" y="1091"/>
                  </a:lnTo>
                  <a:lnTo>
                    <a:pt x="343" y="1086"/>
                  </a:lnTo>
                  <a:lnTo>
                    <a:pt x="338" y="1079"/>
                  </a:lnTo>
                  <a:lnTo>
                    <a:pt x="333" y="1071"/>
                  </a:lnTo>
                  <a:lnTo>
                    <a:pt x="330" y="1062"/>
                  </a:lnTo>
                  <a:lnTo>
                    <a:pt x="328" y="1053"/>
                  </a:lnTo>
                  <a:lnTo>
                    <a:pt x="327" y="1042"/>
                  </a:lnTo>
                  <a:lnTo>
                    <a:pt x="326" y="1033"/>
                  </a:lnTo>
                  <a:lnTo>
                    <a:pt x="326" y="1022"/>
                  </a:lnTo>
                  <a:lnTo>
                    <a:pt x="327" y="1012"/>
                  </a:lnTo>
                  <a:lnTo>
                    <a:pt x="329" y="1002"/>
                  </a:lnTo>
                  <a:lnTo>
                    <a:pt x="332" y="994"/>
                  </a:lnTo>
                  <a:lnTo>
                    <a:pt x="337" y="986"/>
                  </a:lnTo>
                  <a:lnTo>
                    <a:pt x="341" y="979"/>
                  </a:lnTo>
                  <a:lnTo>
                    <a:pt x="346" y="974"/>
                  </a:lnTo>
                  <a:lnTo>
                    <a:pt x="311" y="975"/>
                  </a:lnTo>
                  <a:lnTo>
                    <a:pt x="280" y="975"/>
                  </a:lnTo>
                  <a:lnTo>
                    <a:pt x="263" y="976"/>
                  </a:lnTo>
                  <a:lnTo>
                    <a:pt x="245" y="977"/>
                  </a:lnTo>
                  <a:lnTo>
                    <a:pt x="226" y="980"/>
                  </a:lnTo>
                  <a:lnTo>
                    <a:pt x="206" y="983"/>
                  </a:lnTo>
                  <a:lnTo>
                    <a:pt x="192" y="963"/>
                  </a:lnTo>
                  <a:lnTo>
                    <a:pt x="180" y="948"/>
                  </a:lnTo>
                  <a:lnTo>
                    <a:pt x="169" y="935"/>
                  </a:lnTo>
                  <a:lnTo>
                    <a:pt x="160" y="924"/>
                  </a:lnTo>
                  <a:lnTo>
                    <a:pt x="152" y="916"/>
                  </a:lnTo>
                  <a:lnTo>
                    <a:pt x="145" y="911"/>
                  </a:lnTo>
                  <a:lnTo>
                    <a:pt x="140" y="908"/>
                  </a:lnTo>
                  <a:lnTo>
                    <a:pt x="134" y="906"/>
                  </a:lnTo>
                  <a:lnTo>
                    <a:pt x="130" y="904"/>
                  </a:lnTo>
                  <a:lnTo>
                    <a:pt x="127" y="904"/>
                  </a:lnTo>
                  <a:lnTo>
                    <a:pt x="125" y="904"/>
                  </a:lnTo>
                  <a:lnTo>
                    <a:pt x="123" y="906"/>
                  </a:lnTo>
                  <a:lnTo>
                    <a:pt x="121" y="907"/>
                  </a:lnTo>
                  <a:lnTo>
                    <a:pt x="120" y="908"/>
                  </a:lnTo>
                  <a:lnTo>
                    <a:pt x="119" y="908"/>
                  </a:lnTo>
                  <a:lnTo>
                    <a:pt x="118" y="907"/>
                  </a:lnTo>
                  <a:lnTo>
                    <a:pt x="105" y="890"/>
                  </a:lnTo>
                  <a:lnTo>
                    <a:pt x="94" y="878"/>
                  </a:lnTo>
                  <a:lnTo>
                    <a:pt x="92" y="875"/>
                  </a:lnTo>
                  <a:lnTo>
                    <a:pt x="90" y="872"/>
                  </a:lnTo>
                  <a:lnTo>
                    <a:pt x="89" y="869"/>
                  </a:lnTo>
                  <a:lnTo>
                    <a:pt x="89" y="864"/>
                  </a:lnTo>
                  <a:lnTo>
                    <a:pt x="89" y="860"/>
                  </a:lnTo>
                  <a:lnTo>
                    <a:pt x="89" y="855"/>
                  </a:lnTo>
                  <a:lnTo>
                    <a:pt x="91" y="850"/>
                  </a:lnTo>
                  <a:lnTo>
                    <a:pt x="93" y="843"/>
                  </a:lnTo>
                  <a:lnTo>
                    <a:pt x="97" y="840"/>
                  </a:lnTo>
                  <a:lnTo>
                    <a:pt x="101" y="838"/>
                  </a:lnTo>
                  <a:lnTo>
                    <a:pt x="104" y="837"/>
                  </a:lnTo>
                  <a:lnTo>
                    <a:pt x="107" y="837"/>
                  </a:lnTo>
                  <a:lnTo>
                    <a:pt x="110" y="837"/>
                  </a:lnTo>
                  <a:lnTo>
                    <a:pt x="113" y="839"/>
                  </a:lnTo>
                  <a:lnTo>
                    <a:pt x="117" y="841"/>
                  </a:lnTo>
                  <a:lnTo>
                    <a:pt x="120" y="843"/>
                  </a:lnTo>
                  <a:lnTo>
                    <a:pt x="130" y="857"/>
                  </a:lnTo>
                  <a:lnTo>
                    <a:pt x="140" y="871"/>
                  </a:lnTo>
                  <a:lnTo>
                    <a:pt x="152" y="862"/>
                  </a:lnTo>
                  <a:lnTo>
                    <a:pt x="166" y="855"/>
                  </a:lnTo>
                  <a:lnTo>
                    <a:pt x="172" y="851"/>
                  </a:lnTo>
                  <a:lnTo>
                    <a:pt x="179" y="847"/>
                  </a:lnTo>
                  <a:lnTo>
                    <a:pt x="183" y="840"/>
                  </a:lnTo>
                  <a:lnTo>
                    <a:pt x="187" y="834"/>
                  </a:lnTo>
                  <a:lnTo>
                    <a:pt x="187" y="822"/>
                  </a:lnTo>
                  <a:lnTo>
                    <a:pt x="186" y="812"/>
                  </a:lnTo>
                  <a:lnTo>
                    <a:pt x="184" y="802"/>
                  </a:lnTo>
                  <a:lnTo>
                    <a:pt x="182" y="794"/>
                  </a:lnTo>
                  <a:lnTo>
                    <a:pt x="178" y="785"/>
                  </a:lnTo>
                  <a:lnTo>
                    <a:pt x="173" y="778"/>
                  </a:lnTo>
                  <a:lnTo>
                    <a:pt x="168" y="771"/>
                  </a:lnTo>
                  <a:lnTo>
                    <a:pt x="163" y="763"/>
                  </a:lnTo>
                  <a:lnTo>
                    <a:pt x="150" y="751"/>
                  </a:lnTo>
                  <a:lnTo>
                    <a:pt x="137" y="740"/>
                  </a:lnTo>
                  <a:lnTo>
                    <a:pt x="122" y="730"/>
                  </a:lnTo>
                  <a:lnTo>
                    <a:pt x="106" y="720"/>
                  </a:lnTo>
                  <a:lnTo>
                    <a:pt x="91" y="710"/>
                  </a:lnTo>
                  <a:lnTo>
                    <a:pt x="78" y="700"/>
                  </a:lnTo>
                  <a:lnTo>
                    <a:pt x="71" y="695"/>
                  </a:lnTo>
                  <a:lnTo>
                    <a:pt x="65" y="689"/>
                  </a:lnTo>
                  <a:lnTo>
                    <a:pt x="60" y="683"/>
                  </a:lnTo>
                  <a:lnTo>
                    <a:pt x="54" y="677"/>
                  </a:lnTo>
                  <a:lnTo>
                    <a:pt x="50" y="671"/>
                  </a:lnTo>
                  <a:lnTo>
                    <a:pt x="47" y="663"/>
                  </a:lnTo>
                  <a:lnTo>
                    <a:pt x="45" y="656"/>
                  </a:lnTo>
                  <a:lnTo>
                    <a:pt x="43" y="648"/>
                  </a:lnTo>
                  <a:lnTo>
                    <a:pt x="42" y="639"/>
                  </a:lnTo>
                  <a:lnTo>
                    <a:pt x="43" y="630"/>
                  </a:lnTo>
                  <a:lnTo>
                    <a:pt x="44" y="619"/>
                  </a:lnTo>
                  <a:lnTo>
                    <a:pt x="46" y="609"/>
                  </a:lnTo>
                  <a:lnTo>
                    <a:pt x="40" y="598"/>
                  </a:lnTo>
                  <a:lnTo>
                    <a:pt x="34" y="586"/>
                  </a:lnTo>
                  <a:lnTo>
                    <a:pt x="29" y="575"/>
                  </a:lnTo>
                  <a:lnTo>
                    <a:pt x="25" y="562"/>
                  </a:lnTo>
                  <a:lnTo>
                    <a:pt x="19" y="538"/>
                  </a:lnTo>
                  <a:lnTo>
                    <a:pt x="13" y="513"/>
                  </a:lnTo>
                  <a:lnTo>
                    <a:pt x="10" y="486"/>
                  </a:lnTo>
                  <a:lnTo>
                    <a:pt x="7" y="461"/>
                  </a:lnTo>
                  <a:lnTo>
                    <a:pt x="4" y="436"/>
                  </a:lnTo>
                  <a:lnTo>
                    <a:pt x="0" y="412"/>
                  </a:lnTo>
                  <a:lnTo>
                    <a:pt x="6" y="414"/>
                  </a:lnTo>
                  <a:lnTo>
                    <a:pt x="12" y="415"/>
                  </a:lnTo>
                  <a:lnTo>
                    <a:pt x="20" y="416"/>
                  </a:lnTo>
                  <a:lnTo>
                    <a:pt x="27" y="416"/>
                  </a:lnTo>
                  <a:lnTo>
                    <a:pt x="41" y="414"/>
                  </a:lnTo>
                  <a:lnTo>
                    <a:pt x="55" y="412"/>
                  </a:lnTo>
                  <a:lnTo>
                    <a:pt x="85" y="403"/>
                  </a:lnTo>
                  <a:lnTo>
                    <a:pt x="114" y="395"/>
                  </a:lnTo>
                  <a:lnTo>
                    <a:pt x="129" y="392"/>
                  </a:lnTo>
                  <a:lnTo>
                    <a:pt x="143" y="390"/>
                  </a:lnTo>
                  <a:lnTo>
                    <a:pt x="157" y="388"/>
                  </a:lnTo>
                  <a:lnTo>
                    <a:pt x="170" y="390"/>
                  </a:lnTo>
                  <a:lnTo>
                    <a:pt x="177" y="391"/>
                  </a:lnTo>
                  <a:lnTo>
                    <a:pt x="183" y="393"/>
                  </a:lnTo>
                  <a:lnTo>
                    <a:pt x="188" y="396"/>
                  </a:lnTo>
                  <a:lnTo>
                    <a:pt x="194" y="399"/>
                  </a:lnTo>
                  <a:lnTo>
                    <a:pt x="200" y="403"/>
                  </a:lnTo>
                  <a:lnTo>
                    <a:pt x="205" y="408"/>
                  </a:lnTo>
                  <a:lnTo>
                    <a:pt x="210" y="415"/>
                  </a:lnTo>
                  <a:lnTo>
                    <a:pt x="216" y="421"/>
                  </a:lnTo>
                  <a:lnTo>
                    <a:pt x="233" y="421"/>
                  </a:lnTo>
                  <a:lnTo>
                    <a:pt x="249" y="419"/>
                  </a:lnTo>
                  <a:lnTo>
                    <a:pt x="265" y="416"/>
                  </a:lnTo>
                  <a:lnTo>
                    <a:pt x="280" y="412"/>
                  </a:lnTo>
                  <a:lnTo>
                    <a:pt x="293" y="406"/>
                  </a:lnTo>
                  <a:lnTo>
                    <a:pt x="306" y="400"/>
                  </a:lnTo>
                  <a:lnTo>
                    <a:pt x="318" y="393"/>
                  </a:lnTo>
                  <a:lnTo>
                    <a:pt x="328" y="385"/>
                  </a:lnTo>
                  <a:lnTo>
                    <a:pt x="339" y="376"/>
                  </a:lnTo>
                  <a:lnTo>
                    <a:pt x="348" y="367"/>
                  </a:lnTo>
                  <a:lnTo>
                    <a:pt x="357" y="357"/>
                  </a:lnTo>
                  <a:lnTo>
                    <a:pt x="365" y="346"/>
                  </a:lnTo>
                  <a:lnTo>
                    <a:pt x="372" y="336"/>
                  </a:lnTo>
                  <a:lnTo>
                    <a:pt x="380" y="324"/>
                  </a:lnTo>
                  <a:lnTo>
                    <a:pt x="386" y="312"/>
                  </a:lnTo>
                  <a:lnTo>
                    <a:pt x="393" y="300"/>
                  </a:lnTo>
                  <a:lnTo>
                    <a:pt x="396" y="310"/>
                  </a:lnTo>
                  <a:lnTo>
                    <a:pt x="400" y="319"/>
                  </a:lnTo>
                  <a:lnTo>
                    <a:pt x="405" y="326"/>
                  </a:lnTo>
                  <a:lnTo>
                    <a:pt x="410" y="334"/>
                  </a:lnTo>
                  <a:lnTo>
                    <a:pt x="423" y="347"/>
                  </a:lnTo>
                  <a:lnTo>
                    <a:pt x="437" y="359"/>
                  </a:lnTo>
                  <a:lnTo>
                    <a:pt x="450" y="372"/>
                  </a:lnTo>
                  <a:lnTo>
                    <a:pt x="462" y="385"/>
                  </a:lnTo>
                  <a:lnTo>
                    <a:pt x="467" y="393"/>
                  </a:lnTo>
                  <a:lnTo>
                    <a:pt x="471" y="401"/>
                  </a:lnTo>
                  <a:lnTo>
                    <a:pt x="475" y="411"/>
                  </a:lnTo>
                  <a:lnTo>
                    <a:pt x="478" y="421"/>
                  </a:lnTo>
                  <a:lnTo>
                    <a:pt x="482" y="414"/>
                  </a:lnTo>
                  <a:lnTo>
                    <a:pt x="487" y="406"/>
                  </a:lnTo>
                  <a:lnTo>
                    <a:pt x="492" y="401"/>
                  </a:lnTo>
                  <a:lnTo>
                    <a:pt x="498" y="396"/>
                  </a:lnTo>
                  <a:lnTo>
                    <a:pt x="504" y="392"/>
                  </a:lnTo>
                  <a:lnTo>
                    <a:pt x="511" y="388"/>
                  </a:lnTo>
                  <a:lnTo>
                    <a:pt x="518" y="385"/>
                  </a:lnTo>
                  <a:lnTo>
                    <a:pt x="525" y="383"/>
                  </a:lnTo>
                  <a:lnTo>
                    <a:pt x="541" y="380"/>
                  </a:lnTo>
                  <a:lnTo>
                    <a:pt x="557" y="378"/>
                  </a:lnTo>
                  <a:lnTo>
                    <a:pt x="572" y="376"/>
                  </a:lnTo>
                  <a:lnTo>
                    <a:pt x="589" y="375"/>
                  </a:lnTo>
                  <a:lnTo>
                    <a:pt x="584" y="372"/>
                  </a:lnTo>
                  <a:lnTo>
                    <a:pt x="580" y="370"/>
                  </a:lnTo>
                  <a:lnTo>
                    <a:pt x="577" y="365"/>
                  </a:lnTo>
                  <a:lnTo>
                    <a:pt x="575" y="362"/>
                  </a:lnTo>
                  <a:lnTo>
                    <a:pt x="574" y="358"/>
                  </a:lnTo>
                  <a:lnTo>
                    <a:pt x="572" y="354"/>
                  </a:lnTo>
                  <a:lnTo>
                    <a:pt x="572" y="350"/>
                  </a:lnTo>
                  <a:lnTo>
                    <a:pt x="574" y="344"/>
                  </a:lnTo>
                  <a:lnTo>
                    <a:pt x="576" y="336"/>
                  </a:lnTo>
                  <a:lnTo>
                    <a:pt x="580" y="326"/>
                  </a:lnTo>
                  <a:lnTo>
                    <a:pt x="585" y="317"/>
                  </a:lnTo>
                  <a:lnTo>
                    <a:pt x="589" y="310"/>
                  </a:lnTo>
                  <a:lnTo>
                    <a:pt x="585" y="307"/>
                  </a:lnTo>
                  <a:lnTo>
                    <a:pt x="581" y="305"/>
                  </a:lnTo>
                  <a:lnTo>
                    <a:pt x="578" y="305"/>
                  </a:lnTo>
                  <a:lnTo>
                    <a:pt x="574" y="305"/>
                  </a:lnTo>
                  <a:lnTo>
                    <a:pt x="565" y="305"/>
                  </a:lnTo>
                  <a:lnTo>
                    <a:pt x="557" y="308"/>
                  </a:lnTo>
                  <a:lnTo>
                    <a:pt x="540" y="317"/>
                  </a:lnTo>
                  <a:lnTo>
                    <a:pt x="524" y="327"/>
                  </a:lnTo>
                  <a:lnTo>
                    <a:pt x="516" y="333"/>
                  </a:lnTo>
                  <a:lnTo>
                    <a:pt x="507" y="337"/>
                  </a:lnTo>
                  <a:lnTo>
                    <a:pt x="499" y="340"/>
                  </a:lnTo>
                  <a:lnTo>
                    <a:pt x="491" y="342"/>
                  </a:lnTo>
                  <a:lnTo>
                    <a:pt x="487" y="342"/>
                  </a:lnTo>
                  <a:lnTo>
                    <a:pt x="483" y="342"/>
                  </a:lnTo>
                  <a:lnTo>
                    <a:pt x="479" y="341"/>
                  </a:lnTo>
                  <a:lnTo>
                    <a:pt x="475" y="340"/>
                  </a:lnTo>
                  <a:lnTo>
                    <a:pt x="470" y="338"/>
                  </a:lnTo>
                  <a:lnTo>
                    <a:pt x="466" y="336"/>
                  </a:lnTo>
                  <a:lnTo>
                    <a:pt x="463" y="332"/>
                  </a:lnTo>
                  <a:lnTo>
                    <a:pt x="459" y="327"/>
                  </a:lnTo>
                  <a:lnTo>
                    <a:pt x="459" y="311"/>
                  </a:lnTo>
                  <a:lnTo>
                    <a:pt x="461" y="294"/>
                  </a:lnTo>
                  <a:lnTo>
                    <a:pt x="463" y="278"/>
                  </a:lnTo>
                  <a:lnTo>
                    <a:pt x="467" y="261"/>
                  </a:lnTo>
                  <a:lnTo>
                    <a:pt x="478" y="231"/>
                  </a:lnTo>
                  <a:lnTo>
                    <a:pt x="488" y="201"/>
                  </a:lnTo>
                  <a:lnTo>
                    <a:pt x="494" y="186"/>
                  </a:lnTo>
                  <a:lnTo>
                    <a:pt x="499" y="172"/>
                  </a:lnTo>
                  <a:lnTo>
                    <a:pt x="503" y="158"/>
                  </a:lnTo>
                  <a:lnTo>
                    <a:pt x="506" y="143"/>
                  </a:lnTo>
                  <a:lnTo>
                    <a:pt x="508" y="128"/>
                  </a:lnTo>
                  <a:lnTo>
                    <a:pt x="509" y="114"/>
                  </a:lnTo>
                  <a:lnTo>
                    <a:pt x="508" y="99"/>
                  </a:lnTo>
                  <a:lnTo>
                    <a:pt x="505" y="84"/>
                  </a:lnTo>
                  <a:lnTo>
                    <a:pt x="509" y="80"/>
                  </a:lnTo>
                  <a:lnTo>
                    <a:pt x="515" y="77"/>
                  </a:lnTo>
                  <a:lnTo>
                    <a:pt x="520" y="75"/>
                  </a:lnTo>
                  <a:lnTo>
                    <a:pt x="525" y="74"/>
                  </a:lnTo>
                  <a:lnTo>
                    <a:pt x="536" y="75"/>
                  </a:lnTo>
                  <a:lnTo>
                    <a:pt x="547" y="78"/>
                  </a:lnTo>
                  <a:lnTo>
                    <a:pt x="559" y="82"/>
                  </a:lnTo>
                  <a:lnTo>
                    <a:pt x="572" y="85"/>
                  </a:lnTo>
                  <a:lnTo>
                    <a:pt x="579" y="86"/>
                  </a:lnTo>
                  <a:lnTo>
                    <a:pt x="585" y="86"/>
                  </a:lnTo>
                  <a:lnTo>
                    <a:pt x="592" y="86"/>
                  </a:lnTo>
                  <a:lnTo>
                    <a:pt x="599" y="84"/>
                  </a:lnTo>
                  <a:lnTo>
                    <a:pt x="600" y="93"/>
                  </a:lnTo>
                  <a:lnTo>
                    <a:pt x="602" y="99"/>
                  </a:lnTo>
                  <a:lnTo>
                    <a:pt x="605" y="104"/>
                  </a:lnTo>
                  <a:lnTo>
                    <a:pt x="609" y="109"/>
                  </a:lnTo>
                  <a:lnTo>
                    <a:pt x="614" y="114"/>
                  </a:lnTo>
                  <a:lnTo>
                    <a:pt x="619" y="117"/>
                  </a:lnTo>
                  <a:lnTo>
                    <a:pt x="624" y="120"/>
                  </a:lnTo>
                  <a:lnTo>
                    <a:pt x="630" y="123"/>
                  </a:lnTo>
                  <a:lnTo>
                    <a:pt x="643" y="128"/>
                  </a:lnTo>
                  <a:lnTo>
                    <a:pt x="655" y="134"/>
                  </a:lnTo>
                  <a:lnTo>
                    <a:pt x="661" y="137"/>
                  </a:lnTo>
                  <a:lnTo>
                    <a:pt x="665" y="141"/>
                  </a:lnTo>
                  <a:lnTo>
                    <a:pt x="670" y="145"/>
                  </a:lnTo>
                  <a:lnTo>
                    <a:pt x="674" y="149"/>
                  </a:lnTo>
                  <a:lnTo>
                    <a:pt x="679" y="141"/>
                  </a:lnTo>
                  <a:lnTo>
                    <a:pt x="683" y="132"/>
                  </a:lnTo>
                  <a:lnTo>
                    <a:pt x="687" y="121"/>
                  </a:lnTo>
                  <a:lnTo>
                    <a:pt x="690" y="110"/>
                  </a:lnTo>
                  <a:lnTo>
                    <a:pt x="697" y="88"/>
                  </a:lnTo>
                  <a:lnTo>
                    <a:pt x="702" y="66"/>
                  </a:lnTo>
                  <a:lnTo>
                    <a:pt x="705" y="56"/>
                  </a:lnTo>
                  <a:lnTo>
                    <a:pt x="709" y="45"/>
                  </a:lnTo>
                  <a:lnTo>
                    <a:pt x="714" y="36"/>
                  </a:lnTo>
                  <a:lnTo>
                    <a:pt x="719" y="26"/>
                  </a:lnTo>
                  <a:lnTo>
                    <a:pt x="725" y="18"/>
                  </a:lnTo>
                  <a:lnTo>
                    <a:pt x="731" y="10"/>
                  </a:lnTo>
                  <a:lnTo>
                    <a:pt x="740" y="5"/>
                  </a:lnTo>
                  <a:lnTo>
                    <a:pt x="748" y="0"/>
                  </a:lnTo>
                  <a:lnTo>
                    <a:pt x="745" y="16"/>
                  </a:lnTo>
                  <a:lnTo>
                    <a:pt x="744" y="32"/>
                  </a:lnTo>
                  <a:lnTo>
                    <a:pt x="743" y="45"/>
                  </a:lnTo>
                  <a:lnTo>
                    <a:pt x="743" y="59"/>
                  </a:lnTo>
                  <a:lnTo>
                    <a:pt x="744" y="70"/>
                  </a:lnTo>
                  <a:lnTo>
                    <a:pt x="747" y="82"/>
                  </a:lnTo>
                  <a:lnTo>
                    <a:pt x="750" y="92"/>
                  </a:lnTo>
                  <a:lnTo>
                    <a:pt x="755" y="101"/>
                  </a:lnTo>
                  <a:lnTo>
                    <a:pt x="760" y="110"/>
                  </a:lnTo>
                  <a:lnTo>
                    <a:pt x="765" y="118"/>
                  </a:lnTo>
                  <a:lnTo>
                    <a:pt x="773" y="125"/>
                  </a:lnTo>
                  <a:lnTo>
                    <a:pt x="780" y="132"/>
                  </a:lnTo>
                  <a:lnTo>
                    <a:pt x="788" y="137"/>
                  </a:lnTo>
                  <a:lnTo>
                    <a:pt x="797" y="142"/>
                  </a:lnTo>
                  <a:lnTo>
                    <a:pt x="806" y="146"/>
                  </a:lnTo>
                  <a:lnTo>
                    <a:pt x="817" y="151"/>
                  </a:lnTo>
                  <a:lnTo>
                    <a:pt x="827" y="154"/>
                  </a:lnTo>
                  <a:lnTo>
                    <a:pt x="838" y="157"/>
                  </a:lnTo>
                  <a:lnTo>
                    <a:pt x="849" y="159"/>
                  </a:lnTo>
                  <a:lnTo>
                    <a:pt x="862" y="160"/>
                  </a:lnTo>
                  <a:lnTo>
                    <a:pt x="886" y="163"/>
                  </a:lnTo>
                  <a:lnTo>
                    <a:pt x="913" y="164"/>
                  </a:lnTo>
                  <a:lnTo>
                    <a:pt x="939" y="164"/>
                  </a:lnTo>
                  <a:lnTo>
                    <a:pt x="966" y="163"/>
                  </a:lnTo>
                  <a:lnTo>
                    <a:pt x="994" y="161"/>
                  </a:lnTo>
                  <a:lnTo>
                    <a:pt x="1020" y="159"/>
                  </a:lnTo>
                  <a:lnTo>
                    <a:pt x="1022" y="167"/>
                  </a:lnTo>
                  <a:lnTo>
                    <a:pt x="1022" y="174"/>
                  </a:lnTo>
                  <a:lnTo>
                    <a:pt x="1022" y="180"/>
                  </a:lnTo>
                  <a:lnTo>
                    <a:pt x="1021" y="185"/>
                  </a:lnTo>
                  <a:lnTo>
                    <a:pt x="1019" y="189"/>
                  </a:lnTo>
                  <a:lnTo>
                    <a:pt x="1016" y="194"/>
                  </a:lnTo>
                  <a:lnTo>
                    <a:pt x="1013" y="197"/>
                  </a:lnTo>
                  <a:lnTo>
                    <a:pt x="1008" y="199"/>
                  </a:lnTo>
                  <a:lnTo>
                    <a:pt x="991" y="207"/>
                  </a:lnTo>
                  <a:lnTo>
                    <a:pt x="974" y="216"/>
                  </a:lnTo>
                  <a:lnTo>
                    <a:pt x="974" y="232"/>
                  </a:lnTo>
                  <a:lnTo>
                    <a:pt x="974" y="248"/>
                  </a:lnTo>
                  <a:lnTo>
                    <a:pt x="974" y="264"/>
                  </a:lnTo>
                  <a:lnTo>
                    <a:pt x="974" y="281"/>
                  </a:lnTo>
                  <a:lnTo>
                    <a:pt x="984" y="278"/>
                  </a:lnTo>
                  <a:lnTo>
                    <a:pt x="995" y="274"/>
                  </a:lnTo>
                  <a:lnTo>
                    <a:pt x="1003" y="268"/>
                  </a:lnTo>
                  <a:lnTo>
                    <a:pt x="1012" y="263"/>
                  </a:lnTo>
                  <a:lnTo>
                    <a:pt x="1021" y="258"/>
                  </a:lnTo>
                  <a:lnTo>
                    <a:pt x="1032" y="255"/>
                  </a:lnTo>
                  <a:lnTo>
                    <a:pt x="1037" y="253"/>
                  </a:lnTo>
                  <a:lnTo>
                    <a:pt x="1043" y="253"/>
                  </a:lnTo>
                  <a:lnTo>
                    <a:pt x="1051" y="253"/>
                  </a:lnTo>
                  <a:lnTo>
                    <a:pt x="1058" y="253"/>
                  </a:lnTo>
                  <a:lnTo>
                    <a:pt x="1066" y="257"/>
                  </a:lnTo>
                  <a:lnTo>
                    <a:pt x="1074" y="263"/>
                  </a:lnTo>
                  <a:lnTo>
                    <a:pt x="1081" y="268"/>
                  </a:lnTo>
                  <a:lnTo>
                    <a:pt x="1087" y="276"/>
                  </a:lnTo>
                  <a:lnTo>
                    <a:pt x="1101" y="291"/>
                  </a:lnTo>
                  <a:lnTo>
                    <a:pt x="1114" y="306"/>
                  </a:lnTo>
                  <a:lnTo>
                    <a:pt x="1120" y="313"/>
                  </a:lnTo>
                  <a:lnTo>
                    <a:pt x="1127" y="320"/>
                  </a:lnTo>
                  <a:lnTo>
                    <a:pt x="1134" y="325"/>
                  </a:lnTo>
                  <a:lnTo>
                    <a:pt x="1140" y="331"/>
                  </a:lnTo>
                  <a:lnTo>
                    <a:pt x="1147" y="335"/>
                  </a:lnTo>
                  <a:lnTo>
                    <a:pt x="1155" y="337"/>
                  </a:lnTo>
                  <a:lnTo>
                    <a:pt x="1162" y="338"/>
                  </a:lnTo>
                  <a:lnTo>
                    <a:pt x="1171" y="337"/>
                  </a:lnTo>
                  <a:lnTo>
                    <a:pt x="1173" y="374"/>
                  </a:lnTo>
                  <a:lnTo>
                    <a:pt x="1174" y="412"/>
                  </a:lnTo>
                  <a:lnTo>
                    <a:pt x="1174" y="452"/>
                  </a:lnTo>
                  <a:lnTo>
                    <a:pt x="1173" y="492"/>
                  </a:lnTo>
                  <a:lnTo>
                    <a:pt x="1171" y="531"/>
                  </a:lnTo>
                  <a:lnTo>
                    <a:pt x="1166" y="569"/>
                  </a:lnTo>
                  <a:lnTo>
                    <a:pt x="1163" y="586"/>
                  </a:lnTo>
                  <a:lnTo>
                    <a:pt x="1160" y="604"/>
                  </a:lnTo>
                  <a:lnTo>
                    <a:pt x="1156" y="621"/>
                  </a:lnTo>
                  <a:lnTo>
                    <a:pt x="1152" y="637"/>
                  </a:lnTo>
                  <a:lnTo>
                    <a:pt x="1142" y="643"/>
                  </a:lnTo>
                  <a:lnTo>
                    <a:pt x="1134" y="650"/>
                  </a:lnTo>
                  <a:lnTo>
                    <a:pt x="1126" y="657"/>
                  </a:lnTo>
                  <a:lnTo>
                    <a:pt x="1120" y="663"/>
                  </a:lnTo>
                  <a:lnTo>
                    <a:pt x="1108" y="678"/>
                  </a:lnTo>
                  <a:lnTo>
                    <a:pt x="1100" y="694"/>
                  </a:lnTo>
                  <a:lnTo>
                    <a:pt x="1092" y="709"/>
                  </a:lnTo>
                  <a:lnTo>
                    <a:pt x="1083" y="723"/>
                  </a:lnTo>
                  <a:lnTo>
                    <a:pt x="1078" y="730"/>
                  </a:lnTo>
                  <a:lnTo>
                    <a:pt x="1072" y="737"/>
                  </a:lnTo>
                  <a:lnTo>
                    <a:pt x="1065" y="743"/>
                  </a:lnTo>
                  <a:lnTo>
                    <a:pt x="1058" y="750"/>
                  </a:lnTo>
                  <a:lnTo>
                    <a:pt x="1060" y="775"/>
                  </a:lnTo>
                  <a:lnTo>
                    <a:pt x="1063" y="799"/>
                  </a:lnTo>
                  <a:lnTo>
                    <a:pt x="1066" y="811"/>
                  </a:lnTo>
                  <a:lnTo>
                    <a:pt x="1072" y="820"/>
                  </a:lnTo>
                  <a:lnTo>
                    <a:pt x="1074" y="824"/>
                  </a:lnTo>
                  <a:lnTo>
                    <a:pt x="1078" y="828"/>
                  </a:lnTo>
                  <a:lnTo>
                    <a:pt x="1081" y="831"/>
                  </a:lnTo>
                  <a:lnTo>
                    <a:pt x="1086" y="834"/>
                  </a:lnTo>
                  <a:lnTo>
                    <a:pt x="1080" y="838"/>
                  </a:lnTo>
                  <a:lnTo>
                    <a:pt x="1075" y="842"/>
                  </a:lnTo>
                  <a:lnTo>
                    <a:pt x="1067" y="844"/>
                  </a:lnTo>
                  <a:lnTo>
                    <a:pt x="1061" y="845"/>
                  </a:lnTo>
                  <a:lnTo>
                    <a:pt x="1046" y="847"/>
                  </a:lnTo>
                  <a:lnTo>
                    <a:pt x="1034" y="847"/>
                  </a:lnTo>
                  <a:lnTo>
                    <a:pt x="1027" y="847"/>
                  </a:lnTo>
                  <a:lnTo>
                    <a:pt x="1023" y="848"/>
                  </a:lnTo>
                  <a:lnTo>
                    <a:pt x="1019" y="850"/>
                  </a:lnTo>
                  <a:lnTo>
                    <a:pt x="1016" y="853"/>
                  </a:lnTo>
                  <a:lnTo>
                    <a:pt x="1015" y="857"/>
                  </a:lnTo>
                  <a:lnTo>
                    <a:pt x="1015" y="862"/>
                  </a:lnTo>
                  <a:lnTo>
                    <a:pt x="1017" y="871"/>
                  </a:lnTo>
                  <a:lnTo>
                    <a:pt x="1020" y="880"/>
                  </a:lnTo>
                  <a:lnTo>
                    <a:pt x="1006" y="883"/>
                  </a:lnTo>
                  <a:lnTo>
                    <a:pt x="992" y="884"/>
                  </a:lnTo>
                  <a:lnTo>
                    <a:pt x="977" y="883"/>
                  </a:lnTo>
                  <a:lnTo>
                    <a:pt x="963" y="882"/>
                  </a:lnTo>
                  <a:lnTo>
                    <a:pt x="935" y="877"/>
                  </a:lnTo>
                  <a:lnTo>
                    <a:pt x="906" y="872"/>
                  </a:lnTo>
                  <a:lnTo>
                    <a:pt x="892" y="869"/>
                  </a:lnTo>
                  <a:lnTo>
                    <a:pt x="877" y="867"/>
                  </a:lnTo>
                  <a:lnTo>
                    <a:pt x="862" y="865"/>
                  </a:lnTo>
                  <a:lnTo>
                    <a:pt x="847" y="865"/>
                  </a:lnTo>
                  <a:lnTo>
                    <a:pt x="833" y="867"/>
                  </a:lnTo>
                  <a:lnTo>
                    <a:pt x="818" y="869"/>
                  </a:lnTo>
                  <a:lnTo>
                    <a:pt x="802" y="874"/>
                  </a:lnTo>
                  <a:lnTo>
                    <a:pt x="786" y="880"/>
                  </a:lnTo>
                  <a:lnTo>
                    <a:pt x="772" y="870"/>
                  </a:lnTo>
                  <a:lnTo>
                    <a:pt x="758" y="857"/>
                  </a:lnTo>
                  <a:lnTo>
                    <a:pt x="744" y="845"/>
                  </a:lnTo>
                  <a:lnTo>
                    <a:pt x="730" y="834"/>
                  </a:lnTo>
                  <a:lnTo>
                    <a:pt x="729" y="828"/>
                  </a:lnTo>
                  <a:lnTo>
                    <a:pt x="729" y="822"/>
                  </a:lnTo>
                  <a:lnTo>
                    <a:pt x="730" y="818"/>
                  </a:lnTo>
                  <a:lnTo>
                    <a:pt x="733" y="815"/>
                  </a:lnTo>
                  <a:lnTo>
                    <a:pt x="739" y="811"/>
                  </a:lnTo>
                  <a:lnTo>
                    <a:pt x="745" y="807"/>
                  </a:lnTo>
                  <a:lnTo>
                    <a:pt x="754" y="803"/>
                  </a:lnTo>
                  <a:lnTo>
                    <a:pt x="760" y="800"/>
                  </a:lnTo>
                  <a:lnTo>
                    <a:pt x="763" y="798"/>
                  </a:lnTo>
                  <a:lnTo>
                    <a:pt x="765" y="795"/>
                  </a:lnTo>
                  <a:lnTo>
                    <a:pt x="766" y="791"/>
                  </a:lnTo>
                  <a:lnTo>
                    <a:pt x="767" y="787"/>
                  </a:lnTo>
                  <a:lnTo>
                    <a:pt x="748" y="776"/>
                  </a:lnTo>
                  <a:lnTo>
                    <a:pt x="727" y="765"/>
                  </a:lnTo>
                  <a:lnTo>
                    <a:pt x="717" y="761"/>
                  </a:lnTo>
                  <a:lnTo>
                    <a:pt x="706" y="757"/>
                  </a:lnTo>
                  <a:lnTo>
                    <a:pt x="695" y="753"/>
                  </a:lnTo>
                  <a:lnTo>
                    <a:pt x="683" y="750"/>
                  </a:lnTo>
                  <a:lnTo>
                    <a:pt x="669" y="758"/>
                  </a:lnTo>
                  <a:lnTo>
                    <a:pt x="658" y="764"/>
                  </a:lnTo>
                  <a:lnTo>
                    <a:pt x="646" y="769"/>
                  </a:lnTo>
                  <a:lnTo>
                    <a:pt x="637" y="771"/>
                  </a:lnTo>
                  <a:lnTo>
                    <a:pt x="627" y="771"/>
                  </a:lnTo>
                  <a:lnTo>
                    <a:pt x="617" y="771"/>
                  </a:lnTo>
                  <a:lnTo>
                    <a:pt x="605" y="770"/>
                  </a:lnTo>
                  <a:lnTo>
                    <a:pt x="592" y="769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275" name="Skanderborg"/>
            <p:cNvGrpSpPr/>
            <p:nvPr/>
          </p:nvGrpSpPr>
          <p:grpSpPr>
            <a:xfrm>
              <a:off x="1725615" y="4237044"/>
              <a:ext cx="377825" cy="323851"/>
              <a:chOff x="1725615" y="4237044"/>
              <a:chExt cx="377825" cy="323851"/>
            </a:xfrm>
            <a:grpFill/>
          </p:grpSpPr>
          <p:sp>
            <p:nvSpPr>
              <p:cNvPr id="304" name="Line 151"/>
              <p:cNvSpPr>
                <a:spLocks noChangeShapeType="1"/>
              </p:cNvSpPr>
              <p:nvPr/>
            </p:nvSpPr>
            <p:spPr bwMode="auto">
              <a:xfrm flipH="1" flipV="1">
                <a:off x="2070103" y="4484694"/>
                <a:ext cx="3175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05" name="Line 153"/>
              <p:cNvSpPr>
                <a:spLocks noChangeShapeType="1"/>
              </p:cNvSpPr>
              <p:nvPr/>
            </p:nvSpPr>
            <p:spPr bwMode="auto">
              <a:xfrm>
                <a:off x="2065340" y="4484694"/>
                <a:ext cx="1588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06" name="Skanderborg kant"/>
              <p:cNvSpPr>
                <a:spLocks/>
              </p:cNvSpPr>
              <p:nvPr/>
            </p:nvSpPr>
            <p:spPr bwMode="auto">
              <a:xfrm>
                <a:off x="1725615" y="4237044"/>
                <a:ext cx="371476" cy="323851"/>
              </a:xfrm>
              <a:custGeom>
                <a:avLst/>
                <a:gdLst>
                  <a:gd name="T0" fmla="*/ 202 w 703"/>
                  <a:gd name="T1" fmla="*/ 175 h 612"/>
                  <a:gd name="T2" fmla="*/ 193 w 703"/>
                  <a:gd name="T3" fmla="*/ 181 h 612"/>
                  <a:gd name="T4" fmla="*/ 186 w 703"/>
                  <a:gd name="T5" fmla="*/ 182 h 612"/>
                  <a:gd name="T6" fmla="*/ 183 w 703"/>
                  <a:gd name="T7" fmla="*/ 176 h 612"/>
                  <a:gd name="T8" fmla="*/ 179 w 703"/>
                  <a:gd name="T9" fmla="*/ 173 h 612"/>
                  <a:gd name="T10" fmla="*/ 169 w 703"/>
                  <a:gd name="T11" fmla="*/ 180 h 612"/>
                  <a:gd name="T12" fmla="*/ 144 w 703"/>
                  <a:gd name="T13" fmla="*/ 188 h 612"/>
                  <a:gd name="T14" fmla="*/ 129 w 703"/>
                  <a:gd name="T15" fmla="*/ 195 h 612"/>
                  <a:gd name="T16" fmla="*/ 122 w 703"/>
                  <a:gd name="T17" fmla="*/ 202 h 612"/>
                  <a:gd name="T18" fmla="*/ 117 w 703"/>
                  <a:gd name="T19" fmla="*/ 199 h 612"/>
                  <a:gd name="T20" fmla="*/ 102 w 703"/>
                  <a:gd name="T21" fmla="*/ 189 h 612"/>
                  <a:gd name="T22" fmla="*/ 92 w 703"/>
                  <a:gd name="T23" fmla="*/ 181 h 612"/>
                  <a:gd name="T24" fmla="*/ 99 w 703"/>
                  <a:gd name="T25" fmla="*/ 160 h 612"/>
                  <a:gd name="T26" fmla="*/ 109 w 703"/>
                  <a:gd name="T27" fmla="*/ 128 h 612"/>
                  <a:gd name="T28" fmla="*/ 93 w 703"/>
                  <a:gd name="T29" fmla="*/ 125 h 612"/>
                  <a:gd name="T30" fmla="*/ 75 w 703"/>
                  <a:gd name="T31" fmla="*/ 125 h 612"/>
                  <a:gd name="T32" fmla="*/ 56 w 703"/>
                  <a:gd name="T33" fmla="*/ 128 h 612"/>
                  <a:gd name="T34" fmla="*/ 41 w 703"/>
                  <a:gd name="T35" fmla="*/ 130 h 612"/>
                  <a:gd name="T36" fmla="*/ 37 w 703"/>
                  <a:gd name="T37" fmla="*/ 122 h 612"/>
                  <a:gd name="T38" fmla="*/ 19 w 703"/>
                  <a:gd name="T39" fmla="*/ 116 h 612"/>
                  <a:gd name="T40" fmla="*/ 5 w 703"/>
                  <a:gd name="T41" fmla="*/ 106 h 612"/>
                  <a:gd name="T42" fmla="*/ 1 w 703"/>
                  <a:gd name="T43" fmla="*/ 91 h 612"/>
                  <a:gd name="T44" fmla="*/ 0 w 703"/>
                  <a:gd name="T45" fmla="*/ 80 h 612"/>
                  <a:gd name="T46" fmla="*/ 8 w 703"/>
                  <a:gd name="T47" fmla="*/ 75 h 612"/>
                  <a:gd name="T48" fmla="*/ 30 w 703"/>
                  <a:gd name="T49" fmla="*/ 81 h 612"/>
                  <a:gd name="T50" fmla="*/ 48 w 703"/>
                  <a:gd name="T51" fmla="*/ 71 h 612"/>
                  <a:gd name="T52" fmla="*/ 55 w 703"/>
                  <a:gd name="T53" fmla="*/ 59 h 612"/>
                  <a:gd name="T54" fmla="*/ 56 w 703"/>
                  <a:gd name="T55" fmla="*/ 46 h 612"/>
                  <a:gd name="T56" fmla="*/ 78 w 703"/>
                  <a:gd name="T57" fmla="*/ 38 h 612"/>
                  <a:gd name="T58" fmla="*/ 104 w 703"/>
                  <a:gd name="T59" fmla="*/ 34 h 612"/>
                  <a:gd name="T60" fmla="*/ 112 w 703"/>
                  <a:gd name="T61" fmla="*/ 24 h 612"/>
                  <a:gd name="T62" fmla="*/ 115 w 703"/>
                  <a:gd name="T63" fmla="*/ 15 h 612"/>
                  <a:gd name="T64" fmla="*/ 120 w 703"/>
                  <a:gd name="T65" fmla="*/ 8 h 612"/>
                  <a:gd name="T66" fmla="*/ 136 w 703"/>
                  <a:gd name="T67" fmla="*/ 1 h 612"/>
                  <a:gd name="T68" fmla="*/ 157 w 703"/>
                  <a:gd name="T69" fmla="*/ 1 h 612"/>
                  <a:gd name="T70" fmla="*/ 172 w 703"/>
                  <a:gd name="T71" fmla="*/ 8 h 612"/>
                  <a:gd name="T72" fmla="*/ 169 w 703"/>
                  <a:gd name="T73" fmla="*/ 15 h 612"/>
                  <a:gd name="T74" fmla="*/ 170 w 703"/>
                  <a:gd name="T75" fmla="*/ 18 h 612"/>
                  <a:gd name="T76" fmla="*/ 174 w 703"/>
                  <a:gd name="T77" fmla="*/ 22 h 612"/>
                  <a:gd name="T78" fmla="*/ 169 w 703"/>
                  <a:gd name="T79" fmla="*/ 26 h 612"/>
                  <a:gd name="T80" fmla="*/ 162 w 703"/>
                  <a:gd name="T81" fmla="*/ 29 h 612"/>
                  <a:gd name="T82" fmla="*/ 159 w 703"/>
                  <a:gd name="T83" fmla="*/ 39 h 612"/>
                  <a:gd name="T84" fmla="*/ 156 w 703"/>
                  <a:gd name="T85" fmla="*/ 47 h 612"/>
                  <a:gd name="T86" fmla="*/ 160 w 703"/>
                  <a:gd name="T87" fmla="*/ 63 h 612"/>
                  <a:gd name="T88" fmla="*/ 164 w 703"/>
                  <a:gd name="T89" fmla="*/ 66 h 612"/>
                  <a:gd name="T90" fmla="*/ 166 w 703"/>
                  <a:gd name="T91" fmla="*/ 75 h 612"/>
                  <a:gd name="T92" fmla="*/ 177 w 703"/>
                  <a:gd name="T93" fmla="*/ 81 h 612"/>
                  <a:gd name="T94" fmla="*/ 196 w 703"/>
                  <a:gd name="T95" fmla="*/ 87 h 612"/>
                  <a:gd name="T96" fmla="*/ 213 w 703"/>
                  <a:gd name="T97" fmla="*/ 99 h 612"/>
                  <a:gd name="T98" fmla="*/ 234 w 703"/>
                  <a:gd name="T99" fmla="*/ 120 h 612"/>
                  <a:gd name="T100" fmla="*/ 227 w 703"/>
                  <a:gd name="T101" fmla="*/ 122 h 612"/>
                  <a:gd name="T102" fmla="*/ 219 w 703"/>
                  <a:gd name="T103" fmla="*/ 133 h 612"/>
                  <a:gd name="T104" fmla="*/ 212 w 703"/>
                  <a:gd name="T105" fmla="*/ 135 h 612"/>
                  <a:gd name="T106" fmla="*/ 214 w 703"/>
                  <a:gd name="T107" fmla="*/ 144 h 612"/>
                  <a:gd name="T108" fmla="*/ 215 w 703"/>
                  <a:gd name="T109" fmla="*/ 154 h 612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0" t="0" r="r" b="b"/>
                <a:pathLst>
                  <a:path w="703" h="612">
                    <a:moveTo>
                      <a:pt x="646" y="472"/>
                    </a:moveTo>
                    <a:lnTo>
                      <a:pt x="630" y="493"/>
                    </a:lnTo>
                    <a:lnTo>
                      <a:pt x="615" y="515"/>
                    </a:lnTo>
                    <a:lnTo>
                      <a:pt x="606" y="524"/>
                    </a:lnTo>
                    <a:lnTo>
                      <a:pt x="597" y="534"/>
                    </a:lnTo>
                    <a:lnTo>
                      <a:pt x="590" y="538"/>
                    </a:lnTo>
                    <a:lnTo>
                      <a:pt x="585" y="541"/>
                    </a:lnTo>
                    <a:lnTo>
                      <a:pt x="579" y="544"/>
                    </a:lnTo>
                    <a:lnTo>
                      <a:pt x="571" y="546"/>
                    </a:lnTo>
                    <a:lnTo>
                      <a:pt x="566" y="547"/>
                    </a:lnTo>
                    <a:lnTo>
                      <a:pt x="563" y="547"/>
                    </a:lnTo>
                    <a:lnTo>
                      <a:pt x="559" y="546"/>
                    </a:lnTo>
                    <a:lnTo>
                      <a:pt x="557" y="545"/>
                    </a:lnTo>
                    <a:lnTo>
                      <a:pt x="554" y="541"/>
                    </a:lnTo>
                    <a:lnTo>
                      <a:pt x="551" y="535"/>
                    </a:lnTo>
                    <a:lnTo>
                      <a:pt x="549" y="528"/>
                    </a:lnTo>
                    <a:lnTo>
                      <a:pt x="546" y="523"/>
                    </a:lnTo>
                    <a:lnTo>
                      <a:pt x="544" y="521"/>
                    </a:lnTo>
                    <a:lnTo>
                      <a:pt x="542" y="519"/>
                    </a:lnTo>
                    <a:lnTo>
                      <a:pt x="539" y="519"/>
                    </a:lnTo>
                    <a:lnTo>
                      <a:pt x="535" y="519"/>
                    </a:lnTo>
                    <a:lnTo>
                      <a:pt x="526" y="527"/>
                    </a:lnTo>
                    <a:lnTo>
                      <a:pt x="518" y="535"/>
                    </a:lnTo>
                    <a:lnTo>
                      <a:pt x="507" y="541"/>
                    </a:lnTo>
                    <a:lnTo>
                      <a:pt x="496" y="546"/>
                    </a:lnTo>
                    <a:lnTo>
                      <a:pt x="471" y="554"/>
                    </a:lnTo>
                    <a:lnTo>
                      <a:pt x="446" y="561"/>
                    </a:lnTo>
                    <a:lnTo>
                      <a:pt x="433" y="564"/>
                    </a:lnTo>
                    <a:lnTo>
                      <a:pt x="421" y="568"/>
                    </a:lnTo>
                    <a:lnTo>
                      <a:pt x="409" y="574"/>
                    </a:lnTo>
                    <a:lnTo>
                      <a:pt x="398" y="579"/>
                    </a:lnTo>
                    <a:lnTo>
                      <a:pt x="388" y="585"/>
                    </a:lnTo>
                    <a:lnTo>
                      <a:pt x="379" y="593"/>
                    </a:lnTo>
                    <a:lnTo>
                      <a:pt x="374" y="597"/>
                    </a:lnTo>
                    <a:lnTo>
                      <a:pt x="371" y="601"/>
                    </a:lnTo>
                    <a:lnTo>
                      <a:pt x="368" y="606"/>
                    </a:lnTo>
                    <a:lnTo>
                      <a:pt x="366" y="612"/>
                    </a:lnTo>
                    <a:lnTo>
                      <a:pt x="361" y="606"/>
                    </a:lnTo>
                    <a:lnTo>
                      <a:pt x="356" y="601"/>
                    </a:lnTo>
                    <a:lnTo>
                      <a:pt x="350" y="597"/>
                    </a:lnTo>
                    <a:lnTo>
                      <a:pt x="344" y="592"/>
                    </a:lnTo>
                    <a:lnTo>
                      <a:pt x="331" y="583"/>
                    </a:lnTo>
                    <a:lnTo>
                      <a:pt x="318" y="576"/>
                    </a:lnTo>
                    <a:lnTo>
                      <a:pt x="305" y="567"/>
                    </a:lnTo>
                    <a:lnTo>
                      <a:pt x="292" y="559"/>
                    </a:lnTo>
                    <a:lnTo>
                      <a:pt x="287" y="554"/>
                    </a:lnTo>
                    <a:lnTo>
                      <a:pt x="282" y="548"/>
                    </a:lnTo>
                    <a:lnTo>
                      <a:pt x="277" y="543"/>
                    </a:lnTo>
                    <a:lnTo>
                      <a:pt x="272" y="537"/>
                    </a:lnTo>
                    <a:lnTo>
                      <a:pt x="280" y="518"/>
                    </a:lnTo>
                    <a:lnTo>
                      <a:pt x="287" y="498"/>
                    </a:lnTo>
                    <a:lnTo>
                      <a:pt x="296" y="480"/>
                    </a:lnTo>
                    <a:lnTo>
                      <a:pt x="304" y="462"/>
                    </a:lnTo>
                    <a:lnTo>
                      <a:pt x="322" y="425"/>
                    </a:lnTo>
                    <a:lnTo>
                      <a:pt x="338" y="387"/>
                    </a:lnTo>
                    <a:lnTo>
                      <a:pt x="327" y="384"/>
                    </a:lnTo>
                    <a:lnTo>
                      <a:pt x="316" y="381"/>
                    </a:lnTo>
                    <a:lnTo>
                      <a:pt x="304" y="378"/>
                    </a:lnTo>
                    <a:lnTo>
                      <a:pt x="291" y="376"/>
                    </a:lnTo>
                    <a:lnTo>
                      <a:pt x="279" y="375"/>
                    </a:lnTo>
                    <a:lnTo>
                      <a:pt x="266" y="374"/>
                    </a:lnTo>
                    <a:lnTo>
                      <a:pt x="252" y="374"/>
                    </a:lnTo>
                    <a:lnTo>
                      <a:pt x="239" y="374"/>
                    </a:lnTo>
                    <a:lnTo>
                      <a:pt x="225" y="375"/>
                    </a:lnTo>
                    <a:lnTo>
                      <a:pt x="211" y="376"/>
                    </a:lnTo>
                    <a:lnTo>
                      <a:pt x="197" y="378"/>
                    </a:lnTo>
                    <a:lnTo>
                      <a:pt x="182" y="380"/>
                    </a:lnTo>
                    <a:lnTo>
                      <a:pt x="167" y="383"/>
                    </a:lnTo>
                    <a:lnTo>
                      <a:pt x="152" y="387"/>
                    </a:lnTo>
                    <a:lnTo>
                      <a:pt x="138" y="392"/>
                    </a:lnTo>
                    <a:lnTo>
                      <a:pt x="122" y="397"/>
                    </a:lnTo>
                    <a:lnTo>
                      <a:pt x="123" y="389"/>
                    </a:lnTo>
                    <a:lnTo>
                      <a:pt x="123" y="383"/>
                    </a:lnTo>
                    <a:lnTo>
                      <a:pt x="120" y="377"/>
                    </a:lnTo>
                    <a:lnTo>
                      <a:pt x="117" y="372"/>
                    </a:lnTo>
                    <a:lnTo>
                      <a:pt x="112" y="367"/>
                    </a:lnTo>
                    <a:lnTo>
                      <a:pt x="106" y="363"/>
                    </a:lnTo>
                    <a:lnTo>
                      <a:pt x="100" y="360"/>
                    </a:lnTo>
                    <a:lnTo>
                      <a:pt x="92" y="357"/>
                    </a:lnTo>
                    <a:lnTo>
                      <a:pt x="56" y="348"/>
                    </a:lnTo>
                    <a:lnTo>
                      <a:pt x="20" y="341"/>
                    </a:lnTo>
                    <a:lnTo>
                      <a:pt x="19" y="333"/>
                    </a:lnTo>
                    <a:lnTo>
                      <a:pt x="18" y="325"/>
                    </a:lnTo>
                    <a:lnTo>
                      <a:pt x="15" y="318"/>
                    </a:lnTo>
                    <a:lnTo>
                      <a:pt x="13" y="309"/>
                    </a:lnTo>
                    <a:lnTo>
                      <a:pt x="9" y="295"/>
                    </a:lnTo>
                    <a:lnTo>
                      <a:pt x="4" y="279"/>
                    </a:lnTo>
                    <a:lnTo>
                      <a:pt x="2" y="272"/>
                    </a:lnTo>
                    <a:lnTo>
                      <a:pt x="1" y="264"/>
                    </a:lnTo>
                    <a:lnTo>
                      <a:pt x="0" y="256"/>
                    </a:lnTo>
                    <a:lnTo>
                      <a:pt x="0" y="248"/>
                    </a:lnTo>
                    <a:lnTo>
                      <a:pt x="1" y="241"/>
                    </a:lnTo>
                    <a:lnTo>
                      <a:pt x="3" y="234"/>
                    </a:lnTo>
                    <a:lnTo>
                      <a:pt x="6" y="226"/>
                    </a:lnTo>
                    <a:lnTo>
                      <a:pt x="10" y="219"/>
                    </a:lnTo>
                    <a:lnTo>
                      <a:pt x="24" y="225"/>
                    </a:lnTo>
                    <a:lnTo>
                      <a:pt x="39" y="230"/>
                    </a:lnTo>
                    <a:lnTo>
                      <a:pt x="51" y="234"/>
                    </a:lnTo>
                    <a:lnTo>
                      <a:pt x="65" y="237"/>
                    </a:lnTo>
                    <a:lnTo>
                      <a:pt x="89" y="242"/>
                    </a:lnTo>
                    <a:lnTo>
                      <a:pt x="113" y="247"/>
                    </a:lnTo>
                    <a:lnTo>
                      <a:pt x="124" y="236"/>
                    </a:lnTo>
                    <a:lnTo>
                      <a:pt x="134" y="224"/>
                    </a:lnTo>
                    <a:lnTo>
                      <a:pt x="145" y="213"/>
                    </a:lnTo>
                    <a:lnTo>
                      <a:pt x="153" y="199"/>
                    </a:lnTo>
                    <a:lnTo>
                      <a:pt x="158" y="191"/>
                    </a:lnTo>
                    <a:lnTo>
                      <a:pt x="161" y="184"/>
                    </a:lnTo>
                    <a:lnTo>
                      <a:pt x="164" y="176"/>
                    </a:lnTo>
                    <a:lnTo>
                      <a:pt x="166" y="167"/>
                    </a:lnTo>
                    <a:lnTo>
                      <a:pt x="168" y="158"/>
                    </a:lnTo>
                    <a:lnTo>
                      <a:pt x="169" y="147"/>
                    </a:lnTo>
                    <a:lnTo>
                      <a:pt x="169" y="137"/>
                    </a:lnTo>
                    <a:lnTo>
                      <a:pt x="169" y="125"/>
                    </a:lnTo>
                    <a:lnTo>
                      <a:pt x="194" y="119"/>
                    </a:lnTo>
                    <a:lnTo>
                      <a:pt x="217" y="115"/>
                    </a:lnTo>
                    <a:lnTo>
                      <a:pt x="234" y="113"/>
                    </a:lnTo>
                    <a:lnTo>
                      <a:pt x="252" y="111"/>
                    </a:lnTo>
                    <a:lnTo>
                      <a:pt x="270" y="109"/>
                    </a:lnTo>
                    <a:lnTo>
                      <a:pt x="289" y="107"/>
                    </a:lnTo>
                    <a:lnTo>
                      <a:pt x="311" y="103"/>
                    </a:lnTo>
                    <a:lnTo>
                      <a:pt x="338" y="97"/>
                    </a:lnTo>
                    <a:lnTo>
                      <a:pt x="337" y="88"/>
                    </a:lnTo>
                    <a:lnTo>
                      <a:pt x="336" y="80"/>
                    </a:lnTo>
                    <a:lnTo>
                      <a:pt x="336" y="72"/>
                    </a:lnTo>
                    <a:lnTo>
                      <a:pt x="337" y="65"/>
                    </a:lnTo>
                    <a:lnTo>
                      <a:pt x="339" y="58"/>
                    </a:lnTo>
                    <a:lnTo>
                      <a:pt x="341" y="51"/>
                    </a:lnTo>
                    <a:lnTo>
                      <a:pt x="344" y="45"/>
                    </a:lnTo>
                    <a:lnTo>
                      <a:pt x="347" y="40"/>
                    </a:lnTo>
                    <a:lnTo>
                      <a:pt x="351" y="35"/>
                    </a:lnTo>
                    <a:lnTo>
                      <a:pt x="357" y="29"/>
                    </a:lnTo>
                    <a:lnTo>
                      <a:pt x="362" y="25"/>
                    </a:lnTo>
                    <a:lnTo>
                      <a:pt x="368" y="21"/>
                    </a:lnTo>
                    <a:lnTo>
                      <a:pt x="381" y="14"/>
                    </a:lnTo>
                    <a:lnTo>
                      <a:pt x="395" y="8"/>
                    </a:lnTo>
                    <a:lnTo>
                      <a:pt x="409" y="4"/>
                    </a:lnTo>
                    <a:lnTo>
                      <a:pt x="425" y="1"/>
                    </a:lnTo>
                    <a:lnTo>
                      <a:pt x="442" y="0"/>
                    </a:lnTo>
                    <a:lnTo>
                      <a:pt x="458" y="0"/>
                    </a:lnTo>
                    <a:lnTo>
                      <a:pt x="473" y="2"/>
                    </a:lnTo>
                    <a:lnTo>
                      <a:pt x="488" y="4"/>
                    </a:lnTo>
                    <a:lnTo>
                      <a:pt x="503" y="8"/>
                    </a:lnTo>
                    <a:lnTo>
                      <a:pt x="516" y="12"/>
                    </a:lnTo>
                    <a:lnTo>
                      <a:pt x="516" y="23"/>
                    </a:lnTo>
                    <a:lnTo>
                      <a:pt x="515" y="31"/>
                    </a:lnTo>
                    <a:lnTo>
                      <a:pt x="512" y="39"/>
                    </a:lnTo>
                    <a:lnTo>
                      <a:pt x="510" y="44"/>
                    </a:lnTo>
                    <a:lnTo>
                      <a:pt x="509" y="46"/>
                    </a:lnTo>
                    <a:lnTo>
                      <a:pt x="509" y="49"/>
                    </a:lnTo>
                    <a:lnTo>
                      <a:pt x="509" y="51"/>
                    </a:lnTo>
                    <a:lnTo>
                      <a:pt x="511" y="52"/>
                    </a:lnTo>
                    <a:lnTo>
                      <a:pt x="512" y="55"/>
                    </a:lnTo>
                    <a:lnTo>
                      <a:pt x="516" y="57"/>
                    </a:lnTo>
                    <a:lnTo>
                      <a:pt x="520" y="58"/>
                    </a:lnTo>
                    <a:lnTo>
                      <a:pt x="525" y="60"/>
                    </a:lnTo>
                    <a:lnTo>
                      <a:pt x="524" y="65"/>
                    </a:lnTo>
                    <a:lnTo>
                      <a:pt x="521" y="70"/>
                    </a:lnTo>
                    <a:lnTo>
                      <a:pt x="518" y="74"/>
                    </a:lnTo>
                    <a:lnTo>
                      <a:pt x="513" y="76"/>
                    </a:lnTo>
                    <a:lnTo>
                      <a:pt x="508" y="78"/>
                    </a:lnTo>
                    <a:lnTo>
                      <a:pt x="502" y="79"/>
                    </a:lnTo>
                    <a:lnTo>
                      <a:pt x="496" y="79"/>
                    </a:lnTo>
                    <a:lnTo>
                      <a:pt x="487" y="79"/>
                    </a:lnTo>
                    <a:lnTo>
                      <a:pt x="487" y="87"/>
                    </a:lnTo>
                    <a:lnTo>
                      <a:pt x="487" y="97"/>
                    </a:lnTo>
                    <a:lnTo>
                      <a:pt x="487" y="106"/>
                    </a:lnTo>
                    <a:lnTo>
                      <a:pt x="487" y="116"/>
                    </a:lnTo>
                    <a:lnTo>
                      <a:pt x="478" y="116"/>
                    </a:lnTo>
                    <a:lnTo>
                      <a:pt x="476" y="119"/>
                    </a:lnTo>
                    <a:lnTo>
                      <a:pt x="473" y="125"/>
                    </a:lnTo>
                    <a:lnTo>
                      <a:pt x="471" y="133"/>
                    </a:lnTo>
                    <a:lnTo>
                      <a:pt x="470" y="142"/>
                    </a:lnTo>
                    <a:lnTo>
                      <a:pt x="469" y="164"/>
                    </a:lnTo>
                    <a:lnTo>
                      <a:pt x="469" y="190"/>
                    </a:lnTo>
                    <a:lnTo>
                      <a:pt x="475" y="190"/>
                    </a:lnTo>
                    <a:lnTo>
                      <a:pt x="480" y="190"/>
                    </a:lnTo>
                    <a:lnTo>
                      <a:pt x="484" y="191"/>
                    </a:lnTo>
                    <a:lnTo>
                      <a:pt x="487" y="194"/>
                    </a:lnTo>
                    <a:lnTo>
                      <a:pt x="490" y="196"/>
                    </a:lnTo>
                    <a:lnTo>
                      <a:pt x="492" y="199"/>
                    </a:lnTo>
                    <a:lnTo>
                      <a:pt x="495" y="202"/>
                    </a:lnTo>
                    <a:lnTo>
                      <a:pt x="496" y="206"/>
                    </a:lnTo>
                    <a:lnTo>
                      <a:pt x="497" y="216"/>
                    </a:lnTo>
                    <a:lnTo>
                      <a:pt x="498" y="225"/>
                    </a:lnTo>
                    <a:lnTo>
                      <a:pt x="497" y="236"/>
                    </a:lnTo>
                    <a:lnTo>
                      <a:pt x="497" y="247"/>
                    </a:lnTo>
                    <a:lnTo>
                      <a:pt x="515" y="244"/>
                    </a:lnTo>
                    <a:lnTo>
                      <a:pt x="531" y="244"/>
                    </a:lnTo>
                    <a:lnTo>
                      <a:pt x="547" y="245"/>
                    </a:lnTo>
                    <a:lnTo>
                      <a:pt x="562" y="249"/>
                    </a:lnTo>
                    <a:lnTo>
                      <a:pt x="577" y="254"/>
                    </a:lnTo>
                    <a:lnTo>
                      <a:pt x="590" y="260"/>
                    </a:lnTo>
                    <a:lnTo>
                      <a:pt x="604" y="267"/>
                    </a:lnTo>
                    <a:lnTo>
                      <a:pt x="617" y="276"/>
                    </a:lnTo>
                    <a:lnTo>
                      <a:pt x="628" y="285"/>
                    </a:lnTo>
                    <a:lnTo>
                      <a:pt x="640" y="296"/>
                    </a:lnTo>
                    <a:lnTo>
                      <a:pt x="651" y="306"/>
                    </a:lnTo>
                    <a:lnTo>
                      <a:pt x="662" y="317"/>
                    </a:lnTo>
                    <a:lnTo>
                      <a:pt x="683" y="339"/>
                    </a:lnTo>
                    <a:lnTo>
                      <a:pt x="703" y="359"/>
                    </a:lnTo>
                    <a:lnTo>
                      <a:pt x="697" y="360"/>
                    </a:lnTo>
                    <a:lnTo>
                      <a:pt x="691" y="361"/>
                    </a:lnTo>
                    <a:lnTo>
                      <a:pt x="686" y="364"/>
                    </a:lnTo>
                    <a:lnTo>
                      <a:pt x="682" y="367"/>
                    </a:lnTo>
                    <a:lnTo>
                      <a:pt x="676" y="375"/>
                    </a:lnTo>
                    <a:lnTo>
                      <a:pt x="670" y="383"/>
                    </a:lnTo>
                    <a:lnTo>
                      <a:pt x="664" y="392"/>
                    </a:lnTo>
                    <a:lnTo>
                      <a:pt x="658" y="399"/>
                    </a:lnTo>
                    <a:lnTo>
                      <a:pt x="654" y="401"/>
                    </a:lnTo>
                    <a:lnTo>
                      <a:pt x="649" y="404"/>
                    </a:lnTo>
                    <a:lnTo>
                      <a:pt x="644" y="405"/>
                    </a:lnTo>
                    <a:lnTo>
                      <a:pt x="638" y="406"/>
                    </a:lnTo>
                    <a:lnTo>
                      <a:pt x="638" y="414"/>
                    </a:lnTo>
                    <a:lnTo>
                      <a:pt x="640" y="420"/>
                    </a:lnTo>
                    <a:lnTo>
                      <a:pt x="642" y="426"/>
                    </a:lnTo>
                    <a:lnTo>
                      <a:pt x="644" y="432"/>
                    </a:lnTo>
                    <a:lnTo>
                      <a:pt x="646" y="438"/>
                    </a:lnTo>
                    <a:lnTo>
                      <a:pt x="648" y="444"/>
                    </a:lnTo>
                    <a:lnTo>
                      <a:pt x="648" y="453"/>
                    </a:lnTo>
                    <a:lnTo>
                      <a:pt x="646" y="462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grpSp>
            <p:nvGrpSpPr>
              <p:cNvPr id="307" name="Group 20"/>
              <p:cNvGrpSpPr/>
              <p:nvPr/>
            </p:nvGrpSpPr>
            <p:grpSpPr>
              <a:xfrm>
                <a:off x="1725615" y="4237044"/>
                <a:ext cx="377825" cy="323851"/>
                <a:chOff x="1725615" y="4237044"/>
                <a:chExt cx="377825" cy="323851"/>
              </a:xfrm>
              <a:grpFill/>
            </p:grpSpPr>
            <p:sp>
              <p:nvSpPr>
                <p:cNvPr id="309" name="Skanderborg"/>
                <p:cNvSpPr>
                  <a:spLocks/>
                </p:cNvSpPr>
                <p:nvPr/>
              </p:nvSpPr>
              <p:spPr bwMode="auto">
                <a:xfrm>
                  <a:off x="1725615" y="4237044"/>
                  <a:ext cx="371476" cy="323851"/>
                </a:xfrm>
                <a:custGeom>
                  <a:avLst/>
                  <a:gdLst>
                    <a:gd name="T0" fmla="*/ 202 w 703"/>
                    <a:gd name="T1" fmla="*/ 175 h 612"/>
                    <a:gd name="T2" fmla="*/ 193 w 703"/>
                    <a:gd name="T3" fmla="*/ 181 h 612"/>
                    <a:gd name="T4" fmla="*/ 186 w 703"/>
                    <a:gd name="T5" fmla="*/ 182 h 612"/>
                    <a:gd name="T6" fmla="*/ 183 w 703"/>
                    <a:gd name="T7" fmla="*/ 176 h 612"/>
                    <a:gd name="T8" fmla="*/ 179 w 703"/>
                    <a:gd name="T9" fmla="*/ 173 h 612"/>
                    <a:gd name="T10" fmla="*/ 169 w 703"/>
                    <a:gd name="T11" fmla="*/ 180 h 612"/>
                    <a:gd name="T12" fmla="*/ 144 w 703"/>
                    <a:gd name="T13" fmla="*/ 188 h 612"/>
                    <a:gd name="T14" fmla="*/ 129 w 703"/>
                    <a:gd name="T15" fmla="*/ 195 h 612"/>
                    <a:gd name="T16" fmla="*/ 122 w 703"/>
                    <a:gd name="T17" fmla="*/ 202 h 612"/>
                    <a:gd name="T18" fmla="*/ 117 w 703"/>
                    <a:gd name="T19" fmla="*/ 199 h 612"/>
                    <a:gd name="T20" fmla="*/ 102 w 703"/>
                    <a:gd name="T21" fmla="*/ 189 h 612"/>
                    <a:gd name="T22" fmla="*/ 92 w 703"/>
                    <a:gd name="T23" fmla="*/ 181 h 612"/>
                    <a:gd name="T24" fmla="*/ 99 w 703"/>
                    <a:gd name="T25" fmla="*/ 160 h 612"/>
                    <a:gd name="T26" fmla="*/ 109 w 703"/>
                    <a:gd name="T27" fmla="*/ 128 h 612"/>
                    <a:gd name="T28" fmla="*/ 93 w 703"/>
                    <a:gd name="T29" fmla="*/ 125 h 612"/>
                    <a:gd name="T30" fmla="*/ 75 w 703"/>
                    <a:gd name="T31" fmla="*/ 125 h 612"/>
                    <a:gd name="T32" fmla="*/ 56 w 703"/>
                    <a:gd name="T33" fmla="*/ 128 h 612"/>
                    <a:gd name="T34" fmla="*/ 41 w 703"/>
                    <a:gd name="T35" fmla="*/ 130 h 612"/>
                    <a:gd name="T36" fmla="*/ 37 w 703"/>
                    <a:gd name="T37" fmla="*/ 122 h 612"/>
                    <a:gd name="T38" fmla="*/ 19 w 703"/>
                    <a:gd name="T39" fmla="*/ 116 h 612"/>
                    <a:gd name="T40" fmla="*/ 5 w 703"/>
                    <a:gd name="T41" fmla="*/ 106 h 612"/>
                    <a:gd name="T42" fmla="*/ 1 w 703"/>
                    <a:gd name="T43" fmla="*/ 91 h 612"/>
                    <a:gd name="T44" fmla="*/ 0 w 703"/>
                    <a:gd name="T45" fmla="*/ 80 h 612"/>
                    <a:gd name="T46" fmla="*/ 8 w 703"/>
                    <a:gd name="T47" fmla="*/ 75 h 612"/>
                    <a:gd name="T48" fmla="*/ 30 w 703"/>
                    <a:gd name="T49" fmla="*/ 81 h 612"/>
                    <a:gd name="T50" fmla="*/ 48 w 703"/>
                    <a:gd name="T51" fmla="*/ 71 h 612"/>
                    <a:gd name="T52" fmla="*/ 55 w 703"/>
                    <a:gd name="T53" fmla="*/ 59 h 612"/>
                    <a:gd name="T54" fmla="*/ 56 w 703"/>
                    <a:gd name="T55" fmla="*/ 46 h 612"/>
                    <a:gd name="T56" fmla="*/ 78 w 703"/>
                    <a:gd name="T57" fmla="*/ 38 h 612"/>
                    <a:gd name="T58" fmla="*/ 104 w 703"/>
                    <a:gd name="T59" fmla="*/ 34 h 612"/>
                    <a:gd name="T60" fmla="*/ 112 w 703"/>
                    <a:gd name="T61" fmla="*/ 24 h 612"/>
                    <a:gd name="T62" fmla="*/ 115 w 703"/>
                    <a:gd name="T63" fmla="*/ 15 h 612"/>
                    <a:gd name="T64" fmla="*/ 120 w 703"/>
                    <a:gd name="T65" fmla="*/ 8 h 612"/>
                    <a:gd name="T66" fmla="*/ 136 w 703"/>
                    <a:gd name="T67" fmla="*/ 1 h 612"/>
                    <a:gd name="T68" fmla="*/ 157 w 703"/>
                    <a:gd name="T69" fmla="*/ 1 h 612"/>
                    <a:gd name="T70" fmla="*/ 172 w 703"/>
                    <a:gd name="T71" fmla="*/ 8 h 612"/>
                    <a:gd name="T72" fmla="*/ 169 w 703"/>
                    <a:gd name="T73" fmla="*/ 15 h 612"/>
                    <a:gd name="T74" fmla="*/ 170 w 703"/>
                    <a:gd name="T75" fmla="*/ 18 h 612"/>
                    <a:gd name="T76" fmla="*/ 174 w 703"/>
                    <a:gd name="T77" fmla="*/ 22 h 612"/>
                    <a:gd name="T78" fmla="*/ 169 w 703"/>
                    <a:gd name="T79" fmla="*/ 26 h 612"/>
                    <a:gd name="T80" fmla="*/ 162 w 703"/>
                    <a:gd name="T81" fmla="*/ 29 h 612"/>
                    <a:gd name="T82" fmla="*/ 159 w 703"/>
                    <a:gd name="T83" fmla="*/ 39 h 612"/>
                    <a:gd name="T84" fmla="*/ 156 w 703"/>
                    <a:gd name="T85" fmla="*/ 47 h 612"/>
                    <a:gd name="T86" fmla="*/ 160 w 703"/>
                    <a:gd name="T87" fmla="*/ 63 h 612"/>
                    <a:gd name="T88" fmla="*/ 164 w 703"/>
                    <a:gd name="T89" fmla="*/ 66 h 612"/>
                    <a:gd name="T90" fmla="*/ 166 w 703"/>
                    <a:gd name="T91" fmla="*/ 75 h 612"/>
                    <a:gd name="T92" fmla="*/ 177 w 703"/>
                    <a:gd name="T93" fmla="*/ 81 h 612"/>
                    <a:gd name="T94" fmla="*/ 196 w 703"/>
                    <a:gd name="T95" fmla="*/ 87 h 612"/>
                    <a:gd name="T96" fmla="*/ 213 w 703"/>
                    <a:gd name="T97" fmla="*/ 99 h 612"/>
                    <a:gd name="T98" fmla="*/ 234 w 703"/>
                    <a:gd name="T99" fmla="*/ 120 h 612"/>
                    <a:gd name="T100" fmla="*/ 227 w 703"/>
                    <a:gd name="T101" fmla="*/ 122 h 612"/>
                    <a:gd name="T102" fmla="*/ 219 w 703"/>
                    <a:gd name="T103" fmla="*/ 133 h 612"/>
                    <a:gd name="T104" fmla="*/ 212 w 703"/>
                    <a:gd name="T105" fmla="*/ 135 h 612"/>
                    <a:gd name="T106" fmla="*/ 214 w 703"/>
                    <a:gd name="T107" fmla="*/ 144 h 612"/>
                    <a:gd name="T108" fmla="*/ 215 w 703"/>
                    <a:gd name="T109" fmla="*/ 154 h 612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</a:gdLst>
                  <a:ahLst/>
                  <a:cxnLst>
                    <a:cxn ang="T110">
                      <a:pos x="T0" y="T1"/>
                    </a:cxn>
                    <a:cxn ang="T111">
                      <a:pos x="T2" y="T3"/>
                    </a:cxn>
                    <a:cxn ang="T112">
                      <a:pos x="T4" y="T5"/>
                    </a:cxn>
                    <a:cxn ang="T113">
                      <a:pos x="T6" y="T7"/>
                    </a:cxn>
                    <a:cxn ang="T114">
                      <a:pos x="T8" y="T9"/>
                    </a:cxn>
                    <a:cxn ang="T115">
                      <a:pos x="T10" y="T11"/>
                    </a:cxn>
                    <a:cxn ang="T116">
                      <a:pos x="T12" y="T13"/>
                    </a:cxn>
                    <a:cxn ang="T117">
                      <a:pos x="T14" y="T15"/>
                    </a:cxn>
                    <a:cxn ang="T118">
                      <a:pos x="T16" y="T17"/>
                    </a:cxn>
                    <a:cxn ang="T119">
                      <a:pos x="T18" y="T19"/>
                    </a:cxn>
                    <a:cxn ang="T120">
                      <a:pos x="T20" y="T21"/>
                    </a:cxn>
                    <a:cxn ang="T121">
                      <a:pos x="T22" y="T23"/>
                    </a:cxn>
                    <a:cxn ang="T122">
                      <a:pos x="T24" y="T25"/>
                    </a:cxn>
                    <a:cxn ang="T123">
                      <a:pos x="T26" y="T27"/>
                    </a:cxn>
                    <a:cxn ang="T124">
                      <a:pos x="T28" y="T29"/>
                    </a:cxn>
                    <a:cxn ang="T125">
                      <a:pos x="T30" y="T31"/>
                    </a:cxn>
                    <a:cxn ang="T126">
                      <a:pos x="T32" y="T33"/>
                    </a:cxn>
                    <a:cxn ang="T127">
                      <a:pos x="T34" y="T35"/>
                    </a:cxn>
                    <a:cxn ang="T128">
                      <a:pos x="T36" y="T37"/>
                    </a:cxn>
                    <a:cxn ang="T129">
                      <a:pos x="T38" y="T39"/>
                    </a:cxn>
                    <a:cxn ang="T130">
                      <a:pos x="T40" y="T41"/>
                    </a:cxn>
                    <a:cxn ang="T131">
                      <a:pos x="T42" y="T43"/>
                    </a:cxn>
                    <a:cxn ang="T132">
                      <a:pos x="T44" y="T45"/>
                    </a:cxn>
                    <a:cxn ang="T133">
                      <a:pos x="T46" y="T47"/>
                    </a:cxn>
                    <a:cxn ang="T134">
                      <a:pos x="T48" y="T49"/>
                    </a:cxn>
                    <a:cxn ang="T135">
                      <a:pos x="T50" y="T51"/>
                    </a:cxn>
                    <a:cxn ang="T136">
                      <a:pos x="T52" y="T53"/>
                    </a:cxn>
                    <a:cxn ang="T137">
                      <a:pos x="T54" y="T55"/>
                    </a:cxn>
                    <a:cxn ang="T138">
                      <a:pos x="T56" y="T57"/>
                    </a:cxn>
                    <a:cxn ang="T139">
                      <a:pos x="T58" y="T59"/>
                    </a:cxn>
                    <a:cxn ang="T140">
                      <a:pos x="T60" y="T61"/>
                    </a:cxn>
                    <a:cxn ang="T141">
                      <a:pos x="T62" y="T63"/>
                    </a:cxn>
                    <a:cxn ang="T142">
                      <a:pos x="T64" y="T65"/>
                    </a:cxn>
                    <a:cxn ang="T143">
                      <a:pos x="T66" y="T67"/>
                    </a:cxn>
                    <a:cxn ang="T144">
                      <a:pos x="T68" y="T69"/>
                    </a:cxn>
                    <a:cxn ang="T145">
                      <a:pos x="T70" y="T71"/>
                    </a:cxn>
                    <a:cxn ang="T146">
                      <a:pos x="T72" y="T73"/>
                    </a:cxn>
                    <a:cxn ang="T147">
                      <a:pos x="T74" y="T75"/>
                    </a:cxn>
                    <a:cxn ang="T148">
                      <a:pos x="T76" y="T77"/>
                    </a:cxn>
                    <a:cxn ang="T149">
                      <a:pos x="T78" y="T79"/>
                    </a:cxn>
                    <a:cxn ang="T150">
                      <a:pos x="T80" y="T81"/>
                    </a:cxn>
                    <a:cxn ang="T151">
                      <a:pos x="T82" y="T83"/>
                    </a:cxn>
                    <a:cxn ang="T152">
                      <a:pos x="T84" y="T85"/>
                    </a:cxn>
                    <a:cxn ang="T153">
                      <a:pos x="T86" y="T87"/>
                    </a:cxn>
                    <a:cxn ang="T154">
                      <a:pos x="T88" y="T89"/>
                    </a:cxn>
                    <a:cxn ang="T155">
                      <a:pos x="T90" y="T91"/>
                    </a:cxn>
                    <a:cxn ang="T156">
                      <a:pos x="T92" y="T93"/>
                    </a:cxn>
                    <a:cxn ang="T157">
                      <a:pos x="T94" y="T95"/>
                    </a:cxn>
                    <a:cxn ang="T158">
                      <a:pos x="T96" y="T97"/>
                    </a:cxn>
                    <a:cxn ang="T159">
                      <a:pos x="T98" y="T99"/>
                    </a:cxn>
                    <a:cxn ang="T160">
                      <a:pos x="T100" y="T101"/>
                    </a:cxn>
                    <a:cxn ang="T161">
                      <a:pos x="T102" y="T103"/>
                    </a:cxn>
                    <a:cxn ang="T162">
                      <a:pos x="T104" y="T105"/>
                    </a:cxn>
                    <a:cxn ang="T163">
                      <a:pos x="T106" y="T107"/>
                    </a:cxn>
                    <a:cxn ang="T164">
                      <a:pos x="T108" y="T109"/>
                    </a:cxn>
                  </a:cxnLst>
                  <a:rect l="0" t="0" r="r" b="b"/>
                  <a:pathLst>
                    <a:path w="703" h="612">
                      <a:moveTo>
                        <a:pt x="646" y="472"/>
                      </a:moveTo>
                      <a:lnTo>
                        <a:pt x="630" y="493"/>
                      </a:lnTo>
                      <a:lnTo>
                        <a:pt x="615" y="515"/>
                      </a:lnTo>
                      <a:lnTo>
                        <a:pt x="606" y="524"/>
                      </a:lnTo>
                      <a:lnTo>
                        <a:pt x="597" y="534"/>
                      </a:lnTo>
                      <a:lnTo>
                        <a:pt x="590" y="538"/>
                      </a:lnTo>
                      <a:lnTo>
                        <a:pt x="585" y="541"/>
                      </a:lnTo>
                      <a:lnTo>
                        <a:pt x="579" y="544"/>
                      </a:lnTo>
                      <a:lnTo>
                        <a:pt x="571" y="546"/>
                      </a:lnTo>
                      <a:lnTo>
                        <a:pt x="566" y="547"/>
                      </a:lnTo>
                      <a:lnTo>
                        <a:pt x="563" y="547"/>
                      </a:lnTo>
                      <a:lnTo>
                        <a:pt x="559" y="546"/>
                      </a:lnTo>
                      <a:lnTo>
                        <a:pt x="557" y="545"/>
                      </a:lnTo>
                      <a:lnTo>
                        <a:pt x="554" y="541"/>
                      </a:lnTo>
                      <a:lnTo>
                        <a:pt x="551" y="535"/>
                      </a:lnTo>
                      <a:lnTo>
                        <a:pt x="549" y="528"/>
                      </a:lnTo>
                      <a:lnTo>
                        <a:pt x="546" y="523"/>
                      </a:lnTo>
                      <a:lnTo>
                        <a:pt x="544" y="521"/>
                      </a:lnTo>
                      <a:lnTo>
                        <a:pt x="542" y="519"/>
                      </a:lnTo>
                      <a:lnTo>
                        <a:pt x="539" y="519"/>
                      </a:lnTo>
                      <a:lnTo>
                        <a:pt x="535" y="519"/>
                      </a:lnTo>
                      <a:lnTo>
                        <a:pt x="526" y="527"/>
                      </a:lnTo>
                      <a:lnTo>
                        <a:pt x="518" y="535"/>
                      </a:lnTo>
                      <a:lnTo>
                        <a:pt x="507" y="541"/>
                      </a:lnTo>
                      <a:lnTo>
                        <a:pt x="496" y="546"/>
                      </a:lnTo>
                      <a:lnTo>
                        <a:pt x="471" y="554"/>
                      </a:lnTo>
                      <a:lnTo>
                        <a:pt x="446" y="561"/>
                      </a:lnTo>
                      <a:lnTo>
                        <a:pt x="433" y="564"/>
                      </a:lnTo>
                      <a:lnTo>
                        <a:pt x="421" y="568"/>
                      </a:lnTo>
                      <a:lnTo>
                        <a:pt x="409" y="574"/>
                      </a:lnTo>
                      <a:lnTo>
                        <a:pt x="398" y="579"/>
                      </a:lnTo>
                      <a:lnTo>
                        <a:pt x="388" y="585"/>
                      </a:lnTo>
                      <a:lnTo>
                        <a:pt x="379" y="593"/>
                      </a:lnTo>
                      <a:lnTo>
                        <a:pt x="374" y="597"/>
                      </a:lnTo>
                      <a:lnTo>
                        <a:pt x="371" y="601"/>
                      </a:lnTo>
                      <a:lnTo>
                        <a:pt x="368" y="606"/>
                      </a:lnTo>
                      <a:lnTo>
                        <a:pt x="366" y="612"/>
                      </a:lnTo>
                      <a:lnTo>
                        <a:pt x="361" y="606"/>
                      </a:lnTo>
                      <a:lnTo>
                        <a:pt x="356" y="601"/>
                      </a:lnTo>
                      <a:lnTo>
                        <a:pt x="350" y="597"/>
                      </a:lnTo>
                      <a:lnTo>
                        <a:pt x="344" y="592"/>
                      </a:lnTo>
                      <a:lnTo>
                        <a:pt x="331" y="583"/>
                      </a:lnTo>
                      <a:lnTo>
                        <a:pt x="318" y="576"/>
                      </a:lnTo>
                      <a:lnTo>
                        <a:pt x="305" y="567"/>
                      </a:lnTo>
                      <a:lnTo>
                        <a:pt x="292" y="559"/>
                      </a:lnTo>
                      <a:lnTo>
                        <a:pt x="287" y="554"/>
                      </a:lnTo>
                      <a:lnTo>
                        <a:pt x="282" y="548"/>
                      </a:lnTo>
                      <a:lnTo>
                        <a:pt x="277" y="543"/>
                      </a:lnTo>
                      <a:lnTo>
                        <a:pt x="272" y="537"/>
                      </a:lnTo>
                      <a:lnTo>
                        <a:pt x="280" y="518"/>
                      </a:lnTo>
                      <a:lnTo>
                        <a:pt x="287" y="498"/>
                      </a:lnTo>
                      <a:lnTo>
                        <a:pt x="296" y="480"/>
                      </a:lnTo>
                      <a:lnTo>
                        <a:pt x="304" y="462"/>
                      </a:lnTo>
                      <a:lnTo>
                        <a:pt x="322" y="425"/>
                      </a:lnTo>
                      <a:lnTo>
                        <a:pt x="338" y="387"/>
                      </a:lnTo>
                      <a:lnTo>
                        <a:pt x="327" y="384"/>
                      </a:lnTo>
                      <a:lnTo>
                        <a:pt x="316" y="381"/>
                      </a:lnTo>
                      <a:lnTo>
                        <a:pt x="304" y="378"/>
                      </a:lnTo>
                      <a:lnTo>
                        <a:pt x="291" y="376"/>
                      </a:lnTo>
                      <a:lnTo>
                        <a:pt x="279" y="375"/>
                      </a:lnTo>
                      <a:lnTo>
                        <a:pt x="266" y="374"/>
                      </a:lnTo>
                      <a:lnTo>
                        <a:pt x="252" y="374"/>
                      </a:lnTo>
                      <a:lnTo>
                        <a:pt x="239" y="374"/>
                      </a:lnTo>
                      <a:lnTo>
                        <a:pt x="225" y="375"/>
                      </a:lnTo>
                      <a:lnTo>
                        <a:pt x="211" y="376"/>
                      </a:lnTo>
                      <a:lnTo>
                        <a:pt x="197" y="378"/>
                      </a:lnTo>
                      <a:lnTo>
                        <a:pt x="182" y="380"/>
                      </a:lnTo>
                      <a:lnTo>
                        <a:pt x="167" y="383"/>
                      </a:lnTo>
                      <a:lnTo>
                        <a:pt x="152" y="387"/>
                      </a:lnTo>
                      <a:lnTo>
                        <a:pt x="138" y="392"/>
                      </a:lnTo>
                      <a:lnTo>
                        <a:pt x="122" y="397"/>
                      </a:lnTo>
                      <a:lnTo>
                        <a:pt x="123" y="389"/>
                      </a:lnTo>
                      <a:lnTo>
                        <a:pt x="123" y="383"/>
                      </a:lnTo>
                      <a:lnTo>
                        <a:pt x="120" y="377"/>
                      </a:lnTo>
                      <a:lnTo>
                        <a:pt x="117" y="372"/>
                      </a:lnTo>
                      <a:lnTo>
                        <a:pt x="112" y="367"/>
                      </a:lnTo>
                      <a:lnTo>
                        <a:pt x="106" y="363"/>
                      </a:lnTo>
                      <a:lnTo>
                        <a:pt x="100" y="360"/>
                      </a:lnTo>
                      <a:lnTo>
                        <a:pt x="92" y="357"/>
                      </a:lnTo>
                      <a:lnTo>
                        <a:pt x="56" y="348"/>
                      </a:lnTo>
                      <a:lnTo>
                        <a:pt x="20" y="341"/>
                      </a:lnTo>
                      <a:lnTo>
                        <a:pt x="19" y="333"/>
                      </a:lnTo>
                      <a:lnTo>
                        <a:pt x="18" y="325"/>
                      </a:lnTo>
                      <a:lnTo>
                        <a:pt x="15" y="318"/>
                      </a:lnTo>
                      <a:lnTo>
                        <a:pt x="13" y="309"/>
                      </a:lnTo>
                      <a:lnTo>
                        <a:pt x="9" y="295"/>
                      </a:lnTo>
                      <a:lnTo>
                        <a:pt x="4" y="279"/>
                      </a:lnTo>
                      <a:lnTo>
                        <a:pt x="2" y="272"/>
                      </a:lnTo>
                      <a:lnTo>
                        <a:pt x="1" y="264"/>
                      </a:lnTo>
                      <a:lnTo>
                        <a:pt x="0" y="256"/>
                      </a:lnTo>
                      <a:lnTo>
                        <a:pt x="0" y="248"/>
                      </a:lnTo>
                      <a:lnTo>
                        <a:pt x="1" y="241"/>
                      </a:lnTo>
                      <a:lnTo>
                        <a:pt x="3" y="234"/>
                      </a:lnTo>
                      <a:lnTo>
                        <a:pt x="6" y="226"/>
                      </a:lnTo>
                      <a:lnTo>
                        <a:pt x="10" y="219"/>
                      </a:lnTo>
                      <a:lnTo>
                        <a:pt x="24" y="225"/>
                      </a:lnTo>
                      <a:lnTo>
                        <a:pt x="39" y="230"/>
                      </a:lnTo>
                      <a:lnTo>
                        <a:pt x="51" y="234"/>
                      </a:lnTo>
                      <a:lnTo>
                        <a:pt x="65" y="237"/>
                      </a:lnTo>
                      <a:lnTo>
                        <a:pt x="89" y="242"/>
                      </a:lnTo>
                      <a:lnTo>
                        <a:pt x="113" y="247"/>
                      </a:lnTo>
                      <a:lnTo>
                        <a:pt x="124" y="236"/>
                      </a:lnTo>
                      <a:lnTo>
                        <a:pt x="134" y="224"/>
                      </a:lnTo>
                      <a:lnTo>
                        <a:pt x="145" y="213"/>
                      </a:lnTo>
                      <a:lnTo>
                        <a:pt x="153" y="199"/>
                      </a:lnTo>
                      <a:lnTo>
                        <a:pt x="158" y="191"/>
                      </a:lnTo>
                      <a:lnTo>
                        <a:pt x="161" y="184"/>
                      </a:lnTo>
                      <a:lnTo>
                        <a:pt x="164" y="176"/>
                      </a:lnTo>
                      <a:lnTo>
                        <a:pt x="166" y="167"/>
                      </a:lnTo>
                      <a:lnTo>
                        <a:pt x="168" y="158"/>
                      </a:lnTo>
                      <a:lnTo>
                        <a:pt x="169" y="147"/>
                      </a:lnTo>
                      <a:lnTo>
                        <a:pt x="169" y="137"/>
                      </a:lnTo>
                      <a:lnTo>
                        <a:pt x="169" y="125"/>
                      </a:lnTo>
                      <a:lnTo>
                        <a:pt x="194" y="119"/>
                      </a:lnTo>
                      <a:lnTo>
                        <a:pt x="217" y="115"/>
                      </a:lnTo>
                      <a:lnTo>
                        <a:pt x="234" y="113"/>
                      </a:lnTo>
                      <a:lnTo>
                        <a:pt x="252" y="111"/>
                      </a:lnTo>
                      <a:lnTo>
                        <a:pt x="270" y="109"/>
                      </a:lnTo>
                      <a:lnTo>
                        <a:pt x="289" y="107"/>
                      </a:lnTo>
                      <a:lnTo>
                        <a:pt x="311" y="103"/>
                      </a:lnTo>
                      <a:lnTo>
                        <a:pt x="338" y="97"/>
                      </a:lnTo>
                      <a:lnTo>
                        <a:pt x="337" y="88"/>
                      </a:lnTo>
                      <a:lnTo>
                        <a:pt x="336" y="80"/>
                      </a:lnTo>
                      <a:lnTo>
                        <a:pt x="336" y="72"/>
                      </a:lnTo>
                      <a:lnTo>
                        <a:pt x="337" y="65"/>
                      </a:lnTo>
                      <a:lnTo>
                        <a:pt x="339" y="58"/>
                      </a:lnTo>
                      <a:lnTo>
                        <a:pt x="341" y="51"/>
                      </a:lnTo>
                      <a:lnTo>
                        <a:pt x="344" y="45"/>
                      </a:lnTo>
                      <a:lnTo>
                        <a:pt x="347" y="40"/>
                      </a:lnTo>
                      <a:lnTo>
                        <a:pt x="351" y="35"/>
                      </a:lnTo>
                      <a:lnTo>
                        <a:pt x="357" y="29"/>
                      </a:lnTo>
                      <a:lnTo>
                        <a:pt x="362" y="25"/>
                      </a:lnTo>
                      <a:lnTo>
                        <a:pt x="368" y="21"/>
                      </a:lnTo>
                      <a:lnTo>
                        <a:pt x="381" y="14"/>
                      </a:lnTo>
                      <a:lnTo>
                        <a:pt x="395" y="8"/>
                      </a:lnTo>
                      <a:lnTo>
                        <a:pt x="409" y="4"/>
                      </a:lnTo>
                      <a:lnTo>
                        <a:pt x="425" y="1"/>
                      </a:lnTo>
                      <a:lnTo>
                        <a:pt x="442" y="0"/>
                      </a:lnTo>
                      <a:lnTo>
                        <a:pt x="458" y="0"/>
                      </a:lnTo>
                      <a:lnTo>
                        <a:pt x="473" y="2"/>
                      </a:lnTo>
                      <a:lnTo>
                        <a:pt x="488" y="4"/>
                      </a:lnTo>
                      <a:lnTo>
                        <a:pt x="503" y="8"/>
                      </a:lnTo>
                      <a:lnTo>
                        <a:pt x="516" y="12"/>
                      </a:lnTo>
                      <a:lnTo>
                        <a:pt x="516" y="23"/>
                      </a:lnTo>
                      <a:lnTo>
                        <a:pt x="515" y="31"/>
                      </a:lnTo>
                      <a:lnTo>
                        <a:pt x="512" y="39"/>
                      </a:lnTo>
                      <a:lnTo>
                        <a:pt x="510" y="44"/>
                      </a:lnTo>
                      <a:lnTo>
                        <a:pt x="509" y="46"/>
                      </a:lnTo>
                      <a:lnTo>
                        <a:pt x="509" y="49"/>
                      </a:lnTo>
                      <a:lnTo>
                        <a:pt x="509" y="51"/>
                      </a:lnTo>
                      <a:lnTo>
                        <a:pt x="511" y="52"/>
                      </a:lnTo>
                      <a:lnTo>
                        <a:pt x="512" y="55"/>
                      </a:lnTo>
                      <a:lnTo>
                        <a:pt x="516" y="57"/>
                      </a:lnTo>
                      <a:lnTo>
                        <a:pt x="520" y="58"/>
                      </a:lnTo>
                      <a:lnTo>
                        <a:pt x="525" y="60"/>
                      </a:lnTo>
                      <a:lnTo>
                        <a:pt x="524" y="65"/>
                      </a:lnTo>
                      <a:lnTo>
                        <a:pt x="521" y="70"/>
                      </a:lnTo>
                      <a:lnTo>
                        <a:pt x="518" y="74"/>
                      </a:lnTo>
                      <a:lnTo>
                        <a:pt x="513" y="76"/>
                      </a:lnTo>
                      <a:lnTo>
                        <a:pt x="508" y="78"/>
                      </a:lnTo>
                      <a:lnTo>
                        <a:pt x="502" y="79"/>
                      </a:lnTo>
                      <a:lnTo>
                        <a:pt x="496" y="79"/>
                      </a:lnTo>
                      <a:lnTo>
                        <a:pt x="487" y="79"/>
                      </a:lnTo>
                      <a:lnTo>
                        <a:pt x="487" y="87"/>
                      </a:lnTo>
                      <a:lnTo>
                        <a:pt x="487" y="97"/>
                      </a:lnTo>
                      <a:lnTo>
                        <a:pt x="487" y="106"/>
                      </a:lnTo>
                      <a:lnTo>
                        <a:pt x="487" y="116"/>
                      </a:lnTo>
                      <a:lnTo>
                        <a:pt x="478" y="116"/>
                      </a:lnTo>
                      <a:lnTo>
                        <a:pt x="476" y="119"/>
                      </a:lnTo>
                      <a:lnTo>
                        <a:pt x="473" y="125"/>
                      </a:lnTo>
                      <a:lnTo>
                        <a:pt x="471" y="133"/>
                      </a:lnTo>
                      <a:lnTo>
                        <a:pt x="470" y="142"/>
                      </a:lnTo>
                      <a:lnTo>
                        <a:pt x="469" y="164"/>
                      </a:lnTo>
                      <a:lnTo>
                        <a:pt x="469" y="190"/>
                      </a:lnTo>
                      <a:lnTo>
                        <a:pt x="475" y="190"/>
                      </a:lnTo>
                      <a:lnTo>
                        <a:pt x="480" y="190"/>
                      </a:lnTo>
                      <a:lnTo>
                        <a:pt x="484" y="191"/>
                      </a:lnTo>
                      <a:lnTo>
                        <a:pt x="487" y="194"/>
                      </a:lnTo>
                      <a:lnTo>
                        <a:pt x="490" y="196"/>
                      </a:lnTo>
                      <a:lnTo>
                        <a:pt x="492" y="199"/>
                      </a:lnTo>
                      <a:lnTo>
                        <a:pt x="495" y="202"/>
                      </a:lnTo>
                      <a:lnTo>
                        <a:pt x="496" y="206"/>
                      </a:lnTo>
                      <a:lnTo>
                        <a:pt x="497" y="216"/>
                      </a:lnTo>
                      <a:lnTo>
                        <a:pt x="498" y="225"/>
                      </a:lnTo>
                      <a:lnTo>
                        <a:pt x="497" y="236"/>
                      </a:lnTo>
                      <a:lnTo>
                        <a:pt x="497" y="247"/>
                      </a:lnTo>
                      <a:lnTo>
                        <a:pt x="515" y="244"/>
                      </a:lnTo>
                      <a:lnTo>
                        <a:pt x="531" y="244"/>
                      </a:lnTo>
                      <a:lnTo>
                        <a:pt x="547" y="245"/>
                      </a:lnTo>
                      <a:lnTo>
                        <a:pt x="562" y="249"/>
                      </a:lnTo>
                      <a:lnTo>
                        <a:pt x="577" y="254"/>
                      </a:lnTo>
                      <a:lnTo>
                        <a:pt x="590" y="260"/>
                      </a:lnTo>
                      <a:lnTo>
                        <a:pt x="604" y="267"/>
                      </a:lnTo>
                      <a:lnTo>
                        <a:pt x="617" y="276"/>
                      </a:lnTo>
                      <a:lnTo>
                        <a:pt x="628" y="285"/>
                      </a:lnTo>
                      <a:lnTo>
                        <a:pt x="640" y="296"/>
                      </a:lnTo>
                      <a:lnTo>
                        <a:pt x="651" y="306"/>
                      </a:lnTo>
                      <a:lnTo>
                        <a:pt x="662" y="317"/>
                      </a:lnTo>
                      <a:lnTo>
                        <a:pt x="683" y="339"/>
                      </a:lnTo>
                      <a:lnTo>
                        <a:pt x="703" y="359"/>
                      </a:lnTo>
                      <a:lnTo>
                        <a:pt x="697" y="360"/>
                      </a:lnTo>
                      <a:lnTo>
                        <a:pt x="691" y="361"/>
                      </a:lnTo>
                      <a:lnTo>
                        <a:pt x="686" y="364"/>
                      </a:lnTo>
                      <a:lnTo>
                        <a:pt x="682" y="367"/>
                      </a:lnTo>
                      <a:lnTo>
                        <a:pt x="676" y="375"/>
                      </a:lnTo>
                      <a:lnTo>
                        <a:pt x="670" y="383"/>
                      </a:lnTo>
                      <a:lnTo>
                        <a:pt x="664" y="392"/>
                      </a:lnTo>
                      <a:lnTo>
                        <a:pt x="658" y="399"/>
                      </a:lnTo>
                      <a:lnTo>
                        <a:pt x="654" y="401"/>
                      </a:lnTo>
                      <a:lnTo>
                        <a:pt x="649" y="404"/>
                      </a:lnTo>
                      <a:lnTo>
                        <a:pt x="644" y="405"/>
                      </a:lnTo>
                      <a:lnTo>
                        <a:pt x="638" y="406"/>
                      </a:lnTo>
                      <a:lnTo>
                        <a:pt x="638" y="414"/>
                      </a:lnTo>
                      <a:lnTo>
                        <a:pt x="640" y="420"/>
                      </a:lnTo>
                      <a:lnTo>
                        <a:pt x="642" y="426"/>
                      </a:lnTo>
                      <a:lnTo>
                        <a:pt x="644" y="432"/>
                      </a:lnTo>
                      <a:lnTo>
                        <a:pt x="646" y="438"/>
                      </a:lnTo>
                      <a:lnTo>
                        <a:pt x="648" y="444"/>
                      </a:lnTo>
                      <a:lnTo>
                        <a:pt x="648" y="453"/>
                      </a:lnTo>
                      <a:lnTo>
                        <a:pt x="646" y="462"/>
                      </a:lnTo>
                      <a:lnTo>
                        <a:pt x="646" y="472"/>
                      </a:lnTo>
                      <a:close/>
                    </a:path>
                  </a:pathLst>
                </a:custGeom>
                <a:grpFill/>
                <a:ln>
                  <a:solidFill>
                    <a:srgbClr val="006961"/>
                  </a:solidFill>
                </a:ln>
              </p:spPr>
              <p:txBody>
                <a:bodyPr/>
                <a:lstStyle/>
                <a:p>
                  <a:endParaRPr lang="te-IN"/>
                </a:p>
              </p:txBody>
            </p:sp>
            <p:sp>
              <p:nvSpPr>
                <p:cNvPr id="310" name="Skanderborg"/>
                <p:cNvSpPr>
                  <a:spLocks/>
                </p:cNvSpPr>
                <p:nvPr/>
              </p:nvSpPr>
              <p:spPr bwMode="auto">
                <a:xfrm>
                  <a:off x="1957661" y="4309000"/>
                  <a:ext cx="145779" cy="172519"/>
                </a:xfrm>
                <a:custGeom>
                  <a:avLst/>
                  <a:gdLst>
                    <a:gd name="T0" fmla="*/ 56 w 234"/>
                    <a:gd name="T1" fmla="*/ 112 h 337"/>
                    <a:gd name="T2" fmla="*/ 57 w 234"/>
                    <a:gd name="T3" fmla="*/ 112 h 337"/>
                    <a:gd name="T4" fmla="*/ 58 w 234"/>
                    <a:gd name="T5" fmla="*/ 111 h 337"/>
                    <a:gd name="T6" fmla="*/ 59 w 234"/>
                    <a:gd name="T7" fmla="*/ 110 h 337"/>
                    <a:gd name="T8" fmla="*/ 59 w 234"/>
                    <a:gd name="T9" fmla="*/ 109 h 337"/>
                    <a:gd name="T10" fmla="*/ 60 w 234"/>
                    <a:gd name="T11" fmla="*/ 106 h 337"/>
                    <a:gd name="T12" fmla="*/ 60 w 234"/>
                    <a:gd name="T13" fmla="*/ 103 h 337"/>
                    <a:gd name="T14" fmla="*/ 59 w 234"/>
                    <a:gd name="T15" fmla="*/ 100 h 337"/>
                    <a:gd name="T16" fmla="*/ 58 w 234"/>
                    <a:gd name="T17" fmla="*/ 97 h 337"/>
                    <a:gd name="T18" fmla="*/ 57 w 234"/>
                    <a:gd name="T19" fmla="*/ 95 h 337"/>
                    <a:gd name="T20" fmla="*/ 56 w 234"/>
                    <a:gd name="T21" fmla="*/ 93 h 337"/>
                    <a:gd name="T22" fmla="*/ 59 w 234"/>
                    <a:gd name="T23" fmla="*/ 93 h 337"/>
                    <a:gd name="T24" fmla="*/ 61 w 234"/>
                    <a:gd name="T25" fmla="*/ 93 h 337"/>
                    <a:gd name="T26" fmla="*/ 63 w 234"/>
                    <a:gd name="T27" fmla="*/ 92 h 337"/>
                    <a:gd name="T28" fmla="*/ 65 w 234"/>
                    <a:gd name="T29" fmla="*/ 91 h 337"/>
                    <a:gd name="T30" fmla="*/ 66 w 234"/>
                    <a:gd name="T31" fmla="*/ 90 h 337"/>
                    <a:gd name="T32" fmla="*/ 68 w 234"/>
                    <a:gd name="T33" fmla="*/ 89 h 337"/>
                    <a:gd name="T34" fmla="*/ 69 w 234"/>
                    <a:gd name="T35" fmla="*/ 87 h 337"/>
                    <a:gd name="T36" fmla="*/ 70 w 234"/>
                    <a:gd name="T37" fmla="*/ 86 h 337"/>
                    <a:gd name="T38" fmla="*/ 74 w 234"/>
                    <a:gd name="T39" fmla="*/ 79 h 337"/>
                    <a:gd name="T40" fmla="*/ 78 w 234"/>
                    <a:gd name="T41" fmla="*/ 72 h 337"/>
                    <a:gd name="T42" fmla="*/ 74 w 234"/>
                    <a:gd name="T43" fmla="*/ 69 h 337"/>
                    <a:gd name="T44" fmla="*/ 70 w 234"/>
                    <a:gd name="T45" fmla="*/ 67 h 337"/>
                    <a:gd name="T46" fmla="*/ 67 w 234"/>
                    <a:gd name="T47" fmla="*/ 64 h 337"/>
                    <a:gd name="T48" fmla="*/ 63 w 234"/>
                    <a:gd name="T49" fmla="*/ 60 h 337"/>
                    <a:gd name="T50" fmla="*/ 56 w 234"/>
                    <a:gd name="T51" fmla="*/ 54 h 337"/>
                    <a:gd name="T52" fmla="*/ 48 w 234"/>
                    <a:gd name="T53" fmla="*/ 48 h 337"/>
                    <a:gd name="T54" fmla="*/ 44 w 234"/>
                    <a:gd name="T55" fmla="*/ 45 h 337"/>
                    <a:gd name="T56" fmla="*/ 40 w 234"/>
                    <a:gd name="T57" fmla="*/ 42 h 337"/>
                    <a:gd name="T58" fmla="*/ 36 w 234"/>
                    <a:gd name="T59" fmla="*/ 40 h 337"/>
                    <a:gd name="T60" fmla="*/ 32 w 234"/>
                    <a:gd name="T61" fmla="*/ 38 h 337"/>
                    <a:gd name="T62" fmla="*/ 27 w 234"/>
                    <a:gd name="T63" fmla="*/ 37 h 337"/>
                    <a:gd name="T64" fmla="*/ 22 w 234"/>
                    <a:gd name="T65" fmla="*/ 36 h 337"/>
                    <a:gd name="T66" fmla="*/ 20 w 234"/>
                    <a:gd name="T67" fmla="*/ 36 h 337"/>
                    <a:gd name="T68" fmla="*/ 17 w 234"/>
                    <a:gd name="T69" fmla="*/ 37 h 337"/>
                    <a:gd name="T70" fmla="*/ 15 w 234"/>
                    <a:gd name="T71" fmla="*/ 37 h 337"/>
                    <a:gd name="T72" fmla="*/ 12 w 234"/>
                    <a:gd name="T73" fmla="*/ 38 h 337"/>
                    <a:gd name="T74" fmla="*/ 12 w 234"/>
                    <a:gd name="T75" fmla="*/ 35 h 337"/>
                    <a:gd name="T76" fmla="*/ 11 w 234"/>
                    <a:gd name="T77" fmla="*/ 32 h 337"/>
                    <a:gd name="T78" fmla="*/ 10 w 234"/>
                    <a:gd name="T79" fmla="*/ 30 h 337"/>
                    <a:gd name="T80" fmla="*/ 9 w 234"/>
                    <a:gd name="T81" fmla="*/ 28 h 337"/>
                    <a:gd name="T82" fmla="*/ 6 w 234"/>
                    <a:gd name="T83" fmla="*/ 24 h 337"/>
                    <a:gd name="T84" fmla="*/ 3 w 234"/>
                    <a:gd name="T85" fmla="*/ 20 h 337"/>
                    <a:gd name="T86" fmla="*/ 2 w 234"/>
                    <a:gd name="T87" fmla="*/ 18 h 337"/>
                    <a:gd name="T88" fmla="*/ 1 w 234"/>
                    <a:gd name="T89" fmla="*/ 15 h 337"/>
                    <a:gd name="T90" fmla="*/ 0 w 234"/>
                    <a:gd name="T91" fmla="*/ 13 h 337"/>
                    <a:gd name="T92" fmla="*/ 0 w 234"/>
                    <a:gd name="T93" fmla="*/ 11 h 337"/>
                    <a:gd name="T94" fmla="*/ 0 w 234"/>
                    <a:gd name="T95" fmla="*/ 8 h 337"/>
                    <a:gd name="T96" fmla="*/ 0 w 234"/>
                    <a:gd name="T97" fmla="*/ 6 h 337"/>
                    <a:gd name="T98" fmla="*/ 1 w 234"/>
                    <a:gd name="T99" fmla="*/ 3 h 337"/>
                    <a:gd name="T100" fmla="*/ 3 w 234"/>
                    <a:gd name="T101" fmla="*/ 0 h 337"/>
                    <a:gd name="T102" fmla="*/ 56 w 234"/>
                    <a:gd name="T103" fmla="*/ 112 h 337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connsiteX0" fmla="*/ 8910 w 11773"/>
                    <a:gd name="connsiteY0" fmla="*/ 9703 h 9703"/>
                    <a:gd name="connsiteX1" fmla="*/ 9081 w 11773"/>
                    <a:gd name="connsiteY1" fmla="*/ 9673 h 9703"/>
                    <a:gd name="connsiteX2" fmla="*/ 9166 w 11773"/>
                    <a:gd name="connsiteY2" fmla="*/ 9614 h 9703"/>
                    <a:gd name="connsiteX3" fmla="*/ 9294 w 11773"/>
                    <a:gd name="connsiteY3" fmla="*/ 9525 h 9703"/>
                    <a:gd name="connsiteX4" fmla="*/ 9380 w 11773"/>
                    <a:gd name="connsiteY4" fmla="*/ 9436 h 9703"/>
                    <a:gd name="connsiteX5" fmla="*/ 9423 w 11773"/>
                    <a:gd name="connsiteY5" fmla="*/ 9169 h 9703"/>
                    <a:gd name="connsiteX6" fmla="*/ 9423 w 11773"/>
                    <a:gd name="connsiteY6" fmla="*/ 8902 h 9703"/>
                    <a:gd name="connsiteX7" fmla="*/ 9337 w 11773"/>
                    <a:gd name="connsiteY7" fmla="*/ 8605 h 9703"/>
                    <a:gd name="connsiteX8" fmla="*/ 9166 w 11773"/>
                    <a:gd name="connsiteY8" fmla="*/ 8368 h 9703"/>
                    <a:gd name="connsiteX9" fmla="*/ 9038 w 11773"/>
                    <a:gd name="connsiteY9" fmla="*/ 8190 h 9703"/>
                    <a:gd name="connsiteX10" fmla="*/ 8910 w 11773"/>
                    <a:gd name="connsiteY10" fmla="*/ 8041 h 9703"/>
                    <a:gd name="connsiteX11" fmla="*/ 9294 w 11773"/>
                    <a:gd name="connsiteY11" fmla="*/ 8012 h 9703"/>
                    <a:gd name="connsiteX12" fmla="*/ 9551 w 11773"/>
                    <a:gd name="connsiteY12" fmla="*/ 7982 h 9703"/>
                    <a:gd name="connsiteX13" fmla="*/ 9807 w 11773"/>
                    <a:gd name="connsiteY13" fmla="*/ 7923 h 9703"/>
                    <a:gd name="connsiteX14" fmla="*/ 10106 w 11773"/>
                    <a:gd name="connsiteY14" fmla="*/ 7863 h 9703"/>
                    <a:gd name="connsiteX15" fmla="*/ 10277 w 11773"/>
                    <a:gd name="connsiteY15" fmla="*/ 7774 h 9703"/>
                    <a:gd name="connsiteX16" fmla="*/ 10491 w 11773"/>
                    <a:gd name="connsiteY16" fmla="*/ 7656 h 9703"/>
                    <a:gd name="connsiteX17" fmla="*/ 10619 w 11773"/>
                    <a:gd name="connsiteY17" fmla="*/ 7507 h 9703"/>
                    <a:gd name="connsiteX18" fmla="*/ 10790 w 11773"/>
                    <a:gd name="connsiteY18" fmla="*/ 7388 h 9703"/>
                    <a:gd name="connsiteX19" fmla="*/ 11303 w 11773"/>
                    <a:gd name="connsiteY19" fmla="*/ 6765 h 9703"/>
                    <a:gd name="connsiteX20" fmla="*/ 11773 w 11773"/>
                    <a:gd name="connsiteY20" fmla="*/ 6112 h 9703"/>
                    <a:gd name="connsiteX21" fmla="*/ 11260 w 11773"/>
                    <a:gd name="connsiteY21" fmla="*/ 5905 h 9703"/>
                    <a:gd name="connsiteX22" fmla="*/ 10747 w 11773"/>
                    <a:gd name="connsiteY22" fmla="*/ 5667 h 9703"/>
                    <a:gd name="connsiteX23" fmla="*/ 10320 w 11773"/>
                    <a:gd name="connsiteY23" fmla="*/ 5400 h 9703"/>
                    <a:gd name="connsiteX24" fmla="*/ 9807 w 11773"/>
                    <a:gd name="connsiteY24" fmla="*/ 5104 h 9703"/>
                    <a:gd name="connsiteX25" fmla="*/ 8910 w 11773"/>
                    <a:gd name="connsiteY25" fmla="*/ 4510 h 9703"/>
                    <a:gd name="connsiteX26" fmla="*/ 7927 w 11773"/>
                    <a:gd name="connsiteY26" fmla="*/ 3946 h 9703"/>
                    <a:gd name="connsiteX27" fmla="*/ 7414 w 11773"/>
                    <a:gd name="connsiteY27" fmla="*/ 3679 h 9703"/>
                    <a:gd name="connsiteX28" fmla="*/ 6944 w 11773"/>
                    <a:gd name="connsiteY28" fmla="*/ 3472 h 9703"/>
                    <a:gd name="connsiteX29" fmla="*/ 6388 w 11773"/>
                    <a:gd name="connsiteY29" fmla="*/ 3264 h 9703"/>
                    <a:gd name="connsiteX30" fmla="*/ 5876 w 11773"/>
                    <a:gd name="connsiteY30" fmla="*/ 3115 h 9703"/>
                    <a:gd name="connsiteX31" fmla="*/ 5277 w 11773"/>
                    <a:gd name="connsiteY31" fmla="*/ 2997 h 9703"/>
                    <a:gd name="connsiteX32" fmla="*/ 4636 w 11773"/>
                    <a:gd name="connsiteY32" fmla="*/ 2937 h 9703"/>
                    <a:gd name="connsiteX33" fmla="*/ 4337 w 11773"/>
                    <a:gd name="connsiteY33" fmla="*/ 2937 h 9703"/>
                    <a:gd name="connsiteX34" fmla="*/ 3995 w 11773"/>
                    <a:gd name="connsiteY34" fmla="*/ 2967 h 9703"/>
                    <a:gd name="connsiteX35" fmla="*/ 3696 w 11773"/>
                    <a:gd name="connsiteY35" fmla="*/ 2997 h 9703"/>
                    <a:gd name="connsiteX36" fmla="*/ 3354 w 11773"/>
                    <a:gd name="connsiteY36" fmla="*/ 3056 h 9703"/>
                    <a:gd name="connsiteX37" fmla="*/ 3311 w 11773"/>
                    <a:gd name="connsiteY37" fmla="*/ 2789 h 9703"/>
                    <a:gd name="connsiteX38" fmla="*/ 3183 w 11773"/>
                    <a:gd name="connsiteY38" fmla="*/ 2581 h 9703"/>
                    <a:gd name="connsiteX39" fmla="*/ 3055 w 11773"/>
                    <a:gd name="connsiteY39" fmla="*/ 2374 h 9703"/>
                    <a:gd name="connsiteX40" fmla="*/ 2884 w 11773"/>
                    <a:gd name="connsiteY40" fmla="*/ 2166 h 9703"/>
                    <a:gd name="connsiteX41" fmla="*/ 2542 w 11773"/>
                    <a:gd name="connsiteY41" fmla="*/ 1810 h 9703"/>
                    <a:gd name="connsiteX42" fmla="*/ 2158 w 11773"/>
                    <a:gd name="connsiteY42" fmla="*/ 1454 h 9703"/>
                    <a:gd name="connsiteX43" fmla="*/ 2029 w 11773"/>
                    <a:gd name="connsiteY43" fmla="*/ 1276 h 9703"/>
                    <a:gd name="connsiteX44" fmla="*/ 1901 w 11773"/>
                    <a:gd name="connsiteY44" fmla="*/ 1068 h 9703"/>
                    <a:gd name="connsiteX45" fmla="*/ 1816 w 11773"/>
                    <a:gd name="connsiteY45" fmla="*/ 890 h 9703"/>
                    <a:gd name="connsiteX46" fmla="*/ 1773 w 11773"/>
                    <a:gd name="connsiteY46" fmla="*/ 682 h 9703"/>
                    <a:gd name="connsiteX47" fmla="*/ 1773 w 11773"/>
                    <a:gd name="connsiteY47" fmla="*/ 445 h 9703"/>
                    <a:gd name="connsiteX48" fmla="*/ 1816 w 11773"/>
                    <a:gd name="connsiteY48" fmla="*/ 237 h 9703"/>
                    <a:gd name="connsiteX49" fmla="*/ 1944 w 11773"/>
                    <a:gd name="connsiteY49" fmla="*/ 0 h 9703"/>
                    <a:gd name="connsiteX50" fmla="*/ 0 w 11773"/>
                    <a:gd name="connsiteY50" fmla="*/ 908 h 9703"/>
                    <a:gd name="connsiteX51" fmla="*/ 8910 w 11773"/>
                    <a:gd name="connsiteY51" fmla="*/ 9703 h 970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  <a:cxn ang="0">
                      <a:pos x="connsiteX45" y="connsiteY45"/>
                    </a:cxn>
                    <a:cxn ang="0">
                      <a:pos x="connsiteX46" y="connsiteY46"/>
                    </a:cxn>
                    <a:cxn ang="0">
                      <a:pos x="connsiteX47" y="connsiteY47"/>
                    </a:cxn>
                    <a:cxn ang="0">
                      <a:pos x="connsiteX48" y="connsiteY48"/>
                    </a:cxn>
                    <a:cxn ang="0">
                      <a:pos x="connsiteX49" y="connsiteY49"/>
                    </a:cxn>
                    <a:cxn ang="0">
                      <a:pos x="connsiteX50" y="connsiteY50"/>
                    </a:cxn>
                    <a:cxn ang="0">
                      <a:pos x="connsiteX51" y="connsiteY51"/>
                    </a:cxn>
                  </a:cxnLst>
                  <a:rect l="l" t="t" r="r" b="b"/>
                  <a:pathLst>
                    <a:path w="11773" h="9703">
                      <a:moveTo>
                        <a:pt x="8910" y="9703"/>
                      </a:moveTo>
                      <a:lnTo>
                        <a:pt x="9081" y="9673"/>
                      </a:lnTo>
                      <a:cubicBezTo>
                        <a:pt x="9109" y="9653"/>
                        <a:pt x="9138" y="9634"/>
                        <a:pt x="9166" y="9614"/>
                      </a:cubicBezTo>
                      <a:lnTo>
                        <a:pt x="9294" y="9525"/>
                      </a:lnTo>
                      <a:lnTo>
                        <a:pt x="9380" y="9436"/>
                      </a:lnTo>
                      <a:cubicBezTo>
                        <a:pt x="9394" y="9347"/>
                        <a:pt x="9409" y="9258"/>
                        <a:pt x="9423" y="9169"/>
                      </a:cubicBezTo>
                      <a:lnTo>
                        <a:pt x="9423" y="8902"/>
                      </a:lnTo>
                      <a:cubicBezTo>
                        <a:pt x="9394" y="8803"/>
                        <a:pt x="9366" y="8704"/>
                        <a:pt x="9337" y="8605"/>
                      </a:cubicBezTo>
                      <a:lnTo>
                        <a:pt x="9166" y="8368"/>
                      </a:lnTo>
                      <a:cubicBezTo>
                        <a:pt x="9123" y="8309"/>
                        <a:pt x="9081" y="8249"/>
                        <a:pt x="9038" y="8190"/>
                      </a:cubicBezTo>
                      <a:lnTo>
                        <a:pt x="8910" y="8041"/>
                      </a:lnTo>
                      <a:lnTo>
                        <a:pt x="9294" y="8012"/>
                      </a:lnTo>
                      <a:lnTo>
                        <a:pt x="9551" y="7982"/>
                      </a:lnTo>
                      <a:lnTo>
                        <a:pt x="9807" y="7923"/>
                      </a:lnTo>
                      <a:lnTo>
                        <a:pt x="10106" y="7863"/>
                      </a:lnTo>
                      <a:lnTo>
                        <a:pt x="10277" y="7774"/>
                      </a:lnTo>
                      <a:lnTo>
                        <a:pt x="10491" y="7656"/>
                      </a:lnTo>
                      <a:lnTo>
                        <a:pt x="10619" y="7507"/>
                      </a:lnTo>
                      <a:lnTo>
                        <a:pt x="10790" y="7388"/>
                      </a:lnTo>
                      <a:lnTo>
                        <a:pt x="11303" y="6765"/>
                      </a:lnTo>
                      <a:lnTo>
                        <a:pt x="11773" y="6112"/>
                      </a:lnTo>
                      <a:lnTo>
                        <a:pt x="11260" y="5905"/>
                      </a:lnTo>
                      <a:lnTo>
                        <a:pt x="10747" y="5667"/>
                      </a:lnTo>
                      <a:lnTo>
                        <a:pt x="10320" y="5400"/>
                      </a:lnTo>
                      <a:lnTo>
                        <a:pt x="9807" y="5104"/>
                      </a:lnTo>
                      <a:lnTo>
                        <a:pt x="8910" y="4510"/>
                      </a:lnTo>
                      <a:lnTo>
                        <a:pt x="7927" y="3946"/>
                      </a:lnTo>
                      <a:lnTo>
                        <a:pt x="7414" y="3679"/>
                      </a:lnTo>
                      <a:lnTo>
                        <a:pt x="6944" y="3472"/>
                      </a:lnTo>
                      <a:lnTo>
                        <a:pt x="6388" y="3264"/>
                      </a:lnTo>
                      <a:lnTo>
                        <a:pt x="5876" y="3115"/>
                      </a:lnTo>
                      <a:lnTo>
                        <a:pt x="5277" y="2997"/>
                      </a:lnTo>
                      <a:lnTo>
                        <a:pt x="4636" y="2937"/>
                      </a:lnTo>
                      <a:lnTo>
                        <a:pt x="4337" y="2937"/>
                      </a:lnTo>
                      <a:lnTo>
                        <a:pt x="3995" y="2967"/>
                      </a:lnTo>
                      <a:lnTo>
                        <a:pt x="3696" y="2997"/>
                      </a:lnTo>
                      <a:lnTo>
                        <a:pt x="3354" y="3056"/>
                      </a:lnTo>
                      <a:cubicBezTo>
                        <a:pt x="3340" y="2967"/>
                        <a:pt x="3325" y="2878"/>
                        <a:pt x="3311" y="2789"/>
                      </a:cubicBezTo>
                      <a:cubicBezTo>
                        <a:pt x="3268" y="2720"/>
                        <a:pt x="3226" y="2650"/>
                        <a:pt x="3183" y="2581"/>
                      </a:cubicBezTo>
                      <a:cubicBezTo>
                        <a:pt x="3140" y="2512"/>
                        <a:pt x="3098" y="2443"/>
                        <a:pt x="3055" y="2374"/>
                      </a:cubicBezTo>
                      <a:lnTo>
                        <a:pt x="2884" y="2166"/>
                      </a:lnTo>
                      <a:lnTo>
                        <a:pt x="2542" y="1810"/>
                      </a:lnTo>
                      <a:lnTo>
                        <a:pt x="2158" y="1454"/>
                      </a:lnTo>
                      <a:lnTo>
                        <a:pt x="2029" y="1276"/>
                      </a:lnTo>
                      <a:cubicBezTo>
                        <a:pt x="1986" y="1207"/>
                        <a:pt x="1944" y="1137"/>
                        <a:pt x="1901" y="1068"/>
                      </a:cubicBezTo>
                      <a:cubicBezTo>
                        <a:pt x="1873" y="1009"/>
                        <a:pt x="1844" y="949"/>
                        <a:pt x="1816" y="890"/>
                      </a:cubicBezTo>
                      <a:cubicBezTo>
                        <a:pt x="1802" y="821"/>
                        <a:pt x="1787" y="751"/>
                        <a:pt x="1773" y="682"/>
                      </a:cubicBezTo>
                      <a:lnTo>
                        <a:pt x="1773" y="445"/>
                      </a:lnTo>
                      <a:cubicBezTo>
                        <a:pt x="1787" y="376"/>
                        <a:pt x="1802" y="306"/>
                        <a:pt x="1816" y="237"/>
                      </a:cubicBezTo>
                      <a:cubicBezTo>
                        <a:pt x="1859" y="158"/>
                        <a:pt x="1901" y="79"/>
                        <a:pt x="1944" y="0"/>
                      </a:cubicBezTo>
                      <a:lnTo>
                        <a:pt x="0" y="908"/>
                      </a:lnTo>
                      <a:lnTo>
                        <a:pt x="8910" y="9703"/>
                      </a:lnTo>
                      <a:close/>
                    </a:path>
                  </a:pathLst>
                </a:custGeom>
                <a:grpFill/>
                <a:ln w="9525">
                  <a:solidFill>
                    <a:srgbClr val="000000"/>
                  </a:solidFill>
                  <a:round/>
                  <a:headEnd/>
                  <a:tailEnd/>
                </a:ln>
                <a:extLst/>
              </p:spPr>
              <p:txBody>
                <a:bodyPr/>
                <a:lstStyle/>
                <a:p>
                  <a:endParaRPr lang="te-IN"/>
                </a:p>
              </p:txBody>
            </p:sp>
          </p:grpSp>
          <p:sp>
            <p:nvSpPr>
              <p:cNvPr id="308" name="Skanderborg kant2"/>
              <p:cNvSpPr>
                <a:spLocks/>
              </p:cNvSpPr>
              <p:nvPr/>
            </p:nvSpPr>
            <p:spPr bwMode="auto">
              <a:xfrm>
                <a:off x="1979615" y="4303719"/>
                <a:ext cx="123825" cy="177800"/>
              </a:xfrm>
              <a:custGeom>
                <a:avLst/>
                <a:gdLst>
                  <a:gd name="T0" fmla="*/ 56 w 234"/>
                  <a:gd name="T1" fmla="*/ 112 h 337"/>
                  <a:gd name="T2" fmla="*/ 57 w 234"/>
                  <a:gd name="T3" fmla="*/ 112 h 337"/>
                  <a:gd name="T4" fmla="*/ 58 w 234"/>
                  <a:gd name="T5" fmla="*/ 111 h 337"/>
                  <a:gd name="T6" fmla="*/ 59 w 234"/>
                  <a:gd name="T7" fmla="*/ 110 h 337"/>
                  <a:gd name="T8" fmla="*/ 59 w 234"/>
                  <a:gd name="T9" fmla="*/ 109 h 337"/>
                  <a:gd name="T10" fmla="*/ 60 w 234"/>
                  <a:gd name="T11" fmla="*/ 106 h 337"/>
                  <a:gd name="T12" fmla="*/ 60 w 234"/>
                  <a:gd name="T13" fmla="*/ 103 h 337"/>
                  <a:gd name="T14" fmla="*/ 59 w 234"/>
                  <a:gd name="T15" fmla="*/ 100 h 337"/>
                  <a:gd name="T16" fmla="*/ 58 w 234"/>
                  <a:gd name="T17" fmla="*/ 97 h 337"/>
                  <a:gd name="T18" fmla="*/ 57 w 234"/>
                  <a:gd name="T19" fmla="*/ 95 h 337"/>
                  <a:gd name="T20" fmla="*/ 56 w 234"/>
                  <a:gd name="T21" fmla="*/ 93 h 337"/>
                  <a:gd name="T22" fmla="*/ 59 w 234"/>
                  <a:gd name="T23" fmla="*/ 93 h 337"/>
                  <a:gd name="T24" fmla="*/ 61 w 234"/>
                  <a:gd name="T25" fmla="*/ 93 h 337"/>
                  <a:gd name="T26" fmla="*/ 63 w 234"/>
                  <a:gd name="T27" fmla="*/ 92 h 337"/>
                  <a:gd name="T28" fmla="*/ 65 w 234"/>
                  <a:gd name="T29" fmla="*/ 91 h 337"/>
                  <a:gd name="T30" fmla="*/ 66 w 234"/>
                  <a:gd name="T31" fmla="*/ 90 h 337"/>
                  <a:gd name="T32" fmla="*/ 68 w 234"/>
                  <a:gd name="T33" fmla="*/ 89 h 337"/>
                  <a:gd name="T34" fmla="*/ 69 w 234"/>
                  <a:gd name="T35" fmla="*/ 87 h 337"/>
                  <a:gd name="T36" fmla="*/ 70 w 234"/>
                  <a:gd name="T37" fmla="*/ 86 h 337"/>
                  <a:gd name="T38" fmla="*/ 74 w 234"/>
                  <a:gd name="T39" fmla="*/ 79 h 337"/>
                  <a:gd name="T40" fmla="*/ 78 w 234"/>
                  <a:gd name="T41" fmla="*/ 72 h 337"/>
                  <a:gd name="T42" fmla="*/ 74 w 234"/>
                  <a:gd name="T43" fmla="*/ 69 h 337"/>
                  <a:gd name="T44" fmla="*/ 70 w 234"/>
                  <a:gd name="T45" fmla="*/ 67 h 337"/>
                  <a:gd name="T46" fmla="*/ 67 w 234"/>
                  <a:gd name="T47" fmla="*/ 64 h 337"/>
                  <a:gd name="T48" fmla="*/ 63 w 234"/>
                  <a:gd name="T49" fmla="*/ 60 h 337"/>
                  <a:gd name="T50" fmla="*/ 56 w 234"/>
                  <a:gd name="T51" fmla="*/ 54 h 337"/>
                  <a:gd name="T52" fmla="*/ 48 w 234"/>
                  <a:gd name="T53" fmla="*/ 48 h 337"/>
                  <a:gd name="T54" fmla="*/ 44 w 234"/>
                  <a:gd name="T55" fmla="*/ 45 h 337"/>
                  <a:gd name="T56" fmla="*/ 40 w 234"/>
                  <a:gd name="T57" fmla="*/ 42 h 337"/>
                  <a:gd name="T58" fmla="*/ 36 w 234"/>
                  <a:gd name="T59" fmla="*/ 40 h 337"/>
                  <a:gd name="T60" fmla="*/ 32 w 234"/>
                  <a:gd name="T61" fmla="*/ 38 h 337"/>
                  <a:gd name="T62" fmla="*/ 27 w 234"/>
                  <a:gd name="T63" fmla="*/ 37 h 337"/>
                  <a:gd name="T64" fmla="*/ 22 w 234"/>
                  <a:gd name="T65" fmla="*/ 36 h 337"/>
                  <a:gd name="T66" fmla="*/ 20 w 234"/>
                  <a:gd name="T67" fmla="*/ 36 h 337"/>
                  <a:gd name="T68" fmla="*/ 17 w 234"/>
                  <a:gd name="T69" fmla="*/ 37 h 337"/>
                  <a:gd name="T70" fmla="*/ 15 w 234"/>
                  <a:gd name="T71" fmla="*/ 37 h 337"/>
                  <a:gd name="T72" fmla="*/ 12 w 234"/>
                  <a:gd name="T73" fmla="*/ 38 h 337"/>
                  <a:gd name="T74" fmla="*/ 12 w 234"/>
                  <a:gd name="T75" fmla="*/ 35 h 337"/>
                  <a:gd name="T76" fmla="*/ 11 w 234"/>
                  <a:gd name="T77" fmla="*/ 32 h 337"/>
                  <a:gd name="T78" fmla="*/ 10 w 234"/>
                  <a:gd name="T79" fmla="*/ 30 h 337"/>
                  <a:gd name="T80" fmla="*/ 9 w 234"/>
                  <a:gd name="T81" fmla="*/ 28 h 337"/>
                  <a:gd name="T82" fmla="*/ 6 w 234"/>
                  <a:gd name="T83" fmla="*/ 24 h 337"/>
                  <a:gd name="T84" fmla="*/ 3 w 234"/>
                  <a:gd name="T85" fmla="*/ 20 h 337"/>
                  <a:gd name="T86" fmla="*/ 2 w 234"/>
                  <a:gd name="T87" fmla="*/ 18 h 337"/>
                  <a:gd name="T88" fmla="*/ 1 w 234"/>
                  <a:gd name="T89" fmla="*/ 15 h 337"/>
                  <a:gd name="T90" fmla="*/ 0 w 234"/>
                  <a:gd name="T91" fmla="*/ 13 h 337"/>
                  <a:gd name="T92" fmla="*/ 0 w 234"/>
                  <a:gd name="T93" fmla="*/ 11 h 337"/>
                  <a:gd name="T94" fmla="*/ 0 w 234"/>
                  <a:gd name="T95" fmla="*/ 8 h 337"/>
                  <a:gd name="T96" fmla="*/ 0 w 234"/>
                  <a:gd name="T97" fmla="*/ 6 h 337"/>
                  <a:gd name="T98" fmla="*/ 1 w 234"/>
                  <a:gd name="T99" fmla="*/ 3 h 337"/>
                  <a:gd name="T100" fmla="*/ 3 w 234"/>
                  <a:gd name="T101" fmla="*/ 0 h 337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0" t="0" r="r" b="b"/>
                <a:pathLst>
                  <a:path w="234" h="337">
                    <a:moveTo>
                      <a:pt x="167" y="337"/>
                    </a:moveTo>
                    <a:lnTo>
                      <a:pt x="171" y="336"/>
                    </a:lnTo>
                    <a:lnTo>
                      <a:pt x="173" y="334"/>
                    </a:lnTo>
                    <a:lnTo>
                      <a:pt x="176" y="331"/>
                    </a:lnTo>
                    <a:lnTo>
                      <a:pt x="178" y="328"/>
                    </a:lnTo>
                    <a:lnTo>
                      <a:pt x="179" y="319"/>
                    </a:lnTo>
                    <a:lnTo>
                      <a:pt x="179" y="310"/>
                    </a:lnTo>
                    <a:lnTo>
                      <a:pt x="177" y="300"/>
                    </a:lnTo>
                    <a:lnTo>
                      <a:pt x="173" y="292"/>
                    </a:lnTo>
                    <a:lnTo>
                      <a:pt x="170" y="286"/>
                    </a:lnTo>
                    <a:lnTo>
                      <a:pt x="167" y="281"/>
                    </a:lnTo>
                    <a:lnTo>
                      <a:pt x="176" y="280"/>
                    </a:lnTo>
                    <a:lnTo>
                      <a:pt x="182" y="279"/>
                    </a:lnTo>
                    <a:lnTo>
                      <a:pt x="188" y="277"/>
                    </a:lnTo>
                    <a:lnTo>
                      <a:pt x="195" y="275"/>
                    </a:lnTo>
                    <a:lnTo>
                      <a:pt x="199" y="272"/>
                    </a:lnTo>
                    <a:lnTo>
                      <a:pt x="204" y="268"/>
                    </a:lnTo>
                    <a:lnTo>
                      <a:pt x="207" y="263"/>
                    </a:lnTo>
                    <a:lnTo>
                      <a:pt x="211" y="259"/>
                    </a:lnTo>
                    <a:lnTo>
                      <a:pt x="223" y="238"/>
                    </a:lnTo>
                    <a:lnTo>
                      <a:pt x="234" y="216"/>
                    </a:lnTo>
                    <a:lnTo>
                      <a:pt x="222" y="209"/>
                    </a:lnTo>
                    <a:lnTo>
                      <a:pt x="210" y="201"/>
                    </a:lnTo>
                    <a:lnTo>
                      <a:pt x="200" y="192"/>
                    </a:lnTo>
                    <a:lnTo>
                      <a:pt x="188" y="182"/>
                    </a:lnTo>
                    <a:lnTo>
                      <a:pt x="167" y="162"/>
                    </a:lnTo>
                    <a:lnTo>
                      <a:pt x="144" y="143"/>
                    </a:lnTo>
                    <a:lnTo>
                      <a:pt x="132" y="134"/>
                    </a:lnTo>
                    <a:lnTo>
                      <a:pt x="121" y="127"/>
                    </a:lnTo>
                    <a:lnTo>
                      <a:pt x="108" y="120"/>
                    </a:lnTo>
                    <a:lnTo>
                      <a:pt x="96" y="115"/>
                    </a:lnTo>
                    <a:lnTo>
                      <a:pt x="82" y="111"/>
                    </a:lnTo>
                    <a:lnTo>
                      <a:pt x="67" y="109"/>
                    </a:lnTo>
                    <a:lnTo>
                      <a:pt x="60" y="109"/>
                    </a:lnTo>
                    <a:lnTo>
                      <a:pt x="52" y="110"/>
                    </a:lnTo>
                    <a:lnTo>
                      <a:pt x="45" y="111"/>
                    </a:lnTo>
                    <a:lnTo>
                      <a:pt x="37" y="113"/>
                    </a:lnTo>
                    <a:lnTo>
                      <a:pt x="36" y="104"/>
                    </a:lnTo>
                    <a:lnTo>
                      <a:pt x="33" y="97"/>
                    </a:lnTo>
                    <a:lnTo>
                      <a:pt x="30" y="90"/>
                    </a:lnTo>
                    <a:lnTo>
                      <a:pt x="26" y="83"/>
                    </a:lnTo>
                    <a:lnTo>
                      <a:pt x="18" y="71"/>
                    </a:lnTo>
                    <a:lnTo>
                      <a:pt x="9" y="59"/>
                    </a:lnTo>
                    <a:lnTo>
                      <a:pt x="6" y="53"/>
                    </a:lnTo>
                    <a:lnTo>
                      <a:pt x="3" y="46"/>
                    </a:lnTo>
                    <a:lnTo>
                      <a:pt x="1" y="40"/>
                    </a:lnTo>
                    <a:lnTo>
                      <a:pt x="0" y="33"/>
                    </a:lnTo>
                    <a:lnTo>
                      <a:pt x="0" y="25"/>
                    </a:lnTo>
                    <a:lnTo>
                      <a:pt x="1" y="18"/>
                    </a:lnTo>
                    <a:lnTo>
                      <a:pt x="4" y="10"/>
                    </a:lnTo>
                    <a:lnTo>
                      <a:pt x="8" y="0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276" name="Aarhus"/>
            <p:cNvSpPr>
              <a:spLocks/>
            </p:cNvSpPr>
            <p:nvPr/>
          </p:nvSpPr>
          <p:spPr bwMode="auto">
            <a:xfrm>
              <a:off x="1982790" y="4098931"/>
              <a:ext cx="338138" cy="407988"/>
            </a:xfrm>
            <a:custGeom>
              <a:avLst/>
              <a:gdLst>
                <a:gd name="T0" fmla="*/ 5 w 637"/>
                <a:gd name="T1" fmla="*/ 130 h 770"/>
                <a:gd name="T2" fmla="*/ 7 w 637"/>
                <a:gd name="T3" fmla="*/ 126 h 770"/>
                <a:gd name="T4" fmla="*/ 3 w 637"/>
                <a:gd name="T5" fmla="*/ 120 h 770"/>
                <a:gd name="T6" fmla="*/ 6 w 637"/>
                <a:gd name="T7" fmla="*/ 116 h 770"/>
                <a:gd name="T8" fmla="*/ 12 w 637"/>
                <a:gd name="T9" fmla="*/ 113 h 770"/>
                <a:gd name="T10" fmla="*/ 17 w 637"/>
                <a:gd name="T11" fmla="*/ 110 h 770"/>
                <a:gd name="T12" fmla="*/ 14 w 637"/>
                <a:gd name="T13" fmla="*/ 100 h 770"/>
                <a:gd name="T14" fmla="*/ 17 w 637"/>
                <a:gd name="T15" fmla="*/ 89 h 770"/>
                <a:gd name="T16" fmla="*/ 26 w 637"/>
                <a:gd name="T17" fmla="*/ 81 h 770"/>
                <a:gd name="T18" fmla="*/ 38 w 637"/>
                <a:gd name="T19" fmla="*/ 79 h 770"/>
                <a:gd name="T20" fmla="*/ 70 w 637"/>
                <a:gd name="T21" fmla="*/ 82 h 770"/>
                <a:gd name="T22" fmla="*/ 81 w 637"/>
                <a:gd name="T23" fmla="*/ 73 h 770"/>
                <a:gd name="T24" fmla="*/ 81 w 637"/>
                <a:gd name="T25" fmla="*/ 47 h 770"/>
                <a:gd name="T26" fmla="*/ 83 w 637"/>
                <a:gd name="T27" fmla="*/ 24 h 770"/>
                <a:gd name="T28" fmla="*/ 100 w 637"/>
                <a:gd name="T29" fmla="*/ 17 h 770"/>
                <a:gd name="T30" fmla="*/ 107 w 637"/>
                <a:gd name="T31" fmla="*/ 14 h 770"/>
                <a:gd name="T32" fmla="*/ 110 w 637"/>
                <a:gd name="T33" fmla="*/ 1 h 770"/>
                <a:gd name="T34" fmla="*/ 121 w 637"/>
                <a:gd name="T35" fmla="*/ 0 h 770"/>
                <a:gd name="T36" fmla="*/ 137 w 637"/>
                <a:gd name="T37" fmla="*/ 7 h 770"/>
                <a:gd name="T38" fmla="*/ 147 w 637"/>
                <a:gd name="T39" fmla="*/ 7 h 770"/>
                <a:gd name="T40" fmla="*/ 145 w 637"/>
                <a:gd name="T41" fmla="*/ 21 h 770"/>
                <a:gd name="T42" fmla="*/ 144 w 637"/>
                <a:gd name="T43" fmla="*/ 35 h 770"/>
                <a:gd name="T44" fmla="*/ 160 w 637"/>
                <a:gd name="T45" fmla="*/ 26 h 770"/>
                <a:gd name="T46" fmla="*/ 174 w 637"/>
                <a:gd name="T47" fmla="*/ 28 h 770"/>
                <a:gd name="T48" fmla="*/ 201 w 637"/>
                <a:gd name="T49" fmla="*/ 35 h 770"/>
                <a:gd name="T50" fmla="*/ 203 w 637"/>
                <a:gd name="T51" fmla="*/ 42 h 770"/>
                <a:gd name="T52" fmla="*/ 193 w 637"/>
                <a:gd name="T53" fmla="*/ 53 h 770"/>
                <a:gd name="T54" fmla="*/ 189 w 637"/>
                <a:gd name="T55" fmla="*/ 64 h 770"/>
                <a:gd name="T56" fmla="*/ 178 w 637"/>
                <a:gd name="T57" fmla="*/ 78 h 770"/>
                <a:gd name="T58" fmla="*/ 159 w 637"/>
                <a:gd name="T59" fmla="*/ 92 h 770"/>
                <a:gd name="T60" fmla="*/ 143 w 637"/>
                <a:gd name="T61" fmla="*/ 108 h 770"/>
                <a:gd name="T62" fmla="*/ 132 w 637"/>
                <a:gd name="T63" fmla="*/ 126 h 770"/>
                <a:gd name="T64" fmla="*/ 130 w 637"/>
                <a:gd name="T65" fmla="*/ 138 h 770"/>
                <a:gd name="T66" fmla="*/ 134 w 637"/>
                <a:gd name="T67" fmla="*/ 141 h 770"/>
                <a:gd name="T68" fmla="*/ 137 w 637"/>
                <a:gd name="T69" fmla="*/ 143 h 770"/>
                <a:gd name="T70" fmla="*/ 132 w 637"/>
                <a:gd name="T71" fmla="*/ 145 h 770"/>
                <a:gd name="T72" fmla="*/ 126 w 637"/>
                <a:gd name="T73" fmla="*/ 147 h 770"/>
                <a:gd name="T74" fmla="*/ 136 w 637"/>
                <a:gd name="T75" fmla="*/ 165 h 770"/>
                <a:gd name="T76" fmla="*/ 150 w 637"/>
                <a:gd name="T77" fmla="*/ 194 h 770"/>
                <a:gd name="T78" fmla="*/ 155 w 637"/>
                <a:gd name="T79" fmla="*/ 216 h 770"/>
                <a:gd name="T80" fmla="*/ 149 w 637"/>
                <a:gd name="T81" fmla="*/ 232 h 770"/>
                <a:gd name="T82" fmla="*/ 136 w 637"/>
                <a:gd name="T83" fmla="*/ 241 h 770"/>
                <a:gd name="T84" fmla="*/ 122 w 637"/>
                <a:gd name="T85" fmla="*/ 240 h 770"/>
                <a:gd name="T86" fmla="*/ 107 w 637"/>
                <a:gd name="T87" fmla="*/ 238 h 770"/>
                <a:gd name="T88" fmla="*/ 101 w 637"/>
                <a:gd name="T89" fmla="*/ 243 h 770"/>
                <a:gd name="T90" fmla="*/ 72 w 637"/>
                <a:gd name="T91" fmla="*/ 250 h 770"/>
                <a:gd name="T92" fmla="*/ 59 w 637"/>
                <a:gd name="T93" fmla="*/ 254 h 770"/>
                <a:gd name="T94" fmla="*/ 49 w 637"/>
                <a:gd name="T95" fmla="*/ 257 h 770"/>
                <a:gd name="T96" fmla="*/ 48 w 637"/>
                <a:gd name="T97" fmla="*/ 254 h 770"/>
                <a:gd name="T98" fmla="*/ 54 w 637"/>
                <a:gd name="T99" fmla="*/ 249 h 770"/>
                <a:gd name="T100" fmla="*/ 57 w 637"/>
                <a:gd name="T101" fmla="*/ 245 h 770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637" h="770">
                  <a:moveTo>
                    <a:pt x="0" y="386"/>
                  </a:moveTo>
                  <a:lnTo>
                    <a:pt x="8" y="389"/>
                  </a:lnTo>
                  <a:lnTo>
                    <a:pt x="10" y="390"/>
                  </a:lnTo>
                  <a:lnTo>
                    <a:pt x="14" y="389"/>
                  </a:lnTo>
                  <a:lnTo>
                    <a:pt x="17" y="387"/>
                  </a:lnTo>
                  <a:lnTo>
                    <a:pt x="19" y="386"/>
                  </a:lnTo>
                  <a:lnTo>
                    <a:pt x="20" y="384"/>
                  </a:lnTo>
                  <a:lnTo>
                    <a:pt x="20" y="379"/>
                  </a:lnTo>
                  <a:lnTo>
                    <a:pt x="17" y="374"/>
                  </a:lnTo>
                  <a:lnTo>
                    <a:pt x="13" y="368"/>
                  </a:lnTo>
                  <a:lnTo>
                    <a:pt x="10" y="362"/>
                  </a:lnTo>
                  <a:lnTo>
                    <a:pt x="9" y="359"/>
                  </a:lnTo>
                  <a:lnTo>
                    <a:pt x="9" y="356"/>
                  </a:lnTo>
                  <a:lnTo>
                    <a:pt x="9" y="352"/>
                  </a:lnTo>
                  <a:lnTo>
                    <a:pt x="10" y="348"/>
                  </a:lnTo>
                  <a:lnTo>
                    <a:pt x="17" y="349"/>
                  </a:lnTo>
                  <a:lnTo>
                    <a:pt x="23" y="348"/>
                  </a:lnTo>
                  <a:lnTo>
                    <a:pt x="28" y="345"/>
                  </a:lnTo>
                  <a:lnTo>
                    <a:pt x="32" y="343"/>
                  </a:lnTo>
                  <a:lnTo>
                    <a:pt x="36" y="340"/>
                  </a:lnTo>
                  <a:lnTo>
                    <a:pt x="41" y="338"/>
                  </a:lnTo>
                  <a:lnTo>
                    <a:pt x="48" y="338"/>
                  </a:lnTo>
                  <a:lnTo>
                    <a:pt x="57" y="340"/>
                  </a:lnTo>
                  <a:lnTo>
                    <a:pt x="51" y="331"/>
                  </a:lnTo>
                  <a:lnTo>
                    <a:pt x="46" y="324"/>
                  </a:lnTo>
                  <a:lnTo>
                    <a:pt x="43" y="316"/>
                  </a:lnTo>
                  <a:lnTo>
                    <a:pt x="41" y="307"/>
                  </a:lnTo>
                  <a:lnTo>
                    <a:pt x="41" y="299"/>
                  </a:lnTo>
                  <a:lnTo>
                    <a:pt x="42" y="291"/>
                  </a:lnTo>
                  <a:lnTo>
                    <a:pt x="44" y="283"/>
                  </a:lnTo>
                  <a:lnTo>
                    <a:pt x="48" y="275"/>
                  </a:lnTo>
                  <a:lnTo>
                    <a:pt x="52" y="267"/>
                  </a:lnTo>
                  <a:lnTo>
                    <a:pt x="57" y="261"/>
                  </a:lnTo>
                  <a:lnTo>
                    <a:pt x="62" y="255"/>
                  </a:lnTo>
                  <a:lnTo>
                    <a:pt x="70" y="249"/>
                  </a:lnTo>
                  <a:lnTo>
                    <a:pt x="77" y="244"/>
                  </a:lnTo>
                  <a:lnTo>
                    <a:pt x="85" y="241"/>
                  </a:lnTo>
                  <a:lnTo>
                    <a:pt x="94" y="238"/>
                  </a:lnTo>
                  <a:lnTo>
                    <a:pt x="103" y="237"/>
                  </a:lnTo>
                  <a:lnTo>
                    <a:pt x="113" y="237"/>
                  </a:lnTo>
                  <a:lnTo>
                    <a:pt x="147" y="242"/>
                  </a:lnTo>
                  <a:lnTo>
                    <a:pt x="177" y="246"/>
                  </a:lnTo>
                  <a:lnTo>
                    <a:pt x="192" y="247"/>
                  </a:lnTo>
                  <a:lnTo>
                    <a:pt x="208" y="247"/>
                  </a:lnTo>
                  <a:lnTo>
                    <a:pt x="226" y="247"/>
                  </a:lnTo>
                  <a:lnTo>
                    <a:pt x="244" y="246"/>
                  </a:lnTo>
                  <a:lnTo>
                    <a:pt x="242" y="232"/>
                  </a:lnTo>
                  <a:lnTo>
                    <a:pt x="241" y="220"/>
                  </a:lnTo>
                  <a:lnTo>
                    <a:pt x="240" y="206"/>
                  </a:lnTo>
                  <a:lnTo>
                    <a:pt x="240" y="193"/>
                  </a:lnTo>
                  <a:lnTo>
                    <a:pt x="241" y="167"/>
                  </a:lnTo>
                  <a:lnTo>
                    <a:pt x="243" y="142"/>
                  </a:lnTo>
                  <a:lnTo>
                    <a:pt x="247" y="118"/>
                  </a:lnTo>
                  <a:lnTo>
                    <a:pt x="248" y="93"/>
                  </a:lnTo>
                  <a:lnTo>
                    <a:pt x="248" y="82"/>
                  </a:lnTo>
                  <a:lnTo>
                    <a:pt x="248" y="71"/>
                  </a:lnTo>
                  <a:lnTo>
                    <a:pt x="246" y="60"/>
                  </a:lnTo>
                  <a:lnTo>
                    <a:pt x="244" y="49"/>
                  </a:lnTo>
                  <a:lnTo>
                    <a:pt x="271" y="49"/>
                  </a:lnTo>
                  <a:lnTo>
                    <a:pt x="299" y="51"/>
                  </a:lnTo>
                  <a:lnTo>
                    <a:pt x="304" y="50"/>
                  </a:lnTo>
                  <a:lnTo>
                    <a:pt x="311" y="48"/>
                  </a:lnTo>
                  <a:lnTo>
                    <a:pt x="316" y="45"/>
                  </a:lnTo>
                  <a:lnTo>
                    <a:pt x="320" y="41"/>
                  </a:lnTo>
                  <a:lnTo>
                    <a:pt x="323" y="34"/>
                  </a:lnTo>
                  <a:lnTo>
                    <a:pt x="327" y="26"/>
                  </a:lnTo>
                  <a:lnTo>
                    <a:pt x="328" y="15"/>
                  </a:lnTo>
                  <a:lnTo>
                    <a:pt x="329" y="2"/>
                  </a:lnTo>
                  <a:lnTo>
                    <a:pt x="338" y="1"/>
                  </a:lnTo>
                  <a:lnTo>
                    <a:pt x="347" y="0"/>
                  </a:lnTo>
                  <a:lnTo>
                    <a:pt x="355" y="0"/>
                  </a:lnTo>
                  <a:lnTo>
                    <a:pt x="362" y="1"/>
                  </a:lnTo>
                  <a:lnTo>
                    <a:pt x="375" y="5"/>
                  </a:lnTo>
                  <a:lnTo>
                    <a:pt x="386" y="10"/>
                  </a:lnTo>
                  <a:lnTo>
                    <a:pt x="396" y="15"/>
                  </a:lnTo>
                  <a:lnTo>
                    <a:pt x="409" y="20"/>
                  </a:lnTo>
                  <a:lnTo>
                    <a:pt x="415" y="22"/>
                  </a:lnTo>
                  <a:lnTo>
                    <a:pt x="422" y="23"/>
                  </a:lnTo>
                  <a:lnTo>
                    <a:pt x="431" y="22"/>
                  </a:lnTo>
                  <a:lnTo>
                    <a:pt x="440" y="21"/>
                  </a:lnTo>
                  <a:lnTo>
                    <a:pt x="441" y="33"/>
                  </a:lnTo>
                  <a:lnTo>
                    <a:pt x="440" y="44"/>
                  </a:lnTo>
                  <a:lnTo>
                    <a:pt x="438" y="53"/>
                  </a:lnTo>
                  <a:lnTo>
                    <a:pt x="435" y="62"/>
                  </a:lnTo>
                  <a:lnTo>
                    <a:pt x="432" y="71"/>
                  </a:lnTo>
                  <a:lnTo>
                    <a:pt x="430" y="81"/>
                  </a:lnTo>
                  <a:lnTo>
                    <a:pt x="430" y="92"/>
                  </a:lnTo>
                  <a:lnTo>
                    <a:pt x="431" y="105"/>
                  </a:lnTo>
                  <a:lnTo>
                    <a:pt x="445" y="94"/>
                  </a:lnTo>
                  <a:lnTo>
                    <a:pt x="456" y="87"/>
                  </a:lnTo>
                  <a:lnTo>
                    <a:pt x="468" y="82"/>
                  </a:lnTo>
                  <a:lnTo>
                    <a:pt x="478" y="79"/>
                  </a:lnTo>
                  <a:lnTo>
                    <a:pt x="490" y="78"/>
                  </a:lnTo>
                  <a:lnTo>
                    <a:pt x="500" y="79"/>
                  </a:lnTo>
                  <a:lnTo>
                    <a:pt x="511" y="80"/>
                  </a:lnTo>
                  <a:lnTo>
                    <a:pt x="521" y="83"/>
                  </a:lnTo>
                  <a:lnTo>
                    <a:pt x="545" y="90"/>
                  </a:lnTo>
                  <a:lnTo>
                    <a:pt x="571" y="99"/>
                  </a:lnTo>
                  <a:lnTo>
                    <a:pt x="586" y="102"/>
                  </a:lnTo>
                  <a:lnTo>
                    <a:pt x="601" y="104"/>
                  </a:lnTo>
                  <a:lnTo>
                    <a:pt x="618" y="105"/>
                  </a:lnTo>
                  <a:lnTo>
                    <a:pt x="637" y="105"/>
                  </a:lnTo>
                  <a:lnTo>
                    <a:pt x="621" y="116"/>
                  </a:lnTo>
                  <a:lnTo>
                    <a:pt x="608" y="125"/>
                  </a:lnTo>
                  <a:lnTo>
                    <a:pt x="595" y="134"/>
                  </a:lnTo>
                  <a:lnTo>
                    <a:pt x="585" y="145"/>
                  </a:lnTo>
                  <a:lnTo>
                    <a:pt x="580" y="151"/>
                  </a:lnTo>
                  <a:lnTo>
                    <a:pt x="576" y="158"/>
                  </a:lnTo>
                  <a:lnTo>
                    <a:pt x="572" y="165"/>
                  </a:lnTo>
                  <a:lnTo>
                    <a:pt x="569" y="173"/>
                  </a:lnTo>
                  <a:lnTo>
                    <a:pt x="567" y="183"/>
                  </a:lnTo>
                  <a:lnTo>
                    <a:pt x="565" y="193"/>
                  </a:lnTo>
                  <a:lnTo>
                    <a:pt x="564" y="205"/>
                  </a:lnTo>
                  <a:lnTo>
                    <a:pt x="562" y="218"/>
                  </a:lnTo>
                  <a:lnTo>
                    <a:pt x="548" y="226"/>
                  </a:lnTo>
                  <a:lnTo>
                    <a:pt x="533" y="235"/>
                  </a:lnTo>
                  <a:lnTo>
                    <a:pt x="518" y="244"/>
                  </a:lnTo>
                  <a:lnTo>
                    <a:pt x="504" y="255"/>
                  </a:lnTo>
                  <a:lnTo>
                    <a:pt x="490" y="265"/>
                  </a:lnTo>
                  <a:lnTo>
                    <a:pt x="476" y="276"/>
                  </a:lnTo>
                  <a:lnTo>
                    <a:pt x="463" y="287"/>
                  </a:lnTo>
                  <a:lnTo>
                    <a:pt x="451" y="299"/>
                  </a:lnTo>
                  <a:lnTo>
                    <a:pt x="439" y="311"/>
                  </a:lnTo>
                  <a:lnTo>
                    <a:pt x="429" y="324"/>
                  </a:lnTo>
                  <a:lnTo>
                    <a:pt x="418" y="337"/>
                  </a:lnTo>
                  <a:lnTo>
                    <a:pt x="410" y="350"/>
                  </a:lnTo>
                  <a:lnTo>
                    <a:pt x="401" y="364"/>
                  </a:lnTo>
                  <a:lnTo>
                    <a:pt x="394" y="377"/>
                  </a:lnTo>
                  <a:lnTo>
                    <a:pt x="389" y="391"/>
                  </a:lnTo>
                  <a:lnTo>
                    <a:pt x="385" y="405"/>
                  </a:lnTo>
                  <a:lnTo>
                    <a:pt x="387" y="409"/>
                  </a:lnTo>
                  <a:lnTo>
                    <a:pt x="389" y="412"/>
                  </a:lnTo>
                  <a:lnTo>
                    <a:pt x="391" y="416"/>
                  </a:lnTo>
                  <a:lnTo>
                    <a:pt x="394" y="419"/>
                  </a:lnTo>
                  <a:lnTo>
                    <a:pt x="397" y="421"/>
                  </a:lnTo>
                  <a:lnTo>
                    <a:pt x="402" y="423"/>
                  </a:lnTo>
                  <a:lnTo>
                    <a:pt x="407" y="423"/>
                  </a:lnTo>
                  <a:lnTo>
                    <a:pt x="413" y="424"/>
                  </a:lnTo>
                  <a:lnTo>
                    <a:pt x="412" y="426"/>
                  </a:lnTo>
                  <a:lnTo>
                    <a:pt x="411" y="429"/>
                  </a:lnTo>
                  <a:lnTo>
                    <a:pt x="409" y="430"/>
                  </a:lnTo>
                  <a:lnTo>
                    <a:pt x="407" y="432"/>
                  </a:lnTo>
                  <a:lnTo>
                    <a:pt x="401" y="434"/>
                  </a:lnTo>
                  <a:lnTo>
                    <a:pt x="395" y="435"/>
                  </a:lnTo>
                  <a:lnTo>
                    <a:pt x="389" y="436"/>
                  </a:lnTo>
                  <a:lnTo>
                    <a:pt x="383" y="437"/>
                  </a:lnTo>
                  <a:lnTo>
                    <a:pt x="380" y="438"/>
                  </a:lnTo>
                  <a:lnTo>
                    <a:pt x="378" y="439"/>
                  </a:lnTo>
                  <a:lnTo>
                    <a:pt x="376" y="440"/>
                  </a:lnTo>
                  <a:lnTo>
                    <a:pt x="375" y="442"/>
                  </a:lnTo>
                  <a:lnTo>
                    <a:pt x="392" y="467"/>
                  </a:lnTo>
                  <a:lnTo>
                    <a:pt x="408" y="494"/>
                  </a:lnTo>
                  <a:lnTo>
                    <a:pt x="422" y="521"/>
                  </a:lnTo>
                  <a:lnTo>
                    <a:pt x="436" y="550"/>
                  </a:lnTo>
                  <a:lnTo>
                    <a:pt x="441" y="565"/>
                  </a:lnTo>
                  <a:lnTo>
                    <a:pt x="448" y="581"/>
                  </a:lnTo>
                  <a:lnTo>
                    <a:pt x="452" y="597"/>
                  </a:lnTo>
                  <a:lnTo>
                    <a:pt x="457" y="614"/>
                  </a:lnTo>
                  <a:lnTo>
                    <a:pt x="460" y="630"/>
                  </a:lnTo>
                  <a:lnTo>
                    <a:pt x="463" y="648"/>
                  </a:lnTo>
                  <a:lnTo>
                    <a:pt x="467" y="667"/>
                  </a:lnTo>
                  <a:lnTo>
                    <a:pt x="469" y="686"/>
                  </a:lnTo>
                  <a:lnTo>
                    <a:pt x="456" y="689"/>
                  </a:lnTo>
                  <a:lnTo>
                    <a:pt x="445" y="695"/>
                  </a:lnTo>
                  <a:lnTo>
                    <a:pt x="434" y="700"/>
                  </a:lnTo>
                  <a:lnTo>
                    <a:pt x="425" y="707"/>
                  </a:lnTo>
                  <a:lnTo>
                    <a:pt x="416" y="715"/>
                  </a:lnTo>
                  <a:lnTo>
                    <a:pt x="408" y="723"/>
                  </a:lnTo>
                  <a:lnTo>
                    <a:pt x="400" y="733"/>
                  </a:lnTo>
                  <a:lnTo>
                    <a:pt x="394" y="742"/>
                  </a:lnTo>
                  <a:lnTo>
                    <a:pt x="376" y="729"/>
                  </a:lnTo>
                  <a:lnTo>
                    <a:pt x="365" y="720"/>
                  </a:lnTo>
                  <a:lnTo>
                    <a:pt x="358" y="717"/>
                  </a:lnTo>
                  <a:lnTo>
                    <a:pt x="350" y="715"/>
                  </a:lnTo>
                  <a:lnTo>
                    <a:pt x="337" y="714"/>
                  </a:lnTo>
                  <a:lnTo>
                    <a:pt x="319" y="714"/>
                  </a:lnTo>
                  <a:lnTo>
                    <a:pt x="313" y="716"/>
                  </a:lnTo>
                  <a:lnTo>
                    <a:pt x="308" y="719"/>
                  </a:lnTo>
                  <a:lnTo>
                    <a:pt x="304" y="724"/>
                  </a:lnTo>
                  <a:lnTo>
                    <a:pt x="301" y="729"/>
                  </a:lnTo>
                  <a:lnTo>
                    <a:pt x="296" y="741"/>
                  </a:lnTo>
                  <a:lnTo>
                    <a:pt x="291" y="752"/>
                  </a:lnTo>
                  <a:lnTo>
                    <a:pt x="249" y="749"/>
                  </a:lnTo>
                  <a:lnTo>
                    <a:pt x="216" y="749"/>
                  </a:lnTo>
                  <a:lnTo>
                    <a:pt x="202" y="750"/>
                  </a:lnTo>
                  <a:lnTo>
                    <a:pt x="189" y="755"/>
                  </a:lnTo>
                  <a:lnTo>
                    <a:pt x="181" y="758"/>
                  </a:lnTo>
                  <a:lnTo>
                    <a:pt x="175" y="761"/>
                  </a:lnTo>
                  <a:lnTo>
                    <a:pt x="168" y="765"/>
                  </a:lnTo>
                  <a:lnTo>
                    <a:pt x="159" y="770"/>
                  </a:lnTo>
                  <a:lnTo>
                    <a:pt x="153" y="769"/>
                  </a:lnTo>
                  <a:lnTo>
                    <a:pt x="148" y="769"/>
                  </a:lnTo>
                  <a:lnTo>
                    <a:pt x="144" y="767"/>
                  </a:lnTo>
                  <a:lnTo>
                    <a:pt x="143" y="766"/>
                  </a:lnTo>
                  <a:lnTo>
                    <a:pt x="142" y="764"/>
                  </a:lnTo>
                  <a:lnTo>
                    <a:pt x="143" y="762"/>
                  </a:lnTo>
                  <a:lnTo>
                    <a:pt x="145" y="760"/>
                  </a:lnTo>
                  <a:lnTo>
                    <a:pt x="149" y="757"/>
                  </a:lnTo>
                  <a:lnTo>
                    <a:pt x="155" y="752"/>
                  </a:lnTo>
                  <a:lnTo>
                    <a:pt x="162" y="745"/>
                  </a:lnTo>
                  <a:lnTo>
                    <a:pt x="165" y="742"/>
                  </a:lnTo>
                  <a:lnTo>
                    <a:pt x="168" y="739"/>
                  </a:lnTo>
                  <a:lnTo>
                    <a:pt x="169" y="736"/>
                  </a:lnTo>
                  <a:lnTo>
                    <a:pt x="169" y="733"/>
                  </a:lnTo>
                  <a:lnTo>
                    <a:pt x="0" y="386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grpSp>
          <p:nvGrpSpPr>
            <p:cNvPr id="277" name="Norddjurs"/>
            <p:cNvGrpSpPr/>
            <p:nvPr/>
          </p:nvGrpSpPr>
          <p:grpSpPr>
            <a:xfrm>
              <a:off x="2187578" y="3559180"/>
              <a:ext cx="619127" cy="571501"/>
              <a:chOff x="2187578" y="3559180"/>
              <a:chExt cx="619127" cy="571501"/>
            </a:xfrm>
            <a:grpFill/>
          </p:grpSpPr>
          <p:sp>
            <p:nvSpPr>
              <p:cNvPr id="294" name="Line 21"/>
              <p:cNvSpPr>
                <a:spLocks noChangeShapeType="1"/>
              </p:cNvSpPr>
              <p:nvPr/>
            </p:nvSpPr>
            <p:spPr bwMode="auto">
              <a:xfrm flipV="1">
                <a:off x="2801942" y="3565530"/>
                <a:ext cx="0" cy="4763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95" name="Line 25"/>
              <p:cNvSpPr>
                <a:spLocks noChangeShapeType="1"/>
              </p:cNvSpPr>
              <p:nvPr/>
            </p:nvSpPr>
            <p:spPr bwMode="auto">
              <a:xfrm>
                <a:off x="2795592" y="3570293"/>
                <a:ext cx="6350" cy="0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96" name="Line 27"/>
              <p:cNvSpPr>
                <a:spLocks noChangeShapeType="1"/>
              </p:cNvSpPr>
              <p:nvPr/>
            </p:nvSpPr>
            <p:spPr bwMode="auto">
              <a:xfrm>
                <a:off x="2795592" y="3565530"/>
                <a:ext cx="0" cy="4763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97" name="Line 29"/>
              <p:cNvSpPr>
                <a:spLocks noChangeShapeType="1"/>
              </p:cNvSpPr>
              <p:nvPr/>
            </p:nvSpPr>
            <p:spPr bwMode="auto">
              <a:xfrm flipH="1">
                <a:off x="2795592" y="3565530"/>
                <a:ext cx="6350" cy="0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98" name="Line 33"/>
              <p:cNvSpPr>
                <a:spLocks noChangeShapeType="1"/>
              </p:cNvSpPr>
              <p:nvPr/>
            </p:nvSpPr>
            <p:spPr bwMode="auto">
              <a:xfrm>
                <a:off x="2801942" y="3559180"/>
                <a:ext cx="0" cy="6350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99" name="Line 37"/>
              <p:cNvSpPr>
                <a:spLocks noChangeShapeType="1"/>
              </p:cNvSpPr>
              <p:nvPr/>
            </p:nvSpPr>
            <p:spPr bwMode="auto">
              <a:xfrm>
                <a:off x="2801942" y="3565530"/>
                <a:ext cx="4763" cy="0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00" name="Norddjurs 2"/>
              <p:cNvSpPr>
                <a:spLocks/>
              </p:cNvSpPr>
              <p:nvPr/>
            </p:nvSpPr>
            <p:spPr bwMode="auto">
              <a:xfrm>
                <a:off x="2711454" y="3565530"/>
                <a:ext cx="90488" cy="63500"/>
              </a:xfrm>
              <a:custGeom>
                <a:avLst/>
                <a:gdLst>
                  <a:gd name="T0" fmla="*/ 57 w 169"/>
                  <a:gd name="T1" fmla="*/ 3 h 121"/>
                  <a:gd name="T2" fmla="*/ 54 w 169"/>
                  <a:gd name="T3" fmla="*/ 6 h 121"/>
                  <a:gd name="T4" fmla="*/ 51 w 169"/>
                  <a:gd name="T5" fmla="*/ 9 h 121"/>
                  <a:gd name="T6" fmla="*/ 49 w 169"/>
                  <a:gd name="T7" fmla="*/ 13 h 121"/>
                  <a:gd name="T8" fmla="*/ 46 w 169"/>
                  <a:gd name="T9" fmla="*/ 16 h 121"/>
                  <a:gd name="T10" fmla="*/ 42 w 169"/>
                  <a:gd name="T11" fmla="*/ 23 h 121"/>
                  <a:gd name="T12" fmla="*/ 37 w 169"/>
                  <a:gd name="T13" fmla="*/ 30 h 121"/>
                  <a:gd name="T14" fmla="*/ 35 w 169"/>
                  <a:gd name="T15" fmla="*/ 33 h 121"/>
                  <a:gd name="T16" fmla="*/ 32 w 169"/>
                  <a:gd name="T17" fmla="*/ 36 h 121"/>
                  <a:gd name="T18" fmla="*/ 29 w 169"/>
                  <a:gd name="T19" fmla="*/ 38 h 121"/>
                  <a:gd name="T20" fmla="*/ 26 w 169"/>
                  <a:gd name="T21" fmla="*/ 39 h 121"/>
                  <a:gd name="T22" fmla="*/ 24 w 169"/>
                  <a:gd name="T23" fmla="*/ 40 h 121"/>
                  <a:gd name="T24" fmla="*/ 23 w 169"/>
                  <a:gd name="T25" fmla="*/ 40 h 121"/>
                  <a:gd name="T26" fmla="*/ 21 w 169"/>
                  <a:gd name="T27" fmla="*/ 40 h 121"/>
                  <a:gd name="T28" fmla="*/ 19 w 169"/>
                  <a:gd name="T29" fmla="*/ 40 h 121"/>
                  <a:gd name="T30" fmla="*/ 17 w 169"/>
                  <a:gd name="T31" fmla="*/ 40 h 121"/>
                  <a:gd name="T32" fmla="*/ 15 w 169"/>
                  <a:gd name="T33" fmla="*/ 39 h 121"/>
                  <a:gd name="T34" fmla="*/ 12 w 169"/>
                  <a:gd name="T35" fmla="*/ 38 h 121"/>
                  <a:gd name="T36" fmla="*/ 9 w 169"/>
                  <a:gd name="T37" fmla="*/ 37 h 121"/>
                  <a:gd name="T38" fmla="*/ 9 w 169"/>
                  <a:gd name="T39" fmla="*/ 35 h 121"/>
                  <a:gd name="T40" fmla="*/ 9 w 169"/>
                  <a:gd name="T41" fmla="*/ 33 h 121"/>
                  <a:gd name="T42" fmla="*/ 9 w 169"/>
                  <a:gd name="T43" fmla="*/ 31 h 121"/>
                  <a:gd name="T44" fmla="*/ 8 w 169"/>
                  <a:gd name="T45" fmla="*/ 29 h 121"/>
                  <a:gd name="T46" fmla="*/ 6 w 169"/>
                  <a:gd name="T47" fmla="*/ 26 h 121"/>
                  <a:gd name="T48" fmla="*/ 5 w 169"/>
                  <a:gd name="T49" fmla="*/ 23 h 121"/>
                  <a:gd name="T50" fmla="*/ 3 w 169"/>
                  <a:gd name="T51" fmla="*/ 20 h 121"/>
                  <a:gd name="T52" fmla="*/ 1 w 169"/>
                  <a:gd name="T53" fmla="*/ 18 h 121"/>
                  <a:gd name="T54" fmla="*/ 1 w 169"/>
                  <a:gd name="T55" fmla="*/ 16 h 121"/>
                  <a:gd name="T56" fmla="*/ 0 w 169"/>
                  <a:gd name="T57" fmla="*/ 14 h 121"/>
                  <a:gd name="T58" fmla="*/ 0 w 169"/>
                  <a:gd name="T59" fmla="*/ 12 h 121"/>
                  <a:gd name="T60" fmla="*/ 0 w 169"/>
                  <a:gd name="T61" fmla="*/ 9 h 121"/>
                  <a:gd name="T62" fmla="*/ 3 w 169"/>
                  <a:gd name="T63" fmla="*/ 8 h 121"/>
                  <a:gd name="T64" fmla="*/ 6 w 169"/>
                  <a:gd name="T65" fmla="*/ 8 h 121"/>
                  <a:gd name="T66" fmla="*/ 9 w 169"/>
                  <a:gd name="T67" fmla="*/ 7 h 121"/>
                  <a:gd name="T68" fmla="*/ 13 w 169"/>
                  <a:gd name="T69" fmla="*/ 7 h 121"/>
                  <a:gd name="T70" fmla="*/ 21 w 169"/>
                  <a:gd name="T71" fmla="*/ 6 h 121"/>
                  <a:gd name="T72" fmla="*/ 28 w 169"/>
                  <a:gd name="T73" fmla="*/ 6 h 121"/>
                  <a:gd name="T74" fmla="*/ 35 w 169"/>
                  <a:gd name="T75" fmla="*/ 5 h 121"/>
                  <a:gd name="T76" fmla="*/ 42 w 169"/>
                  <a:gd name="T77" fmla="*/ 4 h 121"/>
                  <a:gd name="T78" fmla="*/ 45 w 169"/>
                  <a:gd name="T79" fmla="*/ 3 h 121"/>
                  <a:gd name="T80" fmla="*/ 49 w 169"/>
                  <a:gd name="T81" fmla="*/ 2 h 121"/>
                  <a:gd name="T82" fmla="*/ 51 w 169"/>
                  <a:gd name="T83" fmla="*/ 1 h 121"/>
                  <a:gd name="T84" fmla="*/ 54 w 169"/>
                  <a:gd name="T85" fmla="*/ 0 h 121"/>
                  <a:gd name="T86" fmla="*/ 57 w 169"/>
                  <a:gd name="T87" fmla="*/ 3 h 121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0" t="0" r="r" b="b"/>
                <a:pathLst>
                  <a:path w="169" h="121">
                    <a:moveTo>
                      <a:pt x="169" y="9"/>
                    </a:moveTo>
                    <a:lnTo>
                      <a:pt x="159" y="18"/>
                    </a:lnTo>
                    <a:lnTo>
                      <a:pt x="151" y="27"/>
                    </a:lnTo>
                    <a:lnTo>
                      <a:pt x="144" y="38"/>
                    </a:lnTo>
                    <a:lnTo>
                      <a:pt x="137" y="48"/>
                    </a:lnTo>
                    <a:lnTo>
                      <a:pt x="124" y="70"/>
                    </a:lnTo>
                    <a:lnTo>
                      <a:pt x="110" y="92"/>
                    </a:lnTo>
                    <a:lnTo>
                      <a:pt x="103" y="101"/>
                    </a:lnTo>
                    <a:lnTo>
                      <a:pt x="95" y="108"/>
                    </a:lnTo>
                    <a:lnTo>
                      <a:pt x="87" y="115"/>
                    </a:lnTo>
                    <a:lnTo>
                      <a:pt x="77" y="119"/>
                    </a:lnTo>
                    <a:lnTo>
                      <a:pt x="72" y="120"/>
                    </a:lnTo>
                    <a:lnTo>
                      <a:pt x="67" y="121"/>
                    </a:lnTo>
                    <a:lnTo>
                      <a:pt x="62" y="121"/>
                    </a:lnTo>
                    <a:lnTo>
                      <a:pt x="55" y="121"/>
                    </a:lnTo>
                    <a:lnTo>
                      <a:pt x="49" y="120"/>
                    </a:lnTo>
                    <a:lnTo>
                      <a:pt x="43" y="118"/>
                    </a:lnTo>
                    <a:lnTo>
                      <a:pt x="35" y="116"/>
                    </a:lnTo>
                    <a:lnTo>
                      <a:pt x="28" y="113"/>
                    </a:lnTo>
                    <a:lnTo>
                      <a:pt x="28" y="105"/>
                    </a:lnTo>
                    <a:lnTo>
                      <a:pt x="27" y="99"/>
                    </a:lnTo>
                    <a:lnTo>
                      <a:pt x="26" y="94"/>
                    </a:lnTo>
                    <a:lnTo>
                      <a:pt x="24" y="88"/>
                    </a:lnTo>
                    <a:lnTo>
                      <a:pt x="19" y="79"/>
                    </a:lnTo>
                    <a:lnTo>
                      <a:pt x="14" y="70"/>
                    </a:lnTo>
                    <a:lnTo>
                      <a:pt x="8" y="62"/>
                    </a:lnTo>
                    <a:lnTo>
                      <a:pt x="4" y="53"/>
                    </a:lnTo>
                    <a:lnTo>
                      <a:pt x="3" y="47"/>
                    </a:lnTo>
                    <a:lnTo>
                      <a:pt x="0" y="41"/>
                    </a:lnTo>
                    <a:lnTo>
                      <a:pt x="0" y="35"/>
                    </a:lnTo>
                    <a:lnTo>
                      <a:pt x="0" y="28"/>
                    </a:lnTo>
                    <a:lnTo>
                      <a:pt x="9" y="25"/>
                    </a:lnTo>
                    <a:lnTo>
                      <a:pt x="18" y="23"/>
                    </a:lnTo>
                    <a:lnTo>
                      <a:pt x="28" y="21"/>
                    </a:lnTo>
                    <a:lnTo>
                      <a:pt x="38" y="20"/>
                    </a:lnTo>
                    <a:lnTo>
                      <a:pt x="61" y="18"/>
                    </a:lnTo>
                    <a:lnTo>
                      <a:pt x="83" y="17"/>
                    </a:lnTo>
                    <a:lnTo>
                      <a:pt x="104" y="15"/>
                    </a:lnTo>
                    <a:lnTo>
                      <a:pt x="125" y="13"/>
                    </a:lnTo>
                    <a:lnTo>
                      <a:pt x="134" y="10"/>
                    </a:lnTo>
                    <a:lnTo>
                      <a:pt x="144" y="7"/>
                    </a:lnTo>
                    <a:lnTo>
                      <a:pt x="152" y="4"/>
                    </a:lnTo>
                    <a:lnTo>
                      <a:pt x="159" y="0"/>
                    </a:lnTo>
                    <a:lnTo>
                      <a:pt x="169" y="9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01" name="Norddjurs kant 2"/>
              <p:cNvSpPr>
                <a:spLocks/>
              </p:cNvSpPr>
              <p:nvPr/>
            </p:nvSpPr>
            <p:spPr bwMode="auto">
              <a:xfrm>
                <a:off x="2711454" y="3565530"/>
                <a:ext cx="90488" cy="63500"/>
              </a:xfrm>
              <a:custGeom>
                <a:avLst/>
                <a:gdLst>
                  <a:gd name="T0" fmla="*/ 57 w 169"/>
                  <a:gd name="T1" fmla="*/ 3 h 121"/>
                  <a:gd name="T2" fmla="*/ 54 w 169"/>
                  <a:gd name="T3" fmla="*/ 6 h 121"/>
                  <a:gd name="T4" fmla="*/ 51 w 169"/>
                  <a:gd name="T5" fmla="*/ 9 h 121"/>
                  <a:gd name="T6" fmla="*/ 49 w 169"/>
                  <a:gd name="T7" fmla="*/ 13 h 121"/>
                  <a:gd name="T8" fmla="*/ 46 w 169"/>
                  <a:gd name="T9" fmla="*/ 16 h 121"/>
                  <a:gd name="T10" fmla="*/ 42 w 169"/>
                  <a:gd name="T11" fmla="*/ 23 h 121"/>
                  <a:gd name="T12" fmla="*/ 37 w 169"/>
                  <a:gd name="T13" fmla="*/ 30 h 121"/>
                  <a:gd name="T14" fmla="*/ 35 w 169"/>
                  <a:gd name="T15" fmla="*/ 33 h 121"/>
                  <a:gd name="T16" fmla="*/ 32 w 169"/>
                  <a:gd name="T17" fmla="*/ 36 h 121"/>
                  <a:gd name="T18" fmla="*/ 29 w 169"/>
                  <a:gd name="T19" fmla="*/ 38 h 121"/>
                  <a:gd name="T20" fmla="*/ 26 w 169"/>
                  <a:gd name="T21" fmla="*/ 39 h 121"/>
                  <a:gd name="T22" fmla="*/ 24 w 169"/>
                  <a:gd name="T23" fmla="*/ 40 h 121"/>
                  <a:gd name="T24" fmla="*/ 23 w 169"/>
                  <a:gd name="T25" fmla="*/ 40 h 121"/>
                  <a:gd name="T26" fmla="*/ 21 w 169"/>
                  <a:gd name="T27" fmla="*/ 40 h 121"/>
                  <a:gd name="T28" fmla="*/ 19 w 169"/>
                  <a:gd name="T29" fmla="*/ 40 h 121"/>
                  <a:gd name="T30" fmla="*/ 17 w 169"/>
                  <a:gd name="T31" fmla="*/ 40 h 121"/>
                  <a:gd name="T32" fmla="*/ 15 w 169"/>
                  <a:gd name="T33" fmla="*/ 39 h 121"/>
                  <a:gd name="T34" fmla="*/ 12 w 169"/>
                  <a:gd name="T35" fmla="*/ 38 h 121"/>
                  <a:gd name="T36" fmla="*/ 9 w 169"/>
                  <a:gd name="T37" fmla="*/ 37 h 121"/>
                  <a:gd name="T38" fmla="*/ 9 w 169"/>
                  <a:gd name="T39" fmla="*/ 35 h 121"/>
                  <a:gd name="T40" fmla="*/ 9 w 169"/>
                  <a:gd name="T41" fmla="*/ 33 h 121"/>
                  <a:gd name="T42" fmla="*/ 9 w 169"/>
                  <a:gd name="T43" fmla="*/ 31 h 121"/>
                  <a:gd name="T44" fmla="*/ 8 w 169"/>
                  <a:gd name="T45" fmla="*/ 29 h 121"/>
                  <a:gd name="T46" fmla="*/ 6 w 169"/>
                  <a:gd name="T47" fmla="*/ 26 h 121"/>
                  <a:gd name="T48" fmla="*/ 5 w 169"/>
                  <a:gd name="T49" fmla="*/ 23 h 121"/>
                  <a:gd name="T50" fmla="*/ 3 w 169"/>
                  <a:gd name="T51" fmla="*/ 20 h 121"/>
                  <a:gd name="T52" fmla="*/ 1 w 169"/>
                  <a:gd name="T53" fmla="*/ 18 h 121"/>
                  <a:gd name="T54" fmla="*/ 1 w 169"/>
                  <a:gd name="T55" fmla="*/ 16 h 121"/>
                  <a:gd name="T56" fmla="*/ 0 w 169"/>
                  <a:gd name="T57" fmla="*/ 14 h 121"/>
                  <a:gd name="T58" fmla="*/ 0 w 169"/>
                  <a:gd name="T59" fmla="*/ 12 h 121"/>
                  <a:gd name="T60" fmla="*/ 0 w 169"/>
                  <a:gd name="T61" fmla="*/ 9 h 121"/>
                  <a:gd name="T62" fmla="*/ 3 w 169"/>
                  <a:gd name="T63" fmla="*/ 8 h 121"/>
                  <a:gd name="T64" fmla="*/ 6 w 169"/>
                  <a:gd name="T65" fmla="*/ 8 h 121"/>
                  <a:gd name="T66" fmla="*/ 9 w 169"/>
                  <a:gd name="T67" fmla="*/ 7 h 121"/>
                  <a:gd name="T68" fmla="*/ 13 w 169"/>
                  <a:gd name="T69" fmla="*/ 7 h 121"/>
                  <a:gd name="T70" fmla="*/ 21 w 169"/>
                  <a:gd name="T71" fmla="*/ 6 h 121"/>
                  <a:gd name="T72" fmla="*/ 28 w 169"/>
                  <a:gd name="T73" fmla="*/ 6 h 121"/>
                  <a:gd name="T74" fmla="*/ 35 w 169"/>
                  <a:gd name="T75" fmla="*/ 5 h 121"/>
                  <a:gd name="T76" fmla="*/ 42 w 169"/>
                  <a:gd name="T77" fmla="*/ 4 h 121"/>
                  <a:gd name="T78" fmla="*/ 45 w 169"/>
                  <a:gd name="T79" fmla="*/ 3 h 121"/>
                  <a:gd name="T80" fmla="*/ 49 w 169"/>
                  <a:gd name="T81" fmla="*/ 2 h 121"/>
                  <a:gd name="T82" fmla="*/ 51 w 169"/>
                  <a:gd name="T83" fmla="*/ 1 h 121"/>
                  <a:gd name="T84" fmla="*/ 54 w 169"/>
                  <a:gd name="T85" fmla="*/ 0 h 121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69" h="121">
                    <a:moveTo>
                      <a:pt x="169" y="9"/>
                    </a:moveTo>
                    <a:lnTo>
                      <a:pt x="159" y="18"/>
                    </a:lnTo>
                    <a:lnTo>
                      <a:pt x="151" y="27"/>
                    </a:lnTo>
                    <a:lnTo>
                      <a:pt x="144" y="38"/>
                    </a:lnTo>
                    <a:lnTo>
                      <a:pt x="137" y="48"/>
                    </a:lnTo>
                    <a:lnTo>
                      <a:pt x="124" y="70"/>
                    </a:lnTo>
                    <a:lnTo>
                      <a:pt x="110" y="92"/>
                    </a:lnTo>
                    <a:lnTo>
                      <a:pt x="103" y="101"/>
                    </a:lnTo>
                    <a:lnTo>
                      <a:pt x="95" y="108"/>
                    </a:lnTo>
                    <a:lnTo>
                      <a:pt x="87" y="115"/>
                    </a:lnTo>
                    <a:lnTo>
                      <a:pt x="77" y="119"/>
                    </a:lnTo>
                    <a:lnTo>
                      <a:pt x="72" y="120"/>
                    </a:lnTo>
                    <a:lnTo>
                      <a:pt x="67" y="121"/>
                    </a:lnTo>
                    <a:lnTo>
                      <a:pt x="62" y="121"/>
                    </a:lnTo>
                    <a:lnTo>
                      <a:pt x="55" y="121"/>
                    </a:lnTo>
                    <a:lnTo>
                      <a:pt x="49" y="120"/>
                    </a:lnTo>
                    <a:lnTo>
                      <a:pt x="43" y="118"/>
                    </a:lnTo>
                    <a:lnTo>
                      <a:pt x="35" y="116"/>
                    </a:lnTo>
                    <a:lnTo>
                      <a:pt x="28" y="113"/>
                    </a:lnTo>
                    <a:lnTo>
                      <a:pt x="28" y="105"/>
                    </a:lnTo>
                    <a:lnTo>
                      <a:pt x="27" y="99"/>
                    </a:lnTo>
                    <a:lnTo>
                      <a:pt x="26" y="94"/>
                    </a:lnTo>
                    <a:lnTo>
                      <a:pt x="24" y="88"/>
                    </a:lnTo>
                    <a:lnTo>
                      <a:pt x="19" y="79"/>
                    </a:lnTo>
                    <a:lnTo>
                      <a:pt x="14" y="70"/>
                    </a:lnTo>
                    <a:lnTo>
                      <a:pt x="8" y="62"/>
                    </a:lnTo>
                    <a:lnTo>
                      <a:pt x="4" y="53"/>
                    </a:lnTo>
                    <a:lnTo>
                      <a:pt x="3" y="47"/>
                    </a:lnTo>
                    <a:lnTo>
                      <a:pt x="0" y="41"/>
                    </a:lnTo>
                    <a:lnTo>
                      <a:pt x="0" y="35"/>
                    </a:lnTo>
                    <a:lnTo>
                      <a:pt x="0" y="28"/>
                    </a:lnTo>
                    <a:lnTo>
                      <a:pt x="9" y="25"/>
                    </a:lnTo>
                    <a:lnTo>
                      <a:pt x="18" y="23"/>
                    </a:lnTo>
                    <a:lnTo>
                      <a:pt x="28" y="21"/>
                    </a:lnTo>
                    <a:lnTo>
                      <a:pt x="38" y="20"/>
                    </a:lnTo>
                    <a:lnTo>
                      <a:pt x="61" y="18"/>
                    </a:lnTo>
                    <a:lnTo>
                      <a:pt x="83" y="17"/>
                    </a:lnTo>
                    <a:lnTo>
                      <a:pt x="104" y="15"/>
                    </a:lnTo>
                    <a:lnTo>
                      <a:pt x="125" y="13"/>
                    </a:lnTo>
                    <a:lnTo>
                      <a:pt x="134" y="10"/>
                    </a:lnTo>
                    <a:lnTo>
                      <a:pt x="144" y="7"/>
                    </a:lnTo>
                    <a:lnTo>
                      <a:pt x="152" y="4"/>
                    </a:lnTo>
                    <a:lnTo>
                      <a:pt x="159" y="0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02" name="Norddjurs 1"/>
              <p:cNvSpPr>
                <a:spLocks/>
              </p:cNvSpPr>
              <p:nvPr/>
            </p:nvSpPr>
            <p:spPr bwMode="auto">
              <a:xfrm>
                <a:off x="2187578" y="3756030"/>
                <a:ext cx="569914" cy="374651"/>
              </a:xfrm>
              <a:custGeom>
                <a:avLst/>
                <a:gdLst>
                  <a:gd name="T0" fmla="*/ 40 w 1077"/>
                  <a:gd name="T1" fmla="*/ 0 h 709"/>
                  <a:gd name="T2" fmla="*/ 47 w 1077"/>
                  <a:gd name="T3" fmla="*/ 5 h 709"/>
                  <a:gd name="T4" fmla="*/ 54 w 1077"/>
                  <a:gd name="T5" fmla="*/ 8 h 709"/>
                  <a:gd name="T6" fmla="*/ 66 w 1077"/>
                  <a:gd name="T7" fmla="*/ 35 h 709"/>
                  <a:gd name="T8" fmla="*/ 88 w 1077"/>
                  <a:gd name="T9" fmla="*/ 57 h 709"/>
                  <a:gd name="T10" fmla="*/ 117 w 1077"/>
                  <a:gd name="T11" fmla="*/ 66 h 709"/>
                  <a:gd name="T12" fmla="*/ 152 w 1077"/>
                  <a:gd name="T13" fmla="*/ 66 h 709"/>
                  <a:gd name="T14" fmla="*/ 219 w 1077"/>
                  <a:gd name="T15" fmla="*/ 57 h 709"/>
                  <a:gd name="T16" fmla="*/ 267 w 1077"/>
                  <a:gd name="T17" fmla="*/ 52 h 709"/>
                  <a:gd name="T18" fmla="*/ 301 w 1077"/>
                  <a:gd name="T19" fmla="*/ 55 h 709"/>
                  <a:gd name="T20" fmla="*/ 311 w 1077"/>
                  <a:gd name="T21" fmla="*/ 66 h 709"/>
                  <a:gd name="T22" fmla="*/ 320 w 1077"/>
                  <a:gd name="T23" fmla="*/ 82 h 709"/>
                  <a:gd name="T24" fmla="*/ 339 w 1077"/>
                  <a:gd name="T25" fmla="*/ 98 h 709"/>
                  <a:gd name="T26" fmla="*/ 356 w 1077"/>
                  <a:gd name="T27" fmla="*/ 116 h 709"/>
                  <a:gd name="T28" fmla="*/ 352 w 1077"/>
                  <a:gd name="T29" fmla="*/ 128 h 709"/>
                  <a:gd name="T30" fmla="*/ 347 w 1077"/>
                  <a:gd name="T31" fmla="*/ 141 h 709"/>
                  <a:gd name="T32" fmla="*/ 341 w 1077"/>
                  <a:gd name="T33" fmla="*/ 169 h 709"/>
                  <a:gd name="T34" fmla="*/ 335 w 1077"/>
                  <a:gd name="T35" fmla="*/ 203 h 709"/>
                  <a:gd name="T36" fmla="*/ 327 w 1077"/>
                  <a:gd name="T37" fmla="*/ 222 h 709"/>
                  <a:gd name="T38" fmla="*/ 318 w 1077"/>
                  <a:gd name="T39" fmla="*/ 233 h 709"/>
                  <a:gd name="T40" fmla="*/ 311 w 1077"/>
                  <a:gd name="T41" fmla="*/ 235 h 709"/>
                  <a:gd name="T42" fmla="*/ 302 w 1077"/>
                  <a:gd name="T43" fmla="*/ 230 h 709"/>
                  <a:gd name="T44" fmla="*/ 297 w 1077"/>
                  <a:gd name="T45" fmla="*/ 231 h 709"/>
                  <a:gd name="T46" fmla="*/ 290 w 1077"/>
                  <a:gd name="T47" fmla="*/ 223 h 709"/>
                  <a:gd name="T48" fmla="*/ 279 w 1077"/>
                  <a:gd name="T49" fmla="*/ 214 h 709"/>
                  <a:gd name="T50" fmla="*/ 256 w 1077"/>
                  <a:gd name="T51" fmla="*/ 207 h 709"/>
                  <a:gd name="T52" fmla="*/ 230 w 1077"/>
                  <a:gd name="T53" fmla="*/ 202 h 709"/>
                  <a:gd name="T54" fmla="*/ 216 w 1077"/>
                  <a:gd name="T55" fmla="*/ 196 h 709"/>
                  <a:gd name="T56" fmla="*/ 208 w 1077"/>
                  <a:gd name="T57" fmla="*/ 186 h 709"/>
                  <a:gd name="T58" fmla="*/ 219 w 1077"/>
                  <a:gd name="T59" fmla="*/ 178 h 709"/>
                  <a:gd name="T60" fmla="*/ 235 w 1077"/>
                  <a:gd name="T61" fmla="*/ 164 h 709"/>
                  <a:gd name="T62" fmla="*/ 226 w 1077"/>
                  <a:gd name="T63" fmla="*/ 154 h 709"/>
                  <a:gd name="T64" fmla="*/ 206 w 1077"/>
                  <a:gd name="T65" fmla="*/ 144 h 709"/>
                  <a:gd name="T66" fmla="*/ 171 w 1077"/>
                  <a:gd name="T67" fmla="*/ 131 h 709"/>
                  <a:gd name="T68" fmla="*/ 155 w 1077"/>
                  <a:gd name="T69" fmla="*/ 123 h 709"/>
                  <a:gd name="T70" fmla="*/ 153 w 1077"/>
                  <a:gd name="T71" fmla="*/ 128 h 709"/>
                  <a:gd name="T72" fmla="*/ 152 w 1077"/>
                  <a:gd name="T73" fmla="*/ 137 h 709"/>
                  <a:gd name="T74" fmla="*/ 145 w 1077"/>
                  <a:gd name="T75" fmla="*/ 138 h 709"/>
                  <a:gd name="T76" fmla="*/ 128 w 1077"/>
                  <a:gd name="T77" fmla="*/ 138 h 709"/>
                  <a:gd name="T78" fmla="*/ 110 w 1077"/>
                  <a:gd name="T79" fmla="*/ 140 h 709"/>
                  <a:gd name="T80" fmla="*/ 99 w 1077"/>
                  <a:gd name="T81" fmla="*/ 141 h 709"/>
                  <a:gd name="T82" fmla="*/ 92 w 1077"/>
                  <a:gd name="T83" fmla="*/ 150 h 709"/>
                  <a:gd name="T84" fmla="*/ 81 w 1077"/>
                  <a:gd name="T85" fmla="*/ 161 h 709"/>
                  <a:gd name="T86" fmla="*/ 75 w 1077"/>
                  <a:gd name="T87" fmla="*/ 166 h 709"/>
                  <a:gd name="T88" fmla="*/ 57 w 1077"/>
                  <a:gd name="T89" fmla="*/ 163 h 709"/>
                  <a:gd name="T90" fmla="*/ 28 w 1077"/>
                  <a:gd name="T91" fmla="*/ 163 h 709"/>
                  <a:gd name="T92" fmla="*/ 22 w 1077"/>
                  <a:gd name="T93" fmla="*/ 157 h 709"/>
                  <a:gd name="T94" fmla="*/ 14 w 1077"/>
                  <a:gd name="T95" fmla="*/ 137 h 709"/>
                  <a:gd name="T96" fmla="*/ 5 w 1077"/>
                  <a:gd name="T97" fmla="*/ 118 h 709"/>
                  <a:gd name="T98" fmla="*/ 5 w 1077"/>
                  <a:gd name="T99" fmla="*/ 109 h 709"/>
                  <a:gd name="T100" fmla="*/ 10 w 1077"/>
                  <a:gd name="T101" fmla="*/ 103 h 709"/>
                  <a:gd name="T102" fmla="*/ 11 w 1077"/>
                  <a:gd name="T103" fmla="*/ 99 h 709"/>
                  <a:gd name="T104" fmla="*/ 4 w 1077"/>
                  <a:gd name="T105" fmla="*/ 98 h 709"/>
                  <a:gd name="T106" fmla="*/ 0 w 1077"/>
                  <a:gd name="T107" fmla="*/ 96 h 709"/>
                  <a:gd name="T108" fmla="*/ 5 w 1077"/>
                  <a:gd name="T109" fmla="*/ 90 h 709"/>
                  <a:gd name="T110" fmla="*/ 8 w 1077"/>
                  <a:gd name="T111" fmla="*/ 80 h 709"/>
                  <a:gd name="T112" fmla="*/ 4 w 1077"/>
                  <a:gd name="T113" fmla="*/ 61 h 709"/>
                  <a:gd name="T114" fmla="*/ 9 w 1077"/>
                  <a:gd name="T115" fmla="*/ 44 h 709"/>
                  <a:gd name="T116" fmla="*/ 28 w 1077"/>
                  <a:gd name="T117" fmla="*/ 20 h 709"/>
                  <a:gd name="T118" fmla="*/ 37 w 1077"/>
                  <a:gd name="T119" fmla="*/ 5 h 709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1077" h="709">
                    <a:moveTo>
                      <a:pt x="112" y="5"/>
                    </a:moveTo>
                    <a:lnTo>
                      <a:pt x="113" y="2"/>
                    </a:lnTo>
                    <a:lnTo>
                      <a:pt x="116" y="0"/>
                    </a:lnTo>
                    <a:lnTo>
                      <a:pt x="119" y="0"/>
                    </a:lnTo>
                    <a:lnTo>
                      <a:pt x="121" y="0"/>
                    </a:lnTo>
                    <a:lnTo>
                      <a:pt x="127" y="4"/>
                    </a:lnTo>
                    <a:lnTo>
                      <a:pt x="133" y="10"/>
                    </a:lnTo>
                    <a:lnTo>
                      <a:pt x="141" y="16"/>
                    </a:lnTo>
                    <a:lnTo>
                      <a:pt x="149" y="21"/>
                    </a:lnTo>
                    <a:lnTo>
                      <a:pt x="153" y="23"/>
                    </a:lnTo>
                    <a:lnTo>
                      <a:pt x="159" y="24"/>
                    </a:lnTo>
                    <a:lnTo>
                      <a:pt x="163" y="24"/>
                    </a:lnTo>
                    <a:lnTo>
                      <a:pt x="168" y="24"/>
                    </a:lnTo>
                    <a:lnTo>
                      <a:pt x="175" y="54"/>
                    </a:lnTo>
                    <a:lnTo>
                      <a:pt x="186" y="81"/>
                    </a:lnTo>
                    <a:lnTo>
                      <a:pt x="197" y="104"/>
                    </a:lnTo>
                    <a:lnTo>
                      <a:pt x="211" y="125"/>
                    </a:lnTo>
                    <a:lnTo>
                      <a:pt x="227" y="142"/>
                    </a:lnTo>
                    <a:lnTo>
                      <a:pt x="244" y="157"/>
                    </a:lnTo>
                    <a:lnTo>
                      <a:pt x="263" y="170"/>
                    </a:lnTo>
                    <a:lnTo>
                      <a:pt x="283" y="179"/>
                    </a:lnTo>
                    <a:lnTo>
                      <a:pt x="304" y="187"/>
                    </a:lnTo>
                    <a:lnTo>
                      <a:pt x="327" y="193"/>
                    </a:lnTo>
                    <a:lnTo>
                      <a:pt x="351" y="197"/>
                    </a:lnTo>
                    <a:lnTo>
                      <a:pt x="375" y="199"/>
                    </a:lnTo>
                    <a:lnTo>
                      <a:pt x="402" y="200"/>
                    </a:lnTo>
                    <a:lnTo>
                      <a:pt x="428" y="200"/>
                    </a:lnTo>
                    <a:lnTo>
                      <a:pt x="455" y="198"/>
                    </a:lnTo>
                    <a:lnTo>
                      <a:pt x="483" y="196"/>
                    </a:lnTo>
                    <a:lnTo>
                      <a:pt x="541" y="189"/>
                    </a:lnTo>
                    <a:lnTo>
                      <a:pt x="599" y="180"/>
                    </a:lnTo>
                    <a:lnTo>
                      <a:pt x="658" y="171"/>
                    </a:lnTo>
                    <a:lnTo>
                      <a:pt x="716" y="163"/>
                    </a:lnTo>
                    <a:lnTo>
                      <a:pt x="744" y="160"/>
                    </a:lnTo>
                    <a:lnTo>
                      <a:pt x="772" y="158"/>
                    </a:lnTo>
                    <a:lnTo>
                      <a:pt x="800" y="157"/>
                    </a:lnTo>
                    <a:lnTo>
                      <a:pt x="827" y="157"/>
                    </a:lnTo>
                    <a:lnTo>
                      <a:pt x="853" y="159"/>
                    </a:lnTo>
                    <a:lnTo>
                      <a:pt x="879" y="162"/>
                    </a:lnTo>
                    <a:lnTo>
                      <a:pt x="903" y="166"/>
                    </a:lnTo>
                    <a:lnTo>
                      <a:pt x="926" y="174"/>
                    </a:lnTo>
                    <a:lnTo>
                      <a:pt x="928" y="183"/>
                    </a:lnTo>
                    <a:lnTo>
                      <a:pt x="930" y="192"/>
                    </a:lnTo>
                    <a:lnTo>
                      <a:pt x="932" y="199"/>
                    </a:lnTo>
                    <a:lnTo>
                      <a:pt x="936" y="207"/>
                    </a:lnTo>
                    <a:lnTo>
                      <a:pt x="942" y="221"/>
                    </a:lnTo>
                    <a:lnTo>
                      <a:pt x="950" y="234"/>
                    </a:lnTo>
                    <a:lnTo>
                      <a:pt x="960" y="245"/>
                    </a:lnTo>
                    <a:lnTo>
                      <a:pt x="970" y="256"/>
                    </a:lnTo>
                    <a:lnTo>
                      <a:pt x="982" y="266"/>
                    </a:lnTo>
                    <a:lnTo>
                      <a:pt x="994" y="275"/>
                    </a:lnTo>
                    <a:lnTo>
                      <a:pt x="1017" y="294"/>
                    </a:lnTo>
                    <a:lnTo>
                      <a:pt x="1040" y="313"/>
                    </a:lnTo>
                    <a:lnTo>
                      <a:pt x="1050" y="323"/>
                    </a:lnTo>
                    <a:lnTo>
                      <a:pt x="1061" y="335"/>
                    </a:lnTo>
                    <a:lnTo>
                      <a:pt x="1069" y="348"/>
                    </a:lnTo>
                    <a:lnTo>
                      <a:pt x="1077" y="361"/>
                    </a:lnTo>
                    <a:lnTo>
                      <a:pt x="1069" y="368"/>
                    </a:lnTo>
                    <a:lnTo>
                      <a:pt x="1063" y="376"/>
                    </a:lnTo>
                    <a:lnTo>
                      <a:pt x="1057" y="384"/>
                    </a:lnTo>
                    <a:lnTo>
                      <a:pt x="1051" y="393"/>
                    </a:lnTo>
                    <a:lnTo>
                      <a:pt x="1047" y="403"/>
                    </a:lnTo>
                    <a:lnTo>
                      <a:pt x="1043" y="413"/>
                    </a:lnTo>
                    <a:lnTo>
                      <a:pt x="1040" y="423"/>
                    </a:lnTo>
                    <a:lnTo>
                      <a:pt x="1037" y="435"/>
                    </a:lnTo>
                    <a:lnTo>
                      <a:pt x="1030" y="458"/>
                    </a:lnTo>
                    <a:lnTo>
                      <a:pt x="1026" y="483"/>
                    </a:lnTo>
                    <a:lnTo>
                      <a:pt x="1022" y="509"/>
                    </a:lnTo>
                    <a:lnTo>
                      <a:pt x="1019" y="534"/>
                    </a:lnTo>
                    <a:lnTo>
                      <a:pt x="1015" y="560"/>
                    </a:lnTo>
                    <a:lnTo>
                      <a:pt x="1009" y="586"/>
                    </a:lnTo>
                    <a:lnTo>
                      <a:pt x="1004" y="610"/>
                    </a:lnTo>
                    <a:lnTo>
                      <a:pt x="997" y="633"/>
                    </a:lnTo>
                    <a:lnTo>
                      <a:pt x="992" y="644"/>
                    </a:lnTo>
                    <a:lnTo>
                      <a:pt x="988" y="655"/>
                    </a:lnTo>
                    <a:lnTo>
                      <a:pt x="982" y="666"/>
                    </a:lnTo>
                    <a:lnTo>
                      <a:pt x="977" y="675"/>
                    </a:lnTo>
                    <a:lnTo>
                      <a:pt x="969" y="684"/>
                    </a:lnTo>
                    <a:lnTo>
                      <a:pt x="962" y="693"/>
                    </a:lnTo>
                    <a:lnTo>
                      <a:pt x="955" y="700"/>
                    </a:lnTo>
                    <a:lnTo>
                      <a:pt x="945" y="708"/>
                    </a:lnTo>
                    <a:lnTo>
                      <a:pt x="941" y="709"/>
                    </a:lnTo>
                    <a:lnTo>
                      <a:pt x="937" y="708"/>
                    </a:lnTo>
                    <a:lnTo>
                      <a:pt x="932" y="707"/>
                    </a:lnTo>
                    <a:lnTo>
                      <a:pt x="928" y="706"/>
                    </a:lnTo>
                    <a:lnTo>
                      <a:pt x="921" y="700"/>
                    </a:lnTo>
                    <a:lnTo>
                      <a:pt x="914" y="695"/>
                    </a:lnTo>
                    <a:lnTo>
                      <a:pt x="906" y="691"/>
                    </a:lnTo>
                    <a:lnTo>
                      <a:pt x="900" y="689"/>
                    </a:lnTo>
                    <a:lnTo>
                      <a:pt x="897" y="690"/>
                    </a:lnTo>
                    <a:lnTo>
                      <a:pt x="895" y="691"/>
                    </a:lnTo>
                    <a:lnTo>
                      <a:pt x="891" y="694"/>
                    </a:lnTo>
                    <a:lnTo>
                      <a:pt x="889" y="698"/>
                    </a:lnTo>
                    <a:lnTo>
                      <a:pt x="883" y="688"/>
                    </a:lnTo>
                    <a:lnTo>
                      <a:pt x="877" y="678"/>
                    </a:lnTo>
                    <a:lnTo>
                      <a:pt x="869" y="670"/>
                    </a:lnTo>
                    <a:lnTo>
                      <a:pt x="862" y="661"/>
                    </a:lnTo>
                    <a:lnTo>
                      <a:pt x="853" y="655"/>
                    </a:lnTo>
                    <a:lnTo>
                      <a:pt x="845" y="650"/>
                    </a:lnTo>
                    <a:lnTo>
                      <a:pt x="837" y="644"/>
                    </a:lnTo>
                    <a:lnTo>
                      <a:pt x="828" y="639"/>
                    </a:lnTo>
                    <a:lnTo>
                      <a:pt x="809" y="633"/>
                    </a:lnTo>
                    <a:lnTo>
                      <a:pt x="789" y="628"/>
                    </a:lnTo>
                    <a:lnTo>
                      <a:pt x="769" y="623"/>
                    </a:lnTo>
                    <a:lnTo>
                      <a:pt x="749" y="620"/>
                    </a:lnTo>
                    <a:lnTo>
                      <a:pt x="729" y="616"/>
                    </a:lnTo>
                    <a:lnTo>
                      <a:pt x="710" y="613"/>
                    </a:lnTo>
                    <a:lnTo>
                      <a:pt x="691" y="608"/>
                    </a:lnTo>
                    <a:lnTo>
                      <a:pt x="673" y="601"/>
                    </a:lnTo>
                    <a:lnTo>
                      <a:pt x="665" y="597"/>
                    </a:lnTo>
                    <a:lnTo>
                      <a:pt x="657" y="593"/>
                    </a:lnTo>
                    <a:lnTo>
                      <a:pt x="649" y="588"/>
                    </a:lnTo>
                    <a:lnTo>
                      <a:pt x="642" y="581"/>
                    </a:lnTo>
                    <a:lnTo>
                      <a:pt x="634" y="575"/>
                    </a:lnTo>
                    <a:lnTo>
                      <a:pt x="628" y="567"/>
                    </a:lnTo>
                    <a:lnTo>
                      <a:pt x="623" y="558"/>
                    </a:lnTo>
                    <a:lnTo>
                      <a:pt x="618" y="549"/>
                    </a:lnTo>
                    <a:lnTo>
                      <a:pt x="631" y="546"/>
                    </a:lnTo>
                    <a:lnTo>
                      <a:pt x="645" y="540"/>
                    </a:lnTo>
                    <a:lnTo>
                      <a:pt x="658" y="535"/>
                    </a:lnTo>
                    <a:lnTo>
                      <a:pt x="669" y="530"/>
                    </a:lnTo>
                    <a:lnTo>
                      <a:pt x="690" y="516"/>
                    </a:lnTo>
                    <a:lnTo>
                      <a:pt x="711" y="501"/>
                    </a:lnTo>
                    <a:lnTo>
                      <a:pt x="706" y="494"/>
                    </a:lnTo>
                    <a:lnTo>
                      <a:pt x="702" y="488"/>
                    </a:lnTo>
                    <a:lnTo>
                      <a:pt x="697" y="481"/>
                    </a:lnTo>
                    <a:lnTo>
                      <a:pt x="690" y="475"/>
                    </a:lnTo>
                    <a:lnTo>
                      <a:pt x="678" y="464"/>
                    </a:lnTo>
                    <a:lnTo>
                      <a:pt x="664" y="455"/>
                    </a:lnTo>
                    <a:lnTo>
                      <a:pt x="649" y="447"/>
                    </a:lnTo>
                    <a:lnTo>
                      <a:pt x="633" y="439"/>
                    </a:lnTo>
                    <a:lnTo>
                      <a:pt x="617" y="433"/>
                    </a:lnTo>
                    <a:lnTo>
                      <a:pt x="599" y="427"/>
                    </a:lnTo>
                    <a:lnTo>
                      <a:pt x="564" y="414"/>
                    </a:lnTo>
                    <a:lnTo>
                      <a:pt x="529" y="402"/>
                    </a:lnTo>
                    <a:lnTo>
                      <a:pt x="512" y="395"/>
                    </a:lnTo>
                    <a:lnTo>
                      <a:pt x="497" y="388"/>
                    </a:lnTo>
                    <a:lnTo>
                      <a:pt x="482" y="380"/>
                    </a:lnTo>
                    <a:lnTo>
                      <a:pt x="468" y="371"/>
                    </a:lnTo>
                    <a:lnTo>
                      <a:pt x="464" y="371"/>
                    </a:lnTo>
                    <a:lnTo>
                      <a:pt x="462" y="373"/>
                    </a:lnTo>
                    <a:lnTo>
                      <a:pt x="460" y="375"/>
                    </a:lnTo>
                    <a:lnTo>
                      <a:pt x="459" y="378"/>
                    </a:lnTo>
                    <a:lnTo>
                      <a:pt x="458" y="384"/>
                    </a:lnTo>
                    <a:lnTo>
                      <a:pt x="458" y="393"/>
                    </a:lnTo>
                    <a:lnTo>
                      <a:pt x="457" y="400"/>
                    </a:lnTo>
                    <a:lnTo>
                      <a:pt x="455" y="408"/>
                    </a:lnTo>
                    <a:lnTo>
                      <a:pt x="455" y="411"/>
                    </a:lnTo>
                    <a:lnTo>
                      <a:pt x="453" y="414"/>
                    </a:lnTo>
                    <a:lnTo>
                      <a:pt x="451" y="416"/>
                    </a:lnTo>
                    <a:lnTo>
                      <a:pt x="449" y="417"/>
                    </a:lnTo>
                    <a:lnTo>
                      <a:pt x="435" y="415"/>
                    </a:lnTo>
                    <a:lnTo>
                      <a:pt x="423" y="414"/>
                    </a:lnTo>
                    <a:lnTo>
                      <a:pt x="412" y="414"/>
                    </a:lnTo>
                    <a:lnTo>
                      <a:pt x="402" y="414"/>
                    </a:lnTo>
                    <a:lnTo>
                      <a:pt x="384" y="415"/>
                    </a:lnTo>
                    <a:lnTo>
                      <a:pt x="369" y="417"/>
                    </a:lnTo>
                    <a:lnTo>
                      <a:pt x="353" y="420"/>
                    </a:lnTo>
                    <a:lnTo>
                      <a:pt x="338" y="421"/>
                    </a:lnTo>
                    <a:lnTo>
                      <a:pt x="329" y="421"/>
                    </a:lnTo>
                    <a:lnTo>
                      <a:pt x="321" y="420"/>
                    </a:lnTo>
                    <a:lnTo>
                      <a:pt x="310" y="419"/>
                    </a:lnTo>
                    <a:lnTo>
                      <a:pt x="299" y="417"/>
                    </a:lnTo>
                    <a:lnTo>
                      <a:pt x="296" y="424"/>
                    </a:lnTo>
                    <a:lnTo>
                      <a:pt x="293" y="430"/>
                    </a:lnTo>
                    <a:lnTo>
                      <a:pt x="290" y="436"/>
                    </a:lnTo>
                    <a:lnTo>
                      <a:pt x="286" y="441"/>
                    </a:lnTo>
                    <a:lnTo>
                      <a:pt x="276" y="451"/>
                    </a:lnTo>
                    <a:lnTo>
                      <a:pt x="267" y="460"/>
                    </a:lnTo>
                    <a:lnTo>
                      <a:pt x="257" y="469"/>
                    </a:lnTo>
                    <a:lnTo>
                      <a:pt x="248" y="478"/>
                    </a:lnTo>
                    <a:lnTo>
                      <a:pt x="244" y="483"/>
                    </a:lnTo>
                    <a:lnTo>
                      <a:pt x="240" y="489"/>
                    </a:lnTo>
                    <a:lnTo>
                      <a:pt x="236" y="495"/>
                    </a:lnTo>
                    <a:lnTo>
                      <a:pt x="233" y="501"/>
                    </a:lnTo>
                    <a:lnTo>
                      <a:pt x="224" y="498"/>
                    </a:lnTo>
                    <a:lnTo>
                      <a:pt x="214" y="495"/>
                    </a:lnTo>
                    <a:lnTo>
                      <a:pt x="204" y="492"/>
                    </a:lnTo>
                    <a:lnTo>
                      <a:pt x="193" y="491"/>
                    </a:lnTo>
                    <a:lnTo>
                      <a:pt x="172" y="489"/>
                    </a:lnTo>
                    <a:lnTo>
                      <a:pt x="150" y="488"/>
                    </a:lnTo>
                    <a:lnTo>
                      <a:pt x="128" y="488"/>
                    </a:lnTo>
                    <a:lnTo>
                      <a:pt x="107" y="490"/>
                    </a:lnTo>
                    <a:lnTo>
                      <a:pt x="85" y="491"/>
                    </a:lnTo>
                    <a:lnTo>
                      <a:pt x="65" y="492"/>
                    </a:lnTo>
                    <a:lnTo>
                      <a:pt x="66" y="484"/>
                    </a:lnTo>
                    <a:lnTo>
                      <a:pt x="66" y="478"/>
                    </a:lnTo>
                    <a:lnTo>
                      <a:pt x="66" y="471"/>
                    </a:lnTo>
                    <a:lnTo>
                      <a:pt x="65" y="463"/>
                    </a:lnTo>
                    <a:lnTo>
                      <a:pt x="62" y="450"/>
                    </a:lnTo>
                    <a:lnTo>
                      <a:pt x="56" y="437"/>
                    </a:lnTo>
                    <a:lnTo>
                      <a:pt x="43" y="411"/>
                    </a:lnTo>
                    <a:lnTo>
                      <a:pt x="29" y="386"/>
                    </a:lnTo>
                    <a:lnTo>
                      <a:pt x="23" y="375"/>
                    </a:lnTo>
                    <a:lnTo>
                      <a:pt x="17" y="364"/>
                    </a:lnTo>
                    <a:lnTo>
                      <a:pt x="14" y="353"/>
                    </a:lnTo>
                    <a:lnTo>
                      <a:pt x="12" y="342"/>
                    </a:lnTo>
                    <a:lnTo>
                      <a:pt x="12" y="337"/>
                    </a:lnTo>
                    <a:lnTo>
                      <a:pt x="13" y="333"/>
                    </a:lnTo>
                    <a:lnTo>
                      <a:pt x="15" y="328"/>
                    </a:lnTo>
                    <a:lnTo>
                      <a:pt x="17" y="323"/>
                    </a:lnTo>
                    <a:lnTo>
                      <a:pt x="21" y="318"/>
                    </a:lnTo>
                    <a:lnTo>
                      <a:pt x="26" y="314"/>
                    </a:lnTo>
                    <a:lnTo>
                      <a:pt x="30" y="310"/>
                    </a:lnTo>
                    <a:lnTo>
                      <a:pt x="36" y="304"/>
                    </a:lnTo>
                    <a:lnTo>
                      <a:pt x="36" y="302"/>
                    </a:lnTo>
                    <a:lnTo>
                      <a:pt x="35" y="299"/>
                    </a:lnTo>
                    <a:lnTo>
                      <a:pt x="33" y="298"/>
                    </a:lnTo>
                    <a:lnTo>
                      <a:pt x="31" y="296"/>
                    </a:lnTo>
                    <a:lnTo>
                      <a:pt x="26" y="295"/>
                    </a:lnTo>
                    <a:lnTo>
                      <a:pt x="20" y="294"/>
                    </a:lnTo>
                    <a:lnTo>
                      <a:pt x="13" y="293"/>
                    </a:lnTo>
                    <a:lnTo>
                      <a:pt x="8" y="292"/>
                    </a:lnTo>
                    <a:lnTo>
                      <a:pt x="5" y="291"/>
                    </a:lnTo>
                    <a:lnTo>
                      <a:pt x="3" y="290"/>
                    </a:lnTo>
                    <a:lnTo>
                      <a:pt x="1" y="289"/>
                    </a:lnTo>
                    <a:lnTo>
                      <a:pt x="0" y="286"/>
                    </a:lnTo>
                    <a:lnTo>
                      <a:pt x="6" y="280"/>
                    </a:lnTo>
                    <a:lnTo>
                      <a:pt x="11" y="275"/>
                    </a:lnTo>
                    <a:lnTo>
                      <a:pt x="15" y="269"/>
                    </a:lnTo>
                    <a:lnTo>
                      <a:pt x="18" y="261"/>
                    </a:lnTo>
                    <a:lnTo>
                      <a:pt x="21" y="255"/>
                    </a:lnTo>
                    <a:lnTo>
                      <a:pt x="22" y="248"/>
                    </a:lnTo>
                    <a:lnTo>
                      <a:pt x="23" y="240"/>
                    </a:lnTo>
                    <a:lnTo>
                      <a:pt x="23" y="232"/>
                    </a:lnTo>
                    <a:lnTo>
                      <a:pt x="21" y="216"/>
                    </a:lnTo>
                    <a:lnTo>
                      <a:pt x="17" y="199"/>
                    </a:lnTo>
                    <a:lnTo>
                      <a:pt x="13" y="182"/>
                    </a:lnTo>
                    <a:lnTo>
                      <a:pt x="9" y="164"/>
                    </a:lnTo>
                    <a:lnTo>
                      <a:pt x="13" y="153"/>
                    </a:lnTo>
                    <a:lnTo>
                      <a:pt x="20" y="142"/>
                    </a:lnTo>
                    <a:lnTo>
                      <a:pt x="26" y="132"/>
                    </a:lnTo>
                    <a:lnTo>
                      <a:pt x="33" y="121"/>
                    </a:lnTo>
                    <a:lnTo>
                      <a:pt x="50" y="100"/>
                    </a:lnTo>
                    <a:lnTo>
                      <a:pt x="68" y="80"/>
                    </a:lnTo>
                    <a:lnTo>
                      <a:pt x="84" y="61"/>
                    </a:lnTo>
                    <a:lnTo>
                      <a:pt x="97" y="42"/>
                    </a:lnTo>
                    <a:lnTo>
                      <a:pt x="104" y="33"/>
                    </a:lnTo>
                    <a:lnTo>
                      <a:pt x="108" y="23"/>
                    </a:lnTo>
                    <a:lnTo>
                      <a:pt x="110" y="14"/>
                    </a:lnTo>
                    <a:lnTo>
                      <a:pt x="112" y="5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03" name="Norddjurs kant 1"/>
              <p:cNvSpPr>
                <a:spLocks/>
              </p:cNvSpPr>
              <p:nvPr/>
            </p:nvSpPr>
            <p:spPr bwMode="auto">
              <a:xfrm>
                <a:off x="2187578" y="3756030"/>
                <a:ext cx="569914" cy="374651"/>
              </a:xfrm>
              <a:custGeom>
                <a:avLst/>
                <a:gdLst>
                  <a:gd name="T0" fmla="*/ 40 w 1077"/>
                  <a:gd name="T1" fmla="*/ 0 h 709"/>
                  <a:gd name="T2" fmla="*/ 47 w 1077"/>
                  <a:gd name="T3" fmla="*/ 5 h 709"/>
                  <a:gd name="T4" fmla="*/ 54 w 1077"/>
                  <a:gd name="T5" fmla="*/ 8 h 709"/>
                  <a:gd name="T6" fmla="*/ 66 w 1077"/>
                  <a:gd name="T7" fmla="*/ 35 h 709"/>
                  <a:gd name="T8" fmla="*/ 88 w 1077"/>
                  <a:gd name="T9" fmla="*/ 57 h 709"/>
                  <a:gd name="T10" fmla="*/ 117 w 1077"/>
                  <a:gd name="T11" fmla="*/ 66 h 709"/>
                  <a:gd name="T12" fmla="*/ 152 w 1077"/>
                  <a:gd name="T13" fmla="*/ 66 h 709"/>
                  <a:gd name="T14" fmla="*/ 219 w 1077"/>
                  <a:gd name="T15" fmla="*/ 57 h 709"/>
                  <a:gd name="T16" fmla="*/ 267 w 1077"/>
                  <a:gd name="T17" fmla="*/ 52 h 709"/>
                  <a:gd name="T18" fmla="*/ 301 w 1077"/>
                  <a:gd name="T19" fmla="*/ 55 h 709"/>
                  <a:gd name="T20" fmla="*/ 311 w 1077"/>
                  <a:gd name="T21" fmla="*/ 66 h 709"/>
                  <a:gd name="T22" fmla="*/ 320 w 1077"/>
                  <a:gd name="T23" fmla="*/ 82 h 709"/>
                  <a:gd name="T24" fmla="*/ 339 w 1077"/>
                  <a:gd name="T25" fmla="*/ 98 h 709"/>
                  <a:gd name="T26" fmla="*/ 356 w 1077"/>
                  <a:gd name="T27" fmla="*/ 116 h 709"/>
                  <a:gd name="T28" fmla="*/ 352 w 1077"/>
                  <a:gd name="T29" fmla="*/ 128 h 709"/>
                  <a:gd name="T30" fmla="*/ 347 w 1077"/>
                  <a:gd name="T31" fmla="*/ 141 h 709"/>
                  <a:gd name="T32" fmla="*/ 341 w 1077"/>
                  <a:gd name="T33" fmla="*/ 169 h 709"/>
                  <a:gd name="T34" fmla="*/ 335 w 1077"/>
                  <a:gd name="T35" fmla="*/ 203 h 709"/>
                  <a:gd name="T36" fmla="*/ 327 w 1077"/>
                  <a:gd name="T37" fmla="*/ 222 h 709"/>
                  <a:gd name="T38" fmla="*/ 318 w 1077"/>
                  <a:gd name="T39" fmla="*/ 233 h 709"/>
                  <a:gd name="T40" fmla="*/ 311 w 1077"/>
                  <a:gd name="T41" fmla="*/ 235 h 709"/>
                  <a:gd name="T42" fmla="*/ 302 w 1077"/>
                  <a:gd name="T43" fmla="*/ 230 h 709"/>
                  <a:gd name="T44" fmla="*/ 297 w 1077"/>
                  <a:gd name="T45" fmla="*/ 231 h 709"/>
                  <a:gd name="T46" fmla="*/ 290 w 1077"/>
                  <a:gd name="T47" fmla="*/ 223 h 709"/>
                  <a:gd name="T48" fmla="*/ 279 w 1077"/>
                  <a:gd name="T49" fmla="*/ 214 h 709"/>
                  <a:gd name="T50" fmla="*/ 256 w 1077"/>
                  <a:gd name="T51" fmla="*/ 207 h 709"/>
                  <a:gd name="T52" fmla="*/ 230 w 1077"/>
                  <a:gd name="T53" fmla="*/ 202 h 709"/>
                  <a:gd name="T54" fmla="*/ 216 w 1077"/>
                  <a:gd name="T55" fmla="*/ 196 h 709"/>
                  <a:gd name="T56" fmla="*/ 208 w 1077"/>
                  <a:gd name="T57" fmla="*/ 186 h 709"/>
                  <a:gd name="T58" fmla="*/ 219 w 1077"/>
                  <a:gd name="T59" fmla="*/ 178 h 709"/>
                  <a:gd name="T60" fmla="*/ 235 w 1077"/>
                  <a:gd name="T61" fmla="*/ 164 h 709"/>
                  <a:gd name="T62" fmla="*/ 226 w 1077"/>
                  <a:gd name="T63" fmla="*/ 154 h 709"/>
                  <a:gd name="T64" fmla="*/ 206 w 1077"/>
                  <a:gd name="T65" fmla="*/ 144 h 709"/>
                  <a:gd name="T66" fmla="*/ 171 w 1077"/>
                  <a:gd name="T67" fmla="*/ 131 h 709"/>
                  <a:gd name="T68" fmla="*/ 155 w 1077"/>
                  <a:gd name="T69" fmla="*/ 123 h 709"/>
                  <a:gd name="T70" fmla="*/ 153 w 1077"/>
                  <a:gd name="T71" fmla="*/ 128 h 709"/>
                  <a:gd name="T72" fmla="*/ 152 w 1077"/>
                  <a:gd name="T73" fmla="*/ 137 h 709"/>
                  <a:gd name="T74" fmla="*/ 145 w 1077"/>
                  <a:gd name="T75" fmla="*/ 138 h 709"/>
                  <a:gd name="T76" fmla="*/ 128 w 1077"/>
                  <a:gd name="T77" fmla="*/ 138 h 709"/>
                  <a:gd name="T78" fmla="*/ 110 w 1077"/>
                  <a:gd name="T79" fmla="*/ 140 h 709"/>
                  <a:gd name="T80" fmla="*/ 99 w 1077"/>
                  <a:gd name="T81" fmla="*/ 141 h 709"/>
                  <a:gd name="T82" fmla="*/ 92 w 1077"/>
                  <a:gd name="T83" fmla="*/ 150 h 709"/>
                  <a:gd name="T84" fmla="*/ 81 w 1077"/>
                  <a:gd name="T85" fmla="*/ 161 h 709"/>
                  <a:gd name="T86" fmla="*/ 75 w 1077"/>
                  <a:gd name="T87" fmla="*/ 166 h 709"/>
                  <a:gd name="T88" fmla="*/ 57 w 1077"/>
                  <a:gd name="T89" fmla="*/ 163 h 709"/>
                  <a:gd name="T90" fmla="*/ 28 w 1077"/>
                  <a:gd name="T91" fmla="*/ 163 h 709"/>
                  <a:gd name="T92" fmla="*/ 22 w 1077"/>
                  <a:gd name="T93" fmla="*/ 157 h 709"/>
                  <a:gd name="T94" fmla="*/ 14 w 1077"/>
                  <a:gd name="T95" fmla="*/ 137 h 709"/>
                  <a:gd name="T96" fmla="*/ 5 w 1077"/>
                  <a:gd name="T97" fmla="*/ 118 h 709"/>
                  <a:gd name="T98" fmla="*/ 5 w 1077"/>
                  <a:gd name="T99" fmla="*/ 109 h 709"/>
                  <a:gd name="T100" fmla="*/ 10 w 1077"/>
                  <a:gd name="T101" fmla="*/ 103 h 709"/>
                  <a:gd name="T102" fmla="*/ 11 w 1077"/>
                  <a:gd name="T103" fmla="*/ 99 h 709"/>
                  <a:gd name="T104" fmla="*/ 4 w 1077"/>
                  <a:gd name="T105" fmla="*/ 98 h 709"/>
                  <a:gd name="T106" fmla="*/ 0 w 1077"/>
                  <a:gd name="T107" fmla="*/ 96 h 709"/>
                  <a:gd name="T108" fmla="*/ 5 w 1077"/>
                  <a:gd name="T109" fmla="*/ 90 h 709"/>
                  <a:gd name="T110" fmla="*/ 8 w 1077"/>
                  <a:gd name="T111" fmla="*/ 80 h 709"/>
                  <a:gd name="T112" fmla="*/ 4 w 1077"/>
                  <a:gd name="T113" fmla="*/ 61 h 709"/>
                  <a:gd name="T114" fmla="*/ 9 w 1077"/>
                  <a:gd name="T115" fmla="*/ 44 h 709"/>
                  <a:gd name="T116" fmla="*/ 28 w 1077"/>
                  <a:gd name="T117" fmla="*/ 20 h 709"/>
                  <a:gd name="T118" fmla="*/ 37 w 1077"/>
                  <a:gd name="T119" fmla="*/ 5 h 709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1077" h="709">
                    <a:moveTo>
                      <a:pt x="112" y="5"/>
                    </a:moveTo>
                    <a:lnTo>
                      <a:pt x="113" y="2"/>
                    </a:lnTo>
                    <a:lnTo>
                      <a:pt x="116" y="0"/>
                    </a:lnTo>
                    <a:lnTo>
                      <a:pt x="119" y="0"/>
                    </a:lnTo>
                    <a:lnTo>
                      <a:pt x="121" y="0"/>
                    </a:lnTo>
                    <a:lnTo>
                      <a:pt x="127" y="4"/>
                    </a:lnTo>
                    <a:lnTo>
                      <a:pt x="133" y="10"/>
                    </a:lnTo>
                    <a:lnTo>
                      <a:pt x="141" y="16"/>
                    </a:lnTo>
                    <a:lnTo>
                      <a:pt x="149" y="21"/>
                    </a:lnTo>
                    <a:lnTo>
                      <a:pt x="153" y="23"/>
                    </a:lnTo>
                    <a:lnTo>
                      <a:pt x="159" y="24"/>
                    </a:lnTo>
                    <a:lnTo>
                      <a:pt x="163" y="24"/>
                    </a:lnTo>
                    <a:lnTo>
                      <a:pt x="168" y="24"/>
                    </a:lnTo>
                    <a:lnTo>
                      <a:pt x="175" y="54"/>
                    </a:lnTo>
                    <a:lnTo>
                      <a:pt x="186" y="81"/>
                    </a:lnTo>
                    <a:lnTo>
                      <a:pt x="197" y="104"/>
                    </a:lnTo>
                    <a:lnTo>
                      <a:pt x="211" y="125"/>
                    </a:lnTo>
                    <a:lnTo>
                      <a:pt x="227" y="142"/>
                    </a:lnTo>
                    <a:lnTo>
                      <a:pt x="244" y="157"/>
                    </a:lnTo>
                    <a:lnTo>
                      <a:pt x="263" y="170"/>
                    </a:lnTo>
                    <a:lnTo>
                      <a:pt x="283" y="179"/>
                    </a:lnTo>
                    <a:lnTo>
                      <a:pt x="304" y="187"/>
                    </a:lnTo>
                    <a:lnTo>
                      <a:pt x="327" y="193"/>
                    </a:lnTo>
                    <a:lnTo>
                      <a:pt x="351" y="197"/>
                    </a:lnTo>
                    <a:lnTo>
                      <a:pt x="375" y="199"/>
                    </a:lnTo>
                    <a:lnTo>
                      <a:pt x="402" y="200"/>
                    </a:lnTo>
                    <a:lnTo>
                      <a:pt x="428" y="200"/>
                    </a:lnTo>
                    <a:lnTo>
                      <a:pt x="455" y="198"/>
                    </a:lnTo>
                    <a:lnTo>
                      <a:pt x="483" y="196"/>
                    </a:lnTo>
                    <a:lnTo>
                      <a:pt x="541" y="189"/>
                    </a:lnTo>
                    <a:lnTo>
                      <a:pt x="599" y="180"/>
                    </a:lnTo>
                    <a:lnTo>
                      <a:pt x="658" y="171"/>
                    </a:lnTo>
                    <a:lnTo>
                      <a:pt x="716" y="163"/>
                    </a:lnTo>
                    <a:lnTo>
                      <a:pt x="744" y="160"/>
                    </a:lnTo>
                    <a:lnTo>
                      <a:pt x="772" y="158"/>
                    </a:lnTo>
                    <a:lnTo>
                      <a:pt x="800" y="157"/>
                    </a:lnTo>
                    <a:lnTo>
                      <a:pt x="827" y="157"/>
                    </a:lnTo>
                    <a:lnTo>
                      <a:pt x="853" y="159"/>
                    </a:lnTo>
                    <a:lnTo>
                      <a:pt x="879" y="162"/>
                    </a:lnTo>
                    <a:lnTo>
                      <a:pt x="903" y="166"/>
                    </a:lnTo>
                    <a:lnTo>
                      <a:pt x="926" y="174"/>
                    </a:lnTo>
                    <a:lnTo>
                      <a:pt x="928" y="183"/>
                    </a:lnTo>
                    <a:lnTo>
                      <a:pt x="930" y="192"/>
                    </a:lnTo>
                    <a:lnTo>
                      <a:pt x="932" y="199"/>
                    </a:lnTo>
                    <a:lnTo>
                      <a:pt x="936" y="207"/>
                    </a:lnTo>
                    <a:lnTo>
                      <a:pt x="942" y="221"/>
                    </a:lnTo>
                    <a:lnTo>
                      <a:pt x="950" y="234"/>
                    </a:lnTo>
                    <a:lnTo>
                      <a:pt x="960" y="245"/>
                    </a:lnTo>
                    <a:lnTo>
                      <a:pt x="970" y="256"/>
                    </a:lnTo>
                    <a:lnTo>
                      <a:pt x="982" y="266"/>
                    </a:lnTo>
                    <a:lnTo>
                      <a:pt x="994" y="275"/>
                    </a:lnTo>
                    <a:lnTo>
                      <a:pt x="1017" y="294"/>
                    </a:lnTo>
                    <a:lnTo>
                      <a:pt x="1040" y="313"/>
                    </a:lnTo>
                    <a:lnTo>
                      <a:pt x="1050" y="323"/>
                    </a:lnTo>
                    <a:lnTo>
                      <a:pt x="1061" y="335"/>
                    </a:lnTo>
                    <a:lnTo>
                      <a:pt x="1069" y="348"/>
                    </a:lnTo>
                    <a:lnTo>
                      <a:pt x="1077" y="361"/>
                    </a:lnTo>
                    <a:lnTo>
                      <a:pt x="1069" y="368"/>
                    </a:lnTo>
                    <a:lnTo>
                      <a:pt x="1063" y="376"/>
                    </a:lnTo>
                    <a:lnTo>
                      <a:pt x="1057" y="384"/>
                    </a:lnTo>
                    <a:lnTo>
                      <a:pt x="1051" y="393"/>
                    </a:lnTo>
                    <a:lnTo>
                      <a:pt x="1047" y="403"/>
                    </a:lnTo>
                    <a:lnTo>
                      <a:pt x="1043" y="413"/>
                    </a:lnTo>
                    <a:lnTo>
                      <a:pt x="1040" y="423"/>
                    </a:lnTo>
                    <a:lnTo>
                      <a:pt x="1037" y="435"/>
                    </a:lnTo>
                    <a:lnTo>
                      <a:pt x="1030" y="458"/>
                    </a:lnTo>
                    <a:lnTo>
                      <a:pt x="1026" y="483"/>
                    </a:lnTo>
                    <a:lnTo>
                      <a:pt x="1022" y="509"/>
                    </a:lnTo>
                    <a:lnTo>
                      <a:pt x="1019" y="534"/>
                    </a:lnTo>
                    <a:lnTo>
                      <a:pt x="1015" y="560"/>
                    </a:lnTo>
                    <a:lnTo>
                      <a:pt x="1009" y="586"/>
                    </a:lnTo>
                    <a:lnTo>
                      <a:pt x="1004" y="610"/>
                    </a:lnTo>
                    <a:lnTo>
                      <a:pt x="997" y="633"/>
                    </a:lnTo>
                    <a:lnTo>
                      <a:pt x="992" y="644"/>
                    </a:lnTo>
                    <a:lnTo>
                      <a:pt x="988" y="655"/>
                    </a:lnTo>
                    <a:lnTo>
                      <a:pt x="982" y="666"/>
                    </a:lnTo>
                    <a:lnTo>
                      <a:pt x="977" y="675"/>
                    </a:lnTo>
                    <a:lnTo>
                      <a:pt x="969" y="684"/>
                    </a:lnTo>
                    <a:lnTo>
                      <a:pt x="962" y="693"/>
                    </a:lnTo>
                    <a:lnTo>
                      <a:pt x="955" y="700"/>
                    </a:lnTo>
                    <a:lnTo>
                      <a:pt x="945" y="708"/>
                    </a:lnTo>
                    <a:lnTo>
                      <a:pt x="941" y="709"/>
                    </a:lnTo>
                    <a:lnTo>
                      <a:pt x="937" y="708"/>
                    </a:lnTo>
                    <a:lnTo>
                      <a:pt x="932" y="707"/>
                    </a:lnTo>
                    <a:lnTo>
                      <a:pt x="928" y="706"/>
                    </a:lnTo>
                    <a:lnTo>
                      <a:pt x="921" y="700"/>
                    </a:lnTo>
                    <a:lnTo>
                      <a:pt x="914" y="695"/>
                    </a:lnTo>
                    <a:lnTo>
                      <a:pt x="906" y="691"/>
                    </a:lnTo>
                    <a:lnTo>
                      <a:pt x="900" y="689"/>
                    </a:lnTo>
                    <a:lnTo>
                      <a:pt x="897" y="690"/>
                    </a:lnTo>
                    <a:lnTo>
                      <a:pt x="895" y="691"/>
                    </a:lnTo>
                    <a:lnTo>
                      <a:pt x="891" y="694"/>
                    </a:lnTo>
                    <a:lnTo>
                      <a:pt x="889" y="698"/>
                    </a:lnTo>
                    <a:lnTo>
                      <a:pt x="883" y="688"/>
                    </a:lnTo>
                    <a:lnTo>
                      <a:pt x="877" y="678"/>
                    </a:lnTo>
                    <a:lnTo>
                      <a:pt x="869" y="670"/>
                    </a:lnTo>
                    <a:lnTo>
                      <a:pt x="862" y="661"/>
                    </a:lnTo>
                    <a:lnTo>
                      <a:pt x="853" y="655"/>
                    </a:lnTo>
                    <a:lnTo>
                      <a:pt x="845" y="650"/>
                    </a:lnTo>
                    <a:lnTo>
                      <a:pt x="837" y="644"/>
                    </a:lnTo>
                    <a:lnTo>
                      <a:pt x="828" y="639"/>
                    </a:lnTo>
                    <a:lnTo>
                      <a:pt x="809" y="633"/>
                    </a:lnTo>
                    <a:lnTo>
                      <a:pt x="789" y="628"/>
                    </a:lnTo>
                    <a:lnTo>
                      <a:pt x="769" y="623"/>
                    </a:lnTo>
                    <a:lnTo>
                      <a:pt x="749" y="620"/>
                    </a:lnTo>
                    <a:lnTo>
                      <a:pt x="729" y="616"/>
                    </a:lnTo>
                    <a:lnTo>
                      <a:pt x="710" y="613"/>
                    </a:lnTo>
                    <a:lnTo>
                      <a:pt x="691" y="608"/>
                    </a:lnTo>
                    <a:lnTo>
                      <a:pt x="673" y="601"/>
                    </a:lnTo>
                    <a:lnTo>
                      <a:pt x="665" y="597"/>
                    </a:lnTo>
                    <a:lnTo>
                      <a:pt x="657" y="593"/>
                    </a:lnTo>
                    <a:lnTo>
                      <a:pt x="649" y="588"/>
                    </a:lnTo>
                    <a:lnTo>
                      <a:pt x="642" y="581"/>
                    </a:lnTo>
                    <a:lnTo>
                      <a:pt x="634" y="575"/>
                    </a:lnTo>
                    <a:lnTo>
                      <a:pt x="628" y="567"/>
                    </a:lnTo>
                    <a:lnTo>
                      <a:pt x="623" y="558"/>
                    </a:lnTo>
                    <a:lnTo>
                      <a:pt x="618" y="549"/>
                    </a:lnTo>
                    <a:lnTo>
                      <a:pt x="631" y="546"/>
                    </a:lnTo>
                    <a:lnTo>
                      <a:pt x="645" y="540"/>
                    </a:lnTo>
                    <a:lnTo>
                      <a:pt x="658" y="535"/>
                    </a:lnTo>
                    <a:lnTo>
                      <a:pt x="669" y="530"/>
                    </a:lnTo>
                    <a:lnTo>
                      <a:pt x="690" y="516"/>
                    </a:lnTo>
                    <a:lnTo>
                      <a:pt x="711" y="501"/>
                    </a:lnTo>
                    <a:lnTo>
                      <a:pt x="706" y="494"/>
                    </a:lnTo>
                    <a:lnTo>
                      <a:pt x="702" y="488"/>
                    </a:lnTo>
                    <a:lnTo>
                      <a:pt x="697" y="481"/>
                    </a:lnTo>
                    <a:lnTo>
                      <a:pt x="690" y="475"/>
                    </a:lnTo>
                    <a:lnTo>
                      <a:pt x="678" y="464"/>
                    </a:lnTo>
                    <a:lnTo>
                      <a:pt x="664" y="455"/>
                    </a:lnTo>
                    <a:lnTo>
                      <a:pt x="649" y="447"/>
                    </a:lnTo>
                    <a:lnTo>
                      <a:pt x="633" y="439"/>
                    </a:lnTo>
                    <a:lnTo>
                      <a:pt x="617" y="433"/>
                    </a:lnTo>
                    <a:lnTo>
                      <a:pt x="599" y="427"/>
                    </a:lnTo>
                    <a:lnTo>
                      <a:pt x="564" y="414"/>
                    </a:lnTo>
                    <a:lnTo>
                      <a:pt x="529" y="402"/>
                    </a:lnTo>
                    <a:lnTo>
                      <a:pt x="512" y="395"/>
                    </a:lnTo>
                    <a:lnTo>
                      <a:pt x="497" y="388"/>
                    </a:lnTo>
                    <a:lnTo>
                      <a:pt x="482" y="380"/>
                    </a:lnTo>
                    <a:lnTo>
                      <a:pt x="468" y="371"/>
                    </a:lnTo>
                    <a:lnTo>
                      <a:pt x="464" y="371"/>
                    </a:lnTo>
                    <a:lnTo>
                      <a:pt x="462" y="373"/>
                    </a:lnTo>
                    <a:lnTo>
                      <a:pt x="460" y="375"/>
                    </a:lnTo>
                    <a:lnTo>
                      <a:pt x="459" y="378"/>
                    </a:lnTo>
                    <a:lnTo>
                      <a:pt x="458" y="384"/>
                    </a:lnTo>
                    <a:lnTo>
                      <a:pt x="458" y="393"/>
                    </a:lnTo>
                    <a:lnTo>
                      <a:pt x="457" y="400"/>
                    </a:lnTo>
                    <a:lnTo>
                      <a:pt x="455" y="408"/>
                    </a:lnTo>
                    <a:lnTo>
                      <a:pt x="455" y="411"/>
                    </a:lnTo>
                    <a:lnTo>
                      <a:pt x="453" y="414"/>
                    </a:lnTo>
                    <a:lnTo>
                      <a:pt x="451" y="416"/>
                    </a:lnTo>
                    <a:lnTo>
                      <a:pt x="449" y="417"/>
                    </a:lnTo>
                    <a:lnTo>
                      <a:pt x="435" y="415"/>
                    </a:lnTo>
                    <a:lnTo>
                      <a:pt x="423" y="414"/>
                    </a:lnTo>
                    <a:lnTo>
                      <a:pt x="412" y="414"/>
                    </a:lnTo>
                    <a:lnTo>
                      <a:pt x="402" y="414"/>
                    </a:lnTo>
                    <a:lnTo>
                      <a:pt x="384" y="415"/>
                    </a:lnTo>
                    <a:lnTo>
                      <a:pt x="369" y="417"/>
                    </a:lnTo>
                    <a:lnTo>
                      <a:pt x="353" y="420"/>
                    </a:lnTo>
                    <a:lnTo>
                      <a:pt x="338" y="421"/>
                    </a:lnTo>
                    <a:lnTo>
                      <a:pt x="329" y="421"/>
                    </a:lnTo>
                    <a:lnTo>
                      <a:pt x="321" y="420"/>
                    </a:lnTo>
                    <a:lnTo>
                      <a:pt x="310" y="419"/>
                    </a:lnTo>
                    <a:lnTo>
                      <a:pt x="299" y="417"/>
                    </a:lnTo>
                    <a:lnTo>
                      <a:pt x="296" y="424"/>
                    </a:lnTo>
                    <a:lnTo>
                      <a:pt x="293" y="430"/>
                    </a:lnTo>
                    <a:lnTo>
                      <a:pt x="290" y="436"/>
                    </a:lnTo>
                    <a:lnTo>
                      <a:pt x="286" y="441"/>
                    </a:lnTo>
                    <a:lnTo>
                      <a:pt x="276" y="451"/>
                    </a:lnTo>
                    <a:lnTo>
                      <a:pt x="267" y="460"/>
                    </a:lnTo>
                    <a:lnTo>
                      <a:pt x="257" y="469"/>
                    </a:lnTo>
                    <a:lnTo>
                      <a:pt x="248" y="478"/>
                    </a:lnTo>
                    <a:lnTo>
                      <a:pt x="244" y="483"/>
                    </a:lnTo>
                    <a:lnTo>
                      <a:pt x="240" y="489"/>
                    </a:lnTo>
                    <a:lnTo>
                      <a:pt x="236" y="495"/>
                    </a:lnTo>
                    <a:lnTo>
                      <a:pt x="233" y="501"/>
                    </a:lnTo>
                    <a:lnTo>
                      <a:pt x="224" y="498"/>
                    </a:lnTo>
                    <a:lnTo>
                      <a:pt x="214" y="495"/>
                    </a:lnTo>
                    <a:lnTo>
                      <a:pt x="204" y="492"/>
                    </a:lnTo>
                    <a:lnTo>
                      <a:pt x="193" y="491"/>
                    </a:lnTo>
                    <a:lnTo>
                      <a:pt x="172" y="489"/>
                    </a:lnTo>
                    <a:lnTo>
                      <a:pt x="150" y="488"/>
                    </a:lnTo>
                    <a:lnTo>
                      <a:pt x="128" y="488"/>
                    </a:lnTo>
                    <a:lnTo>
                      <a:pt x="107" y="490"/>
                    </a:lnTo>
                    <a:lnTo>
                      <a:pt x="85" y="491"/>
                    </a:lnTo>
                    <a:lnTo>
                      <a:pt x="65" y="492"/>
                    </a:lnTo>
                    <a:lnTo>
                      <a:pt x="66" y="484"/>
                    </a:lnTo>
                    <a:lnTo>
                      <a:pt x="66" y="478"/>
                    </a:lnTo>
                    <a:lnTo>
                      <a:pt x="66" y="471"/>
                    </a:lnTo>
                    <a:lnTo>
                      <a:pt x="65" y="463"/>
                    </a:lnTo>
                    <a:lnTo>
                      <a:pt x="62" y="450"/>
                    </a:lnTo>
                    <a:lnTo>
                      <a:pt x="56" y="437"/>
                    </a:lnTo>
                    <a:lnTo>
                      <a:pt x="43" y="411"/>
                    </a:lnTo>
                    <a:lnTo>
                      <a:pt x="29" y="386"/>
                    </a:lnTo>
                    <a:lnTo>
                      <a:pt x="23" y="375"/>
                    </a:lnTo>
                    <a:lnTo>
                      <a:pt x="17" y="364"/>
                    </a:lnTo>
                    <a:lnTo>
                      <a:pt x="14" y="353"/>
                    </a:lnTo>
                    <a:lnTo>
                      <a:pt x="12" y="342"/>
                    </a:lnTo>
                    <a:lnTo>
                      <a:pt x="12" y="337"/>
                    </a:lnTo>
                    <a:lnTo>
                      <a:pt x="13" y="333"/>
                    </a:lnTo>
                    <a:lnTo>
                      <a:pt x="15" y="328"/>
                    </a:lnTo>
                    <a:lnTo>
                      <a:pt x="17" y="323"/>
                    </a:lnTo>
                    <a:lnTo>
                      <a:pt x="21" y="318"/>
                    </a:lnTo>
                    <a:lnTo>
                      <a:pt x="26" y="314"/>
                    </a:lnTo>
                    <a:lnTo>
                      <a:pt x="30" y="310"/>
                    </a:lnTo>
                    <a:lnTo>
                      <a:pt x="36" y="304"/>
                    </a:lnTo>
                    <a:lnTo>
                      <a:pt x="36" y="302"/>
                    </a:lnTo>
                    <a:lnTo>
                      <a:pt x="35" y="299"/>
                    </a:lnTo>
                    <a:lnTo>
                      <a:pt x="33" y="298"/>
                    </a:lnTo>
                    <a:lnTo>
                      <a:pt x="31" y="296"/>
                    </a:lnTo>
                    <a:lnTo>
                      <a:pt x="26" y="295"/>
                    </a:lnTo>
                    <a:lnTo>
                      <a:pt x="20" y="294"/>
                    </a:lnTo>
                    <a:lnTo>
                      <a:pt x="13" y="293"/>
                    </a:lnTo>
                    <a:lnTo>
                      <a:pt x="8" y="292"/>
                    </a:lnTo>
                    <a:lnTo>
                      <a:pt x="5" y="291"/>
                    </a:lnTo>
                    <a:lnTo>
                      <a:pt x="3" y="290"/>
                    </a:lnTo>
                    <a:lnTo>
                      <a:pt x="1" y="289"/>
                    </a:lnTo>
                    <a:lnTo>
                      <a:pt x="0" y="286"/>
                    </a:lnTo>
                    <a:lnTo>
                      <a:pt x="6" y="280"/>
                    </a:lnTo>
                    <a:lnTo>
                      <a:pt x="11" y="275"/>
                    </a:lnTo>
                    <a:lnTo>
                      <a:pt x="15" y="269"/>
                    </a:lnTo>
                    <a:lnTo>
                      <a:pt x="18" y="261"/>
                    </a:lnTo>
                    <a:lnTo>
                      <a:pt x="21" y="255"/>
                    </a:lnTo>
                    <a:lnTo>
                      <a:pt x="22" y="248"/>
                    </a:lnTo>
                    <a:lnTo>
                      <a:pt x="23" y="240"/>
                    </a:lnTo>
                    <a:lnTo>
                      <a:pt x="23" y="232"/>
                    </a:lnTo>
                    <a:lnTo>
                      <a:pt x="21" y="216"/>
                    </a:lnTo>
                    <a:lnTo>
                      <a:pt x="17" y="199"/>
                    </a:lnTo>
                    <a:lnTo>
                      <a:pt x="13" y="182"/>
                    </a:lnTo>
                    <a:lnTo>
                      <a:pt x="9" y="164"/>
                    </a:lnTo>
                    <a:lnTo>
                      <a:pt x="13" y="153"/>
                    </a:lnTo>
                    <a:lnTo>
                      <a:pt x="20" y="142"/>
                    </a:lnTo>
                    <a:lnTo>
                      <a:pt x="26" y="132"/>
                    </a:lnTo>
                    <a:lnTo>
                      <a:pt x="33" y="121"/>
                    </a:lnTo>
                    <a:lnTo>
                      <a:pt x="50" y="100"/>
                    </a:lnTo>
                    <a:lnTo>
                      <a:pt x="68" y="80"/>
                    </a:lnTo>
                    <a:lnTo>
                      <a:pt x="84" y="61"/>
                    </a:lnTo>
                    <a:lnTo>
                      <a:pt x="97" y="42"/>
                    </a:lnTo>
                    <a:lnTo>
                      <a:pt x="104" y="33"/>
                    </a:lnTo>
                    <a:lnTo>
                      <a:pt x="108" y="23"/>
                    </a:lnTo>
                    <a:lnTo>
                      <a:pt x="110" y="14"/>
                    </a:lnTo>
                    <a:lnTo>
                      <a:pt x="112" y="5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278" name="Randers"/>
            <p:cNvGrpSpPr/>
            <p:nvPr/>
          </p:nvGrpSpPr>
          <p:grpSpPr>
            <a:xfrm>
              <a:off x="1835152" y="3638555"/>
              <a:ext cx="450851" cy="407988"/>
              <a:chOff x="1835152" y="3638555"/>
              <a:chExt cx="450851" cy="407988"/>
            </a:xfrm>
            <a:grpFill/>
          </p:grpSpPr>
          <p:sp>
            <p:nvSpPr>
              <p:cNvPr id="284" name="Randers"/>
              <p:cNvSpPr>
                <a:spLocks/>
              </p:cNvSpPr>
              <p:nvPr/>
            </p:nvSpPr>
            <p:spPr bwMode="auto">
              <a:xfrm>
                <a:off x="1835152" y="3638555"/>
                <a:ext cx="450851" cy="407988"/>
              </a:xfrm>
              <a:custGeom>
                <a:avLst/>
                <a:gdLst>
                  <a:gd name="T0" fmla="*/ 179 w 853"/>
                  <a:gd name="T1" fmla="*/ 187 h 769"/>
                  <a:gd name="T2" fmla="*/ 192 w 853"/>
                  <a:gd name="T3" fmla="*/ 185 h 769"/>
                  <a:gd name="T4" fmla="*/ 211 w 853"/>
                  <a:gd name="T5" fmla="*/ 177 h 769"/>
                  <a:gd name="T6" fmla="*/ 220 w 853"/>
                  <a:gd name="T7" fmla="*/ 180 h 769"/>
                  <a:gd name="T8" fmla="*/ 223 w 853"/>
                  <a:gd name="T9" fmla="*/ 196 h 769"/>
                  <a:gd name="T10" fmla="*/ 230 w 853"/>
                  <a:gd name="T11" fmla="*/ 206 h 769"/>
                  <a:gd name="T12" fmla="*/ 236 w 853"/>
                  <a:gd name="T13" fmla="*/ 217 h 769"/>
                  <a:gd name="T14" fmla="*/ 228 w 853"/>
                  <a:gd name="T15" fmla="*/ 230 h 769"/>
                  <a:gd name="T16" fmla="*/ 189 w 853"/>
                  <a:gd name="T17" fmla="*/ 237 h 769"/>
                  <a:gd name="T18" fmla="*/ 168 w 853"/>
                  <a:gd name="T19" fmla="*/ 245 h 769"/>
                  <a:gd name="T20" fmla="*/ 153 w 853"/>
                  <a:gd name="T21" fmla="*/ 252 h 769"/>
                  <a:gd name="T22" fmla="*/ 138 w 853"/>
                  <a:gd name="T23" fmla="*/ 245 h 769"/>
                  <a:gd name="T24" fmla="*/ 109 w 853"/>
                  <a:gd name="T25" fmla="*/ 240 h 769"/>
                  <a:gd name="T26" fmla="*/ 96 w 853"/>
                  <a:gd name="T27" fmla="*/ 240 h 769"/>
                  <a:gd name="T28" fmla="*/ 88 w 853"/>
                  <a:gd name="T29" fmla="*/ 252 h 769"/>
                  <a:gd name="T30" fmla="*/ 54 w 853"/>
                  <a:gd name="T31" fmla="*/ 249 h 769"/>
                  <a:gd name="T32" fmla="*/ 18 w 853"/>
                  <a:gd name="T33" fmla="*/ 237 h 769"/>
                  <a:gd name="T34" fmla="*/ 7 w 853"/>
                  <a:gd name="T35" fmla="*/ 231 h 769"/>
                  <a:gd name="T36" fmla="*/ 9 w 853"/>
                  <a:gd name="T37" fmla="*/ 225 h 769"/>
                  <a:gd name="T38" fmla="*/ 15 w 853"/>
                  <a:gd name="T39" fmla="*/ 222 h 769"/>
                  <a:gd name="T40" fmla="*/ 19 w 853"/>
                  <a:gd name="T41" fmla="*/ 227 h 769"/>
                  <a:gd name="T42" fmla="*/ 24 w 853"/>
                  <a:gd name="T43" fmla="*/ 226 h 769"/>
                  <a:gd name="T44" fmla="*/ 32 w 853"/>
                  <a:gd name="T45" fmla="*/ 214 h 769"/>
                  <a:gd name="T46" fmla="*/ 30 w 853"/>
                  <a:gd name="T47" fmla="*/ 200 h 769"/>
                  <a:gd name="T48" fmla="*/ 23 w 853"/>
                  <a:gd name="T49" fmla="*/ 198 h 769"/>
                  <a:gd name="T50" fmla="*/ 10 w 853"/>
                  <a:gd name="T51" fmla="*/ 200 h 769"/>
                  <a:gd name="T52" fmla="*/ 1 w 853"/>
                  <a:gd name="T53" fmla="*/ 195 h 769"/>
                  <a:gd name="T54" fmla="*/ 2 w 853"/>
                  <a:gd name="T55" fmla="*/ 166 h 769"/>
                  <a:gd name="T56" fmla="*/ 0 w 853"/>
                  <a:gd name="T57" fmla="*/ 125 h 769"/>
                  <a:gd name="T58" fmla="*/ 9 w 853"/>
                  <a:gd name="T59" fmla="*/ 116 h 769"/>
                  <a:gd name="T60" fmla="*/ 26 w 853"/>
                  <a:gd name="T61" fmla="*/ 121 h 769"/>
                  <a:gd name="T62" fmla="*/ 38 w 853"/>
                  <a:gd name="T63" fmla="*/ 120 h 769"/>
                  <a:gd name="T64" fmla="*/ 42 w 853"/>
                  <a:gd name="T65" fmla="*/ 114 h 769"/>
                  <a:gd name="T66" fmla="*/ 47 w 853"/>
                  <a:gd name="T67" fmla="*/ 109 h 769"/>
                  <a:gd name="T68" fmla="*/ 60 w 853"/>
                  <a:gd name="T69" fmla="*/ 104 h 769"/>
                  <a:gd name="T70" fmla="*/ 76 w 853"/>
                  <a:gd name="T71" fmla="*/ 100 h 769"/>
                  <a:gd name="T72" fmla="*/ 81 w 853"/>
                  <a:gd name="T73" fmla="*/ 95 h 769"/>
                  <a:gd name="T74" fmla="*/ 82 w 853"/>
                  <a:gd name="T75" fmla="*/ 89 h 769"/>
                  <a:gd name="T76" fmla="*/ 97 w 853"/>
                  <a:gd name="T77" fmla="*/ 88 h 769"/>
                  <a:gd name="T78" fmla="*/ 115 w 853"/>
                  <a:gd name="T79" fmla="*/ 85 h 769"/>
                  <a:gd name="T80" fmla="*/ 131 w 853"/>
                  <a:gd name="T81" fmla="*/ 79 h 769"/>
                  <a:gd name="T82" fmla="*/ 156 w 853"/>
                  <a:gd name="T83" fmla="*/ 62 h 769"/>
                  <a:gd name="T84" fmla="*/ 179 w 853"/>
                  <a:gd name="T85" fmla="*/ 37 h 769"/>
                  <a:gd name="T86" fmla="*/ 204 w 853"/>
                  <a:gd name="T87" fmla="*/ 13 h 769"/>
                  <a:gd name="T88" fmla="*/ 243 w 853"/>
                  <a:gd name="T89" fmla="*/ 5 h 769"/>
                  <a:gd name="T90" fmla="*/ 277 w 853"/>
                  <a:gd name="T91" fmla="*/ 3 h 769"/>
                  <a:gd name="T92" fmla="*/ 281 w 853"/>
                  <a:gd name="T93" fmla="*/ 18 h 769"/>
                  <a:gd name="T94" fmla="*/ 283 w 853"/>
                  <a:gd name="T95" fmla="*/ 43 h 769"/>
                  <a:gd name="T96" fmla="*/ 258 w 853"/>
                  <a:gd name="T97" fmla="*/ 68 h 769"/>
                  <a:gd name="T98" fmla="*/ 239 w 853"/>
                  <a:gd name="T99" fmla="*/ 85 h 769"/>
                  <a:gd name="T100" fmla="*/ 224 w 853"/>
                  <a:gd name="T101" fmla="*/ 104 h 769"/>
                  <a:gd name="T102" fmla="*/ 217 w 853"/>
                  <a:gd name="T103" fmla="*/ 125 h 769"/>
                  <a:gd name="T104" fmla="*/ 220 w 853"/>
                  <a:gd name="T105" fmla="*/ 140 h 769"/>
                  <a:gd name="T106" fmla="*/ 217 w 853"/>
                  <a:gd name="T107" fmla="*/ 166 h 769"/>
                  <a:gd name="T108" fmla="*/ 193 w 853"/>
                  <a:gd name="T109" fmla="*/ 178 h 769"/>
                  <a:gd name="T110" fmla="*/ 173 w 853"/>
                  <a:gd name="T111" fmla="*/ 182 h 769"/>
                  <a:gd name="T112" fmla="*/ 169 w 853"/>
                  <a:gd name="T113" fmla="*/ 185 h 76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853" h="769">
                    <a:moveTo>
                      <a:pt x="507" y="553"/>
                    </a:moveTo>
                    <a:lnTo>
                      <a:pt x="517" y="558"/>
                    </a:lnTo>
                    <a:lnTo>
                      <a:pt x="528" y="560"/>
                    </a:lnTo>
                    <a:lnTo>
                      <a:pt x="538" y="561"/>
                    </a:lnTo>
                    <a:lnTo>
                      <a:pt x="548" y="561"/>
                    </a:lnTo>
                    <a:lnTo>
                      <a:pt x="557" y="560"/>
                    </a:lnTo>
                    <a:lnTo>
                      <a:pt x="567" y="557"/>
                    </a:lnTo>
                    <a:lnTo>
                      <a:pt x="576" y="554"/>
                    </a:lnTo>
                    <a:lnTo>
                      <a:pt x="585" y="550"/>
                    </a:lnTo>
                    <a:lnTo>
                      <a:pt x="603" y="541"/>
                    </a:lnTo>
                    <a:lnTo>
                      <a:pt x="623" y="533"/>
                    </a:lnTo>
                    <a:lnTo>
                      <a:pt x="633" y="529"/>
                    </a:lnTo>
                    <a:lnTo>
                      <a:pt x="643" y="526"/>
                    </a:lnTo>
                    <a:lnTo>
                      <a:pt x="654" y="525"/>
                    </a:lnTo>
                    <a:lnTo>
                      <a:pt x="666" y="524"/>
                    </a:lnTo>
                    <a:lnTo>
                      <a:pt x="662" y="540"/>
                    </a:lnTo>
                    <a:lnTo>
                      <a:pt x="662" y="554"/>
                    </a:lnTo>
                    <a:lnTo>
                      <a:pt x="663" y="565"/>
                    </a:lnTo>
                    <a:lnTo>
                      <a:pt x="666" y="576"/>
                    </a:lnTo>
                    <a:lnTo>
                      <a:pt x="670" y="585"/>
                    </a:lnTo>
                    <a:lnTo>
                      <a:pt x="674" y="594"/>
                    </a:lnTo>
                    <a:lnTo>
                      <a:pt x="679" y="601"/>
                    </a:lnTo>
                    <a:lnTo>
                      <a:pt x="684" y="609"/>
                    </a:lnTo>
                    <a:lnTo>
                      <a:pt x="691" y="616"/>
                    </a:lnTo>
                    <a:lnTo>
                      <a:pt x="696" y="623"/>
                    </a:lnTo>
                    <a:lnTo>
                      <a:pt x="701" y="631"/>
                    </a:lnTo>
                    <a:lnTo>
                      <a:pt x="706" y="639"/>
                    </a:lnTo>
                    <a:lnTo>
                      <a:pt x="710" y="649"/>
                    </a:lnTo>
                    <a:lnTo>
                      <a:pt x="712" y="658"/>
                    </a:lnTo>
                    <a:lnTo>
                      <a:pt x="713" y="671"/>
                    </a:lnTo>
                    <a:lnTo>
                      <a:pt x="712" y="684"/>
                    </a:lnTo>
                    <a:lnTo>
                      <a:pt x="686" y="688"/>
                    </a:lnTo>
                    <a:lnTo>
                      <a:pt x="655" y="692"/>
                    </a:lnTo>
                    <a:lnTo>
                      <a:pt x="620" y="698"/>
                    </a:lnTo>
                    <a:lnTo>
                      <a:pt x="585" y="705"/>
                    </a:lnTo>
                    <a:lnTo>
                      <a:pt x="568" y="710"/>
                    </a:lnTo>
                    <a:lnTo>
                      <a:pt x="551" y="714"/>
                    </a:lnTo>
                    <a:lnTo>
                      <a:pt x="535" y="720"/>
                    </a:lnTo>
                    <a:lnTo>
                      <a:pt x="519" y="727"/>
                    </a:lnTo>
                    <a:lnTo>
                      <a:pt x="504" y="733"/>
                    </a:lnTo>
                    <a:lnTo>
                      <a:pt x="491" y="741"/>
                    </a:lnTo>
                    <a:lnTo>
                      <a:pt x="479" y="750"/>
                    </a:lnTo>
                    <a:lnTo>
                      <a:pt x="469" y="759"/>
                    </a:lnTo>
                    <a:lnTo>
                      <a:pt x="460" y="753"/>
                    </a:lnTo>
                    <a:lnTo>
                      <a:pt x="451" y="748"/>
                    </a:lnTo>
                    <a:lnTo>
                      <a:pt x="442" y="743"/>
                    </a:lnTo>
                    <a:lnTo>
                      <a:pt x="433" y="740"/>
                    </a:lnTo>
                    <a:lnTo>
                      <a:pt x="414" y="734"/>
                    </a:lnTo>
                    <a:lnTo>
                      <a:pt x="395" y="730"/>
                    </a:lnTo>
                    <a:lnTo>
                      <a:pt x="374" y="727"/>
                    </a:lnTo>
                    <a:lnTo>
                      <a:pt x="351" y="722"/>
                    </a:lnTo>
                    <a:lnTo>
                      <a:pt x="326" y="718"/>
                    </a:lnTo>
                    <a:lnTo>
                      <a:pt x="300" y="712"/>
                    </a:lnTo>
                    <a:lnTo>
                      <a:pt x="296" y="714"/>
                    </a:lnTo>
                    <a:lnTo>
                      <a:pt x="292" y="716"/>
                    </a:lnTo>
                    <a:lnTo>
                      <a:pt x="287" y="718"/>
                    </a:lnTo>
                    <a:lnTo>
                      <a:pt x="284" y="721"/>
                    </a:lnTo>
                    <a:lnTo>
                      <a:pt x="278" y="729"/>
                    </a:lnTo>
                    <a:lnTo>
                      <a:pt x="273" y="736"/>
                    </a:lnTo>
                    <a:lnTo>
                      <a:pt x="263" y="753"/>
                    </a:lnTo>
                    <a:lnTo>
                      <a:pt x="254" y="769"/>
                    </a:lnTo>
                    <a:lnTo>
                      <a:pt x="221" y="762"/>
                    </a:lnTo>
                    <a:lnTo>
                      <a:pt x="191" y="754"/>
                    </a:lnTo>
                    <a:lnTo>
                      <a:pt x="161" y="745"/>
                    </a:lnTo>
                    <a:lnTo>
                      <a:pt x="134" y="736"/>
                    </a:lnTo>
                    <a:lnTo>
                      <a:pt x="106" y="727"/>
                    </a:lnTo>
                    <a:lnTo>
                      <a:pt x="80" y="717"/>
                    </a:lnTo>
                    <a:lnTo>
                      <a:pt x="55" y="709"/>
                    </a:lnTo>
                    <a:lnTo>
                      <a:pt x="28" y="702"/>
                    </a:lnTo>
                    <a:lnTo>
                      <a:pt x="24" y="697"/>
                    </a:lnTo>
                    <a:lnTo>
                      <a:pt x="22" y="693"/>
                    </a:lnTo>
                    <a:lnTo>
                      <a:pt x="22" y="690"/>
                    </a:lnTo>
                    <a:lnTo>
                      <a:pt x="23" y="687"/>
                    </a:lnTo>
                    <a:lnTo>
                      <a:pt x="25" y="683"/>
                    </a:lnTo>
                    <a:lnTo>
                      <a:pt x="26" y="679"/>
                    </a:lnTo>
                    <a:lnTo>
                      <a:pt x="28" y="674"/>
                    </a:lnTo>
                    <a:lnTo>
                      <a:pt x="28" y="665"/>
                    </a:lnTo>
                    <a:lnTo>
                      <a:pt x="36" y="664"/>
                    </a:lnTo>
                    <a:lnTo>
                      <a:pt x="41" y="664"/>
                    </a:lnTo>
                    <a:lnTo>
                      <a:pt x="46" y="665"/>
                    </a:lnTo>
                    <a:lnTo>
                      <a:pt x="51" y="668"/>
                    </a:lnTo>
                    <a:lnTo>
                      <a:pt x="54" y="670"/>
                    </a:lnTo>
                    <a:lnTo>
                      <a:pt x="56" y="674"/>
                    </a:lnTo>
                    <a:lnTo>
                      <a:pt x="57" y="678"/>
                    </a:lnTo>
                    <a:lnTo>
                      <a:pt x="57" y="684"/>
                    </a:lnTo>
                    <a:lnTo>
                      <a:pt x="62" y="682"/>
                    </a:lnTo>
                    <a:lnTo>
                      <a:pt x="66" y="680"/>
                    </a:lnTo>
                    <a:lnTo>
                      <a:pt x="71" y="677"/>
                    </a:lnTo>
                    <a:lnTo>
                      <a:pt x="75" y="674"/>
                    </a:lnTo>
                    <a:lnTo>
                      <a:pt x="82" y="667"/>
                    </a:lnTo>
                    <a:lnTo>
                      <a:pt x="87" y="658"/>
                    </a:lnTo>
                    <a:lnTo>
                      <a:pt x="96" y="639"/>
                    </a:lnTo>
                    <a:lnTo>
                      <a:pt x="103" y="618"/>
                    </a:lnTo>
                    <a:lnTo>
                      <a:pt x="99" y="611"/>
                    </a:lnTo>
                    <a:lnTo>
                      <a:pt x="94" y="604"/>
                    </a:lnTo>
                    <a:lnTo>
                      <a:pt x="90" y="599"/>
                    </a:lnTo>
                    <a:lnTo>
                      <a:pt x="84" y="596"/>
                    </a:lnTo>
                    <a:lnTo>
                      <a:pt x="80" y="594"/>
                    </a:lnTo>
                    <a:lnTo>
                      <a:pt x="75" y="593"/>
                    </a:lnTo>
                    <a:lnTo>
                      <a:pt x="70" y="593"/>
                    </a:lnTo>
                    <a:lnTo>
                      <a:pt x="64" y="593"/>
                    </a:lnTo>
                    <a:lnTo>
                      <a:pt x="52" y="595"/>
                    </a:lnTo>
                    <a:lnTo>
                      <a:pt x="38" y="598"/>
                    </a:lnTo>
                    <a:lnTo>
                      <a:pt x="30" y="599"/>
                    </a:lnTo>
                    <a:lnTo>
                      <a:pt x="21" y="600"/>
                    </a:lnTo>
                    <a:lnTo>
                      <a:pt x="11" y="600"/>
                    </a:lnTo>
                    <a:lnTo>
                      <a:pt x="1" y="600"/>
                    </a:lnTo>
                    <a:lnTo>
                      <a:pt x="3" y="582"/>
                    </a:lnTo>
                    <a:lnTo>
                      <a:pt x="5" y="565"/>
                    </a:lnTo>
                    <a:lnTo>
                      <a:pt x="6" y="549"/>
                    </a:lnTo>
                    <a:lnTo>
                      <a:pt x="7" y="532"/>
                    </a:lnTo>
                    <a:lnTo>
                      <a:pt x="7" y="497"/>
                    </a:lnTo>
                    <a:lnTo>
                      <a:pt x="5" y="464"/>
                    </a:lnTo>
                    <a:lnTo>
                      <a:pt x="3" y="432"/>
                    </a:lnTo>
                    <a:lnTo>
                      <a:pt x="1" y="401"/>
                    </a:lnTo>
                    <a:lnTo>
                      <a:pt x="0" y="373"/>
                    </a:lnTo>
                    <a:lnTo>
                      <a:pt x="1" y="346"/>
                    </a:lnTo>
                    <a:lnTo>
                      <a:pt x="11" y="346"/>
                    </a:lnTo>
                    <a:lnTo>
                      <a:pt x="20" y="346"/>
                    </a:lnTo>
                    <a:lnTo>
                      <a:pt x="28" y="347"/>
                    </a:lnTo>
                    <a:lnTo>
                      <a:pt x="37" y="350"/>
                    </a:lnTo>
                    <a:lnTo>
                      <a:pt x="51" y="354"/>
                    </a:lnTo>
                    <a:lnTo>
                      <a:pt x="64" y="358"/>
                    </a:lnTo>
                    <a:lnTo>
                      <a:pt x="77" y="362"/>
                    </a:lnTo>
                    <a:lnTo>
                      <a:pt x="90" y="363"/>
                    </a:lnTo>
                    <a:lnTo>
                      <a:pt x="97" y="363"/>
                    </a:lnTo>
                    <a:lnTo>
                      <a:pt x="104" y="362"/>
                    </a:lnTo>
                    <a:lnTo>
                      <a:pt x="113" y="360"/>
                    </a:lnTo>
                    <a:lnTo>
                      <a:pt x="122" y="356"/>
                    </a:lnTo>
                    <a:lnTo>
                      <a:pt x="123" y="351"/>
                    </a:lnTo>
                    <a:lnTo>
                      <a:pt x="124" y="345"/>
                    </a:lnTo>
                    <a:lnTo>
                      <a:pt x="126" y="341"/>
                    </a:lnTo>
                    <a:lnTo>
                      <a:pt x="130" y="337"/>
                    </a:lnTo>
                    <a:lnTo>
                      <a:pt x="133" y="333"/>
                    </a:lnTo>
                    <a:lnTo>
                      <a:pt x="137" y="330"/>
                    </a:lnTo>
                    <a:lnTo>
                      <a:pt x="141" y="326"/>
                    </a:lnTo>
                    <a:lnTo>
                      <a:pt x="146" y="323"/>
                    </a:lnTo>
                    <a:lnTo>
                      <a:pt x="157" y="319"/>
                    </a:lnTo>
                    <a:lnTo>
                      <a:pt x="168" y="315"/>
                    </a:lnTo>
                    <a:lnTo>
                      <a:pt x="181" y="312"/>
                    </a:lnTo>
                    <a:lnTo>
                      <a:pt x="194" y="309"/>
                    </a:lnTo>
                    <a:lnTo>
                      <a:pt x="205" y="305"/>
                    </a:lnTo>
                    <a:lnTo>
                      <a:pt x="217" y="302"/>
                    </a:lnTo>
                    <a:lnTo>
                      <a:pt x="227" y="298"/>
                    </a:lnTo>
                    <a:lnTo>
                      <a:pt x="236" y="294"/>
                    </a:lnTo>
                    <a:lnTo>
                      <a:pt x="239" y="291"/>
                    </a:lnTo>
                    <a:lnTo>
                      <a:pt x="242" y="287"/>
                    </a:lnTo>
                    <a:lnTo>
                      <a:pt x="244" y="284"/>
                    </a:lnTo>
                    <a:lnTo>
                      <a:pt x="246" y="281"/>
                    </a:lnTo>
                    <a:lnTo>
                      <a:pt x="246" y="277"/>
                    </a:lnTo>
                    <a:lnTo>
                      <a:pt x="246" y="273"/>
                    </a:lnTo>
                    <a:lnTo>
                      <a:pt x="245" y="267"/>
                    </a:lnTo>
                    <a:lnTo>
                      <a:pt x="244" y="262"/>
                    </a:lnTo>
                    <a:lnTo>
                      <a:pt x="259" y="263"/>
                    </a:lnTo>
                    <a:lnTo>
                      <a:pt x="275" y="263"/>
                    </a:lnTo>
                    <a:lnTo>
                      <a:pt x="290" y="263"/>
                    </a:lnTo>
                    <a:lnTo>
                      <a:pt x="303" y="262"/>
                    </a:lnTo>
                    <a:lnTo>
                      <a:pt x="317" y="260"/>
                    </a:lnTo>
                    <a:lnTo>
                      <a:pt x="331" y="258"/>
                    </a:lnTo>
                    <a:lnTo>
                      <a:pt x="344" y="255"/>
                    </a:lnTo>
                    <a:lnTo>
                      <a:pt x="357" y="251"/>
                    </a:lnTo>
                    <a:lnTo>
                      <a:pt x="370" y="246"/>
                    </a:lnTo>
                    <a:lnTo>
                      <a:pt x="382" y="242"/>
                    </a:lnTo>
                    <a:lnTo>
                      <a:pt x="394" y="237"/>
                    </a:lnTo>
                    <a:lnTo>
                      <a:pt x="405" y="231"/>
                    </a:lnTo>
                    <a:lnTo>
                      <a:pt x="428" y="218"/>
                    </a:lnTo>
                    <a:lnTo>
                      <a:pt x="449" y="203"/>
                    </a:lnTo>
                    <a:lnTo>
                      <a:pt x="469" y="186"/>
                    </a:lnTo>
                    <a:lnTo>
                      <a:pt x="488" y="170"/>
                    </a:lnTo>
                    <a:lnTo>
                      <a:pt x="505" y="151"/>
                    </a:lnTo>
                    <a:lnTo>
                      <a:pt x="522" y="132"/>
                    </a:lnTo>
                    <a:lnTo>
                      <a:pt x="538" y="111"/>
                    </a:lnTo>
                    <a:lnTo>
                      <a:pt x="553" y="89"/>
                    </a:lnTo>
                    <a:lnTo>
                      <a:pt x="568" y="68"/>
                    </a:lnTo>
                    <a:lnTo>
                      <a:pt x="581" y="47"/>
                    </a:lnTo>
                    <a:lnTo>
                      <a:pt x="614" y="38"/>
                    </a:lnTo>
                    <a:lnTo>
                      <a:pt x="644" y="31"/>
                    </a:lnTo>
                    <a:lnTo>
                      <a:pt x="673" y="24"/>
                    </a:lnTo>
                    <a:lnTo>
                      <a:pt x="701" y="19"/>
                    </a:lnTo>
                    <a:lnTo>
                      <a:pt x="730" y="15"/>
                    </a:lnTo>
                    <a:lnTo>
                      <a:pt x="759" y="9"/>
                    </a:lnTo>
                    <a:lnTo>
                      <a:pt x="791" y="5"/>
                    </a:lnTo>
                    <a:lnTo>
                      <a:pt x="825" y="0"/>
                    </a:lnTo>
                    <a:lnTo>
                      <a:pt x="831" y="9"/>
                    </a:lnTo>
                    <a:lnTo>
                      <a:pt x="835" y="18"/>
                    </a:lnTo>
                    <a:lnTo>
                      <a:pt x="839" y="26"/>
                    </a:lnTo>
                    <a:lnTo>
                      <a:pt x="841" y="35"/>
                    </a:lnTo>
                    <a:lnTo>
                      <a:pt x="845" y="53"/>
                    </a:lnTo>
                    <a:lnTo>
                      <a:pt x="847" y="71"/>
                    </a:lnTo>
                    <a:lnTo>
                      <a:pt x="847" y="89"/>
                    </a:lnTo>
                    <a:lnTo>
                      <a:pt x="848" y="109"/>
                    </a:lnTo>
                    <a:lnTo>
                      <a:pt x="849" y="129"/>
                    </a:lnTo>
                    <a:lnTo>
                      <a:pt x="853" y="151"/>
                    </a:lnTo>
                    <a:lnTo>
                      <a:pt x="821" y="172"/>
                    </a:lnTo>
                    <a:lnTo>
                      <a:pt x="791" y="194"/>
                    </a:lnTo>
                    <a:lnTo>
                      <a:pt x="775" y="204"/>
                    </a:lnTo>
                    <a:lnTo>
                      <a:pt x="760" y="216"/>
                    </a:lnTo>
                    <a:lnTo>
                      <a:pt x="747" y="228"/>
                    </a:lnTo>
                    <a:lnTo>
                      <a:pt x="732" y="240"/>
                    </a:lnTo>
                    <a:lnTo>
                      <a:pt x="719" y="254"/>
                    </a:lnTo>
                    <a:lnTo>
                      <a:pt x="706" y="266"/>
                    </a:lnTo>
                    <a:lnTo>
                      <a:pt x="694" y="281"/>
                    </a:lnTo>
                    <a:lnTo>
                      <a:pt x="682" y="296"/>
                    </a:lnTo>
                    <a:lnTo>
                      <a:pt x="672" y="312"/>
                    </a:lnTo>
                    <a:lnTo>
                      <a:pt x="662" y="329"/>
                    </a:lnTo>
                    <a:lnTo>
                      <a:pt x="654" y="346"/>
                    </a:lnTo>
                    <a:lnTo>
                      <a:pt x="647" y="365"/>
                    </a:lnTo>
                    <a:lnTo>
                      <a:pt x="651" y="375"/>
                    </a:lnTo>
                    <a:lnTo>
                      <a:pt x="654" y="383"/>
                    </a:lnTo>
                    <a:lnTo>
                      <a:pt x="657" y="393"/>
                    </a:lnTo>
                    <a:lnTo>
                      <a:pt x="658" y="401"/>
                    </a:lnTo>
                    <a:lnTo>
                      <a:pt x="660" y="419"/>
                    </a:lnTo>
                    <a:lnTo>
                      <a:pt x="661" y="438"/>
                    </a:lnTo>
                    <a:lnTo>
                      <a:pt x="659" y="457"/>
                    </a:lnTo>
                    <a:lnTo>
                      <a:pt x="656" y="476"/>
                    </a:lnTo>
                    <a:lnTo>
                      <a:pt x="652" y="496"/>
                    </a:lnTo>
                    <a:lnTo>
                      <a:pt x="647" y="515"/>
                    </a:lnTo>
                    <a:lnTo>
                      <a:pt x="622" y="520"/>
                    </a:lnTo>
                    <a:lnTo>
                      <a:pt x="601" y="525"/>
                    </a:lnTo>
                    <a:lnTo>
                      <a:pt x="581" y="532"/>
                    </a:lnTo>
                    <a:lnTo>
                      <a:pt x="562" y="537"/>
                    </a:lnTo>
                    <a:lnTo>
                      <a:pt x="545" y="542"/>
                    </a:lnTo>
                    <a:lnTo>
                      <a:pt x="529" y="545"/>
                    </a:lnTo>
                    <a:lnTo>
                      <a:pt x="520" y="546"/>
                    </a:lnTo>
                    <a:lnTo>
                      <a:pt x="513" y="545"/>
                    </a:lnTo>
                    <a:lnTo>
                      <a:pt x="504" y="545"/>
                    </a:lnTo>
                    <a:lnTo>
                      <a:pt x="497" y="543"/>
                    </a:lnTo>
                    <a:lnTo>
                      <a:pt x="507" y="553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85" name="Randers kant"/>
              <p:cNvSpPr>
                <a:spLocks/>
              </p:cNvSpPr>
              <p:nvPr/>
            </p:nvSpPr>
            <p:spPr bwMode="auto">
              <a:xfrm>
                <a:off x="1835152" y="3638555"/>
                <a:ext cx="450851" cy="407988"/>
              </a:xfrm>
              <a:custGeom>
                <a:avLst/>
                <a:gdLst>
                  <a:gd name="T0" fmla="*/ 179 w 853"/>
                  <a:gd name="T1" fmla="*/ 187 h 769"/>
                  <a:gd name="T2" fmla="*/ 192 w 853"/>
                  <a:gd name="T3" fmla="*/ 185 h 769"/>
                  <a:gd name="T4" fmla="*/ 211 w 853"/>
                  <a:gd name="T5" fmla="*/ 177 h 769"/>
                  <a:gd name="T6" fmla="*/ 220 w 853"/>
                  <a:gd name="T7" fmla="*/ 180 h 769"/>
                  <a:gd name="T8" fmla="*/ 223 w 853"/>
                  <a:gd name="T9" fmla="*/ 196 h 769"/>
                  <a:gd name="T10" fmla="*/ 230 w 853"/>
                  <a:gd name="T11" fmla="*/ 206 h 769"/>
                  <a:gd name="T12" fmla="*/ 236 w 853"/>
                  <a:gd name="T13" fmla="*/ 217 h 769"/>
                  <a:gd name="T14" fmla="*/ 228 w 853"/>
                  <a:gd name="T15" fmla="*/ 230 h 769"/>
                  <a:gd name="T16" fmla="*/ 189 w 853"/>
                  <a:gd name="T17" fmla="*/ 237 h 769"/>
                  <a:gd name="T18" fmla="*/ 168 w 853"/>
                  <a:gd name="T19" fmla="*/ 245 h 769"/>
                  <a:gd name="T20" fmla="*/ 153 w 853"/>
                  <a:gd name="T21" fmla="*/ 252 h 769"/>
                  <a:gd name="T22" fmla="*/ 138 w 853"/>
                  <a:gd name="T23" fmla="*/ 245 h 769"/>
                  <a:gd name="T24" fmla="*/ 109 w 853"/>
                  <a:gd name="T25" fmla="*/ 240 h 769"/>
                  <a:gd name="T26" fmla="*/ 96 w 853"/>
                  <a:gd name="T27" fmla="*/ 240 h 769"/>
                  <a:gd name="T28" fmla="*/ 88 w 853"/>
                  <a:gd name="T29" fmla="*/ 252 h 769"/>
                  <a:gd name="T30" fmla="*/ 54 w 853"/>
                  <a:gd name="T31" fmla="*/ 249 h 769"/>
                  <a:gd name="T32" fmla="*/ 18 w 853"/>
                  <a:gd name="T33" fmla="*/ 237 h 769"/>
                  <a:gd name="T34" fmla="*/ 7 w 853"/>
                  <a:gd name="T35" fmla="*/ 231 h 769"/>
                  <a:gd name="T36" fmla="*/ 9 w 853"/>
                  <a:gd name="T37" fmla="*/ 225 h 769"/>
                  <a:gd name="T38" fmla="*/ 15 w 853"/>
                  <a:gd name="T39" fmla="*/ 222 h 769"/>
                  <a:gd name="T40" fmla="*/ 19 w 853"/>
                  <a:gd name="T41" fmla="*/ 227 h 769"/>
                  <a:gd name="T42" fmla="*/ 24 w 853"/>
                  <a:gd name="T43" fmla="*/ 226 h 769"/>
                  <a:gd name="T44" fmla="*/ 32 w 853"/>
                  <a:gd name="T45" fmla="*/ 214 h 769"/>
                  <a:gd name="T46" fmla="*/ 30 w 853"/>
                  <a:gd name="T47" fmla="*/ 200 h 769"/>
                  <a:gd name="T48" fmla="*/ 23 w 853"/>
                  <a:gd name="T49" fmla="*/ 198 h 769"/>
                  <a:gd name="T50" fmla="*/ 10 w 853"/>
                  <a:gd name="T51" fmla="*/ 200 h 769"/>
                  <a:gd name="T52" fmla="*/ 1 w 853"/>
                  <a:gd name="T53" fmla="*/ 195 h 769"/>
                  <a:gd name="T54" fmla="*/ 2 w 853"/>
                  <a:gd name="T55" fmla="*/ 166 h 769"/>
                  <a:gd name="T56" fmla="*/ 0 w 853"/>
                  <a:gd name="T57" fmla="*/ 125 h 769"/>
                  <a:gd name="T58" fmla="*/ 9 w 853"/>
                  <a:gd name="T59" fmla="*/ 116 h 769"/>
                  <a:gd name="T60" fmla="*/ 26 w 853"/>
                  <a:gd name="T61" fmla="*/ 121 h 769"/>
                  <a:gd name="T62" fmla="*/ 38 w 853"/>
                  <a:gd name="T63" fmla="*/ 120 h 769"/>
                  <a:gd name="T64" fmla="*/ 42 w 853"/>
                  <a:gd name="T65" fmla="*/ 114 h 769"/>
                  <a:gd name="T66" fmla="*/ 47 w 853"/>
                  <a:gd name="T67" fmla="*/ 109 h 769"/>
                  <a:gd name="T68" fmla="*/ 60 w 853"/>
                  <a:gd name="T69" fmla="*/ 104 h 769"/>
                  <a:gd name="T70" fmla="*/ 76 w 853"/>
                  <a:gd name="T71" fmla="*/ 100 h 769"/>
                  <a:gd name="T72" fmla="*/ 81 w 853"/>
                  <a:gd name="T73" fmla="*/ 95 h 769"/>
                  <a:gd name="T74" fmla="*/ 82 w 853"/>
                  <a:gd name="T75" fmla="*/ 89 h 769"/>
                  <a:gd name="T76" fmla="*/ 97 w 853"/>
                  <a:gd name="T77" fmla="*/ 88 h 769"/>
                  <a:gd name="T78" fmla="*/ 115 w 853"/>
                  <a:gd name="T79" fmla="*/ 85 h 769"/>
                  <a:gd name="T80" fmla="*/ 131 w 853"/>
                  <a:gd name="T81" fmla="*/ 79 h 769"/>
                  <a:gd name="T82" fmla="*/ 156 w 853"/>
                  <a:gd name="T83" fmla="*/ 62 h 769"/>
                  <a:gd name="T84" fmla="*/ 179 w 853"/>
                  <a:gd name="T85" fmla="*/ 37 h 769"/>
                  <a:gd name="T86" fmla="*/ 204 w 853"/>
                  <a:gd name="T87" fmla="*/ 13 h 769"/>
                  <a:gd name="T88" fmla="*/ 243 w 853"/>
                  <a:gd name="T89" fmla="*/ 5 h 769"/>
                  <a:gd name="T90" fmla="*/ 277 w 853"/>
                  <a:gd name="T91" fmla="*/ 3 h 769"/>
                  <a:gd name="T92" fmla="*/ 281 w 853"/>
                  <a:gd name="T93" fmla="*/ 18 h 769"/>
                  <a:gd name="T94" fmla="*/ 283 w 853"/>
                  <a:gd name="T95" fmla="*/ 43 h 769"/>
                  <a:gd name="T96" fmla="*/ 258 w 853"/>
                  <a:gd name="T97" fmla="*/ 68 h 769"/>
                  <a:gd name="T98" fmla="*/ 239 w 853"/>
                  <a:gd name="T99" fmla="*/ 85 h 769"/>
                  <a:gd name="T100" fmla="*/ 224 w 853"/>
                  <a:gd name="T101" fmla="*/ 104 h 769"/>
                  <a:gd name="T102" fmla="*/ 217 w 853"/>
                  <a:gd name="T103" fmla="*/ 125 h 769"/>
                  <a:gd name="T104" fmla="*/ 220 w 853"/>
                  <a:gd name="T105" fmla="*/ 140 h 769"/>
                  <a:gd name="T106" fmla="*/ 217 w 853"/>
                  <a:gd name="T107" fmla="*/ 166 h 769"/>
                  <a:gd name="T108" fmla="*/ 193 w 853"/>
                  <a:gd name="T109" fmla="*/ 178 h 769"/>
                  <a:gd name="T110" fmla="*/ 173 w 853"/>
                  <a:gd name="T111" fmla="*/ 182 h 76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0" t="0" r="r" b="b"/>
                <a:pathLst>
                  <a:path w="853" h="769">
                    <a:moveTo>
                      <a:pt x="507" y="553"/>
                    </a:moveTo>
                    <a:lnTo>
                      <a:pt x="517" y="558"/>
                    </a:lnTo>
                    <a:lnTo>
                      <a:pt x="528" y="560"/>
                    </a:lnTo>
                    <a:lnTo>
                      <a:pt x="538" y="561"/>
                    </a:lnTo>
                    <a:lnTo>
                      <a:pt x="548" y="561"/>
                    </a:lnTo>
                    <a:lnTo>
                      <a:pt x="557" y="560"/>
                    </a:lnTo>
                    <a:lnTo>
                      <a:pt x="567" y="557"/>
                    </a:lnTo>
                    <a:lnTo>
                      <a:pt x="576" y="554"/>
                    </a:lnTo>
                    <a:lnTo>
                      <a:pt x="585" y="550"/>
                    </a:lnTo>
                    <a:lnTo>
                      <a:pt x="603" y="541"/>
                    </a:lnTo>
                    <a:lnTo>
                      <a:pt x="623" y="533"/>
                    </a:lnTo>
                    <a:lnTo>
                      <a:pt x="633" y="529"/>
                    </a:lnTo>
                    <a:lnTo>
                      <a:pt x="643" y="526"/>
                    </a:lnTo>
                    <a:lnTo>
                      <a:pt x="654" y="525"/>
                    </a:lnTo>
                    <a:lnTo>
                      <a:pt x="666" y="524"/>
                    </a:lnTo>
                    <a:lnTo>
                      <a:pt x="662" y="540"/>
                    </a:lnTo>
                    <a:lnTo>
                      <a:pt x="662" y="554"/>
                    </a:lnTo>
                    <a:lnTo>
                      <a:pt x="663" y="565"/>
                    </a:lnTo>
                    <a:lnTo>
                      <a:pt x="666" y="576"/>
                    </a:lnTo>
                    <a:lnTo>
                      <a:pt x="670" y="585"/>
                    </a:lnTo>
                    <a:lnTo>
                      <a:pt x="674" y="594"/>
                    </a:lnTo>
                    <a:lnTo>
                      <a:pt x="679" y="601"/>
                    </a:lnTo>
                    <a:lnTo>
                      <a:pt x="684" y="609"/>
                    </a:lnTo>
                    <a:lnTo>
                      <a:pt x="691" y="616"/>
                    </a:lnTo>
                    <a:lnTo>
                      <a:pt x="696" y="623"/>
                    </a:lnTo>
                    <a:lnTo>
                      <a:pt x="701" y="631"/>
                    </a:lnTo>
                    <a:lnTo>
                      <a:pt x="706" y="639"/>
                    </a:lnTo>
                    <a:lnTo>
                      <a:pt x="710" y="649"/>
                    </a:lnTo>
                    <a:lnTo>
                      <a:pt x="712" y="658"/>
                    </a:lnTo>
                    <a:lnTo>
                      <a:pt x="713" y="671"/>
                    </a:lnTo>
                    <a:lnTo>
                      <a:pt x="712" y="684"/>
                    </a:lnTo>
                    <a:lnTo>
                      <a:pt x="686" y="688"/>
                    </a:lnTo>
                    <a:lnTo>
                      <a:pt x="655" y="692"/>
                    </a:lnTo>
                    <a:lnTo>
                      <a:pt x="620" y="698"/>
                    </a:lnTo>
                    <a:lnTo>
                      <a:pt x="585" y="705"/>
                    </a:lnTo>
                    <a:lnTo>
                      <a:pt x="568" y="710"/>
                    </a:lnTo>
                    <a:lnTo>
                      <a:pt x="551" y="714"/>
                    </a:lnTo>
                    <a:lnTo>
                      <a:pt x="535" y="720"/>
                    </a:lnTo>
                    <a:lnTo>
                      <a:pt x="519" y="727"/>
                    </a:lnTo>
                    <a:lnTo>
                      <a:pt x="504" y="733"/>
                    </a:lnTo>
                    <a:lnTo>
                      <a:pt x="491" y="741"/>
                    </a:lnTo>
                    <a:lnTo>
                      <a:pt x="479" y="750"/>
                    </a:lnTo>
                    <a:lnTo>
                      <a:pt x="469" y="759"/>
                    </a:lnTo>
                    <a:lnTo>
                      <a:pt x="460" y="753"/>
                    </a:lnTo>
                    <a:lnTo>
                      <a:pt x="451" y="748"/>
                    </a:lnTo>
                    <a:lnTo>
                      <a:pt x="442" y="743"/>
                    </a:lnTo>
                    <a:lnTo>
                      <a:pt x="433" y="740"/>
                    </a:lnTo>
                    <a:lnTo>
                      <a:pt x="414" y="734"/>
                    </a:lnTo>
                    <a:lnTo>
                      <a:pt x="395" y="730"/>
                    </a:lnTo>
                    <a:lnTo>
                      <a:pt x="374" y="727"/>
                    </a:lnTo>
                    <a:lnTo>
                      <a:pt x="351" y="722"/>
                    </a:lnTo>
                    <a:lnTo>
                      <a:pt x="326" y="718"/>
                    </a:lnTo>
                    <a:lnTo>
                      <a:pt x="300" y="712"/>
                    </a:lnTo>
                    <a:lnTo>
                      <a:pt x="296" y="714"/>
                    </a:lnTo>
                    <a:lnTo>
                      <a:pt x="292" y="716"/>
                    </a:lnTo>
                    <a:lnTo>
                      <a:pt x="287" y="718"/>
                    </a:lnTo>
                    <a:lnTo>
                      <a:pt x="284" y="721"/>
                    </a:lnTo>
                    <a:lnTo>
                      <a:pt x="278" y="729"/>
                    </a:lnTo>
                    <a:lnTo>
                      <a:pt x="273" y="736"/>
                    </a:lnTo>
                    <a:lnTo>
                      <a:pt x="263" y="753"/>
                    </a:lnTo>
                    <a:lnTo>
                      <a:pt x="254" y="769"/>
                    </a:lnTo>
                    <a:lnTo>
                      <a:pt x="221" y="762"/>
                    </a:lnTo>
                    <a:lnTo>
                      <a:pt x="191" y="754"/>
                    </a:lnTo>
                    <a:lnTo>
                      <a:pt x="161" y="745"/>
                    </a:lnTo>
                    <a:lnTo>
                      <a:pt x="134" y="736"/>
                    </a:lnTo>
                    <a:lnTo>
                      <a:pt x="106" y="727"/>
                    </a:lnTo>
                    <a:lnTo>
                      <a:pt x="80" y="717"/>
                    </a:lnTo>
                    <a:lnTo>
                      <a:pt x="55" y="709"/>
                    </a:lnTo>
                    <a:lnTo>
                      <a:pt x="28" y="702"/>
                    </a:lnTo>
                    <a:lnTo>
                      <a:pt x="24" y="697"/>
                    </a:lnTo>
                    <a:lnTo>
                      <a:pt x="22" y="693"/>
                    </a:lnTo>
                    <a:lnTo>
                      <a:pt x="22" y="690"/>
                    </a:lnTo>
                    <a:lnTo>
                      <a:pt x="23" y="687"/>
                    </a:lnTo>
                    <a:lnTo>
                      <a:pt x="25" y="683"/>
                    </a:lnTo>
                    <a:lnTo>
                      <a:pt x="26" y="679"/>
                    </a:lnTo>
                    <a:lnTo>
                      <a:pt x="28" y="674"/>
                    </a:lnTo>
                    <a:lnTo>
                      <a:pt x="28" y="665"/>
                    </a:lnTo>
                    <a:lnTo>
                      <a:pt x="36" y="664"/>
                    </a:lnTo>
                    <a:lnTo>
                      <a:pt x="41" y="664"/>
                    </a:lnTo>
                    <a:lnTo>
                      <a:pt x="46" y="665"/>
                    </a:lnTo>
                    <a:lnTo>
                      <a:pt x="51" y="668"/>
                    </a:lnTo>
                    <a:lnTo>
                      <a:pt x="54" y="670"/>
                    </a:lnTo>
                    <a:lnTo>
                      <a:pt x="56" y="674"/>
                    </a:lnTo>
                    <a:lnTo>
                      <a:pt x="57" y="678"/>
                    </a:lnTo>
                    <a:lnTo>
                      <a:pt x="57" y="684"/>
                    </a:lnTo>
                    <a:lnTo>
                      <a:pt x="62" y="682"/>
                    </a:lnTo>
                    <a:lnTo>
                      <a:pt x="66" y="680"/>
                    </a:lnTo>
                    <a:lnTo>
                      <a:pt x="71" y="677"/>
                    </a:lnTo>
                    <a:lnTo>
                      <a:pt x="75" y="674"/>
                    </a:lnTo>
                    <a:lnTo>
                      <a:pt x="82" y="667"/>
                    </a:lnTo>
                    <a:lnTo>
                      <a:pt x="87" y="658"/>
                    </a:lnTo>
                    <a:lnTo>
                      <a:pt x="96" y="639"/>
                    </a:lnTo>
                    <a:lnTo>
                      <a:pt x="103" y="618"/>
                    </a:lnTo>
                    <a:lnTo>
                      <a:pt x="99" y="611"/>
                    </a:lnTo>
                    <a:lnTo>
                      <a:pt x="94" y="604"/>
                    </a:lnTo>
                    <a:lnTo>
                      <a:pt x="90" y="599"/>
                    </a:lnTo>
                    <a:lnTo>
                      <a:pt x="84" y="596"/>
                    </a:lnTo>
                    <a:lnTo>
                      <a:pt x="80" y="594"/>
                    </a:lnTo>
                    <a:lnTo>
                      <a:pt x="75" y="593"/>
                    </a:lnTo>
                    <a:lnTo>
                      <a:pt x="70" y="593"/>
                    </a:lnTo>
                    <a:lnTo>
                      <a:pt x="64" y="593"/>
                    </a:lnTo>
                    <a:lnTo>
                      <a:pt x="52" y="595"/>
                    </a:lnTo>
                    <a:lnTo>
                      <a:pt x="38" y="598"/>
                    </a:lnTo>
                    <a:lnTo>
                      <a:pt x="30" y="599"/>
                    </a:lnTo>
                    <a:lnTo>
                      <a:pt x="21" y="600"/>
                    </a:lnTo>
                    <a:lnTo>
                      <a:pt x="11" y="600"/>
                    </a:lnTo>
                    <a:lnTo>
                      <a:pt x="1" y="600"/>
                    </a:lnTo>
                    <a:lnTo>
                      <a:pt x="3" y="582"/>
                    </a:lnTo>
                    <a:lnTo>
                      <a:pt x="5" y="565"/>
                    </a:lnTo>
                    <a:lnTo>
                      <a:pt x="6" y="549"/>
                    </a:lnTo>
                    <a:lnTo>
                      <a:pt x="7" y="532"/>
                    </a:lnTo>
                    <a:lnTo>
                      <a:pt x="7" y="497"/>
                    </a:lnTo>
                    <a:lnTo>
                      <a:pt x="5" y="464"/>
                    </a:lnTo>
                    <a:lnTo>
                      <a:pt x="3" y="432"/>
                    </a:lnTo>
                    <a:lnTo>
                      <a:pt x="1" y="401"/>
                    </a:lnTo>
                    <a:lnTo>
                      <a:pt x="0" y="373"/>
                    </a:lnTo>
                    <a:lnTo>
                      <a:pt x="1" y="346"/>
                    </a:lnTo>
                    <a:lnTo>
                      <a:pt x="11" y="346"/>
                    </a:lnTo>
                    <a:lnTo>
                      <a:pt x="20" y="346"/>
                    </a:lnTo>
                    <a:lnTo>
                      <a:pt x="28" y="347"/>
                    </a:lnTo>
                    <a:lnTo>
                      <a:pt x="37" y="350"/>
                    </a:lnTo>
                    <a:lnTo>
                      <a:pt x="51" y="354"/>
                    </a:lnTo>
                    <a:lnTo>
                      <a:pt x="64" y="358"/>
                    </a:lnTo>
                    <a:lnTo>
                      <a:pt x="77" y="362"/>
                    </a:lnTo>
                    <a:lnTo>
                      <a:pt x="90" y="363"/>
                    </a:lnTo>
                    <a:lnTo>
                      <a:pt x="97" y="363"/>
                    </a:lnTo>
                    <a:lnTo>
                      <a:pt x="104" y="362"/>
                    </a:lnTo>
                    <a:lnTo>
                      <a:pt x="113" y="360"/>
                    </a:lnTo>
                    <a:lnTo>
                      <a:pt x="122" y="356"/>
                    </a:lnTo>
                    <a:lnTo>
                      <a:pt x="123" y="351"/>
                    </a:lnTo>
                    <a:lnTo>
                      <a:pt x="124" y="345"/>
                    </a:lnTo>
                    <a:lnTo>
                      <a:pt x="126" y="341"/>
                    </a:lnTo>
                    <a:lnTo>
                      <a:pt x="130" y="337"/>
                    </a:lnTo>
                    <a:lnTo>
                      <a:pt x="133" y="333"/>
                    </a:lnTo>
                    <a:lnTo>
                      <a:pt x="137" y="330"/>
                    </a:lnTo>
                    <a:lnTo>
                      <a:pt x="141" y="326"/>
                    </a:lnTo>
                    <a:lnTo>
                      <a:pt x="146" y="323"/>
                    </a:lnTo>
                    <a:lnTo>
                      <a:pt x="157" y="319"/>
                    </a:lnTo>
                    <a:lnTo>
                      <a:pt x="168" y="315"/>
                    </a:lnTo>
                    <a:lnTo>
                      <a:pt x="181" y="312"/>
                    </a:lnTo>
                    <a:lnTo>
                      <a:pt x="194" y="309"/>
                    </a:lnTo>
                    <a:lnTo>
                      <a:pt x="205" y="305"/>
                    </a:lnTo>
                    <a:lnTo>
                      <a:pt x="217" y="302"/>
                    </a:lnTo>
                    <a:lnTo>
                      <a:pt x="227" y="298"/>
                    </a:lnTo>
                    <a:lnTo>
                      <a:pt x="236" y="294"/>
                    </a:lnTo>
                    <a:lnTo>
                      <a:pt x="239" y="291"/>
                    </a:lnTo>
                    <a:lnTo>
                      <a:pt x="242" y="287"/>
                    </a:lnTo>
                    <a:lnTo>
                      <a:pt x="244" y="284"/>
                    </a:lnTo>
                    <a:lnTo>
                      <a:pt x="246" y="281"/>
                    </a:lnTo>
                    <a:lnTo>
                      <a:pt x="246" y="277"/>
                    </a:lnTo>
                    <a:lnTo>
                      <a:pt x="246" y="273"/>
                    </a:lnTo>
                    <a:lnTo>
                      <a:pt x="245" y="267"/>
                    </a:lnTo>
                    <a:lnTo>
                      <a:pt x="244" y="262"/>
                    </a:lnTo>
                    <a:lnTo>
                      <a:pt x="259" y="263"/>
                    </a:lnTo>
                    <a:lnTo>
                      <a:pt x="275" y="263"/>
                    </a:lnTo>
                    <a:lnTo>
                      <a:pt x="290" y="263"/>
                    </a:lnTo>
                    <a:lnTo>
                      <a:pt x="303" y="262"/>
                    </a:lnTo>
                    <a:lnTo>
                      <a:pt x="317" y="260"/>
                    </a:lnTo>
                    <a:lnTo>
                      <a:pt x="331" y="258"/>
                    </a:lnTo>
                    <a:lnTo>
                      <a:pt x="344" y="255"/>
                    </a:lnTo>
                    <a:lnTo>
                      <a:pt x="357" y="251"/>
                    </a:lnTo>
                    <a:lnTo>
                      <a:pt x="370" y="246"/>
                    </a:lnTo>
                    <a:lnTo>
                      <a:pt x="382" y="242"/>
                    </a:lnTo>
                    <a:lnTo>
                      <a:pt x="394" y="237"/>
                    </a:lnTo>
                    <a:lnTo>
                      <a:pt x="405" y="231"/>
                    </a:lnTo>
                    <a:lnTo>
                      <a:pt x="428" y="218"/>
                    </a:lnTo>
                    <a:lnTo>
                      <a:pt x="449" y="203"/>
                    </a:lnTo>
                    <a:lnTo>
                      <a:pt x="469" y="186"/>
                    </a:lnTo>
                    <a:lnTo>
                      <a:pt x="488" y="170"/>
                    </a:lnTo>
                    <a:lnTo>
                      <a:pt x="505" y="151"/>
                    </a:lnTo>
                    <a:lnTo>
                      <a:pt x="522" y="132"/>
                    </a:lnTo>
                    <a:lnTo>
                      <a:pt x="538" y="111"/>
                    </a:lnTo>
                    <a:lnTo>
                      <a:pt x="553" y="89"/>
                    </a:lnTo>
                    <a:lnTo>
                      <a:pt x="568" y="68"/>
                    </a:lnTo>
                    <a:lnTo>
                      <a:pt x="581" y="47"/>
                    </a:lnTo>
                    <a:lnTo>
                      <a:pt x="614" y="38"/>
                    </a:lnTo>
                    <a:lnTo>
                      <a:pt x="644" y="31"/>
                    </a:lnTo>
                    <a:lnTo>
                      <a:pt x="673" y="24"/>
                    </a:lnTo>
                    <a:lnTo>
                      <a:pt x="701" y="19"/>
                    </a:lnTo>
                    <a:lnTo>
                      <a:pt x="730" y="15"/>
                    </a:lnTo>
                    <a:lnTo>
                      <a:pt x="759" y="9"/>
                    </a:lnTo>
                    <a:lnTo>
                      <a:pt x="791" y="5"/>
                    </a:lnTo>
                    <a:lnTo>
                      <a:pt x="825" y="0"/>
                    </a:lnTo>
                    <a:lnTo>
                      <a:pt x="831" y="9"/>
                    </a:lnTo>
                    <a:lnTo>
                      <a:pt x="835" y="18"/>
                    </a:lnTo>
                    <a:lnTo>
                      <a:pt x="839" y="26"/>
                    </a:lnTo>
                    <a:lnTo>
                      <a:pt x="841" y="35"/>
                    </a:lnTo>
                    <a:lnTo>
                      <a:pt x="845" y="53"/>
                    </a:lnTo>
                    <a:lnTo>
                      <a:pt x="847" y="71"/>
                    </a:lnTo>
                    <a:lnTo>
                      <a:pt x="847" y="89"/>
                    </a:lnTo>
                    <a:lnTo>
                      <a:pt x="848" y="109"/>
                    </a:lnTo>
                    <a:lnTo>
                      <a:pt x="849" y="129"/>
                    </a:lnTo>
                    <a:lnTo>
                      <a:pt x="853" y="151"/>
                    </a:lnTo>
                    <a:lnTo>
                      <a:pt x="821" y="172"/>
                    </a:lnTo>
                    <a:lnTo>
                      <a:pt x="791" y="194"/>
                    </a:lnTo>
                    <a:lnTo>
                      <a:pt x="775" y="204"/>
                    </a:lnTo>
                    <a:lnTo>
                      <a:pt x="760" y="216"/>
                    </a:lnTo>
                    <a:lnTo>
                      <a:pt x="747" y="228"/>
                    </a:lnTo>
                    <a:lnTo>
                      <a:pt x="732" y="240"/>
                    </a:lnTo>
                    <a:lnTo>
                      <a:pt x="719" y="254"/>
                    </a:lnTo>
                    <a:lnTo>
                      <a:pt x="706" y="266"/>
                    </a:lnTo>
                    <a:lnTo>
                      <a:pt x="694" y="281"/>
                    </a:lnTo>
                    <a:lnTo>
                      <a:pt x="682" y="296"/>
                    </a:lnTo>
                    <a:lnTo>
                      <a:pt x="672" y="312"/>
                    </a:lnTo>
                    <a:lnTo>
                      <a:pt x="662" y="329"/>
                    </a:lnTo>
                    <a:lnTo>
                      <a:pt x="654" y="346"/>
                    </a:lnTo>
                    <a:lnTo>
                      <a:pt x="647" y="365"/>
                    </a:lnTo>
                    <a:lnTo>
                      <a:pt x="651" y="375"/>
                    </a:lnTo>
                    <a:lnTo>
                      <a:pt x="654" y="383"/>
                    </a:lnTo>
                    <a:lnTo>
                      <a:pt x="657" y="393"/>
                    </a:lnTo>
                    <a:lnTo>
                      <a:pt x="658" y="401"/>
                    </a:lnTo>
                    <a:lnTo>
                      <a:pt x="660" y="419"/>
                    </a:lnTo>
                    <a:lnTo>
                      <a:pt x="661" y="438"/>
                    </a:lnTo>
                    <a:lnTo>
                      <a:pt x="659" y="457"/>
                    </a:lnTo>
                    <a:lnTo>
                      <a:pt x="656" y="476"/>
                    </a:lnTo>
                    <a:lnTo>
                      <a:pt x="652" y="496"/>
                    </a:lnTo>
                    <a:lnTo>
                      <a:pt x="647" y="515"/>
                    </a:lnTo>
                    <a:lnTo>
                      <a:pt x="622" y="520"/>
                    </a:lnTo>
                    <a:lnTo>
                      <a:pt x="601" y="525"/>
                    </a:lnTo>
                    <a:lnTo>
                      <a:pt x="581" y="532"/>
                    </a:lnTo>
                    <a:lnTo>
                      <a:pt x="562" y="537"/>
                    </a:lnTo>
                    <a:lnTo>
                      <a:pt x="545" y="542"/>
                    </a:lnTo>
                    <a:lnTo>
                      <a:pt x="529" y="545"/>
                    </a:lnTo>
                    <a:lnTo>
                      <a:pt x="520" y="546"/>
                    </a:lnTo>
                    <a:lnTo>
                      <a:pt x="513" y="545"/>
                    </a:lnTo>
                    <a:lnTo>
                      <a:pt x="504" y="545"/>
                    </a:lnTo>
                    <a:lnTo>
                      <a:pt x="497" y="543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86" name="Line 195"/>
              <p:cNvSpPr>
                <a:spLocks noChangeShapeType="1"/>
              </p:cNvSpPr>
              <p:nvPr/>
            </p:nvSpPr>
            <p:spPr bwMode="auto">
              <a:xfrm flipH="1" flipV="1">
                <a:off x="2095503" y="3924306"/>
                <a:ext cx="1588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87" name="Line 197"/>
              <p:cNvSpPr>
                <a:spLocks noChangeShapeType="1"/>
              </p:cNvSpPr>
              <p:nvPr/>
            </p:nvSpPr>
            <p:spPr bwMode="auto">
              <a:xfrm flipH="1" flipV="1">
                <a:off x="2097090" y="3925893"/>
                <a:ext cx="3175" cy="3175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88" name="Randers"/>
              <p:cNvSpPr>
                <a:spLocks/>
              </p:cNvSpPr>
              <p:nvPr/>
            </p:nvSpPr>
            <p:spPr bwMode="auto">
              <a:xfrm>
                <a:off x="2043115" y="3921131"/>
                <a:ext cx="60325" cy="20638"/>
              </a:xfrm>
              <a:custGeom>
                <a:avLst/>
                <a:gdLst>
                  <a:gd name="T0" fmla="*/ 32 w 113"/>
                  <a:gd name="T1" fmla="*/ 3 h 39"/>
                  <a:gd name="T2" fmla="*/ 31 w 113"/>
                  <a:gd name="T3" fmla="*/ 2 h 39"/>
                  <a:gd name="T4" fmla="*/ 30 w 113"/>
                  <a:gd name="T5" fmla="*/ 1 h 39"/>
                  <a:gd name="T6" fmla="*/ 29 w 113"/>
                  <a:gd name="T7" fmla="*/ 1 h 39"/>
                  <a:gd name="T8" fmla="*/ 28 w 113"/>
                  <a:gd name="T9" fmla="*/ 0 h 39"/>
                  <a:gd name="T10" fmla="*/ 27 w 113"/>
                  <a:gd name="T11" fmla="*/ 0 h 39"/>
                  <a:gd name="T12" fmla="*/ 25 w 113"/>
                  <a:gd name="T13" fmla="*/ 0 h 39"/>
                  <a:gd name="T14" fmla="*/ 24 w 113"/>
                  <a:gd name="T15" fmla="*/ 0 h 39"/>
                  <a:gd name="T16" fmla="*/ 23 w 113"/>
                  <a:gd name="T17" fmla="*/ 0 h 39"/>
                  <a:gd name="T18" fmla="*/ 21 w 113"/>
                  <a:gd name="T19" fmla="*/ 1 h 39"/>
                  <a:gd name="T20" fmla="*/ 20 w 113"/>
                  <a:gd name="T21" fmla="*/ 1 h 39"/>
                  <a:gd name="T22" fmla="*/ 20 w 113"/>
                  <a:gd name="T23" fmla="*/ 2 h 39"/>
                  <a:gd name="T24" fmla="*/ 19 w 113"/>
                  <a:gd name="T25" fmla="*/ 3 h 39"/>
                  <a:gd name="T26" fmla="*/ 19 w 113"/>
                  <a:gd name="T27" fmla="*/ 3 h 39"/>
                  <a:gd name="T28" fmla="*/ 20 w 113"/>
                  <a:gd name="T29" fmla="*/ 4 h 39"/>
                  <a:gd name="T30" fmla="*/ 21 w 113"/>
                  <a:gd name="T31" fmla="*/ 6 h 39"/>
                  <a:gd name="T32" fmla="*/ 22 w 113"/>
                  <a:gd name="T33" fmla="*/ 7 h 39"/>
                  <a:gd name="T34" fmla="*/ 21 w 113"/>
                  <a:gd name="T35" fmla="*/ 6 h 39"/>
                  <a:gd name="T36" fmla="*/ 20 w 113"/>
                  <a:gd name="T37" fmla="*/ 5 h 39"/>
                  <a:gd name="T38" fmla="*/ 17 w 113"/>
                  <a:gd name="T39" fmla="*/ 4 h 39"/>
                  <a:gd name="T40" fmla="*/ 16 w 113"/>
                  <a:gd name="T41" fmla="*/ 4 h 39"/>
                  <a:gd name="T42" fmla="*/ 12 w 113"/>
                  <a:gd name="T43" fmla="*/ 3 h 39"/>
                  <a:gd name="T44" fmla="*/ 8 w 113"/>
                  <a:gd name="T45" fmla="*/ 4 h 39"/>
                  <a:gd name="T46" fmla="*/ 7 w 113"/>
                  <a:gd name="T47" fmla="*/ 4 h 39"/>
                  <a:gd name="T48" fmla="*/ 5 w 113"/>
                  <a:gd name="T49" fmla="*/ 5 h 39"/>
                  <a:gd name="T50" fmla="*/ 3 w 113"/>
                  <a:gd name="T51" fmla="*/ 6 h 39"/>
                  <a:gd name="T52" fmla="*/ 2 w 113"/>
                  <a:gd name="T53" fmla="*/ 7 h 39"/>
                  <a:gd name="T54" fmla="*/ 1 w 113"/>
                  <a:gd name="T55" fmla="*/ 8 h 39"/>
                  <a:gd name="T56" fmla="*/ 0 w 113"/>
                  <a:gd name="T57" fmla="*/ 9 h 39"/>
                  <a:gd name="T58" fmla="*/ 0 w 113"/>
                  <a:gd name="T59" fmla="*/ 11 h 39"/>
                  <a:gd name="T60" fmla="*/ 0 w 113"/>
                  <a:gd name="T61" fmla="*/ 13 h 39"/>
                  <a:gd name="T62" fmla="*/ 2 w 113"/>
                  <a:gd name="T63" fmla="*/ 12 h 39"/>
                  <a:gd name="T64" fmla="*/ 3 w 113"/>
                  <a:gd name="T65" fmla="*/ 11 h 39"/>
                  <a:gd name="T66" fmla="*/ 6 w 113"/>
                  <a:gd name="T67" fmla="*/ 10 h 39"/>
                  <a:gd name="T68" fmla="*/ 8 w 113"/>
                  <a:gd name="T69" fmla="*/ 10 h 39"/>
                  <a:gd name="T70" fmla="*/ 13 w 113"/>
                  <a:gd name="T71" fmla="*/ 10 h 39"/>
                  <a:gd name="T72" fmla="*/ 19 w 113"/>
                  <a:gd name="T73" fmla="*/ 10 h 39"/>
                  <a:gd name="T74" fmla="*/ 25 w 113"/>
                  <a:gd name="T75" fmla="*/ 10 h 39"/>
                  <a:gd name="T76" fmla="*/ 30 w 113"/>
                  <a:gd name="T77" fmla="*/ 10 h 39"/>
                  <a:gd name="T78" fmla="*/ 32 w 113"/>
                  <a:gd name="T79" fmla="*/ 9 h 39"/>
                  <a:gd name="T80" fmla="*/ 34 w 113"/>
                  <a:gd name="T81" fmla="*/ 9 h 39"/>
                  <a:gd name="T82" fmla="*/ 36 w 113"/>
                  <a:gd name="T83" fmla="*/ 8 h 39"/>
                  <a:gd name="T84" fmla="*/ 38 w 113"/>
                  <a:gd name="T85" fmla="*/ 7 h 39"/>
                  <a:gd name="T86" fmla="*/ 32 w 113"/>
                  <a:gd name="T87" fmla="*/ 3 h 39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0" t="0" r="r" b="b"/>
                <a:pathLst>
                  <a:path w="113" h="39">
                    <a:moveTo>
                      <a:pt x="94" y="10"/>
                    </a:moveTo>
                    <a:lnTo>
                      <a:pt x="93" y="7"/>
                    </a:lnTo>
                    <a:lnTo>
                      <a:pt x="90" y="4"/>
                    </a:lnTo>
                    <a:lnTo>
                      <a:pt x="87" y="2"/>
                    </a:lnTo>
                    <a:lnTo>
                      <a:pt x="83" y="1"/>
                    </a:lnTo>
                    <a:lnTo>
                      <a:pt x="79" y="0"/>
                    </a:lnTo>
                    <a:lnTo>
                      <a:pt x="75" y="0"/>
                    </a:lnTo>
                    <a:lnTo>
                      <a:pt x="70" y="0"/>
                    </a:lnTo>
                    <a:lnTo>
                      <a:pt x="67" y="1"/>
                    </a:lnTo>
                    <a:lnTo>
                      <a:pt x="63" y="2"/>
                    </a:lnTo>
                    <a:lnTo>
                      <a:pt x="60" y="3"/>
                    </a:lnTo>
                    <a:lnTo>
                      <a:pt x="58" y="5"/>
                    </a:lnTo>
                    <a:lnTo>
                      <a:pt x="57" y="8"/>
                    </a:lnTo>
                    <a:lnTo>
                      <a:pt x="57" y="10"/>
                    </a:lnTo>
                    <a:lnTo>
                      <a:pt x="58" y="13"/>
                    </a:lnTo>
                    <a:lnTo>
                      <a:pt x="61" y="17"/>
                    </a:lnTo>
                    <a:lnTo>
                      <a:pt x="65" y="20"/>
                    </a:lnTo>
                    <a:lnTo>
                      <a:pt x="62" y="17"/>
                    </a:lnTo>
                    <a:lnTo>
                      <a:pt x="58" y="15"/>
                    </a:lnTo>
                    <a:lnTo>
                      <a:pt x="52" y="13"/>
                    </a:lnTo>
                    <a:lnTo>
                      <a:pt x="47" y="11"/>
                    </a:lnTo>
                    <a:lnTo>
                      <a:pt x="37" y="10"/>
                    </a:lnTo>
                    <a:lnTo>
                      <a:pt x="25" y="11"/>
                    </a:lnTo>
                    <a:lnTo>
                      <a:pt x="20" y="12"/>
                    </a:lnTo>
                    <a:lnTo>
                      <a:pt x="15" y="15"/>
                    </a:lnTo>
                    <a:lnTo>
                      <a:pt x="10" y="17"/>
                    </a:lnTo>
                    <a:lnTo>
                      <a:pt x="6" y="20"/>
                    </a:lnTo>
                    <a:lnTo>
                      <a:pt x="3" y="24"/>
                    </a:lnTo>
                    <a:lnTo>
                      <a:pt x="1" y="28"/>
                    </a:lnTo>
                    <a:lnTo>
                      <a:pt x="0" y="32"/>
                    </a:lnTo>
                    <a:lnTo>
                      <a:pt x="0" y="39"/>
                    </a:lnTo>
                    <a:lnTo>
                      <a:pt x="5" y="36"/>
                    </a:lnTo>
                    <a:lnTo>
                      <a:pt x="10" y="33"/>
                    </a:lnTo>
                    <a:lnTo>
                      <a:pt x="18" y="31"/>
                    </a:lnTo>
                    <a:lnTo>
                      <a:pt x="24" y="30"/>
                    </a:lnTo>
                    <a:lnTo>
                      <a:pt x="40" y="30"/>
                    </a:lnTo>
                    <a:lnTo>
                      <a:pt x="57" y="30"/>
                    </a:lnTo>
                    <a:lnTo>
                      <a:pt x="74" y="30"/>
                    </a:lnTo>
                    <a:lnTo>
                      <a:pt x="89" y="29"/>
                    </a:lnTo>
                    <a:lnTo>
                      <a:pt x="96" y="28"/>
                    </a:lnTo>
                    <a:lnTo>
                      <a:pt x="102" y="26"/>
                    </a:lnTo>
                    <a:lnTo>
                      <a:pt x="107" y="24"/>
                    </a:lnTo>
                    <a:lnTo>
                      <a:pt x="113" y="20"/>
                    </a:lnTo>
                    <a:lnTo>
                      <a:pt x="94" y="10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89" name="Freeform 199"/>
              <p:cNvSpPr>
                <a:spLocks/>
              </p:cNvSpPr>
              <p:nvPr/>
            </p:nvSpPr>
            <p:spPr bwMode="auto">
              <a:xfrm>
                <a:off x="2043115" y="3921131"/>
                <a:ext cx="60325" cy="20638"/>
              </a:xfrm>
              <a:custGeom>
                <a:avLst/>
                <a:gdLst>
                  <a:gd name="T0" fmla="*/ 32 w 113"/>
                  <a:gd name="T1" fmla="*/ 3 h 39"/>
                  <a:gd name="T2" fmla="*/ 31 w 113"/>
                  <a:gd name="T3" fmla="*/ 2 h 39"/>
                  <a:gd name="T4" fmla="*/ 30 w 113"/>
                  <a:gd name="T5" fmla="*/ 1 h 39"/>
                  <a:gd name="T6" fmla="*/ 29 w 113"/>
                  <a:gd name="T7" fmla="*/ 1 h 39"/>
                  <a:gd name="T8" fmla="*/ 28 w 113"/>
                  <a:gd name="T9" fmla="*/ 0 h 39"/>
                  <a:gd name="T10" fmla="*/ 27 w 113"/>
                  <a:gd name="T11" fmla="*/ 0 h 39"/>
                  <a:gd name="T12" fmla="*/ 25 w 113"/>
                  <a:gd name="T13" fmla="*/ 0 h 39"/>
                  <a:gd name="T14" fmla="*/ 24 w 113"/>
                  <a:gd name="T15" fmla="*/ 0 h 39"/>
                  <a:gd name="T16" fmla="*/ 23 w 113"/>
                  <a:gd name="T17" fmla="*/ 0 h 39"/>
                  <a:gd name="T18" fmla="*/ 21 w 113"/>
                  <a:gd name="T19" fmla="*/ 1 h 39"/>
                  <a:gd name="T20" fmla="*/ 20 w 113"/>
                  <a:gd name="T21" fmla="*/ 1 h 39"/>
                  <a:gd name="T22" fmla="*/ 20 w 113"/>
                  <a:gd name="T23" fmla="*/ 2 h 39"/>
                  <a:gd name="T24" fmla="*/ 19 w 113"/>
                  <a:gd name="T25" fmla="*/ 3 h 39"/>
                  <a:gd name="T26" fmla="*/ 19 w 113"/>
                  <a:gd name="T27" fmla="*/ 3 h 39"/>
                  <a:gd name="T28" fmla="*/ 20 w 113"/>
                  <a:gd name="T29" fmla="*/ 4 h 39"/>
                  <a:gd name="T30" fmla="*/ 21 w 113"/>
                  <a:gd name="T31" fmla="*/ 6 h 39"/>
                  <a:gd name="T32" fmla="*/ 22 w 113"/>
                  <a:gd name="T33" fmla="*/ 7 h 39"/>
                  <a:gd name="T34" fmla="*/ 21 w 113"/>
                  <a:gd name="T35" fmla="*/ 6 h 39"/>
                  <a:gd name="T36" fmla="*/ 20 w 113"/>
                  <a:gd name="T37" fmla="*/ 5 h 39"/>
                  <a:gd name="T38" fmla="*/ 17 w 113"/>
                  <a:gd name="T39" fmla="*/ 4 h 39"/>
                  <a:gd name="T40" fmla="*/ 16 w 113"/>
                  <a:gd name="T41" fmla="*/ 4 h 39"/>
                  <a:gd name="T42" fmla="*/ 12 w 113"/>
                  <a:gd name="T43" fmla="*/ 3 h 39"/>
                  <a:gd name="T44" fmla="*/ 8 w 113"/>
                  <a:gd name="T45" fmla="*/ 4 h 39"/>
                  <a:gd name="T46" fmla="*/ 7 w 113"/>
                  <a:gd name="T47" fmla="*/ 4 h 39"/>
                  <a:gd name="T48" fmla="*/ 5 w 113"/>
                  <a:gd name="T49" fmla="*/ 5 h 39"/>
                  <a:gd name="T50" fmla="*/ 3 w 113"/>
                  <a:gd name="T51" fmla="*/ 6 h 39"/>
                  <a:gd name="T52" fmla="*/ 2 w 113"/>
                  <a:gd name="T53" fmla="*/ 7 h 39"/>
                  <a:gd name="T54" fmla="*/ 1 w 113"/>
                  <a:gd name="T55" fmla="*/ 8 h 39"/>
                  <a:gd name="T56" fmla="*/ 0 w 113"/>
                  <a:gd name="T57" fmla="*/ 9 h 39"/>
                  <a:gd name="T58" fmla="*/ 0 w 113"/>
                  <a:gd name="T59" fmla="*/ 11 h 39"/>
                  <a:gd name="T60" fmla="*/ 0 w 113"/>
                  <a:gd name="T61" fmla="*/ 13 h 39"/>
                  <a:gd name="T62" fmla="*/ 2 w 113"/>
                  <a:gd name="T63" fmla="*/ 12 h 39"/>
                  <a:gd name="T64" fmla="*/ 3 w 113"/>
                  <a:gd name="T65" fmla="*/ 11 h 39"/>
                  <a:gd name="T66" fmla="*/ 6 w 113"/>
                  <a:gd name="T67" fmla="*/ 10 h 39"/>
                  <a:gd name="T68" fmla="*/ 8 w 113"/>
                  <a:gd name="T69" fmla="*/ 10 h 39"/>
                  <a:gd name="T70" fmla="*/ 13 w 113"/>
                  <a:gd name="T71" fmla="*/ 10 h 39"/>
                  <a:gd name="T72" fmla="*/ 19 w 113"/>
                  <a:gd name="T73" fmla="*/ 10 h 39"/>
                  <a:gd name="T74" fmla="*/ 25 w 113"/>
                  <a:gd name="T75" fmla="*/ 10 h 39"/>
                  <a:gd name="T76" fmla="*/ 30 w 113"/>
                  <a:gd name="T77" fmla="*/ 10 h 39"/>
                  <a:gd name="T78" fmla="*/ 32 w 113"/>
                  <a:gd name="T79" fmla="*/ 9 h 39"/>
                  <a:gd name="T80" fmla="*/ 34 w 113"/>
                  <a:gd name="T81" fmla="*/ 9 h 39"/>
                  <a:gd name="T82" fmla="*/ 36 w 113"/>
                  <a:gd name="T83" fmla="*/ 8 h 39"/>
                  <a:gd name="T84" fmla="*/ 38 w 113"/>
                  <a:gd name="T85" fmla="*/ 7 h 39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13" h="39">
                    <a:moveTo>
                      <a:pt x="94" y="10"/>
                    </a:moveTo>
                    <a:lnTo>
                      <a:pt x="93" y="7"/>
                    </a:lnTo>
                    <a:lnTo>
                      <a:pt x="90" y="4"/>
                    </a:lnTo>
                    <a:lnTo>
                      <a:pt x="87" y="2"/>
                    </a:lnTo>
                    <a:lnTo>
                      <a:pt x="83" y="1"/>
                    </a:lnTo>
                    <a:lnTo>
                      <a:pt x="79" y="0"/>
                    </a:lnTo>
                    <a:lnTo>
                      <a:pt x="75" y="0"/>
                    </a:lnTo>
                    <a:lnTo>
                      <a:pt x="70" y="0"/>
                    </a:lnTo>
                    <a:lnTo>
                      <a:pt x="67" y="1"/>
                    </a:lnTo>
                    <a:lnTo>
                      <a:pt x="63" y="2"/>
                    </a:lnTo>
                    <a:lnTo>
                      <a:pt x="60" y="3"/>
                    </a:lnTo>
                    <a:lnTo>
                      <a:pt x="58" y="5"/>
                    </a:lnTo>
                    <a:lnTo>
                      <a:pt x="57" y="8"/>
                    </a:lnTo>
                    <a:lnTo>
                      <a:pt x="57" y="10"/>
                    </a:lnTo>
                    <a:lnTo>
                      <a:pt x="58" y="13"/>
                    </a:lnTo>
                    <a:lnTo>
                      <a:pt x="61" y="17"/>
                    </a:lnTo>
                    <a:lnTo>
                      <a:pt x="65" y="20"/>
                    </a:lnTo>
                    <a:lnTo>
                      <a:pt x="62" y="17"/>
                    </a:lnTo>
                    <a:lnTo>
                      <a:pt x="58" y="15"/>
                    </a:lnTo>
                    <a:lnTo>
                      <a:pt x="52" y="13"/>
                    </a:lnTo>
                    <a:lnTo>
                      <a:pt x="47" y="11"/>
                    </a:lnTo>
                    <a:lnTo>
                      <a:pt x="37" y="10"/>
                    </a:lnTo>
                    <a:lnTo>
                      <a:pt x="25" y="11"/>
                    </a:lnTo>
                    <a:lnTo>
                      <a:pt x="20" y="12"/>
                    </a:lnTo>
                    <a:lnTo>
                      <a:pt x="15" y="15"/>
                    </a:lnTo>
                    <a:lnTo>
                      <a:pt x="10" y="17"/>
                    </a:lnTo>
                    <a:lnTo>
                      <a:pt x="6" y="20"/>
                    </a:lnTo>
                    <a:lnTo>
                      <a:pt x="3" y="24"/>
                    </a:lnTo>
                    <a:lnTo>
                      <a:pt x="1" y="28"/>
                    </a:lnTo>
                    <a:lnTo>
                      <a:pt x="0" y="32"/>
                    </a:lnTo>
                    <a:lnTo>
                      <a:pt x="0" y="39"/>
                    </a:lnTo>
                    <a:lnTo>
                      <a:pt x="5" y="36"/>
                    </a:lnTo>
                    <a:lnTo>
                      <a:pt x="10" y="33"/>
                    </a:lnTo>
                    <a:lnTo>
                      <a:pt x="18" y="31"/>
                    </a:lnTo>
                    <a:lnTo>
                      <a:pt x="24" y="30"/>
                    </a:lnTo>
                    <a:lnTo>
                      <a:pt x="40" y="30"/>
                    </a:lnTo>
                    <a:lnTo>
                      <a:pt x="57" y="30"/>
                    </a:lnTo>
                    <a:lnTo>
                      <a:pt x="74" y="30"/>
                    </a:lnTo>
                    <a:lnTo>
                      <a:pt x="89" y="29"/>
                    </a:lnTo>
                    <a:lnTo>
                      <a:pt x="96" y="28"/>
                    </a:lnTo>
                    <a:lnTo>
                      <a:pt x="102" y="26"/>
                    </a:lnTo>
                    <a:lnTo>
                      <a:pt x="107" y="24"/>
                    </a:lnTo>
                    <a:lnTo>
                      <a:pt x="113" y="20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90" name="Line 201"/>
              <p:cNvSpPr>
                <a:spLocks noChangeShapeType="1"/>
              </p:cNvSpPr>
              <p:nvPr/>
            </p:nvSpPr>
            <p:spPr bwMode="auto">
              <a:xfrm>
                <a:off x="2103440" y="3932243"/>
                <a:ext cx="1588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91" name="Line 205"/>
              <p:cNvSpPr>
                <a:spLocks noChangeShapeType="1"/>
              </p:cNvSpPr>
              <p:nvPr/>
            </p:nvSpPr>
            <p:spPr bwMode="auto">
              <a:xfrm>
                <a:off x="2100265" y="3929068"/>
                <a:ext cx="3175" cy="3175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92" name="Line 209"/>
              <p:cNvSpPr>
                <a:spLocks noChangeShapeType="1"/>
              </p:cNvSpPr>
              <p:nvPr/>
            </p:nvSpPr>
            <p:spPr bwMode="auto">
              <a:xfrm flipV="1">
                <a:off x="2097090" y="3929068"/>
                <a:ext cx="3175" cy="3175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93" name="Line 213"/>
              <p:cNvSpPr>
                <a:spLocks noChangeShapeType="1"/>
              </p:cNvSpPr>
              <p:nvPr/>
            </p:nvSpPr>
            <p:spPr bwMode="auto">
              <a:xfrm flipH="1">
                <a:off x="2092328" y="3924306"/>
                <a:ext cx="3175" cy="1588"/>
              </a:xfrm>
              <a:prstGeom prst="line">
                <a:avLst/>
              </a:prstGeom>
              <a:grpFill/>
              <a:ln w="6350">
                <a:solidFill>
                  <a:srgbClr val="006961"/>
                </a:solidFill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279" name="Skive"/>
            <p:cNvGrpSpPr/>
            <p:nvPr/>
          </p:nvGrpSpPr>
          <p:grpSpPr>
            <a:xfrm>
              <a:off x="977901" y="3471867"/>
              <a:ext cx="476251" cy="425452"/>
              <a:chOff x="977901" y="3471867"/>
              <a:chExt cx="476251" cy="425452"/>
            </a:xfrm>
            <a:grpFill/>
          </p:grpSpPr>
          <p:sp>
            <p:nvSpPr>
              <p:cNvPr id="280" name="Skive 1"/>
              <p:cNvSpPr>
                <a:spLocks/>
              </p:cNvSpPr>
              <p:nvPr/>
            </p:nvSpPr>
            <p:spPr bwMode="auto">
              <a:xfrm>
                <a:off x="1195389" y="3471867"/>
                <a:ext cx="84138" cy="53975"/>
              </a:xfrm>
              <a:custGeom>
                <a:avLst/>
                <a:gdLst>
                  <a:gd name="T0" fmla="*/ 53 w 160"/>
                  <a:gd name="T1" fmla="*/ 2 h 101"/>
                  <a:gd name="T2" fmla="*/ 51 w 160"/>
                  <a:gd name="T3" fmla="*/ 5 h 101"/>
                  <a:gd name="T4" fmla="*/ 50 w 160"/>
                  <a:gd name="T5" fmla="*/ 6 h 101"/>
                  <a:gd name="T6" fmla="*/ 50 w 160"/>
                  <a:gd name="T7" fmla="*/ 8 h 101"/>
                  <a:gd name="T8" fmla="*/ 51 w 160"/>
                  <a:gd name="T9" fmla="*/ 10 h 101"/>
                  <a:gd name="T10" fmla="*/ 51 w 160"/>
                  <a:gd name="T11" fmla="*/ 11 h 101"/>
                  <a:gd name="T12" fmla="*/ 52 w 160"/>
                  <a:gd name="T13" fmla="*/ 13 h 101"/>
                  <a:gd name="T14" fmla="*/ 53 w 160"/>
                  <a:gd name="T15" fmla="*/ 15 h 101"/>
                  <a:gd name="T16" fmla="*/ 53 w 160"/>
                  <a:gd name="T17" fmla="*/ 18 h 101"/>
                  <a:gd name="T18" fmla="*/ 50 w 160"/>
                  <a:gd name="T19" fmla="*/ 18 h 101"/>
                  <a:gd name="T20" fmla="*/ 47 w 160"/>
                  <a:gd name="T21" fmla="*/ 18 h 101"/>
                  <a:gd name="T22" fmla="*/ 44 w 160"/>
                  <a:gd name="T23" fmla="*/ 18 h 101"/>
                  <a:gd name="T24" fmla="*/ 42 w 160"/>
                  <a:gd name="T25" fmla="*/ 18 h 101"/>
                  <a:gd name="T26" fmla="*/ 40 w 160"/>
                  <a:gd name="T27" fmla="*/ 18 h 101"/>
                  <a:gd name="T28" fmla="*/ 38 w 160"/>
                  <a:gd name="T29" fmla="*/ 19 h 101"/>
                  <a:gd name="T30" fmla="*/ 36 w 160"/>
                  <a:gd name="T31" fmla="*/ 20 h 101"/>
                  <a:gd name="T32" fmla="*/ 35 w 160"/>
                  <a:gd name="T33" fmla="*/ 21 h 101"/>
                  <a:gd name="T34" fmla="*/ 33 w 160"/>
                  <a:gd name="T35" fmla="*/ 22 h 101"/>
                  <a:gd name="T36" fmla="*/ 32 w 160"/>
                  <a:gd name="T37" fmla="*/ 23 h 101"/>
                  <a:gd name="T38" fmla="*/ 31 w 160"/>
                  <a:gd name="T39" fmla="*/ 25 h 101"/>
                  <a:gd name="T40" fmla="*/ 30 w 160"/>
                  <a:gd name="T41" fmla="*/ 26 h 101"/>
                  <a:gd name="T42" fmla="*/ 29 w 160"/>
                  <a:gd name="T43" fmla="*/ 30 h 101"/>
                  <a:gd name="T44" fmla="*/ 28 w 160"/>
                  <a:gd name="T45" fmla="*/ 34 h 101"/>
                  <a:gd name="T46" fmla="*/ 25 w 160"/>
                  <a:gd name="T47" fmla="*/ 34 h 101"/>
                  <a:gd name="T48" fmla="*/ 22 w 160"/>
                  <a:gd name="T49" fmla="*/ 33 h 101"/>
                  <a:gd name="T50" fmla="*/ 19 w 160"/>
                  <a:gd name="T51" fmla="*/ 32 h 101"/>
                  <a:gd name="T52" fmla="*/ 17 w 160"/>
                  <a:gd name="T53" fmla="*/ 31 h 101"/>
                  <a:gd name="T54" fmla="*/ 15 w 160"/>
                  <a:gd name="T55" fmla="*/ 30 h 101"/>
                  <a:gd name="T56" fmla="*/ 13 w 160"/>
                  <a:gd name="T57" fmla="*/ 28 h 101"/>
                  <a:gd name="T58" fmla="*/ 11 w 160"/>
                  <a:gd name="T59" fmla="*/ 26 h 101"/>
                  <a:gd name="T60" fmla="*/ 10 w 160"/>
                  <a:gd name="T61" fmla="*/ 25 h 101"/>
                  <a:gd name="T62" fmla="*/ 7 w 160"/>
                  <a:gd name="T63" fmla="*/ 20 h 101"/>
                  <a:gd name="T64" fmla="*/ 5 w 160"/>
                  <a:gd name="T65" fmla="*/ 15 h 101"/>
                  <a:gd name="T66" fmla="*/ 2 w 160"/>
                  <a:gd name="T67" fmla="*/ 11 h 101"/>
                  <a:gd name="T68" fmla="*/ 0 w 160"/>
                  <a:gd name="T69" fmla="*/ 6 h 101"/>
                  <a:gd name="T70" fmla="*/ 3 w 160"/>
                  <a:gd name="T71" fmla="*/ 6 h 101"/>
                  <a:gd name="T72" fmla="*/ 6 w 160"/>
                  <a:gd name="T73" fmla="*/ 6 h 101"/>
                  <a:gd name="T74" fmla="*/ 8 w 160"/>
                  <a:gd name="T75" fmla="*/ 6 h 101"/>
                  <a:gd name="T76" fmla="*/ 12 w 160"/>
                  <a:gd name="T77" fmla="*/ 6 h 101"/>
                  <a:gd name="T78" fmla="*/ 18 w 160"/>
                  <a:gd name="T79" fmla="*/ 4 h 101"/>
                  <a:gd name="T80" fmla="*/ 24 w 160"/>
                  <a:gd name="T81" fmla="*/ 2 h 101"/>
                  <a:gd name="T82" fmla="*/ 27 w 160"/>
                  <a:gd name="T83" fmla="*/ 1 h 101"/>
                  <a:gd name="T84" fmla="*/ 31 w 160"/>
                  <a:gd name="T85" fmla="*/ 1 h 101"/>
                  <a:gd name="T86" fmla="*/ 34 w 160"/>
                  <a:gd name="T87" fmla="*/ 0 h 101"/>
                  <a:gd name="T88" fmla="*/ 38 w 160"/>
                  <a:gd name="T89" fmla="*/ 0 h 101"/>
                  <a:gd name="T90" fmla="*/ 42 w 160"/>
                  <a:gd name="T91" fmla="*/ 0 h 101"/>
                  <a:gd name="T92" fmla="*/ 45 w 160"/>
                  <a:gd name="T93" fmla="*/ 0 h 101"/>
                  <a:gd name="T94" fmla="*/ 49 w 160"/>
                  <a:gd name="T95" fmla="*/ 1 h 101"/>
                  <a:gd name="T96" fmla="*/ 53 w 160"/>
                  <a:gd name="T97" fmla="*/ 2 h 101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0" t="0" r="r" b="b"/>
                <a:pathLst>
                  <a:path w="160" h="101">
                    <a:moveTo>
                      <a:pt x="160" y="7"/>
                    </a:moveTo>
                    <a:lnTo>
                      <a:pt x="155" y="14"/>
                    </a:lnTo>
                    <a:lnTo>
                      <a:pt x="152" y="19"/>
                    </a:lnTo>
                    <a:lnTo>
                      <a:pt x="152" y="24"/>
                    </a:lnTo>
                    <a:lnTo>
                      <a:pt x="153" y="29"/>
                    </a:lnTo>
                    <a:lnTo>
                      <a:pt x="155" y="34"/>
                    </a:lnTo>
                    <a:lnTo>
                      <a:pt x="157" y="39"/>
                    </a:lnTo>
                    <a:lnTo>
                      <a:pt x="159" y="46"/>
                    </a:lnTo>
                    <a:lnTo>
                      <a:pt x="160" y="54"/>
                    </a:lnTo>
                    <a:lnTo>
                      <a:pt x="151" y="53"/>
                    </a:lnTo>
                    <a:lnTo>
                      <a:pt x="142" y="52"/>
                    </a:lnTo>
                    <a:lnTo>
                      <a:pt x="134" y="52"/>
                    </a:lnTo>
                    <a:lnTo>
                      <a:pt x="128" y="52"/>
                    </a:lnTo>
                    <a:lnTo>
                      <a:pt x="121" y="54"/>
                    </a:lnTo>
                    <a:lnTo>
                      <a:pt x="115" y="55"/>
                    </a:lnTo>
                    <a:lnTo>
                      <a:pt x="110" y="58"/>
                    </a:lnTo>
                    <a:lnTo>
                      <a:pt x="106" y="61"/>
                    </a:lnTo>
                    <a:lnTo>
                      <a:pt x="101" y="64"/>
                    </a:lnTo>
                    <a:lnTo>
                      <a:pt x="98" y="69"/>
                    </a:lnTo>
                    <a:lnTo>
                      <a:pt x="95" y="73"/>
                    </a:lnTo>
                    <a:lnTo>
                      <a:pt x="92" y="78"/>
                    </a:lnTo>
                    <a:lnTo>
                      <a:pt x="88" y="89"/>
                    </a:lnTo>
                    <a:lnTo>
                      <a:pt x="84" y="101"/>
                    </a:lnTo>
                    <a:lnTo>
                      <a:pt x="75" y="100"/>
                    </a:lnTo>
                    <a:lnTo>
                      <a:pt x="67" y="98"/>
                    </a:lnTo>
                    <a:lnTo>
                      <a:pt x="58" y="96"/>
                    </a:lnTo>
                    <a:lnTo>
                      <a:pt x="51" y="93"/>
                    </a:lnTo>
                    <a:lnTo>
                      <a:pt x="44" y="89"/>
                    </a:lnTo>
                    <a:lnTo>
                      <a:pt x="39" y="83"/>
                    </a:lnTo>
                    <a:lnTo>
                      <a:pt x="34" y="78"/>
                    </a:lnTo>
                    <a:lnTo>
                      <a:pt x="29" y="73"/>
                    </a:lnTo>
                    <a:lnTo>
                      <a:pt x="20" y="60"/>
                    </a:lnTo>
                    <a:lnTo>
                      <a:pt x="14" y="46"/>
                    </a:lnTo>
                    <a:lnTo>
                      <a:pt x="7" y="32"/>
                    </a:lnTo>
                    <a:lnTo>
                      <a:pt x="0" y="17"/>
                    </a:lnTo>
                    <a:lnTo>
                      <a:pt x="9" y="19"/>
                    </a:lnTo>
                    <a:lnTo>
                      <a:pt x="17" y="19"/>
                    </a:lnTo>
                    <a:lnTo>
                      <a:pt x="25" y="19"/>
                    </a:lnTo>
                    <a:lnTo>
                      <a:pt x="35" y="17"/>
                    </a:lnTo>
                    <a:lnTo>
                      <a:pt x="54" y="13"/>
                    </a:lnTo>
                    <a:lnTo>
                      <a:pt x="73" y="7"/>
                    </a:lnTo>
                    <a:lnTo>
                      <a:pt x="83" y="4"/>
                    </a:lnTo>
                    <a:lnTo>
                      <a:pt x="94" y="2"/>
                    </a:lnTo>
                    <a:lnTo>
                      <a:pt x="104" y="1"/>
                    </a:lnTo>
                    <a:lnTo>
                      <a:pt x="115" y="0"/>
                    </a:lnTo>
                    <a:lnTo>
                      <a:pt x="126" y="0"/>
                    </a:lnTo>
                    <a:lnTo>
                      <a:pt x="137" y="1"/>
                    </a:lnTo>
                    <a:lnTo>
                      <a:pt x="149" y="3"/>
                    </a:lnTo>
                    <a:lnTo>
                      <a:pt x="160" y="7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81" name="Skive kant 1"/>
              <p:cNvSpPr>
                <a:spLocks/>
              </p:cNvSpPr>
              <p:nvPr/>
            </p:nvSpPr>
            <p:spPr bwMode="auto">
              <a:xfrm>
                <a:off x="1195389" y="3471867"/>
                <a:ext cx="84138" cy="53975"/>
              </a:xfrm>
              <a:custGeom>
                <a:avLst/>
                <a:gdLst>
                  <a:gd name="T0" fmla="*/ 53 w 160"/>
                  <a:gd name="T1" fmla="*/ 2 h 101"/>
                  <a:gd name="T2" fmla="*/ 51 w 160"/>
                  <a:gd name="T3" fmla="*/ 5 h 101"/>
                  <a:gd name="T4" fmla="*/ 50 w 160"/>
                  <a:gd name="T5" fmla="*/ 6 h 101"/>
                  <a:gd name="T6" fmla="*/ 50 w 160"/>
                  <a:gd name="T7" fmla="*/ 8 h 101"/>
                  <a:gd name="T8" fmla="*/ 51 w 160"/>
                  <a:gd name="T9" fmla="*/ 10 h 101"/>
                  <a:gd name="T10" fmla="*/ 51 w 160"/>
                  <a:gd name="T11" fmla="*/ 11 h 101"/>
                  <a:gd name="T12" fmla="*/ 52 w 160"/>
                  <a:gd name="T13" fmla="*/ 13 h 101"/>
                  <a:gd name="T14" fmla="*/ 53 w 160"/>
                  <a:gd name="T15" fmla="*/ 15 h 101"/>
                  <a:gd name="T16" fmla="*/ 53 w 160"/>
                  <a:gd name="T17" fmla="*/ 18 h 101"/>
                  <a:gd name="T18" fmla="*/ 50 w 160"/>
                  <a:gd name="T19" fmla="*/ 18 h 101"/>
                  <a:gd name="T20" fmla="*/ 47 w 160"/>
                  <a:gd name="T21" fmla="*/ 18 h 101"/>
                  <a:gd name="T22" fmla="*/ 44 w 160"/>
                  <a:gd name="T23" fmla="*/ 18 h 101"/>
                  <a:gd name="T24" fmla="*/ 42 w 160"/>
                  <a:gd name="T25" fmla="*/ 18 h 101"/>
                  <a:gd name="T26" fmla="*/ 40 w 160"/>
                  <a:gd name="T27" fmla="*/ 18 h 101"/>
                  <a:gd name="T28" fmla="*/ 38 w 160"/>
                  <a:gd name="T29" fmla="*/ 19 h 101"/>
                  <a:gd name="T30" fmla="*/ 36 w 160"/>
                  <a:gd name="T31" fmla="*/ 20 h 101"/>
                  <a:gd name="T32" fmla="*/ 35 w 160"/>
                  <a:gd name="T33" fmla="*/ 21 h 101"/>
                  <a:gd name="T34" fmla="*/ 33 w 160"/>
                  <a:gd name="T35" fmla="*/ 22 h 101"/>
                  <a:gd name="T36" fmla="*/ 32 w 160"/>
                  <a:gd name="T37" fmla="*/ 23 h 101"/>
                  <a:gd name="T38" fmla="*/ 31 w 160"/>
                  <a:gd name="T39" fmla="*/ 25 h 101"/>
                  <a:gd name="T40" fmla="*/ 30 w 160"/>
                  <a:gd name="T41" fmla="*/ 26 h 101"/>
                  <a:gd name="T42" fmla="*/ 29 w 160"/>
                  <a:gd name="T43" fmla="*/ 30 h 101"/>
                  <a:gd name="T44" fmla="*/ 28 w 160"/>
                  <a:gd name="T45" fmla="*/ 34 h 101"/>
                  <a:gd name="T46" fmla="*/ 25 w 160"/>
                  <a:gd name="T47" fmla="*/ 34 h 101"/>
                  <a:gd name="T48" fmla="*/ 22 w 160"/>
                  <a:gd name="T49" fmla="*/ 33 h 101"/>
                  <a:gd name="T50" fmla="*/ 19 w 160"/>
                  <a:gd name="T51" fmla="*/ 32 h 101"/>
                  <a:gd name="T52" fmla="*/ 17 w 160"/>
                  <a:gd name="T53" fmla="*/ 31 h 101"/>
                  <a:gd name="T54" fmla="*/ 15 w 160"/>
                  <a:gd name="T55" fmla="*/ 30 h 101"/>
                  <a:gd name="T56" fmla="*/ 13 w 160"/>
                  <a:gd name="T57" fmla="*/ 28 h 101"/>
                  <a:gd name="T58" fmla="*/ 11 w 160"/>
                  <a:gd name="T59" fmla="*/ 26 h 101"/>
                  <a:gd name="T60" fmla="*/ 10 w 160"/>
                  <a:gd name="T61" fmla="*/ 25 h 101"/>
                  <a:gd name="T62" fmla="*/ 7 w 160"/>
                  <a:gd name="T63" fmla="*/ 20 h 101"/>
                  <a:gd name="T64" fmla="*/ 5 w 160"/>
                  <a:gd name="T65" fmla="*/ 15 h 101"/>
                  <a:gd name="T66" fmla="*/ 2 w 160"/>
                  <a:gd name="T67" fmla="*/ 11 h 101"/>
                  <a:gd name="T68" fmla="*/ 0 w 160"/>
                  <a:gd name="T69" fmla="*/ 6 h 101"/>
                  <a:gd name="T70" fmla="*/ 3 w 160"/>
                  <a:gd name="T71" fmla="*/ 6 h 101"/>
                  <a:gd name="T72" fmla="*/ 6 w 160"/>
                  <a:gd name="T73" fmla="*/ 6 h 101"/>
                  <a:gd name="T74" fmla="*/ 8 w 160"/>
                  <a:gd name="T75" fmla="*/ 6 h 101"/>
                  <a:gd name="T76" fmla="*/ 12 w 160"/>
                  <a:gd name="T77" fmla="*/ 6 h 101"/>
                  <a:gd name="T78" fmla="*/ 18 w 160"/>
                  <a:gd name="T79" fmla="*/ 4 h 101"/>
                  <a:gd name="T80" fmla="*/ 24 w 160"/>
                  <a:gd name="T81" fmla="*/ 2 h 101"/>
                  <a:gd name="T82" fmla="*/ 27 w 160"/>
                  <a:gd name="T83" fmla="*/ 1 h 101"/>
                  <a:gd name="T84" fmla="*/ 31 w 160"/>
                  <a:gd name="T85" fmla="*/ 1 h 101"/>
                  <a:gd name="T86" fmla="*/ 34 w 160"/>
                  <a:gd name="T87" fmla="*/ 0 h 101"/>
                  <a:gd name="T88" fmla="*/ 38 w 160"/>
                  <a:gd name="T89" fmla="*/ 0 h 101"/>
                  <a:gd name="T90" fmla="*/ 42 w 160"/>
                  <a:gd name="T91" fmla="*/ 0 h 101"/>
                  <a:gd name="T92" fmla="*/ 45 w 160"/>
                  <a:gd name="T93" fmla="*/ 0 h 101"/>
                  <a:gd name="T94" fmla="*/ 49 w 160"/>
                  <a:gd name="T95" fmla="*/ 1 h 101"/>
                  <a:gd name="T96" fmla="*/ 53 w 160"/>
                  <a:gd name="T97" fmla="*/ 2 h 101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0" t="0" r="r" b="b"/>
                <a:pathLst>
                  <a:path w="160" h="101">
                    <a:moveTo>
                      <a:pt x="160" y="7"/>
                    </a:moveTo>
                    <a:lnTo>
                      <a:pt x="155" y="14"/>
                    </a:lnTo>
                    <a:lnTo>
                      <a:pt x="152" y="19"/>
                    </a:lnTo>
                    <a:lnTo>
                      <a:pt x="152" y="24"/>
                    </a:lnTo>
                    <a:lnTo>
                      <a:pt x="153" y="29"/>
                    </a:lnTo>
                    <a:lnTo>
                      <a:pt x="155" y="34"/>
                    </a:lnTo>
                    <a:lnTo>
                      <a:pt x="157" y="39"/>
                    </a:lnTo>
                    <a:lnTo>
                      <a:pt x="159" y="46"/>
                    </a:lnTo>
                    <a:lnTo>
                      <a:pt x="160" y="54"/>
                    </a:lnTo>
                    <a:lnTo>
                      <a:pt x="151" y="53"/>
                    </a:lnTo>
                    <a:lnTo>
                      <a:pt x="142" y="52"/>
                    </a:lnTo>
                    <a:lnTo>
                      <a:pt x="134" y="52"/>
                    </a:lnTo>
                    <a:lnTo>
                      <a:pt x="128" y="52"/>
                    </a:lnTo>
                    <a:lnTo>
                      <a:pt x="121" y="54"/>
                    </a:lnTo>
                    <a:lnTo>
                      <a:pt x="115" y="55"/>
                    </a:lnTo>
                    <a:lnTo>
                      <a:pt x="110" y="58"/>
                    </a:lnTo>
                    <a:lnTo>
                      <a:pt x="106" y="61"/>
                    </a:lnTo>
                    <a:lnTo>
                      <a:pt x="101" y="64"/>
                    </a:lnTo>
                    <a:lnTo>
                      <a:pt x="98" y="69"/>
                    </a:lnTo>
                    <a:lnTo>
                      <a:pt x="95" y="73"/>
                    </a:lnTo>
                    <a:lnTo>
                      <a:pt x="92" y="78"/>
                    </a:lnTo>
                    <a:lnTo>
                      <a:pt x="88" y="89"/>
                    </a:lnTo>
                    <a:lnTo>
                      <a:pt x="84" y="101"/>
                    </a:lnTo>
                    <a:lnTo>
                      <a:pt x="75" y="100"/>
                    </a:lnTo>
                    <a:lnTo>
                      <a:pt x="67" y="98"/>
                    </a:lnTo>
                    <a:lnTo>
                      <a:pt x="58" y="96"/>
                    </a:lnTo>
                    <a:lnTo>
                      <a:pt x="51" y="93"/>
                    </a:lnTo>
                    <a:lnTo>
                      <a:pt x="44" y="89"/>
                    </a:lnTo>
                    <a:lnTo>
                      <a:pt x="39" y="83"/>
                    </a:lnTo>
                    <a:lnTo>
                      <a:pt x="34" y="78"/>
                    </a:lnTo>
                    <a:lnTo>
                      <a:pt x="29" y="73"/>
                    </a:lnTo>
                    <a:lnTo>
                      <a:pt x="20" y="60"/>
                    </a:lnTo>
                    <a:lnTo>
                      <a:pt x="14" y="46"/>
                    </a:lnTo>
                    <a:lnTo>
                      <a:pt x="7" y="32"/>
                    </a:lnTo>
                    <a:lnTo>
                      <a:pt x="0" y="17"/>
                    </a:lnTo>
                    <a:lnTo>
                      <a:pt x="9" y="19"/>
                    </a:lnTo>
                    <a:lnTo>
                      <a:pt x="17" y="19"/>
                    </a:lnTo>
                    <a:lnTo>
                      <a:pt x="25" y="19"/>
                    </a:lnTo>
                    <a:lnTo>
                      <a:pt x="35" y="17"/>
                    </a:lnTo>
                    <a:lnTo>
                      <a:pt x="54" y="13"/>
                    </a:lnTo>
                    <a:lnTo>
                      <a:pt x="73" y="7"/>
                    </a:lnTo>
                    <a:lnTo>
                      <a:pt x="83" y="4"/>
                    </a:lnTo>
                    <a:lnTo>
                      <a:pt x="94" y="2"/>
                    </a:lnTo>
                    <a:lnTo>
                      <a:pt x="104" y="1"/>
                    </a:lnTo>
                    <a:lnTo>
                      <a:pt x="115" y="0"/>
                    </a:lnTo>
                    <a:lnTo>
                      <a:pt x="126" y="0"/>
                    </a:lnTo>
                    <a:lnTo>
                      <a:pt x="137" y="1"/>
                    </a:lnTo>
                    <a:lnTo>
                      <a:pt x="149" y="3"/>
                    </a:lnTo>
                    <a:lnTo>
                      <a:pt x="160" y="7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82" name="Skive 2"/>
              <p:cNvSpPr>
                <a:spLocks/>
              </p:cNvSpPr>
              <p:nvPr/>
            </p:nvSpPr>
            <p:spPr bwMode="auto">
              <a:xfrm>
                <a:off x="977901" y="3525843"/>
                <a:ext cx="476251" cy="371476"/>
              </a:xfrm>
              <a:custGeom>
                <a:avLst/>
                <a:gdLst>
                  <a:gd name="T0" fmla="*/ 239 w 899"/>
                  <a:gd name="T1" fmla="*/ 137 h 703"/>
                  <a:gd name="T2" fmla="*/ 258 w 899"/>
                  <a:gd name="T3" fmla="*/ 137 h 703"/>
                  <a:gd name="T4" fmla="*/ 284 w 899"/>
                  <a:gd name="T5" fmla="*/ 134 h 703"/>
                  <a:gd name="T6" fmla="*/ 298 w 899"/>
                  <a:gd name="T7" fmla="*/ 138 h 703"/>
                  <a:gd name="T8" fmla="*/ 272 w 899"/>
                  <a:gd name="T9" fmla="*/ 183 h 703"/>
                  <a:gd name="T10" fmla="*/ 245 w 899"/>
                  <a:gd name="T11" fmla="*/ 208 h 703"/>
                  <a:gd name="T12" fmla="*/ 226 w 899"/>
                  <a:gd name="T13" fmla="*/ 215 h 703"/>
                  <a:gd name="T14" fmla="*/ 211 w 899"/>
                  <a:gd name="T15" fmla="*/ 210 h 703"/>
                  <a:gd name="T16" fmla="*/ 191 w 899"/>
                  <a:gd name="T17" fmla="*/ 202 h 703"/>
                  <a:gd name="T18" fmla="*/ 159 w 899"/>
                  <a:gd name="T19" fmla="*/ 213 h 703"/>
                  <a:gd name="T20" fmla="*/ 143 w 899"/>
                  <a:gd name="T21" fmla="*/ 210 h 703"/>
                  <a:gd name="T22" fmla="*/ 144 w 899"/>
                  <a:gd name="T23" fmla="*/ 223 h 703"/>
                  <a:gd name="T24" fmla="*/ 126 w 899"/>
                  <a:gd name="T25" fmla="*/ 231 h 703"/>
                  <a:gd name="T26" fmla="*/ 96 w 899"/>
                  <a:gd name="T27" fmla="*/ 230 h 703"/>
                  <a:gd name="T28" fmla="*/ 81 w 899"/>
                  <a:gd name="T29" fmla="*/ 195 h 703"/>
                  <a:gd name="T30" fmla="*/ 67 w 899"/>
                  <a:gd name="T31" fmla="*/ 180 h 703"/>
                  <a:gd name="T32" fmla="*/ 55 w 899"/>
                  <a:gd name="T33" fmla="*/ 182 h 703"/>
                  <a:gd name="T34" fmla="*/ 34 w 899"/>
                  <a:gd name="T35" fmla="*/ 182 h 703"/>
                  <a:gd name="T36" fmla="*/ 14 w 899"/>
                  <a:gd name="T37" fmla="*/ 165 h 703"/>
                  <a:gd name="T38" fmla="*/ 1 w 899"/>
                  <a:gd name="T39" fmla="*/ 142 h 703"/>
                  <a:gd name="T40" fmla="*/ 16 w 899"/>
                  <a:gd name="T41" fmla="*/ 137 h 703"/>
                  <a:gd name="T42" fmla="*/ 31 w 899"/>
                  <a:gd name="T43" fmla="*/ 131 h 703"/>
                  <a:gd name="T44" fmla="*/ 50 w 899"/>
                  <a:gd name="T45" fmla="*/ 106 h 703"/>
                  <a:gd name="T46" fmla="*/ 70 w 899"/>
                  <a:gd name="T47" fmla="*/ 83 h 703"/>
                  <a:gd name="T48" fmla="*/ 87 w 899"/>
                  <a:gd name="T49" fmla="*/ 84 h 703"/>
                  <a:gd name="T50" fmla="*/ 113 w 899"/>
                  <a:gd name="T51" fmla="*/ 80 h 703"/>
                  <a:gd name="T52" fmla="*/ 118 w 899"/>
                  <a:gd name="T53" fmla="*/ 71 h 703"/>
                  <a:gd name="T54" fmla="*/ 101 w 899"/>
                  <a:gd name="T55" fmla="*/ 64 h 703"/>
                  <a:gd name="T56" fmla="*/ 82 w 899"/>
                  <a:gd name="T57" fmla="*/ 69 h 703"/>
                  <a:gd name="T58" fmla="*/ 83 w 899"/>
                  <a:gd name="T59" fmla="*/ 54 h 703"/>
                  <a:gd name="T60" fmla="*/ 93 w 899"/>
                  <a:gd name="T61" fmla="*/ 32 h 703"/>
                  <a:gd name="T62" fmla="*/ 111 w 899"/>
                  <a:gd name="T63" fmla="*/ 23 h 703"/>
                  <a:gd name="T64" fmla="*/ 131 w 899"/>
                  <a:gd name="T65" fmla="*/ 5 h 703"/>
                  <a:gd name="T66" fmla="*/ 167 w 899"/>
                  <a:gd name="T67" fmla="*/ 9 h 703"/>
                  <a:gd name="T68" fmla="*/ 178 w 899"/>
                  <a:gd name="T69" fmla="*/ 1 h 703"/>
                  <a:gd name="T70" fmla="*/ 195 w 899"/>
                  <a:gd name="T71" fmla="*/ 1 h 703"/>
                  <a:gd name="T72" fmla="*/ 211 w 899"/>
                  <a:gd name="T73" fmla="*/ 19 h 703"/>
                  <a:gd name="T74" fmla="*/ 227 w 899"/>
                  <a:gd name="T75" fmla="*/ 49 h 703"/>
                  <a:gd name="T76" fmla="*/ 237 w 899"/>
                  <a:gd name="T77" fmla="*/ 72 h 703"/>
                  <a:gd name="T78" fmla="*/ 227 w 899"/>
                  <a:gd name="T79" fmla="*/ 78 h 703"/>
                  <a:gd name="T80" fmla="*/ 218 w 899"/>
                  <a:gd name="T81" fmla="*/ 95 h 703"/>
                  <a:gd name="T82" fmla="*/ 209 w 899"/>
                  <a:gd name="T83" fmla="*/ 102 h 703"/>
                  <a:gd name="T84" fmla="*/ 205 w 899"/>
                  <a:gd name="T85" fmla="*/ 110 h 703"/>
                  <a:gd name="T86" fmla="*/ 204 w 899"/>
                  <a:gd name="T87" fmla="*/ 121 h 703"/>
                  <a:gd name="T88" fmla="*/ 195 w 899"/>
                  <a:gd name="T89" fmla="*/ 122 h 703"/>
                  <a:gd name="T90" fmla="*/ 185 w 899"/>
                  <a:gd name="T91" fmla="*/ 138 h 703"/>
                  <a:gd name="T92" fmla="*/ 176 w 899"/>
                  <a:gd name="T93" fmla="*/ 144 h 703"/>
                  <a:gd name="T94" fmla="*/ 185 w 899"/>
                  <a:gd name="T95" fmla="*/ 185 h 703"/>
                  <a:gd name="T96" fmla="*/ 197 w 899"/>
                  <a:gd name="T97" fmla="*/ 188 h 703"/>
                  <a:gd name="T98" fmla="*/ 207 w 899"/>
                  <a:gd name="T99" fmla="*/ 177 h 703"/>
                  <a:gd name="T100" fmla="*/ 203 w 899"/>
                  <a:gd name="T101" fmla="*/ 159 h 703"/>
                  <a:gd name="T102" fmla="*/ 216 w 899"/>
                  <a:gd name="T103" fmla="*/ 152 h 703"/>
                  <a:gd name="T104" fmla="*/ 229 w 899"/>
                  <a:gd name="T105" fmla="*/ 153 h 703"/>
                  <a:gd name="T106" fmla="*/ 233 w 899"/>
                  <a:gd name="T107" fmla="*/ 143 h 703"/>
                  <a:gd name="T108" fmla="*/ 220 w 899"/>
                  <a:gd name="T109" fmla="*/ 140 h 703"/>
                  <a:gd name="T110" fmla="*/ 224 w 899"/>
                  <a:gd name="T111" fmla="*/ 134 h 703"/>
                  <a:gd name="T112" fmla="*/ 231 w 899"/>
                  <a:gd name="T113" fmla="*/ 131 h 703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899" h="703">
                    <a:moveTo>
                      <a:pt x="692" y="393"/>
                    </a:moveTo>
                    <a:lnTo>
                      <a:pt x="697" y="399"/>
                    </a:lnTo>
                    <a:lnTo>
                      <a:pt x="701" y="403"/>
                    </a:lnTo>
                    <a:lnTo>
                      <a:pt x="705" y="408"/>
                    </a:lnTo>
                    <a:lnTo>
                      <a:pt x="710" y="410"/>
                    </a:lnTo>
                    <a:lnTo>
                      <a:pt x="716" y="413"/>
                    </a:lnTo>
                    <a:lnTo>
                      <a:pt x="721" y="414"/>
                    </a:lnTo>
                    <a:lnTo>
                      <a:pt x="727" y="416"/>
                    </a:lnTo>
                    <a:lnTo>
                      <a:pt x="732" y="416"/>
                    </a:lnTo>
                    <a:lnTo>
                      <a:pt x="745" y="416"/>
                    </a:lnTo>
                    <a:lnTo>
                      <a:pt x="759" y="415"/>
                    </a:lnTo>
                    <a:lnTo>
                      <a:pt x="772" y="413"/>
                    </a:lnTo>
                    <a:lnTo>
                      <a:pt x="787" y="410"/>
                    </a:lnTo>
                    <a:lnTo>
                      <a:pt x="802" y="407"/>
                    </a:lnTo>
                    <a:lnTo>
                      <a:pt x="817" y="405"/>
                    </a:lnTo>
                    <a:lnTo>
                      <a:pt x="831" y="402"/>
                    </a:lnTo>
                    <a:lnTo>
                      <a:pt x="845" y="402"/>
                    </a:lnTo>
                    <a:lnTo>
                      <a:pt x="852" y="402"/>
                    </a:lnTo>
                    <a:lnTo>
                      <a:pt x="860" y="403"/>
                    </a:lnTo>
                    <a:lnTo>
                      <a:pt x="866" y="405"/>
                    </a:lnTo>
                    <a:lnTo>
                      <a:pt x="873" y="407"/>
                    </a:lnTo>
                    <a:lnTo>
                      <a:pt x="880" y="409"/>
                    </a:lnTo>
                    <a:lnTo>
                      <a:pt x="886" y="412"/>
                    </a:lnTo>
                    <a:lnTo>
                      <a:pt x="892" y="416"/>
                    </a:lnTo>
                    <a:lnTo>
                      <a:pt x="899" y="421"/>
                    </a:lnTo>
                    <a:lnTo>
                      <a:pt x="876" y="457"/>
                    </a:lnTo>
                    <a:lnTo>
                      <a:pt x="852" y="494"/>
                    </a:lnTo>
                    <a:lnTo>
                      <a:pt x="841" y="513"/>
                    </a:lnTo>
                    <a:lnTo>
                      <a:pt x="828" y="531"/>
                    </a:lnTo>
                    <a:lnTo>
                      <a:pt x="816" y="549"/>
                    </a:lnTo>
                    <a:lnTo>
                      <a:pt x="803" y="566"/>
                    </a:lnTo>
                    <a:lnTo>
                      <a:pt x="788" y="581"/>
                    </a:lnTo>
                    <a:lnTo>
                      <a:pt x="773" y="596"/>
                    </a:lnTo>
                    <a:lnTo>
                      <a:pt x="759" y="609"/>
                    </a:lnTo>
                    <a:lnTo>
                      <a:pt x="742" y="620"/>
                    </a:lnTo>
                    <a:lnTo>
                      <a:pt x="733" y="626"/>
                    </a:lnTo>
                    <a:lnTo>
                      <a:pt x="724" y="631"/>
                    </a:lnTo>
                    <a:lnTo>
                      <a:pt x="716" y="635"/>
                    </a:lnTo>
                    <a:lnTo>
                      <a:pt x="706" y="638"/>
                    </a:lnTo>
                    <a:lnTo>
                      <a:pt x="696" y="641"/>
                    </a:lnTo>
                    <a:lnTo>
                      <a:pt x="686" y="644"/>
                    </a:lnTo>
                    <a:lnTo>
                      <a:pt x="676" y="645"/>
                    </a:lnTo>
                    <a:lnTo>
                      <a:pt x="664" y="646"/>
                    </a:lnTo>
                    <a:lnTo>
                      <a:pt x="659" y="645"/>
                    </a:lnTo>
                    <a:lnTo>
                      <a:pt x="652" y="642"/>
                    </a:lnTo>
                    <a:lnTo>
                      <a:pt x="647" y="640"/>
                    </a:lnTo>
                    <a:lnTo>
                      <a:pt x="643" y="637"/>
                    </a:lnTo>
                    <a:lnTo>
                      <a:pt x="633" y="631"/>
                    </a:lnTo>
                    <a:lnTo>
                      <a:pt x="626" y="624"/>
                    </a:lnTo>
                    <a:lnTo>
                      <a:pt x="618" y="616"/>
                    </a:lnTo>
                    <a:lnTo>
                      <a:pt x="609" y="610"/>
                    </a:lnTo>
                    <a:lnTo>
                      <a:pt x="601" y="604"/>
                    </a:lnTo>
                    <a:lnTo>
                      <a:pt x="589" y="599"/>
                    </a:lnTo>
                    <a:lnTo>
                      <a:pt x="572" y="608"/>
                    </a:lnTo>
                    <a:lnTo>
                      <a:pt x="552" y="617"/>
                    </a:lnTo>
                    <a:lnTo>
                      <a:pt x="531" y="626"/>
                    </a:lnTo>
                    <a:lnTo>
                      <a:pt x="509" y="633"/>
                    </a:lnTo>
                    <a:lnTo>
                      <a:pt x="498" y="636"/>
                    </a:lnTo>
                    <a:lnTo>
                      <a:pt x="487" y="638"/>
                    </a:lnTo>
                    <a:lnTo>
                      <a:pt x="477" y="639"/>
                    </a:lnTo>
                    <a:lnTo>
                      <a:pt x="466" y="639"/>
                    </a:lnTo>
                    <a:lnTo>
                      <a:pt x="455" y="638"/>
                    </a:lnTo>
                    <a:lnTo>
                      <a:pt x="447" y="636"/>
                    </a:lnTo>
                    <a:lnTo>
                      <a:pt x="438" y="632"/>
                    </a:lnTo>
                    <a:lnTo>
                      <a:pt x="430" y="628"/>
                    </a:lnTo>
                    <a:lnTo>
                      <a:pt x="428" y="631"/>
                    </a:lnTo>
                    <a:lnTo>
                      <a:pt x="426" y="634"/>
                    </a:lnTo>
                    <a:lnTo>
                      <a:pt x="425" y="638"/>
                    </a:lnTo>
                    <a:lnTo>
                      <a:pt x="425" y="642"/>
                    </a:lnTo>
                    <a:lnTo>
                      <a:pt x="426" y="651"/>
                    </a:lnTo>
                    <a:lnTo>
                      <a:pt x="428" y="660"/>
                    </a:lnTo>
                    <a:lnTo>
                      <a:pt x="432" y="671"/>
                    </a:lnTo>
                    <a:lnTo>
                      <a:pt x="435" y="681"/>
                    </a:lnTo>
                    <a:lnTo>
                      <a:pt x="439" y="692"/>
                    </a:lnTo>
                    <a:lnTo>
                      <a:pt x="440" y="703"/>
                    </a:lnTo>
                    <a:lnTo>
                      <a:pt x="421" y="699"/>
                    </a:lnTo>
                    <a:lnTo>
                      <a:pt x="400" y="696"/>
                    </a:lnTo>
                    <a:lnTo>
                      <a:pt x="378" y="693"/>
                    </a:lnTo>
                    <a:lnTo>
                      <a:pt x="355" y="691"/>
                    </a:lnTo>
                    <a:lnTo>
                      <a:pt x="334" y="690"/>
                    </a:lnTo>
                    <a:lnTo>
                      <a:pt x="314" y="689"/>
                    </a:lnTo>
                    <a:lnTo>
                      <a:pt x="305" y="689"/>
                    </a:lnTo>
                    <a:lnTo>
                      <a:pt x="296" y="690"/>
                    </a:lnTo>
                    <a:lnTo>
                      <a:pt x="288" y="691"/>
                    </a:lnTo>
                    <a:lnTo>
                      <a:pt x="281" y="693"/>
                    </a:lnTo>
                    <a:lnTo>
                      <a:pt x="272" y="662"/>
                    </a:lnTo>
                    <a:lnTo>
                      <a:pt x="262" y="631"/>
                    </a:lnTo>
                    <a:lnTo>
                      <a:pt x="256" y="614"/>
                    </a:lnTo>
                    <a:lnTo>
                      <a:pt x="250" y="599"/>
                    </a:lnTo>
                    <a:lnTo>
                      <a:pt x="243" y="585"/>
                    </a:lnTo>
                    <a:lnTo>
                      <a:pt x="235" y="572"/>
                    </a:lnTo>
                    <a:lnTo>
                      <a:pt x="227" y="560"/>
                    </a:lnTo>
                    <a:lnTo>
                      <a:pt x="217" y="551"/>
                    </a:lnTo>
                    <a:lnTo>
                      <a:pt x="213" y="548"/>
                    </a:lnTo>
                    <a:lnTo>
                      <a:pt x="208" y="545"/>
                    </a:lnTo>
                    <a:lnTo>
                      <a:pt x="202" y="542"/>
                    </a:lnTo>
                    <a:lnTo>
                      <a:pt x="196" y="540"/>
                    </a:lnTo>
                    <a:lnTo>
                      <a:pt x="190" y="540"/>
                    </a:lnTo>
                    <a:lnTo>
                      <a:pt x="184" y="540"/>
                    </a:lnTo>
                    <a:lnTo>
                      <a:pt x="177" y="541"/>
                    </a:lnTo>
                    <a:lnTo>
                      <a:pt x="171" y="544"/>
                    </a:lnTo>
                    <a:lnTo>
                      <a:pt x="164" y="547"/>
                    </a:lnTo>
                    <a:lnTo>
                      <a:pt x="156" y="550"/>
                    </a:lnTo>
                    <a:lnTo>
                      <a:pt x="148" y="555"/>
                    </a:lnTo>
                    <a:lnTo>
                      <a:pt x="140" y="561"/>
                    </a:lnTo>
                    <a:lnTo>
                      <a:pt x="127" y="557"/>
                    </a:lnTo>
                    <a:lnTo>
                      <a:pt x="114" y="552"/>
                    </a:lnTo>
                    <a:lnTo>
                      <a:pt x="102" y="546"/>
                    </a:lnTo>
                    <a:lnTo>
                      <a:pt x="90" y="539"/>
                    </a:lnTo>
                    <a:lnTo>
                      <a:pt x="80" y="532"/>
                    </a:lnTo>
                    <a:lnTo>
                      <a:pt x="69" y="524"/>
                    </a:lnTo>
                    <a:lnTo>
                      <a:pt x="60" y="515"/>
                    </a:lnTo>
                    <a:lnTo>
                      <a:pt x="51" y="507"/>
                    </a:lnTo>
                    <a:lnTo>
                      <a:pt x="42" y="496"/>
                    </a:lnTo>
                    <a:lnTo>
                      <a:pt x="34" y="487"/>
                    </a:lnTo>
                    <a:lnTo>
                      <a:pt x="27" y="475"/>
                    </a:lnTo>
                    <a:lnTo>
                      <a:pt x="21" y="463"/>
                    </a:lnTo>
                    <a:lnTo>
                      <a:pt x="14" y="452"/>
                    </a:lnTo>
                    <a:lnTo>
                      <a:pt x="9" y="439"/>
                    </a:lnTo>
                    <a:lnTo>
                      <a:pt x="4" y="426"/>
                    </a:lnTo>
                    <a:lnTo>
                      <a:pt x="0" y="412"/>
                    </a:lnTo>
                    <a:lnTo>
                      <a:pt x="10" y="414"/>
                    </a:lnTo>
                    <a:lnTo>
                      <a:pt x="21" y="415"/>
                    </a:lnTo>
                    <a:lnTo>
                      <a:pt x="30" y="415"/>
                    </a:lnTo>
                    <a:lnTo>
                      <a:pt x="40" y="415"/>
                    </a:lnTo>
                    <a:lnTo>
                      <a:pt x="48" y="413"/>
                    </a:lnTo>
                    <a:lnTo>
                      <a:pt x="56" y="412"/>
                    </a:lnTo>
                    <a:lnTo>
                      <a:pt x="65" y="409"/>
                    </a:lnTo>
                    <a:lnTo>
                      <a:pt x="72" y="406"/>
                    </a:lnTo>
                    <a:lnTo>
                      <a:pt x="80" y="402"/>
                    </a:lnTo>
                    <a:lnTo>
                      <a:pt x="86" y="398"/>
                    </a:lnTo>
                    <a:lnTo>
                      <a:pt x="93" y="393"/>
                    </a:lnTo>
                    <a:lnTo>
                      <a:pt x="100" y="388"/>
                    </a:lnTo>
                    <a:lnTo>
                      <a:pt x="111" y="376"/>
                    </a:lnTo>
                    <a:lnTo>
                      <a:pt x="122" y="362"/>
                    </a:lnTo>
                    <a:lnTo>
                      <a:pt x="132" y="349"/>
                    </a:lnTo>
                    <a:lnTo>
                      <a:pt x="142" y="334"/>
                    </a:lnTo>
                    <a:lnTo>
                      <a:pt x="151" y="318"/>
                    </a:lnTo>
                    <a:lnTo>
                      <a:pt x="160" y="302"/>
                    </a:lnTo>
                    <a:lnTo>
                      <a:pt x="169" y="287"/>
                    </a:lnTo>
                    <a:lnTo>
                      <a:pt x="177" y="272"/>
                    </a:lnTo>
                    <a:lnTo>
                      <a:pt x="187" y="257"/>
                    </a:lnTo>
                    <a:lnTo>
                      <a:pt x="196" y="243"/>
                    </a:lnTo>
                    <a:lnTo>
                      <a:pt x="209" y="249"/>
                    </a:lnTo>
                    <a:lnTo>
                      <a:pt x="220" y="253"/>
                    </a:lnTo>
                    <a:lnTo>
                      <a:pt x="229" y="254"/>
                    </a:lnTo>
                    <a:lnTo>
                      <a:pt x="237" y="255"/>
                    </a:lnTo>
                    <a:lnTo>
                      <a:pt x="246" y="255"/>
                    </a:lnTo>
                    <a:lnTo>
                      <a:pt x="253" y="253"/>
                    </a:lnTo>
                    <a:lnTo>
                      <a:pt x="261" y="251"/>
                    </a:lnTo>
                    <a:lnTo>
                      <a:pt x="268" y="249"/>
                    </a:lnTo>
                    <a:lnTo>
                      <a:pt x="283" y="243"/>
                    </a:lnTo>
                    <a:lnTo>
                      <a:pt x="302" y="240"/>
                    </a:lnTo>
                    <a:lnTo>
                      <a:pt x="312" y="239"/>
                    </a:lnTo>
                    <a:lnTo>
                      <a:pt x="325" y="239"/>
                    </a:lnTo>
                    <a:lnTo>
                      <a:pt x="340" y="240"/>
                    </a:lnTo>
                    <a:lnTo>
                      <a:pt x="355" y="243"/>
                    </a:lnTo>
                    <a:lnTo>
                      <a:pt x="356" y="235"/>
                    </a:lnTo>
                    <a:lnTo>
                      <a:pt x="358" y="229"/>
                    </a:lnTo>
                    <a:lnTo>
                      <a:pt x="356" y="222"/>
                    </a:lnTo>
                    <a:lnTo>
                      <a:pt x="355" y="217"/>
                    </a:lnTo>
                    <a:lnTo>
                      <a:pt x="353" y="213"/>
                    </a:lnTo>
                    <a:lnTo>
                      <a:pt x="351" y="210"/>
                    </a:lnTo>
                    <a:lnTo>
                      <a:pt x="347" y="207"/>
                    </a:lnTo>
                    <a:lnTo>
                      <a:pt x="344" y="203"/>
                    </a:lnTo>
                    <a:lnTo>
                      <a:pt x="326" y="196"/>
                    </a:lnTo>
                    <a:lnTo>
                      <a:pt x="309" y="188"/>
                    </a:lnTo>
                    <a:lnTo>
                      <a:pt x="304" y="192"/>
                    </a:lnTo>
                    <a:lnTo>
                      <a:pt x="300" y="195"/>
                    </a:lnTo>
                    <a:lnTo>
                      <a:pt x="294" y="198"/>
                    </a:lnTo>
                    <a:lnTo>
                      <a:pt x="289" y="200"/>
                    </a:lnTo>
                    <a:lnTo>
                      <a:pt x="279" y="204"/>
                    </a:lnTo>
                    <a:lnTo>
                      <a:pt x="267" y="207"/>
                    </a:lnTo>
                    <a:lnTo>
                      <a:pt x="245" y="207"/>
                    </a:lnTo>
                    <a:lnTo>
                      <a:pt x="224" y="205"/>
                    </a:lnTo>
                    <a:lnTo>
                      <a:pt x="227" y="198"/>
                    </a:lnTo>
                    <a:lnTo>
                      <a:pt x="231" y="190"/>
                    </a:lnTo>
                    <a:lnTo>
                      <a:pt x="234" y="182"/>
                    </a:lnTo>
                    <a:lnTo>
                      <a:pt x="239" y="176"/>
                    </a:lnTo>
                    <a:lnTo>
                      <a:pt x="248" y="162"/>
                    </a:lnTo>
                    <a:lnTo>
                      <a:pt x="256" y="150"/>
                    </a:lnTo>
                    <a:lnTo>
                      <a:pt x="265" y="136"/>
                    </a:lnTo>
                    <a:lnTo>
                      <a:pt x="272" y="120"/>
                    </a:lnTo>
                    <a:lnTo>
                      <a:pt x="275" y="113"/>
                    </a:lnTo>
                    <a:lnTo>
                      <a:pt x="277" y="103"/>
                    </a:lnTo>
                    <a:lnTo>
                      <a:pt x="280" y="95"/>
                    </a:lnTo>
                    <a:lnTo>
                      <a:pt x="281" y="84"/>
                    </a:lnTo>
                    <a:lnTo>
                      <a:pt x="293" y="83"/>
                    </a:lnTo>
                    <a:lnTo>
                      <a:pt x="305" y="81"/>
                    </a:lnTo>
                    <a:lnTo>
                      <a:pt x="315" y="77"/>
                    </a:lnTo>
                    <a:lnTo>
                      <a:pt x="325" y="73"/>
                    </a:lnTo>
                    <a:lnTo>
                      <a:pt x="334" y="68"/>
                    </a:lnTo>
                    <a:lnTo>
                      <a:pt x="342" y="61"/>
                    </a:lnTo>
                    <a:lnTo>
                      <a:pt x="349" y="55"/>
                    </a:lnTo>
                    <a:lnTo>
                      <a:pt x="356" y="48"/>
                    </a:lnTo>
                    <a:lnTo>
                      <a:pt x="370" y="34"/>
                    </a:lnTo>
                    <a:lnTo>
                      <a:pt x="385" y="20"/>
                    </a:lnTo>
                    <a:lnTo>
                      <a:pt x="393" y="14"/>
                    </a:lnTo>
                    <a:lnTo>
                      <a:pt x="402" y="9"/>
                    </a:lnTo>
                    <a:lnTo>
                      <a:pt x="410" y="3"/>
                    </a:lnTo>
                    <a:lnTo>
                      <a:pt x="421" y="0"/>
                    </a:lnTo>
                    <a:lnTo>
                      <a:pt x="447" y="9"/>
                    </a:lnTo>
                    <a:lnTo>
                      <a:pt x="473" y="18"/>
                    </a:lnTo>
                    <a:lnTo>
                      <a:pt x="499" y="28"/>
                    </a:lnTo>
                    <a:lnTo>
                      <a:pt x="524" y="37"/>
                    </a:lnTo>
                    <a:lnTo>
                      <a:pt x="523" y="28"/>
                    </a:lnTo>
                    <a:lnTo>
                      <a:pt x="524" y="20"/>
                    </a:lnTo>
                    <a:lnTo>
                      <a:pt x="526" y="13"/>
                    </a:lnTo>
                    <a:lnTo>
                      <a:pt x="530" y="9"/>
                    </a:lnTo>
                    <a:lnTo>
                      <a:pt x="534" y="4"/>
                    </a:lnTo>
                    <a:lnTo>
                      <a:pt x="541" y="2"/>
                    </a:lnTo>
                    <a:lnTo>
                      <a:pt x="548" y="0"/>
                    </a:lnTo>
                    <a:lnTo>
                      <a:pt x="557" y="0"/>
                    </a:lnTo>
                    <a:lnTo>
                      <a:pt x="565" y="0"/>
                    </a:lnTo>
                    <a:lnTo>
                      <a:pt x="574" y="1"/>
                    </a:lnTo>
                    <a:lnTo>
                      <a:pt x="584" y="3"/>
                    </a:lnTo>
                    <a:lnTo>
                      <a:pt x="592" y="6"/>
                    </a:lnTo>
                    <a:lnTo>
                      <a:pt x="611" y="12"/>
                    </a:lnTo>
                    <a:lnTo>
                      <a:pt x="627" y="19"/>
                    </a:lnTo>
                    <a:lnTo>
                      <a:pt x="627" y="32"/>
                    </a:lnTo>
                    <a:lnTo>
                      <a:pt x="629" y="44"/>
                    </a:lnTo>
                    <a:lnTo>
                      <a:pt x="632" y="58"/>
                    </a:lnTo>
                    <a:lnTo>
                      <a:pt x="637" y="71"/>
                    </a:lnTo>
                    <a:lnTo>
                      <a:pt x="642" y="83"/>
                    </a:lnTo>
                    <a:lnTo>
                      <a:pt x="648" y="97"/>
                    </a:lnTo>
                    <a:lnTo>
                      <a:pt x="656" y="110"/>
                    </a:lnTo>
                    <a:lnTo>
                      <a:pt x="663" y="122"/>
                    </a:lnTo>
                    <a:lnTo>
                      <a:pt x="679" y="147"/>
                    </a:lnTo>
                    <a:lnTo>
                      <a:pt x="697" y="171"/>
                    </a:lnTo>
                    <a:lnTo>
                      <a:pt x="713" y="194"/>
                    </a:lnTo>
                    <a:lnTo>
                      <a:pt x="730" y="215"/>
                    </a:lnTo>
                    <a:lnTo>
                      <a:pt x="723" y="215"/>
                    </a:lnTo>
                    <a:lnTo>
                      <a:pt x="716" y="215"/>
                    </a:lnTo>
                    <a:lnTo>
                      <a:pt x="709" y="215"/>
                    </a:lnTo>
                    <a:lnTo>
                      <a:pt x="704" y="216"/>
                    </a:lnTo>
                    <a:lnTo>
                      <a:pt x="699" y="218"/>
                    </a:lnTo>
                    <a:lnTo>
                      <a:pt x="694" y="220"/>
                    </a:lnTo>
                    <a:lnTo>
                      <a:pt x="690" y="222"/>
                    </a:lnTo>
                    <a:lnTo>
                      <a:pt x="686" y="226"/>
                    </a:lnTo>
                    <a:lnTo>
                      <a:pt x="680" y="233"/>
                    </a:lnTo>
                    <a:lnTo>
                      <a:pt x="674" y="240"/>
                    </a:lnTo>
                    <a:lnTo>
                      <a:pt x="669" y="250"/>
                    </a:lnTo>
                    <a:lnTo>
                      <a:pt x="665" y="258"/>
                    </a:lnTo>
                    <a:lnTo>
                      <a:pt x="661" y="268"/>
                    </a:lnTo>
                    <a:lnTo>
                      <a:pt x="657" y="277"/>
                    </a:lnTo>
                    <a:lnTo>
                      <a:pt x="652" y="286"/>
                    </a:lnTo>
                    <a:lnTo>
                      <a:pt x="646" y="293"/>
                    </a:lnTo>
                    <a:lnTo>
                      <a:pt x="643" y="297"/>
                    </a:lnTo>
                    <a:lnTo>
                      <a:pt x="640" y="299"/>
                    </a:lnTo>
                    <a:lnTo>
                      <a:pt x="636" y="302"/>
                    </a:lnTo>
                    <a:lnTo>
                      <a:pt x="631" y="304"/>
                    </a:lnTo>
                    <a:lnTo>
                      <a:pt x="626" y="307"/>
                    </a:lnTo>
                    <a:lnTo>
                      <a:pt x="621" y="308"/>
                    </a:lnTo>
                    <a:lnTo>
                      <a:pt x="614" y="309"/>
                    </a:lnTo>
                    <a:lnTo>
                      <a:pt x="608" y="309"/>
                    </a:lnTo>
                    <a:lnTo>
                      <a:pt x="609" y="317"/>
                    </a:lnTo>
                    <a:lnTo>
                      <a:pt x="610" y="323"/>
                    </a:lnTo>
                    <a:lnTo>
                      <a:pt x="613" y="329"/>
                    </a:lnTo>
                    <a:lnTo>
                      <a:pt x="616" y="335"/>
                    </a:lnTo>
                    <a:lnTo>
                      <a:pt x="618" y="340"/>
                    </a:lnTo>
                    <a:lnTo>
                      <a:pt x="619" y="348"/>
                    </a:lnTo>
                    <a:lnTo>
                      <a:pt x="619" y="355"/>
                    </a:lnTo>
                    <a:lnTo>
                      <a:pt x="618" y="366"/>
                    </a:lnTo>
                    <a:lnTo>
                      <a:pt x="611" y="363"/>
                    </a:lnTo>
                    <a:lnTo>
                      <a:pt x="605" y="362"/>
                    </a:lnTo>
                    <a:lnTo>
                      <a:pt x="600" y="362"/>
                    </a:lnTo>
                    <a:lnTo>
                      <a:pt x="596" y="363"/>
                    </a:lnTo>
                    <a:lnTo>
                      <a:pt x="590" y="364"/>
                    </a:lnTo>
                    <a:lnTo>
                      <a:pt x="586" y="366"/>
                    </a:lnTo>
                    <a:lnTo>
                      <a:pt x="583" y="368"/>
                    </a:lnTo>
                    <a:lnTo>
                      <a:pt x="579" y="370"/>
                    </a:lnTo>
                    <a:lnTo>
                      <a:pt x="573" y="376"/>
                    </a:lnTo>
                    <a:lnTo>
                      <a:pt x="568" y="382"/>
                    </a:lnTo>
                    <a:lnTo>
                      <a:pt x="564" y="390"/>
                    </a:lnTo>
                    <a:lnTo>
                      <a:pt x="560" y="398"/>
                    </a:lnTo>
                    <a:lnTo>
                      <a:pt x="553" y="414"/>
                    </a:lnTo>
                    <a:lnTo>
                      <a:pt x="546" y="427"/>
                    </a:lnTo>
                    <a:lnTo>
                      <a:pt x="542" y="431"/>
                    </a:lnTo>
                    <a:lnTo>
                      <a:pt x="537" y="433"/>
                    </a:lnTo>
                    <a:lnTo>
                      <a:pt x="534" y="434"/>
                    </a:lnTo>
                    <a:lnTo>
                      <a:pt x="531" y="433"/>
                    </a:lnTo>
                    <a:lnTo>
                      <a:pt x="528" y="432"/>
                    </a:lnTo>
                    <a:lnTo>
                      <a:pt x="524" y="431"/>
                    </a:lnTo>
                    <a:lnTo>
                      <a:pt x="531" y="468"/>
                    </a:lnTo>
                    <a:lnTo>
                      <a:pt x="540" y="503"/>
                    </a:lnTo>
                    <a:lnTo>
                      <a:pt x="544" y="521"/>
                    </a:lnTo>
                    <a:lnTo>
                      <a:pt x="549" y="538"/>
                    </a:lnTo>
                    <a:lnTo>
                      <a:pt x="555" y="555"/>
                    </a:lnTo>
                    <a:lnTo>
                      <a:pt x="562" y="571"/>
                    </a:lnTo>
                    <a:lnTo>
                      <a:pt x="569" y="572"/>
                    </a:lnTo>
                    <a:lnTo>
                      <a:pt x="575" y="572"/>
                    </a:lnTo>
                    <a:lnTo>
                      <a:pt x="582" y="570"/>
                    </a:lnTo>
                    <a:lnTo>
                      <a:pt x="587" y="569"/>
                    </a:lnTo>
                    <a:lnTo>
                      <a:pt x="591" y="566"/>
                    </a:lnTo>
                    <a:lnTo>
                      <a:pt x="596" y="562"/>
                    </a:lnTo>
                    <a:lnTo>
                      <a:pt x="599" y="559"/>
                    </a:lnTo>
                    <a:lnTo>
                      <a:pt x="602" y="556"/>
                    </a:lnTo>
                    <a:lnTo>
                      <a:pt x="608" y="548"/>
                    </a:lnTo>
                    <a:lnTo>
                      <a:pt x="613" y="539"/>
                    </a:lnTo>
                    <a:lnTo>
                      <a:pt x="620" y="531"/>
                    </a:lnTo>
                    <a:lnTo>
                      <a:pt x="627" y="525"/>
                    </a:lnTo>
                    <a:lnTo>
                      <a:pt x="621" y="512"/>
                    </a:lnTo>
                    <a:lnTo>
                      <a:pt x="613" y="500"/>
                    </a:lnTo>
                    <a:lnTo>
                      <a:pt x="610" y="494"/>
                    </a:lnTo>
                    <a:lnTo>
                      <a:pt x="608" y="487"/>
                    </a:lnTo>
                    <a:lnTo>
                      <a:pt x="607" y="478"/>
                    </a:lnTo>
                    <a:lnTo>
                      <a:pt x="608" y="468"/>
                    </a:lnTo>
                    <a:lnTo>
                      <a:pt x="614" y="462"/>
                    </a:lnTo>
                    <a:lnTo>
                      <a:pt x="621" y="458"/>
                    </a:lnTo>
                    <a:lnTo>
                      <a:pt x="627" y="456"/>
                    </a:lnTo>
                    <a:lnTo>
                      <a:pt x="633" y="456"/>
                    </a:lnTo>
                    <a:lnTo>
                      <a:pt x="646" y="458"/>
                    </a:lnTo>
                    <a:lnTo>
                      <a:pt x="659" y="461"/>
                    </a:lnTo>
                    <a:lnTo>
                      <a:pt x="664" y="463"/>
                    </a:lnTo>
                    <a:lnTo>
                      <a:pt x="670" y="463"/>
                    </a:lnTo>
                    <a:lnTo>
                      <a:pt x="677" y="465"/>
                    </a:lnTo>
                    <a:lnTo>
                      <a:pt x="682" y="463"/>
                    </a:lnTo>
                    <a:lnTo>
                      <a:pt x="687" y="460"/>
                    </a:lnTo>
                    <a:lnTo>
                      <a:pt x="692" y="456"/>
                    </a:lnTo>
                    <a:lnTo>
                      <a:pt x="698" y="450"/>
                    </a:lnTo>
                    <a:lnTo>
                      <a:pt x="702" y="440"/>
                    </a:lnTo>
                    <a:lnTo>
                      <a:pt x="701" y="435"/>
                    </a:lnTo>
                    <a:lnTo>
                      <a:pt x="700" y="432"/>
                    </a:lnTo>
                    <a:lnTo>
                      <a:pt x="698" y="429"/>
                    </a:lnTo>
                    <a:lnTo>
                      <a:pt x="694" y="427"/>
                    </a:lnTo>
                    <a:lnTo>
                      <a:pt x="691" y="425"/>
                    </a:lnTo>
                    <a:lnTo>
                      <a:pt x="687" y="422"/>
                    </a:lnTo>
                    <a:lnTo>
                      <a:pt x="683" y="422"/>
                    </a:lnTo>
                    <a:lnTo>
                      <a:pt x="679" y="421"/>
                    </a:lnTo>
                    <a:lnTo>
                      <a:pt x="658" y="421"/>
                    </a:lnTo>
                    <a:lnTo>
                      <a:pt x="637" y="421"/>
                    </a:lnTo>
                    <a:lnTo>
                      <a:pt x="642" y="416"/>
                    </a:lnTo>
                    <a:lnTo>
                      <a:pt x="648" y="412"/>
                    </a:lnTo>
                    <a:lnTo>
                      <a:pt x="656" y="410"/>
                    </a:lnTo>
                    <a:lnTo>
                      <a:pt x="663" y="407"/>
                    </a:lnTo>
                    <a:lnTo>
                      <a:pt x="670" y="402"/>
                    </a:lnTo>
                    <a:lnTo>
                      <a:pt x="677" y="398"/>
                    </a:lnTo>
                    <a:lnTo>
                      <a:pt x="679" y="396"/>
                    </a:lnTo>
                    <a:lnTo>
                      <a:pt x="681" y="392"/>
                    </a:lnTo>
                    <a:lnTo>
                      <a:pt x="683" y="389"/>
                    </a:lnTo>
                    <a:lnTo>
                      <a:pt x="683" y="383"/>
                    </a:lnTo>
                    <a:lnTo>
                      <a:pt x="692" y="393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283" name="Skive kant 2"/>
              <p:cNvSpPr>
                <a:spLocks/>
              </p:cNvSpPr>
              <p:nvPr/>
            </p:nvSpPr>
            <p:spPr bwMode="auto">
              <a:xfrm>
                <a:off x="977901" y="3525843"/>
                <a:ext cx="476251" cy="371476"/>
              </a:xfrm>
              <a:custGeom>
                <a:avLst/>
                <a:gdLst>
                  <a:gd name="T0" fmla="*/ 239 w 899"/>
                  <a:gd name="T1" fmla="*/ 137 h 703"/>
                  <a:gd name="T2" fmla="*/ 258 w 899"/>
                  <a:gd name="T3" fmla="*/ 137 h 703"/>
                  <a:gd name="T4" fmla="*/ 284 w 899"/>
                  <a:gd name="T5" fmla="*/ 134 h 703"/>
                  <a:gd name="T6" fmla="*/ 298 w 899"/>
                  <a:gd name="T7" fmla="*/ 138 h 703"/>
                  <a:gd name="T8" fmla="*/ 272 w 899"/>
                  <a:gd name="T9" fmla="*/ 183 h 703"/>
                  <a:gd name="T10" fmla="*/ 245 w 899"/>
                  <a:gd name="T11" fmla="*/ 208 h 703"/>
                  <a:gd name="T12" fmla="*/ 226 w 899"/>
                  <a:gd name="T13" fmla="*/ 215 h 703"/>
                  <a:gd name="T14" fmla="*/ 211 w 899"/>
                  <a:gd name="T15" fmla="*/ 210 h 703"/>
                  <a:gd name="T16" fmla="*/ 191 w 899"/>
                  <a:gd name="T17" fmla="*/ 202 h 703"/>
                  <a:gd name="T18" fmla="*/ 159 w 899"/>
                  <a:gd name="T19" fmla="*/ 213 h 703"/>
                  <a:gd name="T20" fmla="*/ 143 w 899"/>
                  <a:gd name="T21" fmla="*/ 210 h 703"/>
                  <a:gd name="T22" fmla="*/ 144 w 899"/>
                  <a:gd name="T23" fmla="*/ 223 h 703"/>
                  <a:gd name="T24" fmla="*/ 126 w 899"/>
                  <a:gd name="T25" fmla="*/ 231 h 703"/>
                  <a:gd name="T26" fmla="*/ 96 w 899"/>
                  <a:gd name="T27" fmla="*/ 230 h 703"/>
                  <a:gd name="T28" fmla="*/ 81 w 899"/>
                  <a:gd name="T29" fmla="*/ 195 h 703"/>
                  <a:gd name="T30" fmla="*/ 67 w 899"/>
                  <a:gd name="T31" fmla="*/ 180 h 703"/>
                  <a:gd name="T32" fmla="*/ 55 w 899"/>
                  <a:gd name="T33" fmla="*/ 182 h 703"/>
                  <a:gd name="T34" fmla="*/ 34 w 899"/>
                  <a:gd name="T35" fmla="*/ 182 h 703"/>
                  <a:gd name="T36" fmla="*/ 14 w 899"/>
                  <a:gd name="T37" fmla="*/ 165 h 703"/>
                  <a:gd name="T38" fmla="*/ 1 w 899"/>
                  <a:gd name="T39" fmla="*/ 142 h 703"/>
                  <a:gd name="T40" fmla="*/ 16 w 899"/>
                  <a:gd name="T41" fmla="*/ 137 h 703"/>
                  <a:gd name="T42" fmla="*/ 31 w 899"/>
                  <a:gd name="T43" fmla="*/ 131 h 703"/>
                  <a:gd name="T44" fmla="*/ 50 w 899"/>
                  <a:gd name="T45" fmla="*/ 106 h 703"/>
                  <a:gd name="T46" fmla="*/ 70 w 899"/>
                  <a:gd name="T47" fmla="*/ 83 h 703"/>
                  <a:gd name="T48" fmla="*/ 87 w 899"/>
                  <a:gd name="T49" fmla="*/ 84 h 703"/>
                  <a:gd name="T50" fmla="*/ 113 w 899"/>
                  <a:gd name="T51" fmla="*/ 80 h 703"/>
                  <a:gd name="T52" fmla="*/ 118 w 899"/>
                  <a:gd name="T53" fmla="*/ 71 h 703"/>
                  <a:gd name="T54" fmla="*/ 101 w 899"/>
                  <a:gd name="T55" fmla="*/ 64 h 703"/>
                  <a:gd name="T56" fmla="*/ 82 w 899"/>
                  <a:gd name="T57" fmla="*/ 69 h 703"/>
                  <a:gd name="T58" fmla="*/ 83 w 899"/>
                  <a:gd name="T59" fmla="*/ 54 h 703"/>
                  <a:gd name="T60" fmla="*/ 93 w 899"/>
                  <a:gd name="T61" fmla="*/ 32 h 703"/>
                  <a:gd name="T62" fmla="*/ 111 w 899"/>
                  <a:gd name="T63" fmla="*/ 23 h 703"/>
                  <a:gd name="T64" fmla="*/ 131 w 899"/>
                  <a:gd name="T65" fmla="*/ 5 h 703"/>
                  <a:gd name="T66" fmla="*/ 167 w 899"/>
                  <a:gd name="T67" fmla="*/ 9 h 703"/>
                  <a:gd name="T68" fmla="*/ 178 w 899"/>
                  <a:gd name="T69" fmla="*/ 1 h 703"/>
                  <a:gd name="T70" fmla="*/ 195 w 899"/>
                  <a:gd name="T71" fmla="*/ 1 h 703"/>
                  <a:gd name="T72" fmla="*/ 211 w 899"/>
                  <a:gd name="T73" fmla="*/ 19 h 703"/>
                  <a:gd name="T74" fmla="*/ 227 w 899"/>
                  <a:gd name="T75" fmla="*/ 49 h 703"/>
                  <a:gd name="T76" fmla="*/ 237 w 899"/>
                  <a:gd name="T77" fmla="*/ 72 h 703"/>
                  <a:gd name="T78" fmla="*/ 227 w 899"/>
                  <a:gd name="T79" fmla="*/ 78 h 703"/>
                  <a:gd name="T80" fmla="*/ 218 w 899"/>
                  <a:gd name="T81" fmla="*/ 95 h 703"/>
                  <a:gd name="T82" fmla="*/ 209 w 899"/>
                  <a:gd name="T83" fmla="*/ 102 h 703"/>
                  <a:gd name="T84" fmla="*/ 205 w 899"/>
                  <a:gd name="T85" fmla="*/ 110 h 703"/>
                  <a:gd name="T86" fmla="*/ 204 w 899"/>
                  <a:gd name="T87" fmla="*/ 121 h 703"/>
                  <a:gd name="T88" fmla="*/ 195 w 899"/>
                  <a:gd name="T89" fmla="*/ 122 h 703"/>
                  <a:gd name="T90" fmla="*/ 185 w 899"/>
                  <a:gd name="T91" fmla="*/ 138 h 703"/>
                  <a:gd name="T92" fmla="*/ 176 w 899"/>
                  <a:gd name="T93" fmla="*/ 144 h 703"/>
                  <a:gd name="T94" fmla="*/ 185 w 899"/>
                  <a:gd name="T95" fmla="*/ 185 h 703"/>
                  <a:gd name="T96" fmla="*/ 197 w 899"/>
                  <a:gd name="T97" fmla="*/ 188 h 703"/>
                  <a:gd name="T98" fmla="*/ 207 w 899"/>
                  <a:gd name="T99" fmla="*/ 177 h 703"/>
                  <a:gd name="T100" fmla="*/ 203 w 899"/>
                  <a:gd name="T101" fmla="*/ 159 h 703"/>
                  <a:gd name="T102" fmla="*/ 216 w 899"/>
                  <a:gd name="T103" fmla="*/ 152 h 703"/>
                  <a:gd name="T104" fmla="*/ 229 w 899"/>
                  <a:gd name="T105" fmla="*/ 153 h 703"/>
                  <a:gd name="T106" fmla="*/ 233 w 899"/>
                  <a:gd name="T107" fmla="*/ 143 h 703"/>
                  <a:gd name="T108" fmla="*/ 220 w 899"/>
                  <a:gd name="T109" fmla="*/ 140 h 703"/>
                  <a:gd name="T110" fmla="*/ 224 w 899"/>
                  <a:gd name="T111" fmla="*/ 134 h 703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0" t="0" r="r" b="b"/>
                <a:pathLst>
                  <a:path w="899" h="703">
                    <a:moveTo>
                      <a:pt x="692" y="393"/>
                    </a:moveTo>
                    <a:lnTo>
                      <a:pt x="697" y="399"/>
                    </a:lnTo>
                    <a:lnTo>
                      <a:pt x="701" y="403"/>
                    </a:lnTo>
                    <a:lnTo>
                      <a:pt x="705" y="408"/>
                    </a:lnTo>
                    <a:lnTo>
                      <a:pt x="710" y="410"/>
                    </a:lnTo>
                    <a:lnTo>
                      <a:pt x="716" y="413"/>
                    </a:lnTo>
                    <a:lnTo>
                      <a:pt x="721" y="414"/>
                    </a:lnTo>
                    <a:lnTo>
                      <a:pt x="727" y="416"/>
                    </a:lnTo>
                    <a:lnTo>
                      <a:pt x="732" y="416"/>
                    </a:lnTo>
                    <a:lnTo>
                      <a:pt x="745" y="416"/>
                    </a:lnTo>
                    <a:lnTo>
                      <a:pt x="759" y="415"/>
                    </a:lnTo>
                    <a:lnTo>
                      <a:pt x="772" y="413"/>
                    </a:lnTo>
                    <a:lnTo>
                      <a:pt x="787" y="410"/>
                    </a:lnTo>
                    <a:lnTo>
                      <a:pt x="802" y="407"/>
                    </a:lnTo>
                    <a:lnTo>
                      <a:pt x="817" y="405"/>
                    </a:lnTo>
                    <a:lnTo>
                      <a:pt x="831" y="402"/>
                    </a:lnTo>
                    <a:lnTo>
                      <a:pt x="845" y="402"/>
                    </a:lnTo>
                    <a:lnTo>
                      <a:pt x="852" y="402"/>
                    </a:lnTo>
                    <a:lnTo>
                      <a:pt x="860" y="403"/>
                    </a:lnTo>
                    <a:lnTo>
                      <a:pt x="866" y="405"/>
                    </a:lnTo>
                    <a:lnTo>
                      <a:pt x="873" y="407"/>
                    </a:lnTo>
                    <a:lnTo>
                      <a:pt x="880" y="409"/>
                    </a:lnTo>
                    <a:lnTo>
                      <a:pt x="886" y="412"/>
                    </a:lnTo>
                    <a:lnTo>
                      <a:pt x="892" y="416"/>
                    </a:lnTo>
                    <a:lnTo>
                      <a:pt x="899" y="421"/>
                    </a:lnTo>
                    <a:lnTo>
                      <a:pt x="876" y="457"/>
                    </a:lnTo>
                    <a:lnTo>
                      <a:pt x="852" y="494"/>
                    </a:lnTo>
                    <a:lnTo>
                      <a:pt x="841" y="513"/>
                    </a:lnTo>
                    <a:lnTo>
                      <a:pt x="828" y="531"/>
                    </a:lnTo>
                    <a:lnTo>
                      <a:pt x="816" y="549"/>
                    </a:lnTo>
                    <a:lnTo>
                      <a:pt x="803" y="566"/>
                    </a:lnTo>
                    <a:lnTo>
                      <a:pt x="788" y="581"/>
                    </a:lnTo>
                    <a:lnTo>
                      <a:pt x="773" y="596"/>
                    </a:lnTo>
                    <a:lnTo>
                      <a:pt x="759" y="609"/>
                    </a:lnTo>
                    <a:lnTo>
                      <a:pt x="742" y="620"/>
                    </a:lnTo>
                    <a:lnTo>
                      <a:pt x="733" y="626"/>
                    </a:lnTo>
                    <a:lnTo>
                      <a:pt x="724" y="631"/>
                    </a:lnTo>
                    <a:lnTo>
                      <a:pt x="716" y="635"/>
                    </a:lnTo>
                    <a:lnTo>
                      <a:pt x="706" y="638"/>
                    </a:lnTo>
                    <a:lnTo>
                      <a:pt x="696" y="641"/>
                    </a:lnTo>
                    <a:lnTo>
                      <a:pt x="686" y="644"/>
                    </a:lnTo>
                    <a:lnTo>
                      <a:pt x="676" y="645"/>
                    </a:lnTo>
                    <a:lnTo>
                      <a:pt x="664" y="646"/>
                    </a:lnTo>
                    <a:lnTo>
                      <a:pt x="659" y="645"/>
                    </a:lnTo>
                    <a:lnTo>
                      <a:pt x="652" y="642"/>
                    </a:lnTo>
                    <a:lnTo>
                      <a:pt x="647" y="640"/>
                    </a:lnTo>
                    <a:lnTo>
                      <a:pt x="643" y="637"/>
                    </a:lnTo>
                    <a:lnTo>
                      <a:pt x="633" y="631"/>
                    </a:lnTo>
                    <a:lnTo>
                      <a:pt x="626" y="624"/>
                    </a:lnTo>
                    <a:lnTo>
                      <a:pt x="618" y="616"/>
                    </a:lnTo>
                    <a:lnTo>
                      <a:pt x="609" y="610"/>
                    </a:lnTo>
                    <a:lnTo>
                      <a:pt x="601" y="604"/>
                    </a:lnTo>
                    <a:lnTo>
                      <a:pt x="589" y="599"/>
                    </a:lnTo>
                    <a:lnTo>
                      <a:pt x="572" y="608"/>
                    </a:lnTo>
                    <a:lnTo>
                      <a:pt x="552" y="617"/>
                    </a:lnTo>
                    <a:lnTo>
                      <a:pt x="531" y="626"/>
                    </a:lnTo>
                    <a:lnTo>
                      <a:pt x="509" y="633"/>
                    </a:lnTo>
                    <a:lnTo>
                      <a:pt x="498" y="636"/>
                    </a:lnTo>
                    <a:lnTo>
                      <a:pt x="487" y="638"/>
                    </a:lnTo>
                    <a:lnTo>
                      <a:pt x="477" y="639"/>
                    </a:lnTo>
                    <a:lnTo>
                      <a:pt x="466" y="639"/>
                    </a:lnTo>
                    <a:lnTo>
                      <a:pt x="455" y="638"/>
                    </a:lnTo>
                    <a:lnTo>
                      <a:pt x="447" y="636"/>
                    </a:lnTo>
                    <a:lnTo>
                      <a:pt x="438" y="632"/>
                    </a:lnTo>
                    <a:lnTo>
                      <a:pt x="430" y="628"/>
                    </a:lnTo>
                    <a:lnTo>
                      <a:pt x="428" y="631"/>
                    </a:lnTo>
                    <a:lnTo>
                      <a:pt x="426" y="634"/>
                    </a:lnTo>
                    <a:lnTo>
                      <a:pt x="425" y="638"/>
                    </a:lnTo>
                    <a:lnTo>
                      <a:pt x="425" y="642"/>
                    </a:lnTo>
                    <a:lnTo>
                      <a:pt x="426" y="651"/>
                    </a:lnTo>
                    <a:lnTo>
                      <a:pt x="428" y="660"/>
                    </a:lnTo>
                    <a:lnTo>
                      <a:pt x="432" y="671"/>
                    </a:lnTo>
                    <a:lnTo>
                      <a:pt x="435" y="681"/>
                    </a:lnTo>
                    <a:lnTo>
                      <a:pt x="439" y="692"/>
                    </a:lnTo>
                    <a:lnTo>
                      <a:pt x="440" y="703"/>
                    </a:lnTo>
                    <a:lnTo>
                      <a:pt x="421" y="699"/>
                    </a:lnTo>
                    <a:lnTo>
                      <a:pt x="400" y="696"/>
                    </a:lnTo>
                    <a:lnTo>
                      <a:pt x="378" y="693"/>
                    </a:lnTo>
                    <a:lnTo>
                      <a:pt x="355" y="691"/>
                    </a:lnTo>
                    <a:lnTo>
                      <a:pt x="334" y="690"/>
                    </a:lnTo>
                    <a:lnTo>
                      <a:pt x="314" y="689"/>
                    </a:lnTo>
                    <a:lnTo>
                      <a:pt x="305" y="689"/>
                    </a:lnTo>
                    <a:lnTo>
                      <a:pt x="296" y="690"/>
                    </a:lnTo>
                    <a:lnTo>
                      <a:pt x="288" y="691"/>
                    </a:lnTo>
                    <a:lnTo>
                      <a:pt x="281" y="693"/>
                    </a:lnTo>
                    <a:lnTo>
                      <a:pt x="272" y="662"/>
                    </a:lnTo>
                    <a:lnTo>
                      <a:pt x="262" y="631"/>
                    </a:lnTo>
                    <a:lnTo>
                      <a:pt x="256" y="614"/>
                    </a:lnTo>
                    <a:lnTo>
                      <a:pt x="250" y="599"/>
                    </a:lnTo>
                    <a:lnTo>
                      <a:pt x="243" y="585"/>
                    </a:lnTo>
                    <a:lnTo>
                      <a:pt x="235" y="572"/>
                    </a:lnTo>
                    <a:lnTo>
                      <a:pt x="227" y="560"/>
                    </a:lnTo>
                    <a:lnTo>
                      <a:pt x="217" y="551"/>
                    </a:lnTo>
                    <a:lnTo>
                      <a:pt x="213" y="548"/>
                    </a:lnTo>
                    <a:lnTo>
                      <a:pt x="208" y="545"/>
                    </a:lnTo>
                    <a:lnTo>
                      <a:pt x="202" y="542"/>
                    </a:lnTo>
                    <a:lnTo>
                      <a:pt x="196" y="540"/>
                    </a:lnTo>
                    <a:lnTo>
                      <a:pt x="190" y="540"/>
                    </a:lnTo>
                    <a:lnTo>
                      <a:pt x="184" y="540"/>
                    </a:lnTo>
                    <a:lnTo>
                      <a:pt x="177" y="541"/>
                    </a:lnTo>
                    <a:lnTo>
                      <a:pt x="171" y="544"/>
                    </a:lnTo>
                    <a:lnTo>
                      <a:pt x="164" y="547"/>
                    </a:lnTo>
                    <a:lnTo>
                      <a:pt x="156" y="550"/>
                    </a:lnTo>
                    <a:lnTo>
                      <a:pt x="148" y="555"/>
                    </a:lnTo>
                    <a:lnTo>
                      <a:pt x="140" y="561"/>
                    </a:lnTo>
                    <a:lnTo>
                      <a:pt x="127" y="557"/>
                    </a:lnTo>
                    <a:lnTo>
                      <a:pt x="114" y="552"/>
                    </a:lnTo>
                    <a:lnTo>
                      <a:pt x="102" y="546"/>
                    </a:lnTo>
                    <a:lnTo>
                      <a:pt x="90" y="539"/>
                    </a:lnTo>
                    <a:lnTo>
                      <a:pt x="80" y="532"/>
                    </a:lnTo>
                    <a:lnTo>
                      <a:pt x="69" y="524"/>
                    </a:lnTo>
                    <a:lnTo>
                      <a:pt x="60" y="515"/>
                    </a:lnTo>
                    <a:lnTo>
                      <a:pt x="51" y="507"/>
                    </a:lnTo>
                    <a:lnTo>
                      <a:pt x="42" y="496"/>
                    </a:lnTo>
                    <a:lnTo>
                      <a:pt x="34" y="487"/>
                    </a:lnTo>
                    <a:lnTo>
                      <a:pt x="27" y="475"/>
                    </a:lnTo>
                    <a:lnTo>
                      <a:pt x="21" y="463"/>
                    </a:lnTo>
                    <a:lnTo>
                      <a:pt x="14" y="452"/>
                    </a:lnTo>
                    <a:lnTo>
                      <a:pt x="9" y="439"/>
                    </a:lnTo>
                    <a:lnTo>
                      <a:pt x="4" y="426"/>
                    </a:lnTo>
                    <a:lnTo>
                      <a:pt x="0" y="412"/>
                    </a:lnTo>
                    <a:lnTo>
                      <a:pt x="10" y="414"/>
                    </a:lnTo>
                    <a:lnTo>
                      <a:pt x="21" y="415"/>
                    </a:lnTo>
                    <a:lnTo>
                      <a:pt x="30" y="415"/>
                    </a:lnTo>
                    <a:lnTo>
                      <a:pt x="40" y="415"/>
                    </a:lnTo>
                    <a:lnTo>
                      <a:pt x="48" y="413"/>
                    </a:lnTo>
                    <a:lnTo>
                      <a:pt x="56" y="412"/>
                    </a:lnTo>
                    <a:lnTo>
                      <a:pt x="65" y="409"/>
                    </a:lnTo>
                    <a:lnTo>
                      <a:pt x="72" y="406"/>
                    </a:lnTo>
                    <a:lnTo>
                      <a:pt x="80" y="402"/>
                    </a:lnTo>
                    <a:lnTo>
                      <a:pt x="86" y="398"/>
                    </a:lnTo>
                    <a:lnTo>
                      <a:pt x="93" y="393"/>
                    </a:lnTo>
                    <a:lnTo>
                      <a:pt x="100" y="388"/>
                    </a:lnTo>
                    <a:lnTo>
                      <a:pt x="111" y="376"/>
                    </a:lnTo>
                    <a:lnTo>
                      <a:pt x="122" y="362"/>
                    </a:lnTo>
                    <a:lnTo>
                      <a:pt x="132" y="349"/>
                    </a:lnTo>
                    <a:lnTo>
                      <a:pt x="142" y="334"/>
                    </a:lnTo>
                    <a:lnTo>
                      <a:pt x="151" y="318"/>
                    </a:lnTo>
                    <a:lnTo>
                      <a:pt x="160" y="302"/>
                    </a:lnTo>
                    <a:lnTo>
                      <a:pt x="169" y="287"/>
                    </a:lnTo>
                    <a:lnTo>
                      <a:pt x="177" y="272"/>
                    </a:lnTo>
                    <a:lnTo>
                      <a:pt x="187" y="257"/>
                    </a:lnTo>
                    <a:lnTo>
                      <a:pt x="196" y="243"/>
                    </a:lnTo>
                    <a:lnTo>
                      <a:pt x="209" y="249"/>
                    </a:lnTo>
                    <a:lnTo>
                      <a:pt x="220" y="253"/>
                    </a:lnTo>
                    <a:lnTo>
                      <a:pt x="229" y="254"/>
                    </a:lnTo>
                    <a:lnTo>
                      <a:pt x="237" y="255"/>
                    </a:lnTo>
                    <a:lnTo>
                      <a:pt x="246" y="255"/>
                    </a:lnTo>
                    <a:lnTo>
                      <a:pt x="253" y="253"/>
                    </a:lnTo>
                    <a:lnTo>
                      <a:pt x="261" y="251"/>
                    </a:lnTo>
                    <a:lnTo>
                      <a:pt x="268" y="249"/>
                    </a:lnTo>
                    <a:lnTo>
                      <a:pt x="283" y="243"/>
                    </a:lnTo>
                    <a:lnTo>
                      <a:pt x="302" y="240"/>
                    </a:lnTo>
                    <a:lnTo>
                      <a:pt x="312" y="239"/>
                    </a:lnTo>
                    <a:lnTo>
                      <a:pt x="325" y="239"/>
                    </a:lnTo>
                    <a:lnTo>
                      <a:pt x="340" y="240"/>
                    </a:lnTo>
                    <a:lnTo>
                      <a:pt x="355" y="243"/>
                    </a:lnTo>
                    <a:lnTo>
                      <a:pt x="356" y="235"/>
                    </a:lnTo>
                    <a:lnTo>
                      <a:pt x="358" y="229"/>
                    </a:lnTo>
                    <a:lnTo>
                      <a:pt x="356" y="222"/>
                    </a:lnTo>
                    <a:lnTo>
                      <a:pt x="355" y="217"/>
                    </a:lnTo>
                    <a:lnTo>
                      <a:pt x="353" y="213"/>
                    </a:lnTo>
                    <a:lnTo>
                      <a:pt x="351" y="210"/>
                    </a:lnTo>
                    <a:lnTo>
                      <a:pt x="347" y="207"/>
                    </a:lnTo>
                    <a:lnTo>
                      <a:pt x="344" y="203"/>
                    </a:lnTo>
                    <a:lnTo>
                      <a:pt x="326" y="196"/>
                    </a:lnTo>
                    <a:lnTo>
                      <a:pt x="309" y="188"/>
                    </a:lnTo>
                    <a:lnTo>
                      <a:pt x="304" y="192"/>
                    </a:lnTo>
                    <a:lnTo>
                      <a:pt x="300" y="195"/>
                    </a:lnTo>
                    <a:lnTo>
                      <a:pt x="294" y="198"/>
                    </a:lnTo>
                    <a:lnTo>
                      <a:pt x="289" y="200"/>
                    </a:lnTo>
                    <a:lnTo>
                      <a:pt x="279" y="204"/>
                    </a:lnTo>
                    <a:lnTo>
                      <a:pt x="267" y="207"/>
                    </a:lnTo>
                    <a:lnTo>
                      <a:pt x="245" y="207"/>
                    </a:lnTo>
                    <a:lnTo>
                      <a:pt x="224" y="205"/>
                    </a:lnTo>
                    <a:lnTo>
                      <a:pt x="227" y="198"/>
                    </a:lnTo>
                    <a:lnTo>
                      <a:pt x="231" y="190"/>
                    </a:lnTo>
                    <a:lnTo>
                      <a:pt x="234" y="182"/>
                    </a:lnTo>
                    <a:lnTo>
                      <a:pt x="239" y="176"/>
                    </a:lnTo>
                    <a:lnTo>
                      <a:pt x="248" y="162"/>
                    </a:lnTo>
                    <a:lnTo>
                      <a:pt x="256" y="150"/>
                    </a:lnTo>
                    <a:lnTo>
                      <a:pt x="265" y="136"/>
                    </a:lnTo>
                    <a:lnTo>
                      <a:pt x="272" y="120"/>
                    </a:lnTo>
                    <a:lnTo>
                      <a:pt x="275" y="113"/>
                    </a:lnTo>
                    <a:lnTo>
                      <a:pt x="277" y="103"/>
                    </a:lnTo>
                    <a:lnTo>
                      <a:pt x="280" y="95"/>
                    </a:lnTo>
                    <a:lnTo>
                      <a:pt x="281" y="84"/>
                    </a:lnTo>
                    <a:lnTo>
                      <a:pt x="293" y="83"/>
                    </a:lnTo>
                    <a:lnTo>
                      <a:pt x="305" y="81"/>
                    </a:lnTo>
                    <a:lnTo>
                      <a:pt x="315" y="77"/>
                    </a:lnTo>
                    <a:lnTo>
                      <a:pt x="325" y="73"/>
                    </a:lnTo>
                    <a:lnTo>
                      <a:pt x="334" y="68"/>
                    </a:lnTo>
                    <a:lnTo>
                      <a:pt x="342" y="61"/>
                    </a:lnTo>
                    <a:lnTo>
                      <a:pt x="349" y="55"/>
                    </a:lnTo>
                    <a:lnTo>
                      <a:pt x="356" y="48"/>
                    </a:lnTo>
                    <a:lnTo>
                      <a:pt x="370" y="34"/>
                    </a:lnTo>
                    <a:lnTo>
                      <a:pt x="385" y="20"/>
                    </a:lnTo>
                    <a:lnTo>
                      <a:pt x="393" y="14"/>
                    </a:lnTo>
                    <a:lnTo>
                      <a:pt x="402" y="9"/>
                    </a:lnTo>
                    <a:lnTo>
                      <a:pt x="410" y="3"/>
                    </a:lnTo>
                    <a:lnTo>
                      <a:pt x="421" y="0"/>
                    </a:lnTo>
                    <a:lnTo>
                      <a:pt x="447" y="9"/>
                    </a:lnTo>
                    <a:lnTo>
                      <a:pt x="473" y="18"/>
                    </a:lnTo>
                    <a:lnTo>
                      <a:pt x="499" y="28"/>
                    </a:lnTo>
                    <a:lnTo>
                      <a:pt x="524" y="37"/>
                    </a:lnTo>
                    <a:lnTo>
                      <a:pt x="523" y="28"/>
                    </a:lnTo>
                    <a:lnTo>
                      <a:pt x="524" y="20"/>
                    </a:lnTo>
                    <a:lnTo>
                      <a:pt x="526" y="13"/>
                    </a:lnTo>
                    <a:lnTo>
                      <a:pt x="530" y="9"/>
                    </a:lnTo>
                    <a:lnTo>
                      <a:pt x="534" y="4"/>
                    </a:lnTo>
                    <a:lnTo>
                      <a:pt x="541" y="2"/>
                    </a:lnTo>
                    <a:lnTo>
                      <a:pt x="548" y="0"/>
                    </a:lnTo>
                    <a:lnTo>
                      <a:pt x="557" y="0"/>
                    </a:lnTo>
                    <a:lnTo>
                      <a:pt x="565" y="0"/>
                    </a:lnTo>
                    <a:lnTo>
                      <a:pt x="574" y="1"/>
                    </a:lnTo>
                    <a:lnTo>
                      <a:pt x="584" y="3"/>
                    </a:lnTo>
                    <a:lnTo>
                      <a:pt x="592" y="6"/>
                    </a:lnTo>
                    <a:lnTo>
                      <a:pt x="611" y="12"/>
                    </a:lnTo>
                    <a:lnTo>
                      <a:pt x="627" y="19"/>
                    </a:lnTo>
                    <a:lnTo>
                      <a:pt x="627" y="32"/>
                    </a:lnTo>
                    <a:lnTo>
                      <a:pt x="629" y="44"/>
                    </a:lnTo>
                    <a:lnTo>
                      <a:pt x="632" y="58"/>
                    </a:lnTo>
                    <a:lnTo>
                      <a:pt x="637" y="71"/>
                    </a:lnTo>
                    <a:lnTo>
                      <a:pt x="642" y="83"/>
                    </a:lnTo>
                    <a:lnTo>
                      <a:pt x="648" y="97"/>
                    </a:lnTo>
                    <a:lnTo>
                      <a:pt x="656" y="110"/>
                    </a:lnTo>
                    <a:lnTo>
                      <a:pt x="663" y="122"/>
                    </a:lnTo>
                    <a:lnTo>
                      <a:pt x="679" y="147"/>
                    </a:lnTo>
                    <a:lnTo>
                      <a:pt x="697" y="171"/>
                    </a:lnTo>
                    <a:lnTo>
                      <a:pt x="713" y="194"/>
                    </a:lnTo>
                    <a:lnTo>
                      <a:pt x="730" y="215"/>
                    </a:lnTo>
                    <a:lnTo>
                      <a:pt x="723" y="215"/>
                    </a:lnTo>
                    <a:lnTo>
                      <a:pt x="716" y="215"/>
                    </a:lnTo>
                    <a:lnTo>
                      <a:pt x="709" y="215"/>
                    </a:lnTo>
                    <a:lnTo>
                      <a:pt x="704" y="216"/>
                    </a:lnTo>
                    <a:lnTo>
                      <a:pt x="699" y="218"/>
                    </a:lnTo>
                    <a:lnTo>
                      <a:pt x="694" y="220"/>
                    </a:lnTo>
                    <a:lnTo>
                      <a:pt x="690" y="222"/>
                    </a:lnTo>
                    <a:lnTo>
                      <a:pt x="686" y="226"/>
                    </a:lnTo>
                    <a:lnTo>
                      <a:pt x="680" y="233"/>
                    </a:lnTo>
                    <a:lnTo>
                      <a:pt x="674" y="240"/>
                    </a:lnTo>
                    <a:lnTo>
                      <a:pt x="669" y="250"/>
                    </a:lnTo>
                    <a:lnTo>
                      <a:pt x="665" y="258"/>
                    </a:lnTo>
                    <a:lnTo>
                      <a:pt x="661" y="268"/>
                    </a:lnTo>
                    <a:lnTo>
                      <a:pt x="657" y="277"/>
                    </a:lnTo>
                    <a:lnTo>
                      <a:pt x="652" y="286"/>
                    </a:lnTo>
                    <a:lnTo>
                      <a:pt x="646" y="293"/>
                    </a:lnTo>
                    <a:lnTo>
                      <a:pt x="643" y="297"/>
                    </a:lnTo>
                    <a:lnTo>
                      <a:pt x="640" y="299"/>
                    </a:lnTo>
                    <a:lnTo>
                      <a:pt x="636" y="302"/>
                    </a:lnTo>
                    <a:lnTo>
                      <a:pt x="631" y="304"/>
                    </a:lnTo>
                    <a:lnTo>
                      <a:pt x="626" y="307"/>
                    </a:lnTo>
                    <a:lnTo>
                      <a:pt x="621" y="308"/>
                    </a:lnTo>
                    <a:lnTo>
                      <a:pt x="614" y="309"/>
                    </a:lnTo>
                    <a:lnTo>
                      <a:pt x="608" y="309"/>
                    </a:lnTo>
                    <a:lnTo>
                      <a:pt x="609" y="317"/>
                    </a:lnTo>
                    <a:lnTo>
                      <a:pt x="610" y="323"/>
                    </a:lnTo>
                    <a:lnTo>
                      <a:pt x="613" y="329"/>
                    </a:lnTo>
                    <a:lnTo>
                      <a:pt x="616" y="335"/>
                    </a:lnTo>
                    <a:lnTo>
                      <a:pt x="618" y="340"/>
                    </a:lnTo>
                    <a:lnTo>
                      <a:pt x="619" y="348"/>
                    </a:lnTo>
                    <a:lnTo>
                      <a:pt x="619" y="355"/>
                    </a:lnTo>
                    <a:lnTo>
                      <a:pt x="618" y="366"/>
                    </a:lnTo>
                    <a:lnTo>
                      <a:pt x="611" y="363"/>
                    </a:lnTo>
                    <a:lnTo>
                      <a:pt x="605" y="362"/>
                    </a:lnTo>
                    <a:lnTo>
                      <a:pt x="600" y="362"/>
                    </a:lnTo>
                    <a:lnTo>
                      <a:pt x="596" y="363"/>
                    </a:lnTo>
                    <a:lnTo>
                      <a:pt x="590" y="364"/>
                    </a:lnTo>
                    <a:lnTo>
                      <a:pt x="586" y="366"/>
                    </a:lnTo>
                    <a:lnTo>
                      <a:pt x="583" y="368"/>
                    </a:lnTo>
                    <a:lnTo>
                      <a:pt x="579" y="370"/>
                    </a:lnTo>
                    <a:lnTo>
                      <a:pt x="573" y="376"/>
                    </a:lnTo>
                    <a:lnTo>
                      <a:pt x="568" y="382"/>
                    </a:lnTo>
                    <a:lnTo>
                      <a:pt x="564" y="390"/>
                    </a:lnTo>
                    <a:lnTo>
                      <a:pt x="560" y="398"/>
                    </a:lnTo>
                    <a:lnTo>
                      <a:pt x="553" y="414"/>
                    </a:lnTo>
                    <a:lnTo>
                      <a:pt x="546" y="427"/>
                    </a:lnTo>
                    <a:lnTo>
                      <a:pt x="542" y="431"/>
                    </a:lnTo>
                    <a:lnTo>
                      <a:pt x="537" y="433"/>
                    </a:lnTo>
                    <a:lnTo>
                      <a:pt x="534" y="434"/>
                    </a:lnTo>
                    <a:lnTo>
                      <a:pt x="531" y="433"/>
                    </a:lnTo>
                    <a:lnTo>
                      <a:pt x="528" y="432"/>
                    </a:lnTo>
                    <a:lnTo>
                      <a:pt x="524" y="431"/>
                    </a:lnTo>
                    <a:lnTo>
                      <a:pt x="531" y="468"/>
                    </a:lnTo>
                    <a:lnTo>
                      <a:pt x="540" y="503"/>
                    </a:lnTo>
                    <a:lnTo>
                      <a:pt x="544" y="521"/>
                    </a:lnTo>
                    <a:lnTo>
                      <a:pt x="549" y="538"/>
                    </a:lnTo>
                    <a:lnTo>
                      <a:pt x="555" y="555"/>
                    </a:lnTo>
                    <a:lnTo>
                      <a:pt x="562" y="571"/>
                    </a:lnTo>
                    <a:lnTo>
                      <a:pt x="569" y="572"/>
                    </a:lnTo>
                    <a:lnTo>
                      <a:pt x="575" y="572"/>
                    </a:lnTo>
                    <a:lnTo>
                      <a:pt x="582" y="570"/>
                    </a:lnTo>
                    <a:lnTo>
                      <a:pt x="587" y="569"/>
                    </a:lnTo>
                    <a:lnTo>
                      <a:pt x="591" y="566"/>
                    </a:lnTo>
                    <a:lnTo>
                      <a:pt x="596" y="562"/>
                    </a:lnTo>
                    <a:lnTo>
                      <a:pt x="599" y="559"/>
                    </a:lnTo>
                    <a:lnTo>
                      <a:pt x="602" y="556"/>
                    </a:lnTo>
                    <a:lnTo>
                      <a:pt x="608" y="548"/>
                    </a:lnTo>
                    <a:lnTo>
                      <a:pt x="613" y="539"/>
                    </a:lnTo>
                    <a:lnTo>
                      <a:pt x="620" y="531"/>
                    </a:lnTo>
                    <a:lnTo>
                      <a:pt x="627" y="525"/>
                    </a:lnTo>
                    <a:lnTo>
                      <a:pt x="621" y="512"/>
                    </a:lnTo>
                    <a:lnTo>
                      <a:pt x="613" y="500"/>
                    </a:lnTo>
                    <a:lnTo>
                      <a:pt x="610" y="494"/>
                    </a:lnTo>
                    <a:lnTo>
                      <a:pt x="608" y="487"/>
                    </a:lnTo>
                    <a:lnTo>
                      <a:pt x="607" y="478"/>
                    </a:lnTo>
                    <a:lnTo>
                      <a:pt x="608" y="468"/>
                    </a:lnTo>
                    <a:lnTo>
                      <a:pt x="614" y="462"/>
                    </a:lnTo>
                    <a:lnTo>
                      <a:pt x="621" y="458"/>
                    </a:lnTo>
                    <a:lnTo>
                      <a:pt x="627" y="456"/>
                    </a:lnTo>
                    <a:lnTo>
                      <a:pt x="633" y="456"/>
                    </a:lnTo>
                    <a:lnTo>
                      <a:pt x="646" y="458"/>
                    </a:lnTo>
                    <a:lnTo>
                      <a:pt x="659" y="461"/>
                    </a:lnTo>
                    <a:lnTo>
                      <a:pt x="664" y="463"/>
                    </a:lnTo>
                    <a:lnTo>
                      <a:pt x="670" y="463"/>
                    </a:lnTo>
                    <a:lnTo>
                      <a:pt x="677" y="465"/>
                    </a:lnTo>
                    <a:lnTo>
                      <a:pt x="682" y="463"/>
                    </a:lnTo>
                    <a:lnTo>
                      <a:pt x="687" y="460"/>
                    </a:lnTo>
                    <a:lnTo>
                      <a:pt x="692" y="456"/>
                    </a:lnTo>
                    <a:lnTo>
                      <a:pt x="698" y="450"/>
                    </a:lnTo>
                    <a:lnTo>
                      <a:pt x="702" y="440"/>
                    </a:lnTo>
                    <a:lnTo>
                      <a:pt x="701" y="435"/>
                    </a:lnTo>
                    <a:lnTo>
                      <a:pt x="700" y="432"/>
                    </a:lnTo>
                    <a:lnTo>
                      <a:pt x="698" y="429"/>
                    </a:lnTo>
                    <a:lnTo>
                      <a:pt x="694" y="427"/>
                    </a:lnTo>
                    <a:lnTo>
                      <a:pt x="691" y="425"/>
                    </a:lnTo>
                    <a:lnTo>
                      <a:pt x="687" y="422"/>
                    </a:lnTo>
                    <a:lnTo>
                      <a:pt x="683" y="422"/>
                    </a:lnTo>
                    <a:lnTo>
                      <a:pt x="679" y="421"/>
                    </a:lnTo>
                    <a:lnTo>
                      <a:pt x="658" y="421"/>
                    </a:lnTo>
                    <a:lnTo>
                      <a:pt x="637" y="421"/>
                    </a:lnTo>
                    <a:lnTo>
                      <a:pt x="642" y="416"/>
                    </a:lnTo>
                    <a:lnTo>
                      <a:pt x="648" y="412"/>
                    </a:lnTo>
                    <a:lnTo>
                      <a:pt x="656" y="410"/>
                    </a:lnTo>
                    <a:lnTo>
                      <a:pt x="663" y="407"/>
                    </a:lnTo>
                    <a:lnTo>
                      <a:pt x="670" y="402"/>
                    </a:lnTo>
                    <a:lnTo>
                      <a:pt x="677" y="398"/>
                    </a:lnTo>
                    <a:lnTo>
                      <a:pt x="679" y="396"/>
                    </a:lnTo>
                    <a:lnTo>
                      <a:pt x="681" y="392"/>
                    </a:lnTo>
                    <a:lnTo>
                      <a:pt x="683" y="389"/>
                    </a:lnTo>
                    <a:lnTo>
                      <a:pt x="683" y="383"/>
                    </a:lnTo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</p:grpSp>
      <p:grpSp>
        <p:nvGrpSpPr>
          <p:cNvPr id="377" name="Nordjylland"/>
          <p:cNvGrpSpPr>
            <a:grpSpLocks/>
          </p:cNvGrpSpPr>
          <p:nvPr/>
        </p:nvGrpSpPr>
        <p:grpSpPr>
          <a:xfrm>
            <a:off x="833439" y="2095685"/>
            <a:ext cx="2263774" cy="1676401"/>
            <a:chOff x="636588" y="2149475"/>
            <a:chExt cx="2263774" cy="1676401"/>
          </a:xfrm>
          <a:solidFill>
            <a:schemeClr val="bg1"/>
          </a:solidFill>
        </p:grpSpPr>
        <p:sp>
          <p:nvSpPr>
            <p:cNvPr id="378" name="Hjørring"/>
            <p:cNvSpPr>
              <a:spLocks/>
            </p:cNvSpPr>
            <p:nvPr/>
          </p:nvSpPr>
          <p:spPr bwMode="auto">
            <a:xfrm>
              <a:off x="1760538" y="2336800"/>
              <a:ext cx="523875" cy="436563"/>
            </a:xfrm>
            <a:custGeom>
              <a:avLst/>
              <a:gdLst>
                <a:gd name="T0" fmla="*/ 89 w 990"/>
                <a:gd name="T1" fmla="*/ 72 h 825"/>
                <a:gd name="T2" fmla="*/ 47 w 990"/>
                <a:gd name="T3" fmla="*/ 134 h 825"/>
                <a:gd name="T4" fmla="*/ 25 w 990"/>
                <a:gd name="T5" fmla="*/ 174 h 825"/>
                <a:gd name="T6" fmla="*/ 6 w 990"/>
                <a:gd name="T7" fmla="*/ 218 h 825"/>
                <a:gd name="T8" fmla="*/ 7 w 990"/>
                <a:gd name="T9" fmla="*/ 236 h 825"/>
                <a:gd name="T10" fmla="*/ 16 w 990"/>
                <a:gd name="T11" fmla="*/ 243 h 825"/>
                <a:gd name="T12" fmla="*/ 23 w 990"/>
                <a:gd name="T13" fmla="*/ 252 h 825"/>
                <a:gd name="T14" fmla="*/ 34 w 990"/>
                <a:gd name="T15" fmla="*/ 267 h 825"/>
                <a:gd name="T16" fmla="*/ 42 w 990"/>
                <a:gd name="T17" fmla="*/ 275 h 825"/>
                <a:gd name="T18" fmla="*/ 43 w 990"/>
                <a:gd name="T19" fmla="*/ 270 h 825"/>
                <a:gd name="T20" fmla="*/ 46 w 990"/>
                <a:gd name="T21" fmla="*/ 267 h 825"/>
                <a:gd name="T22" fmla="*/ 51 w 990"/>
                <a:gd name="T23" fmla="*/ 266 h 825"/>
                <a:gd name="T24" fmla="*/ 61 w 990"/>
                <a:gd name="T25" fmla="*/ 265 h 825"/>
                <a:gd name="T26" fmla="*/ 61 w 990"/>
                <a:gd name="T27" fmla="*/ 257 h 825"/>
                <a:gd name="T28" fmla="*/ 61 w 990"/>
                <a:gd name="T29" fmla="*/ 248 h 825"/>
                <a:gd name="T30" fmla="*/ 64 w 990"/>
                <a:gd name="T31" fmla="*/ 246 h 825"/>
                <a:gd name="T32" fmla="*/ 88 w 990"/>
                <a:gd name="T33" fmla="*/ 246 h 825"/>
                <a:gd name="T34" fmla="*/ 95 w 990"/>
                <a:gd name="T35" fmla="*/ 248 h 825"/>
                <a:gd name="T36" fmla="*/ 102 w 990"/>
                <a:gd name="T37" fmla="*/ 253 h 825"/>
                <a:gd name="T38" fmla="*/ 109 w 990"/>
                <a:gd name="T39" fmla="*/ 257 h 825"/>
                <a:gd name="T40" fmla="*/ 116 w 990"/>
                <a:gd name="T41" fmla="*/ 253 h 825"/>
                <a:gd name="T42" fmla="*/ 122 w 990"/>
                <a:gd name="T43" fmla="*/ 251 h 825"/>
                <a:gd name="T44" fmla="*/ 132 w 990"/>
                <a:gd name="T45" fmla="*/ 251 h 825"/>
                <a:gd name="T46" fmla="*/ 148 w 990"/>
                <a:gd name="T47" fmla="*/ 257 h 825"/>
                <a:gd name="T48" fmla="*/ 164 w 990"/>
                <a:gd name="T49" fmla="*/ 264 h 825"/>
                <a:gd name="T50" fmla="*/ 173 w 990"/>
                <a:gd name="T51" fmla="*/ 265 h 825"/>
                <a:gd name="T52" fmla="*/ 173 w 990"/>
                <a:gd name="T53" fmla="*/ 263 h 825"/>
                <a:gd name="T54" fmla="*/ 172 w 990"/>
                <a:gd name="T55" fmla="*/ 258 h 825"/>
                <a:gd name="T56" fmla="*/ 173 w 990"/>
                <a:gd name="T57" fmla="*/ 254 h 825"/>
                <a:gd name="T58" fmla="*/ 176 w 990"/>
                <a:gd name="T59" fmla="*/ 252 h 825"/>
                <a:gd name="T60" fmla="*/ 190 w 990"/>
                <a:gd name="T61" fmla="*/ 253 h 825"/>
                <a:gd name="T62" fmla="*/ 216 w 990"/>
                <a:gd name="T63" fmla="*/ 253 h 825"/>
                <a:gd name="T64" fmla="*/ 230 w 990"/>
                <a:gd name="T65" fmla="*/ 246 h 825"/>
                <a:gd name="T66" fmla="*/ 232 w 990"/>
                <a:gd name="T67" fmla="*/ 236 h 825"/>
                <a:gd name="T68" fmla="*/ 245 w 990"/>
                <a:gd name="T69" fmla="*/ 225 h 825"/>
                <a:gd name="T70" fmla="*/ 250 w 990"/>
                <a:gd name="T71" fmla="*/ 224 h 825"/>
                <a:gd name="T72" fmla="*/ 254 w 990"/>
                <a:gd name="T73" fmla="*/ 212 h 825"/>
                <a:gd name="T74" fmla="*/ 257 w 990"/>
                <a:gd name="T75" fmla="*/ 205 h 825"/>
                <a:gd name="T76" fmla="*/ 274 w 990"/>
                <a:gd name="T77" fmla="*/ 205 h 825"/>
                <a:gd name="T78" fmla="*/ 291 w 990"/>
                <a:gd name="T79" fmla="*/ 209 h 825"/>
                <a:gd name="T80" fmla="*/ 301 w 990"/>
                <a:gd name="T81" fmla="*/ 209 h 825"/>
                <a:gd name="T82" fmla="*/ 311 w 990"/>
                <a:gd name="T83" fmla="*/ 206 h 825"/>
                <a:gd name="T84" fmla="*/ 308 w 990"/>
                <a:gd name="T85" fmla="*/ 201 h 825"/>
                <a:gd name="T86" fmla="*/ 301 w 990"/>
                <a:gd name="T87" fmla="*/ 195 h 825"/>
                <a:gd name="T88" fmla="*/ 297 w 990"/>
                <a:gd name="T89" fmla="*/ 187 h 825"/>
                <a:gd name="T90" fmla="*/ 290 w 990"/>
                <a:gd name="T91" fmla="*/ 173 h 825"/>
                <a:gd name="T92" fmla="*/ 285 w 990"/>
                <a:gd name="T93" fmla="*/ 165 h 825"/>
                <a:gd name="T94" fmla="*/ 289 w 990"/>
                <a:gd name="T95" fmla="*/ 154 h 825"/>
                <a:gd name="T96" fmla="*/ 297 w 990"/>
                <a:gd name="T97" fmla="*/ 146 h 825"/>
                <a:gd name="T98" fmla="*/ 311 w 990"/>
                <a:gd name="T99" fmla="*/ 137 h 825"/>
                <a:gd name="T100" fmla="*/ 324 w 990"/>
                <a:gd name="T101" fmla="*/ 126 h 825"/>
                <a:gd name="T102" fmla="*/ 327 w 990"/>
                <a:gd name="T103" fmla="*/ 117 h 825"/>
                <a:gd name="T104" fmla="*/ 318 w 990"/>
                <a:gd name="T105" fmla="*/ 107 h 825"/>
                <a:gd name="T106" fmla="*/ 305 w 990"/>
                <a:gd name="T107" fmla="*/ 85 h 825"/>
                <a:gd name="T108" fmla="*/ 295 w 990"/>
                <a:gd name="T109" fmla="*/ 61 h 825"/>
                <a:gd name="T110" fmla="*/ 279 w 990"/>
                <a:gd name="T111" fmla="*/ 22 h 825"/>
                <a:gd name="T112" fmla="*/ 265 w 990"/>
                <a:gd name="T113" fmla="*/ 0 h 825"/>
                <a:gd name="T114" fmla="*/ 245 w 990"/>
                <a:gd name="T115" fmla="*/ 12 h 825"/>
                <a:gd name="T116" fmla="*/ 221 w 990"/>
                <a:gd name="T117" fmla="*/ 20 h 825"/>
                <a:gd name="T118" fmla="*/ 193 w 990"/>
                <a:gd name="T119" fmla="*/ 25 h 825"/>
                <a:gd name="T120" fmla="*/ 163 w 990"/>
                <a:gd name="T121" fmla="*/ 26 h 825"/>
                <a:gd name="T122" fmla="*/ 133 w 990"/>
                <a:gd name="T123" fmla="*/ 24 h 825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990" h="825">
                  <a:moveTo>
                    <a:pt x="370" y="67"/>
                  </a:moveTo>
                  <a:lnTo>
                    <a:pt x="318" y="142"/>
                  </a:lnTo>
                  <a:lnTo>
                    <a:pt x="267" y="216"/>
                  </a:lnTo>
                  <a:lnTo>
                    <a:pt x="216" y="290"/>
                  </a:lnTo>
                  <a:lnTo>
                    <a:pt x="166" y="365"/>
                  </a:lnTo>
                  <a:lnTo>
                    <a:pt x="142" y="403"/>
                  </a:lnTo>
                  <a:lnTo>
                    <a:pt x="119" y="442"/>
                  </a:lnTo>
                  <a:lnTo>
                    <a:pt x="97" y="482"/>
                  </a:lnTo>
                  <a:lnTo>
                    <a:pt x="75" y="523"/>
                  </a:lnTo>
                  <a:lnTo>
                    <a:pt x="55" y="566"/>
                  </a:lnTo>
                  <a:lnTo>
                    <a:pt x="35" y="609"/>
                  </a:lnTo>
                  <a:lnTo>
                    <a:pt x="17" y="653"/>
                  </a:lnTo>
                  <a:lnTo>
                    <a:pt x="0" y="699"/>
                  </a:lnTo>
                  <a:lnTo>
                    <a:pt x="12" y="702"/>
                  </a:lnTo>
                  <a:lnTo>
                    <a:pt x="22" y="708"/>
                  </a:lnTo>
                  <a:lnTo>
                    <a:pt x="32" y="714"/>
                  </a:lnTo>
                  <a:lnTo>
                    <a:pt x="41" y="721"/>
                  </a:lnTo>
                  <a:lnTo>
                    <a:pt x="48" y="730"/>
                  </a:lnTo>
                  <a:lnTo>
                    <a:pt x="56" y="738"/>
                  </a:lnTo>
                  <a:lnTo>
                    <a:pt x="63" y="747"/>
                  </a:lnTo>
                  <a:lnTo>
                    <a:pt x="70" y="756"/>
                  </a:lnTo>
                  <a:lnTo>
                    <a:pt x="82" y="775"/>
                  </a:lnTo>
                  <a:lnTo>
                    <a:pt x="95" y="793"/>
                  </a:lnTo>
                  <a:lnTo>
                    <a:pt x="102" y="802"/>
                  </a:lnTo>
                  <a:lnTo>
                    <a:pt x="110" y="811"/>
                  </a:lnTo>
                  <a:lnTo>
                    <a:pt x="118" y="818"/>
                  </a:lnTo>
                  <a:lnTo>
                    <a:pt x="126" y="825"/>
                  </a:lnTo>
                  <a:lnTo>
                    <a:pt x="126" y="819"/>
                  </a:lnTo>
                  <a:lnTo>
                    <a:pt x="127" y="815"/>
                  </a:lnTo>
                  <a:lnTo>
                    <a:pt x="130" y="811"/>
                  </a:lnTo>
                  <a:lnTo>
                    <a:pt x="132" y="808"/>
                  </a:lnTo>
                  <a:lnTo>
                    <a:pt x="134" y="805"/>
                  </a:lnTo>
                  <a:lnTo>
                    <a:pt x="137" y="802"/>
                  </a:lnTo>
                  <a:lnTo>
                    <a:pt x="140" y="800"/>
                  </a:lnTo>
                  <a:lnTo>
                    <a:pt x="144" y="799"/>
                  </a:lnTo>
                  <a:lnTo>
                    <a:pt x="154" y="797"/>
                  </a:lnTo>
                  <a:lnTo>
                    <a:pt x="163" y="796"/>
                  </a:lnTo>
                  <a:lnTo>
                    <a:pt x="174" y="796"/>
                  </a:lnTo>
                  <a:lnTo>
                    <a:pt x="184" y="796"/>
                  </a:lnTo>
                  <a:lnTo>
                    <a:pt x="186" y="789"/>
                  </a:lnTo>
                  <a:lnTo>
                    <a:pt x="185" y="779"/>
                  </a:lnTo>
                  <a:lnTo>
                    <a:pt x="184" y="770"/>
                  </a:lnTo>
                  <a:lnTo>
                    <a:pt x="183" y="760"/>
                  </a:lnTo>
                  <a:lnTo>
                    <a:pt x="183" y="752"/>
                  </a:lnTo>
                  <a:lnTo>
                    <a:pt x="184" y="745"/>
                  </a:lnTo>
                  <a:lnTo>
                    <a:pt x="186" y="742"/>
                  </a:lnTo>
                  <a:lnTo>
                    <a:pt x="189" y="739"/>
                  </a:lnTo>
                  <a:lnTo>
                    <a:pt x="191" y="738"/>
                  </a:lnTo>
                  <a:lnTo>
                    <a:pt x="195" y="737"/>
                  </a:lnTo>
                  <a:lnTo>
                    <a:pt x="230" y="739"/>
                  </a:lnTo>
                  <a:lnTo>
                    <a:pt x="263" y="738"/>
                  </a:lnTo>
                  <a:lnTo>
                    <a:pt x="271" y="739"/>
                  </a:lnTo>
                  <a:lnTo>
                    <a:pt x="279" y="741"/>
                  </a:lnTo>
                  <a:lnTo>
                    <a:pt x="286" y="745"/>
                  </a:lnTo>
                  <a:lnTo>
                    <a:pt x="294" y="748"/>
                  </a:lnTo>
                  <a:lnTo>
                    <a:pt x="301" y="753"/>
                  </a:lnTo>
                  <a:lnTo>
                    <a:pt x="307" y="759"/>
                  </a:lnTo>
                  <a:lnTo>
                    <a:pt x="315" y="767"/>
                  </a:lnTo>
                  <a:lnTo>
                    <a:pt x="320" y="776"/>
                  </a:lnTo>
                  <a:lnTo>
                    <a:pt x="328" y="771"/>
                  </a:lnTo>
                  <a:lnTo>
                    <a:pt x="334" y="766"/>
                  </a:lnTo>
                  <a:lnTo>
                    <a:pt x="340" y="762"/>
                  </a:lnTo>
                  <a:lnTo>
                    <a:pt x="348" y="758"/>
                  </a:lnTo>
                  <a:lnTo>
                    <a:pt x="354" y="756"/>
                  </a:lnTo>
                  <a:lnTo>
                    <a:pt x="360" y="754"/>
                  </a:lnTo>
                  <a:lnTo>
                    <a:pt x="366" y="753"/>
                  </a:lnTo>
                  <a:lnTo>
                    <a:pt x="373" y="752"/>
                  </a:lnTo>
                  <a:lnTo>
                    <a:pt x="384" y="752"/>
                  </a:lnTo>
                  <a:lnTo>
                    <a:pt x="397" y="753"/>
                  </a:lnTo>
                  <a:lnTo>
                    <a:pt x="409" y="756"/>
                  </a:lnTo>
                  <a:lnTo>
                    <a:pt x="420" y="760"/>
                  </a:lnTo>
                  <a:lnTo>
                    <a:pt x="443" y="771"/>
                  </a:lnTo>
                  <a:lnTo>
                    <a:pt x="466" y="782"/>
                  </a:lnTo>
                  <a:lnTo>
                    <a:pt x="478" y="787"/>
                  </a:lnTo>
                  <a:lnTo>
                    <a:pt x="491" y="791"/>
                  </a:lnTo>
                  <a:lnTo>
                    <a:pt x="502" y="794"/>
                  </a:lnTo>
                  <a:lnTo>
                    <a:pt x="515" y="796"/>
                  </a:lnTo>
                  <a:lnTo>
                    <a:pt x="518" y="795"/>
                  </a:lnTo>
                  <a:lnTo>
                    <a:pt x="519" y="794"/>
                  </a:lnTo>
                  <a:lnTo>
                    <a:pt x="520" y="792"/>
                  </a:lnTo>
                  <a:lnTo>
                    <a:pt x="520" y="790"/>
                  </a:lnTo>
                  <a:lnTo>
                    <a:pt x="519" y="783"/>
                  </a:lnTo>
                  <a:lnTo>
                    <a:pt x="518" y="776"/>
                  </a:lnTo>
                  <a:lnTo>
                    <a:pt x="517" y="773"/>
                  </a:lnTo>
                  <a:lnTo>
                    <a:pt x="517" y="770"/>
                  </a:lnTo>
                  <a:lnTo>
                    <a:pt x="517" y="767"/>
                  </a:lnTo>
                  <a:lnTo>
                    <a:pt x="518" y="763"/>
                  </a:lnTo>
                  <a:lnTo>
                    <a:pt x="520" y="761"/>
                  </a:lnTo>
                  <a:lnTo>
                    <a:pt x="523" y="759"/>
                  </a:lnTo>
                  <a:lnTo>
                    <a:pt x="529" y="757"/>
                  </a:lnTo>
                  <a:lnTo>
                    <a:pt x="534" y="757"/>
                  </a:lnTo>
                  <a:lnTo>
                    <a:pt x="551" y="759"/>
                  </a:lnTo>
                  <a:lnTo>
                    <a:pt x="570" y="760"/>
                  </a:lnTo>
                  <a:lnTo>
                    <a:pt x="590" y="760"/>
                  </a:lnTo>
                  <a:lnTo>
                    <a:pt x="610" y="760"/>
                  </a:lnTo>
                  <a:lnTo>
                    <a:pt x="649" y="758"/>
                  </a:lnTo>
                  <a:lnTo>
                    <a:pt x="680" y="757"/>
                  </a:lnTo>
                  <a:lnTo>
                    <a:pt x="686" y="747"/>
                  </a:lnTo>
                  <a:lnTo>
                    <a:pt x="689" y="738"/>
                  </a:lnTo>
                  <a:lnTo>
                    <a:pt x="692" y="731"/>
                  </a:lnTo>
                  <a:lnTo>
                    <a:pt x="693" y="723"/>
                  </a:lnTo>
                  <a:lnTo>
                    <a:pt x="696" y="707"/>
                  </a:lnTo>
                  <a:lnTo>
                    <a:pt x="699" y="679"/>
                  </a:lnTo>
                  <a:lnTo>
                    <a:pt x="720" y="676"/>
                  </a:lnTo>
                  <a:lnTo>
                    <a:pt x="734" y="676"/>
                  </a:lnTo>
                  <a:lnTo>
                    <a:pt x="738" y="675"/>
                  </a:lnTo>
                  <a:lnTo>
                    <a:pt x="743" y="674"/>
                  </a:lnTo>
                  <a:lnTo>
                    <a:pt x="750" y="673"/>
                  </a:lnTo>
                  <a:lnTo>
                    <a:pt x="757" y="670"/>
                  </a:lnTo>
                  <a:lnTo>
                    <a:pt x="759" y="652"/>
                  </a:lnTo>
                  <a:lnTo>
                    <a:pt x="762" y="636"/>
                  </a:lnTo>
                  <a:lnTo>
                    <a:pt x="764" y="629"/>
                  </a:lnTo>
                  <a:lnTo>
                    <a:pt x="768" y="622"/>
                  </a:lnTo>
                  <a:lnTo>
                    <a:pt x="772" y="616"/>
                  </a:lnTo>
                  <a:lnTo>
                    <a:pt x="777" y="612"/>
                  </a:lnTo>
                  <a:lnTo>
                    <a:pt x="801" y="613"/>
                  </a:lnTo>
                  <a:lnTo>
                    <a:pt x="823" y="616"/>
                  </a:lnTo>
                  <a:lnTo>
                    <a:pt x="845" y="620"/>
                  </a:lnTo>
                  <a:lnTo>
                    <a:pt x="863" y="624"/>
                  </a:lnTo>
                  <a:lnTo>
                    <a:pt x="873" y="626"/>
                  </a:lnTo>
                  <a:lnTo>
                    <a:pt x="883" y="626"/>
                  </a:lnTo>
                  <a:lnTo>
                    <a:pt x="893" y="627"/>
                  </a:lnTo>
                  <a:lnTo>
                    <a:pt x="902" y="626"/>
                  </a:lnTo>
                  <a:lnTo>
                    <a:pt x="912" y="623"/>
                  </a:lnTo>
                  <a:lnTo>
                    <a:pt x="921" y="621"/>
                  </a:lnTo>
                  <a:lnTo>
                    <a:pt x="932" y="617"/>
                  </a:lnTo>
                  <a:lnTo>
                    <a:pt x="941" y="612"/>
                  </a:lnTo>
                  <a:lnTo>
                    <a:pt x="932" y="609"/>
                  </a:lnTo>
                  <a:lnTo>
                    <a:pt x="924" y="603"/>
                  </a:lnTo>
                  <a:lnTo>
                    <a:pt x="916" y="598"/>
                  </a:lnTo>
                  <a:lnTo>
                    <a:pt x="910" y="593"/>
                  </a:lnTo>
                  <a:lnTo>
                    <a:pt x="903" y="586"/>
                  </a:lnTo>
                  <a:lnTo>
                    <a:pt x="899" y="578"/>
                  </a:lnTo>
                  <a:lnTo>
                    <a:pt x="894" y="570"/>
                  </a:lnTo>
                  <a:lnTo>
                    <a:pt x="890" y="561"/>
                  </a:lnTo>
                  <a:lnTo>
                    <a:pt x="881" y="544"/>
                  </a:lnTo>
                  <a:lnTo>
                    <a:pt x="874" y="527"/>
                  </a:lnTo>
                  <a:lnTo>
                    <a:pt x="870" y="518"/>
                  </a:lnTo>
                  <a:lnTo>
                    <a:pt x="866" y="510"/>
                  </a:lnTo>
                  <a:lnTo>
                    <a:pt x="860" y="502"/>
                  </a:lnTo>
                  <a:lnTo>
                    <a:pt x="854" y="495"/>
                  </a:lnTo>
                  <a:lnTo>
                    <a:pt x="857" y="483"/>
                  </a:lnTo>
                  <a:lnTo>
                    <a:pt x="860" y="472"/>
                  </a:lnTo>
                  <a:lnTo>
                    <a:pt x="867" y="462"/>
                  </a:lnTo>
                  <a:lnTo>
                    <a:pt x="873" y="454"/>
                  </a:lnTo>
                  <a:lnTo>
                    <a:pt x="881" y="445"/>
                  </a:lnTo>
                  <a:lnTo>
                    <a:pt x="890" y="438"/>
                  </a:lnTo>
                  <a:lnTo>
                    <a:pt x="900" y="431"/>
                  </a:lnTo>
                  <a:lnTo>
                    <a:pt x="910" y="424"/>
                  </a:lnTo>
                  <a:lnTo>
                    <a:pt x="932" y="411"/>
                  </a:lnTo>
                  <a:lnTo>
                    <a:pt x="953" y="396"/>
                  </a:lnTo>
                  <a:lnTo>
                    <a:pt x="964" y="389"/>
                  </a:lnTo>
                  <a:lnTo>
                    <a:pt x="973" y="379"/>
                  </a:lnTo>
                  <a:lnTo>
                    <a:pt x="982" y="370"/>
                  </a:lnTo>
                  <a:lnTo>
                    <a:pt x="990" y="359"/>
                  </a:lnTo>
                  <a:lnTo>
                    <a:pt x="980" y="350"/>
                  </a:lnTo>
                  <a:lnTo>
                    <a:pt x="971" y="340"/>
                  </a:lnTo>
                  <a:lnTo>
                    <a:pt x="962" y="331"/>
                  </a:lnTo>
                  <a:lnTo>
                    <a:pt x="954" y="320"/>
                  </a:lnTo>
                  <a:lnTo>
                    <a:pt x="939" y="300"/>
                  </a:lnTo>
                  <a:lnTo>
                    <a:pt x="926" y="278"/>
                  </a:lnTo>
                  <a:lnTo>
                    <a:pt x="914" y="256"/>
                  </a:lnTo>
                  <a:lnTo>
                    <a:pt x="903" y="233"/>
                  </a:lnTo>
                  <a:lnTo>
                    <a:pt x="894" y="209"/>
                  </a:lnTo>
                  <a:lnTo>
                    <a:pt x="885" y="184"/>
                  </a:lnTo>
                  <a:lnTo>
                    <a:pt x="867" y="137"/>
                  </a:lnTo>
                  <a:lnTo>
                    <a:pt x="848" y="90"/>
                  </a:lnTo>
                  <a:lnTo>
                    <a:pt x="836" y="65"/>
                  </a:lnTo>
                  <a:lnTo>
                    <a:pt x="825" y="43"/>
                  </a:lnTo>
                  <a:lnTo>
                    <a:pt x="811" y="21"/>
                  </a:lnTo>
                  <a:lnTo>
                    <a:pt x="796" y="0"/>
                  </a:lnTo>
                  <a:lnTo>
                    <a:pt x="778" y="13"/>
                  </a:lnTo>
                  <a:lnTo>
                    <a:pt x="758" y="24"/>
                  </a:lnTo>
                  <a:lnTo>
                    <a:pt x="736" y="35"/>
                  </a:lnTo>
                  <a:lnTo>
                    <a:pt x="713" y="44"/>
                  </a:lnTo>
                  <a:lnTo>
                    <a:pt x="689" y="53"/>
                  </a:lnTo>
                  <a:lnTo>
                    <a:pt x="662" y="60"/>
                  </a:lnTo>
                  <a:lnTo>
                    <a:pt x="636" y="66"/>
                  </a:lnTo>
                  <a:lnTo>
                    <a:pt x="608" y="71"/>
                  </a:lnTo>
                  <a:lnTo>
                    <a:pt x="579" y="75"/>
                  </a:lnTo>
                  <a:lnTo>
                    <a:pt x="550" y="77"/>
                  </a:lnTo>
                  <a:lnTo>
                    <a:pt x="520" y="78"/>
                  </a:lnTo>
                  <a:lnTo>
                    <a:pt x="490" y="79"/>
                  </a:lnTo>
                  <a:lnTo>
                    <a:pt x="459" y="78"/>
                  </a:lnTo>
                  <a:lnTo>
                    <a:pt x="430" y="76"/>
                  </a:lnTo>
                  <a:lnTo>
                    <a:pt x="399" y="73"/>
                  </a:lnTo>
                  <a:lnTo>
                    <a:pt x="370" y="67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379" name="Hjørring kant"/>
            <p:cNvSpPr>
              <a:spLocks/>
            </p:cNvSpPr>
            <p:nvPr/>
          </p:nvSpPr>
          <p:spPr bwMode="auto">
            <a:xfrm>
              <a:off x="1760538" y="2336800"/>
              <a:ext cx="523875" cy="436563"/>
            </a:xfrm>
            <a:custGeom>
              <a:avLst/>
              <a:gdLst>
                <a:gd name="T0" fmla="*/ 89 w 990"/>
                <a:gd name="T1" fmla="*/ 72 h 825"/>
                <a:gd name="T2" fmla="*/ 47 w 990"/>
                <a:gd name="T3" fmla="*/ 134 h 825"/>
                <a:gd name="T4" fmla="*/ 25 w 990"/>
                <a:gd name="T5" fmla="*/ 174 h 825"/>
                <a:gd name="T6" fmla="*/ 6 w 990"/>
                <a:gd name="T7" fmla="*/ 218 h 825"/>
                <a:gd name="T8" fmla="*/ 7 w 990"/>
                <a:gd name="T9" fmla="*/ 236 h 825"/>
                <a:gd name="T10" fmla="*/ 16 w 990"/>
                <a:gd name="T11" fmla="*/ 243 h 825"/>
                <a:gd name="T12" fmla="*/ 23 w 990"/>
                <a:gd name="T13" fmla="*/ 252 h 825"/>
                <a:gd name="T14" fmla="*/ 34 w 990"/>
                <a:gd name="T15" fmla="*/ 267 h 825"/>
                <a:gd name="T16" fmla="*/ 42 w 990"/>
                <a:gd name="T17" fmla="*/ 275 h 825"/>
                <a:gd name="T18" fmla="*/ 43 w 990"/>
                <a:gd name="T19" fmla="*/ 270 h 825"/>
                <a:gd name="T20" fmla="*/ 46 w 990"/>
                <a:gd name="T21" fmla="*/ 267 h 825"/>
                <a:gd name="T22" fmla="*/ 51 w 990"/>
                <a:gd name="T23" fmla="*/ 266 h 825"/>
                <a:gd name="T24" fmla="*/ 61 w 990"/>
                <a:gd name="T25" fmla="*/ 265 h 825"/>
                <a:gd name="T26" fmla="*/ 61 w 990"/>
                <a:gd name="T27" fmla="*/ 257 h 825"/>
                <a:gd name="T28" fmla="*/ 61 w 990"/>
                <a:gd name="T29" fmla="*/ 248 h 825"/>
                <a:gd name="T30" fmla="*/ 64 w 990"/>
                <a:gd name="T31" fmla="*/ 246 h 825"/>
                <a:gd name="T32" fmla="*/ 88 w 990"/>
                <a:gd name="T33" fmla="*/ 246 h 825"/>
                <a:gd name="T34" fmla="*/ 95 w 990"/>
                <a:gd name="T35" fmla="*/ 248 h 825"/>
                <a:gd name="T36" fmla="*/ 102 w 990"/>
                <a:gd name="T37" fmla="*/ 253 h 825"/>
                <a:gd name="T38" fmla="*/ 109 w 990"/>
                <a:gd name="T39" fmla="*/ 257 h 825"/>
                <a:gd name="T40" fmla="*/ 116 w 990"/>
                <a:gd name="T41" fmla="*/ 253 h 825"/>
                <a:gd name="T42" fmla="*/ 122 w 990"/>
                <a:gd name="T43" fmla="*/ 251 h 825"/>
                <a:gd name="T44" fmla="*/ 132 w 990"/>
                <a:gd name="T45" fmla="*/ 251 h 825"/>
                <a:gd name="T46" fmla="*/ 148 w 990"/>
                <a:gd name="T47" fmla="*/ 257 h 825"/>
                <a:gd name="T48" fmla="*/ 164 w 990"/>
                <a:gd name="T49" fmla="*/ 264 h 825"/>
                <a:gd name="T50" fmla="*/ 173 w 990"/>
                <a:gd name="T51" fmla="*/ 265 h 825"/>
                <a:gd name="T52" fmla="*/ 173 w 990"/>
                <a:gd name="T53" fmla="*/ 263 h 825"/>
                <a:gd name="T54" fmla="*/ 172 w 990"/>
                <a:gd name="T55" fmla="*/ 258 h 825"/>
                <a:gd name="T56" fmla="*/ 173 w 990"/>
                <a:gd name="T57" fmla="*/ 254 h 825"/>
                <a:gd name="T58" fmla="*/ 176 w 990"/>
                <a:gd name="T59" fmla="*/ 252 h 825"/>
                <a:gd name="T60" fmla="*/ 190 w 990"/>
                <a:gd name="T61" fmla="*/ 253 h 825"/>
                <a:gd name="T62" fmla="*/ 216 w 990"/>
                <a:gd name="T63" fmla="*/ 253 h 825"/>
                <a:gd name="T64" fmla="*/ 230 w 990"/>
                <a:gd name="T65" fmla="*/ 246 h 825"/>
                <a:gd name="T66" fmla="*/ 232 w 990"/>
                <a:gd name="T67" fmla="*/ 236 h 825"/>
                <a:gd name="T68" fmla="*/ 245 w 990"/>
                <a:gd name="T69" fmla="*/ 225 h 825"/>
                <a:gd name="T70" fmla="*/ 250 w 990"/>
                <a:gd name="T71" fmla="*/ 224 h 825"/>
                <a:gd name="T72" fmla="*/ 254 w 990"/>
                <a:gd name="T73" fmla="*/ 212 h 825"/>
                <a:gd name="T74" fmla="*/ 257 w 990"/>
                <a:gd name="T75" fmla="*/ 205 h 825"/>
                <a:gd name="T76" fmla="*/ 274 w 990"/>
                <a:gd name="T77" fmla="*/ 205 h 825"/>
                <a:gd name="T78" fmla="*/ 291 w 990"/>
                <a:gd name="T79" fmla="*/ 209 h 825"/>
                <a:gd name="T80" fmla="*/ 301 w 990"/>
                <a:gd name="T81" fmla="*/ 209 h 825"/>
                <a:gd name="T82" fmla="*/ 311 w 990"/>
                <a:gd name="T83" fmla="*/ 206 h 825"/>
                <a:gd name="T84" fmla="*/ 308 w 990"/>
                <a:gd name="T85" fmla="*/ 201 h 825"/>
                <a:gd name="T86" fmla="*/ 301 w 990"/>
                <a:gd name="T87" fmla="*/ 195 h 825"/>
                <a:gd name="T88" fmla="*/ 297 w 990"/>
                <a:gd name="T89" fmla="*/ 187 h 825"/>
                <a:gd name="T90" fmla="*/ 290 w 990"/>
                <a:gd name="T91" fmla="*/ 173 h 825"/>
                <a:gd name="T92" fmla="*/ 285 w 990"/>
                <a:gd name="T93" fmla="*/ 165 h 825"/>
                <a:gd name="T94" fmla="*/ 289 w 990"/>
                <a:gd name="T95" fmla="*/ 154 h 825"/>
                <a:gd name="T96" fmla="*/ 297 w 990"/>
                <a:gd name="T97" fmla="*/ 146 h 825"/>
                <a:gd name="T98" fmla="*/ 311 w 990"/>
                <a:gd name="T99" fmla="*/ 137 h 825"/>
                <a:gd name="T100" fmla="*/ 324 w 990"/>
                <a:gd name="T101" fmla="*/ 126 h 825"/>
                <a:gd name="T102" fmla="*/ 327 w 990"/>
                <a:gd name="T103" fmla="*/ 117 h 825"/>
                <a:gd name="T104" fmla="*/ 318 w 990"/>
                <a:gd name="T105" fmla="*/ 107 h 825"/>
                <a:gd name="T106" fmla="*/ 305 w 990"/>
                <a:gd name="T107" fmla="*/ 85 h 825"/>
                <a:gd name="T108" fmla="*/ 295 w 990"/>
                <a:gd name="T109" fmla="*/ 61 h 825"/>
                <a:gd name="T110" fmla="*/ 279 w 990"/>
                <a:gd name="T111" fmla="*/ 22 h 825"/>
                <a:gd name="T112" fmla="*/ 265 w 990"/>
                <a:gd name="T113" fmla="*/ 0 h 825"/>
                <a:gd name="T114" fmla="*/ 245 w 990"/>
                <a:gd name="T115" fmla="*/ 12 h 825"/>
                <a:gd name="T116" fmla="*/ 221 w 990"/>
                <a:gd name="T117" fmla="*/ 20 h 825"/>
                <a:gd name="T118" fmla="*/ 193 w 990"/>
                <a:gd name="T119" fmla="*/ 25 h 825"/>
                <a:gd name="T120" fmla="*/ 163 w 990"/>
                <a:gd name="T121" fmla="*/ 26 h 825"/>
                <a:gd name="T122" fmla="*/ 133 w 990"/>
                <a:gd name="T123" fmla="*/ 24 h 825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990" h="825">
                  <a:moveTo>
                    <a:pt x="370" y="67"/>
                  </a:moveTo>
                  <a:lnTo>
                    <a:pt x="318" y="142"/>
                  </a:lnTo>
                  <a:lnTo>
                    <a:pt x="267" y="216"/>
                  </a:lnTo>
                  <a:lnTo>
                    <a:pt x="216" y="290"/>
                  </a:lnTo>
                  <a:lnTo>
                    <a:pt x="166" y="365"/>
                  </a:lnTo>
                  <a:lnTo>
                    <a:pt x="142" y="403"/>
                  </a:lnTo>
                  <a:lnTo>
                    <a:pt x="119" y="442"/>
                  </a:lnTo>
                  <a:lnTo>
                    <a:pt x="97" y="482"/>
                  </a:lnTo>
                  <a:lnTo>
                    <a:pt x="75" y="523"/>
                  </a:lnTo>
                  <a:lnTo>
                    <a:pt x="55" y="566"/>
                  </a:lnTo>
                  <a:lnTo>
                    <a:pt x="35" y="609"/>
                  </a:lnTo>
                  <a:lnTo>
                    <a:pt x="17" y="653"/>
                  </a:lnTo>
                  <a:lnTo>
                    <a:pt x="0" y="699"/>
                  </a:lnTo>
                  <a:lnTo>
                    <a:pt x="12" y="702"/>
                  </a:lnTo>
                  <a:lnTo>
                    <a:pt x="22" y="708"/>
                  </a:lnTo>
                  <a:lnTo>
                    <a:pt x="32" y="714"/>
                  </a:lnTo>
                  <a:lnTo>
                    <a:pt x="41" y="721"/>
                  </a:lnTo>
                  <a:lnTo>
                    <a:pt x="48" y="730"/>
                  </a:lnTo>
                  <a:lnTo>
                    <a:pt x="56" y="738"/>
                  </a:lnTo>
                  <a:lnTo>
                    <a:pt x="63" y="747"/>
                  </a:lnTo>
                  <a:lnTo>
                    <a:pt x="70" y="756"/>
                  </a:lnTo>
                  <a:lnTo>
                    <a:pt x="82" y="775"/>
                  </a:lnTo>
                  <a:lnTo>
                    <a:pt x="95" y="793"/>
                  </a:lnTo>
                  <a:lnTo>
                    <a:pt x="102" y="802"/>
                  </a:lnTo>
                  <a:lnTo>
                    <a:pt x="110" y="811"/>
                  </a:lnTo>
                  <a:lnTo>
                    <a:pt x="118" y="818"/>
                  </a:lnTo>
                  <a:lnTo>
                    <a:pt x="126" y="825"/>
                  </a:lnTo>
                  <a:lnTo>
                    <a:pt x="126" y="819"/>
                  </a:lnTo>
                  <a:lnTo>
                    <a:pt x="127" y="815"/>
                  </a:lnTo>
                  <a:lnTo>
                    <a:pt x="130" y="811"/>
                  </a:lnTo>
                  <a:lnTo>
                    <a:pt x="132" y="808"/>
                  </a:lnTo>
                  <a:lnTo>
                    <a:pt x="134" y="805"/>
                  </a:lnTo>
                  <a:lnTo>
                    <a:pt x="137" y="802"/>
                  </a:lnTo>
                  <a:lnTo>
                    <a:pt x="140" y="800"/>
                  </a:lnTo>
                  <a:lnTo>
                    <a:pt x="144" y="799"/>
                  </a:lnTo>
                  <a:lnTo>
                    <a:pt x="154" y="797"/>
                  </a:lnTo>
                  <a:lnTo>
                    <a:pt x="163" y="796"/>
                  </a:lnTo>
                  <a:lnTo>
                    <a:pt x="174" y="796"/>
                  </a:lnTo>
                  <a:lnTo>
                    <a:pt x="184" y="796"/>
                  </a:lnTo>
                  <a:lnTo>
                    <a:pt x="186" y="789"/>
                  </a:lnTo>
                  <a:lnTo>
                    <a:pt x="185" y="779"/>
                  </a:lnTo>
                  <a:lnTo>
                    <a:pt x="184" y="770"/>
                  </a:lnTo>
                  <a:lnTo>
                    <a:pt x="183" y="760"/>
                  </a:lnTo>
                  <a:lnTo>
                    <a:pt x="183" y="752"/>
                  </a:lnTo>
                  <a:lnTo>
                    <a:pt x="184" y="745"/>
                  </a:lnTo>
                  <a:lnTo>
                    <a:pt x="186" y="742"/>
                  </a:lnTo>
                  <a:lnTo>
                    <a:pt x="189" y="739"/>
                  </a:lnTo>
                  <a:lnTo>
                    <a:pt x="191" y="738"/>
                  </a:lnTo>
                  <a:lnTo>
                    <a:pt x="195" y="737"/>
                  </a:lnTo>
                  <a:lnTo>
                    <a:pt x="230" y="739"/>
                  </a:lnTo>
                  <a:lnTo>
                    <a:pt x="263" y="738"/>
                  </a:lnTo>
                  <a:lnTo>
                    <a:pt x="271" y="739"/>
                  </a:lnTo>
                  <a:lnTo>
                    <a:pt x="279" y="741"/>
                  </a:lnTo>
                  <a:lnTo>
                    <a:pt x="286" y="745"/>
                  </a:lnTo>
                  <a:lnTo>
                    <a:pt x="294" y="748"/>
                  </a:lnTo>
                  <a:lnTo>
                    <a:pt x="301" y="753"/>
                  </a:lnTo>
                  <a:lnTo>
                    <a:pt x="307" y="759"/>
                  </a:lnTo>
                  <a:lnTo>
                    <a:pt x="315" y="767"/>
                  </a:lnTo>
                  <a:lnTo>
                    <a:pt x="320" y="776"/>
                  </a:lnTo>
                  <a:lnTo>
                    <a:pt x="328" y="771"/>
                  </a:lnTo>
                  <a:lnTo>
                    <a:pt x="334" y="766"/>
                  </a:lnTo>
                  <a:lnTo>
                    <a:pt x="340" y="762"/>
                  </a:lnTo>
                  <a:lnTo>
                    <a:pt x="348" y="758"/>
                  </a:lnTo>
                  <a:lnTo>
                    <a:pt x="354" y="756"/>
                  </a:lnTo>
                  <a:lnTo>
                    <a:pt x="360" y="754"/>
                  </a:lnTo>
                  <a:lnTo>
                    <a:pt x="366" y="753"/>
                  </a:lnTo>
                  <a:lnTo>
                    <a:pt x="373" y="752"/>
                  </a:lnTo>
                  <a:lnTo>
                    <a:pt x="384" y="752"/>
                  </a:lnTo>
                  <a:lnTo>
                    <a:pt x="397" y="753"/>
                  </a:lnTo>
                  <a:lnTo>
                    <a:pt x="409" y="756"/>
                  </a:lnTo>
                  <a:lnTo>
                    <a:pt x="420" y="760"/>
                  </a:lnTo>
                  <a:lnTo>
                    <a:pt x="443" y="771"/>
                  </a:lnTo>
                  <a:lnTo>
                    <a:pt x="466" y="782"/>
                  </a:lnTo>
                  <a:lnTo>
                    <a:pt x="478" y="787"/>
                  </a:lnTo>
                  <a:lnTo>
                    <a:pt x="491" y="791"/>
                  </a:lnTo>
                  <a:lnTo>
                    <a:pt x="502" y="794"/>
                  </a:lnTo>
                  <a:lnTo>
                    <a:pt x="515" y="796"/>
                  </a:lnTo>
                  <a:lnTo>
                    <a:pt x="518" y="795"/>
                  </a:lnTo>
                  <a:lnTo>
                    <a:pt x="519" y="794"/>
                  </a:lnTo>
                  <a:lnTo>
                    <a:pt x="520" y="792"/>
                  </a:lnTo>
                  <a:lnTo>
                    <a:pt x="520" y="790"/>
                  </a:lnTo>
                  <a:lnTo>
                    <a:pt x="519" y="783"/>
                  </a:lnTo>
                  <a:lnTo>
                    <a:pt x="518" y="776"/>
                  </a:lnTo>
                  <a:lnTo>
                    <a:pt x="517" y="773"/>
                  </a:lnTo>
                  <a:lnTo>
                    <a:pt x="517" y="770"/>
                  </a:lnTo>
                  <a:lnTo>
                    <a:pt x="517" y="767"/>
                  </a:lnTo>
                  <a:lnTo>
                    <a:pt x="518" y="763"/>
                  </a:lnTo>
                  <a:lnTo>
                    <a:pt x="520" y="761"/>
                  </a:lnTo>
                  <a:lnTo>
                    <a:pt x="523" y="759"/>
                  </a:lnTo>
                  <a:lnTo>
                    <a:pt x="529" y="757"/>
                  </a:lnTo>
                  <a:lnTo>
                    <a:pt x="534" y="757"/>
                  </a:lnTo>
                  <a:lnTo>
                    <a:pt x="551" y="759"/>
                  </a:lnTo>
                  <a:lnTo>
                    <a:pt x="570" y="760"/>
                  </a:lnTo>
                  <a:lnTo>
                    <a:pt x="590" y="760"/>
                  </a:lnTo>
                  <a:lnTo>
                    <a:pt x="610" y="760"/>
                  </a:lnTo>
                  <a:lnTo>
                    <a:pt x="649" y="758"/>
                  </a:lnTo>
                  <a:lnTo>
                    <a:pt x="680" y="757"/>
                  </a:lnTo>
                  <a:lnTo>
                    <a:pt x="686" y="747"/>
                  </a:lnTo>
                  <a:lnTo>
                    <a:pt x="689" y="738"/>
                  </a:lnTo>
                  <a:lnTo>
                    <a:pt x="692" y="731"/>
                  </a:lnTo>
                  <a:lnTo>
                    <a:pt x="693" y="723"/>
                  </a:lnTo>
                  <a:lnTo>
                    <a:pt x="696" y="707"/>
                  </a:lnTo>
                  <a:lnTo>
                    <a:pt x="699" y="679"/>
                  </a:lnTo>
                  <a:lnTo>
                    <a:pt x="720" y="676"/>
                  </a:lnTo>
                  <a:lnTo>
                    <a:pt x="734" y="676"/>
                  </a:lnTo>
                  <a:lnTo>
                    <a:pt x="738" y="675"/>
                  </a:lnTo>
                  <a:lnTo>
                    <a:pt x="743" y="674"/>
                  </a:lnTo>
                  <a:lnTo>
                    <a:pt x="750" y="673"/>
                  </a:lnTo>
                  <a:lnTo>
                    <a:pt x="757" y="670"/>
                  </a:lnTo>
                  <a:lnTo>
                    <a:pt x="759" y="652"/>
                  </a:lnTo>
                  <a:lnTo>
                    <a:pt x="762" y="636"/>
                  </a:lnTo>
                  <a:lnTo>
                    <a:pt x="764" y="629"/>
                  </a:lnTo>
                  <a:lnTo>
                    <a:pt x="768" y="622"/>
                  </a:lnTo>
                  <a:lnTo>
                    <a:pt x="772" y="616"/>
                  </a:lnTo>
                  <a:lnTo>
                    <a:pt x="777" y="612"/>
                  </a:lnTo>
                  <a:lnTo>
                    <a:pt x="801" y="613"/>
                  </a:lnTo>
                  <a:lnTo>
                    <a:pt x="823" y="616"/>
                  </a:lnTo>
                  <a:lnTo>
                    <a:pt x="845" y="620"/>
                  </a:lnTo>
                  <a:lnTo>
                    <a:pt x="863" y="624"/>
                  </a:lnTo>
                  <a:lnTo>
                    <a:pt x="873" y="626"/>
                  </a:lnTo>
                  <a:lnTo>
                    <a:pt x="883" y="626"/>
                  </a:lnTo>
                  <a:lnTo>
                    <a:pt x="893" y="627"/>
                  </a:lnTo>
                  <a:lnTo>
                    <a:pt x="902" y="626"/>
                  </a:lnTo>
                  <a:lnTo>
                    <a:pt x="912" y="623"/>
                  </a:lnTo>
                  <a:lnTo>
                    <a:pt x="921" y="621"/>
                  </a:lnTo>
                  <a:lnTo>
                    <a:pt x="932" y="617"/>
                  </a:lnTo>
                  <a:lnTo>
                    <a:pt x="941" y="612"/>
                  </a:lnTo>
                  <a:lnTo>
                    <a:pt x="932" y="609"/>
                  </a:lnTo>
                  <a:lnTo>
                    <a:pt x="924" y="603"/>
                  </a:lnTo>
                  <a:lnTo>
                    <a:pt x="916" y="598"/>
                  </a:lnTo>
                  <a:lnTo>
                    <a:pt x="910" y="593"/>
                  </a:lnTo>
                  <a:lnTo>
                    <a:pt x="903" y="586"/>
                  </a:lnTo>
                  <a:lnTo>
                    <a:pt x="899" y="578"/>
                  </a:lnTo>
                  <a:lnTo>
                    <a:pt x="894" y="570"/>
                  </a:lnTo>
                  <a:lnTo>
                    <a:pt x="890" y="561"/>
                  </a:lnTo>
                  <a:lnTo>
                    <a:pt x="881" y="544"/>
                  </a:lnTo>
                  <a:lnTo>
                    <a:pt x="874" y="527"/>
                  </a:lnTo>
                  <a:lnTo>
                    <a:pt x="870" y="518"/>
                  </a:lnTo>
                  <a:lnTo>
                    <a:pt x="866" y="510"/>
                  </a:lnTo>
                  <a:lnTo>
                    <a:pt x="860" y="502"/>
                  </a:lnTo>
                  <a:lnTo>
                    <a:pt x="854" y="495"/>
                  </a:lnTo>
                  <a:lnTo>
                    <a:pt x="857" y="483"/>
                  </a:lnTo>
                  <a:lnTo>
                    <a:pt x="860" y="472"/>
                  </a:lnTo>
                  <a:lnTo>
                    <a:pt x="867" y="462"/>
                  </a:lnTo>
                  <a:lnTo>
                    <a:pt x="873" y="454"/>
                  </a:lnTo>
                  <a:lnTo>
                    <a:pt x="881" y="445"/>
                  </a:lnTo>
                  <a:lnTo>
                    <a:pt x="890" y="438"/>
                  </a:lnTo>
                  <a:lnTo>
                    <a:pt x="900" y="431"/>
                  </a:lnTo>
                  <a:lnTo>
                    <a:pt x="910" y="424"/>
                  </a:lnTo>
                  <a:lnTo>
                    <a:pt x="932" y="411"/>
                  </a:lnTo>
                  <a:lnTo>
                    <a:pt x="953" y="396"/>
                  </a:lnTo>
                  <a:lnTo>
                    <a:pt x="964" y="389"/>
                  </a:lnTo>
                  <a:lnTo>
                    <a:pt x="973" y="379"/>
                  </a:lnTo>
                  <a:lnTo>
                    <a:pt x="982" y="370"/>
                  </a:lnTo>
                  <a:lnTo>
                    <a:pt x="990" y="359"/>
                  </a:lnTo>
                  <a:lnTo>
                    <a:pt x="980" y="350"/>
                  </a:lnTo>
                  <a:lnTo>
                    <a:pt x="971" y="340"/>
                  </a:lnTo>
                  <a:lnTo>
                    <a:pt x="962" y="331"/>
                  </a:lnTo>
                  <a:lnTo>
                    <a:pt x="954" y="320"/>
                  </a:lnTo>
                  <a:lnTo>
                    <a:pt x="939" y="300"/>
                  </a:lnTo>
                  <a:lnTo>
                    <a:pt x="926" y="278"/>
                  </a:lnTo>
                  <a:lnTo>
                    <a:pt x="914" y="256"/>
                  </a:lnTo>
                  <a:lnTo>
                    <a:pt x="903" y="233"/>
                  </a:lnTo>
                  <a:lnTo>
                    <a:pt x="894" y="209"/>
                  </a:lnTo>
                  <a:lnTo>
                    <a:pt x="885" y="184"/>
                  </a:lnTo>
                  <a:lnTo>
                    <a:pt x="867" y="137"/>
                  </a:lnTo>
                  <a:lnTo>
                    <a:pt x="848" y="90"/>
                  </a:lnTo>
                  <a:lnTo>
                    <a:pt x="836" y="65"/>
                  </a:lnTo>
                  <a:lnTo>
                    <a:pt x="825" y="43"/>
                  </a:lnTo>
                  <a:lnTo>
                    <a:pt x="811" y="21"/>
                  </a:lnTo>
                  <a:lnTo>
                    <a:pt x="796" y="0"/>
                  </a:lnTo>
                  <a:lnTo>
                    <a:pt x="778" y="13"/>
                  </a:lnTo>
                  <a:lnTo>
                    <a:pt x="758" y="24"/>
                  </a:lnTo>
                  <a:lnTo>
                    <a:pt x="736" y="35"/>
                  </a:lnTo>
                  <a:lnTo>
                    <a:pt x="713" y="44"/>
                  </a:lnTo>
                  <a:lnTo>
                    <a:pt x="689" y="53"/>
                  </a:lnTo>
                  <a:lnTo>
                    <a:pt x="662" y="60"/>
                  </a:lnTo>
                  <a:lnTo>
                    <a:pt x="636" y="66"/>
                  </a:lnTo>
                  <a:lnTo>
                    <a:pt x="608" y="71"/>
                  </a:lnTo>
                  <a:lnTo>
                    <a:pt x="579" y="75"/>
                  </a:lnTo>
                  <a:lnTo>
                    <a:pt x="550" y="77"/>
                  </a:lnTo>
                  <a:lnTo>
                    <a:pt x="520" y="78"/>
                  </a:lnTo>
                  <a:lnTo>
                    <a:pt x="490" y="79"/>
                  </a:lnTo>
                  <a:lnTo>
                    <a:pt x="459" y="78"/>
                  </a:lnTo>
                  <a:lnTo>
                    <a:pt x="430" y="76"/>
                  </a:lnTo>
                  <a:lnTo>
                    <a:pt x="399" y="73"/>
                  </a:lnTo>
                  <a:lnTo>
                    <a:pt x="370" y="67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380" name="Jammerbugt"/>
            <p:cNvSpPr>
              <a:spLocks/>
            </p:cNvSpPr>
            <p:nvPr/>
          </p:nvSpPr>
          <p:spPr bwMode="auto">
            <a:xfrm>
              <a:off x="1263650" y="2716213"/>
              <a:ext cx="661987" cy="509588"/>
            </a:xfrm>
            <a:custGeom>
              <a:avLst/>
              <a:gdLst>
                <a:gd name="T0" fmla="*/ 103 w 1252"/>
                <a:gd name="T1" fmla="*/ 319 h 964"/>
                <a:gd name="T2" fmla="*/ 118 w 1252"/>
                <a:gd name="T3" fmla="*/ 308 h 964"/>
                <a:gd name="T4" fmla="*/ 165 w 1252"/>
                <a:gd name="T5" fmla="*/ 286 h 964"/>
                <a:gd name="T6" fmla="*/ 200 w 1252"/>
                <a:gd name="T7" fmla="*/ 275 h 964"/>
                <a:gd name="T8" fmla="*/ 221 w 1252"/>
                <a:gd name="T9" fmla="*/ 272 h 964"/>
                <a:gd name="T10" fmla="*/ 244 w 1252"/>
                <a:gd name="T11" fmla="*/ 272 h 964"/>
                <a:gd name="T12" fmla="*/ 262 w 1252"/>
                <a:gd name="T13" fmla="*/ 272 h 964"/>
                <a:gd name="T14" fmla="*/ 270 w 1252"/>
                <a:gd name="T15" fmla="*/ 265 h 964"/>
                <a:gd name="T16" fmla="*/ 281 w 1252"/>
                <a:gd name="T17" fmla="*/ 261 h 964"/>
                <a:gd name="T18" fmla="*/ 287 w 1252"/>
                <a:gd name="T19" fmla="*/ 252 h 964"/>
                <a:gd name="T20" fmla="*/ 281 w 1252"/>
                <a:gd name="T21" fmla="*/ 248 h 964"/>
                <a:gd name="T22" fmla="*/ 278 w 1252"/>
                <a:gd name="T23" fmla="*/ 242 h 964"/>
                <a:gd name="T24" fmla="*/ 284 w 1252"/>
                <a:gd name="T25" fmla="*/ 237 h 964"/>
                <a:gd name="T26" fmla="*/ 297 w 1252"/>
                <a:gd name="T27" fmla="*/ 227 h 964"/>
                <a:gd name="T28" fmla="*/ 306 w 1252"/>
                <a:gd name="T29" fmla="*/ 225 h 964"/>
                <a:gd name="T30" fmla="*/ 307 w 1252"/>
                <a:gd name="T31" fmla="*/ 232 h 964"/>
                <a:gd name="T32" fmla="*/ 303 w 1252"/>
                <a:gd name="T33" fmla="*/ 235 h 964"/>
                <a:gd name="T34" fmla="*/ 295 w 1252"/>
                <a:gd name="T35" fmla="*/ 238 h 964"/>
                <a:gd name="T36" fmla="*/ 296 w 1252"/>
                <a:gd name="T37" fmla="*/ 244 h 964"/>
                <a:gd name="T38" fmla="*/ 306 w 1252"/>
                <a:gd name="T39" fmla="*/ 250 h 964"/>
                <a:gd name="T40" fmla="*/ 319 w 1252"/>
                <a:gd name="T41" fmla="*/ 253 h 964"/>
                <a:gd name="T42" fmla="*/ 338 w 1252"/>
                <a:gd name="T43" fmla="*/ 249 h 964"/>
                <a:gd name="T44" fmla="*/ 353 w 1252"/>
                <a:gd name="T45" fmla="*/ 236 h 964"/>
                <a:gd name="T46" fmla="*/ 358 w 1252"/>
                <a:gd name="T47" fmla="*/ 220 h 964"/>
                <a:gd name="T48" fmla="*/ 343 w 1252"/>
                <a:gd name="T49" fmla="*/ 209 h 964"/>
                <a:gd name="T50" fmla="*/ 338 w 1252"/>
                <a:gd name="T51" fmla="*/ 200 h 964"/>
                <a:gd name="T52" fmla="*/ 342 w 1252"/>
                <a:gd name="T53" fmla="*/ 191 h 964"/>
                <a:gd name="T54" fmla="*/ 364 w 1252"/>
                <a:gd name="T55" fmla="*/ 190 h 964"/>
                <a:gd name="T56" fmla="*/ 387 w 1252"/>
                <a:gd name="T57" fmla="*/ 184 h 964"/>
                <a:gd name="T58" fmla="*/ 411 w 1252"/>
                <a:gd name="T59" fmla="*/ 181 h 964"/>
                <a:gd name="T60" fmla="*/ 415 w 1252"/>
                <a:gd name="T61" fmla="*/ 170 h 964"/>
                <a:gd name="T62" fmla="*/ 410 w 1252"/>
                <a:gd name="T63" fmla="*/ 157 h 964"/>
                <a:gd name="T64" fmla="*/ 395 w 1252"/>
                <a:gd name="T65" fmla="*/ 136 h 964"/>
                <a:gd name="T66" fmla="*/ 370 w 1252"/>
                <a:gd name="T67" fmla="*/ 117 h 964"/>
                <a:gd name="T68" fmla="*/ 340 w 1252"/>
                <a:gd name="T69" fmla="*/ 103 h 964"/>
                <a:gd name="T70" fmla="*/ 333 w 1252"/>
                <a:gd name="T71" fmla="*/ 91 h 964"/>
                <a:gd name="T72" fmla="*/ 339 w 1252"/>
                <a:gd name="T73" fmla="*/ 82 h 964"/>
                <a:gd name="T74" fmla="*/ 349 w 1252"/>
                <a:gd name="T75" fmla="*/ 72 h 964"/>
                <a:gd name="T76" fmla="*/ 351 w 1252"/>
                <a:gd name="T77" fmla="*/ 59 h 964"/>
                <a:gd name="T78" fmla="*/ 346 w 1252"/>
                <a:gd name="T79" fmla="*/ 37 h 964"/>
                <a:gd name="T80" fmla="*/ 336 w 1252"/>
                <a:gd name="T81" fmla="*/ 19 h 964"/>
                <a:gd name="T82" fmla="*/ 322 w 1252"/>
                <a:gd name="T83" fmla="*/ 6 h 964"/>
                <a:gd name="T84" fmla="*/ 303 w 1252"/>
                <a:gd name="T85" fmla="*/ 10 h 964"/>
                <a:gd name="T86" fmla="*/ 283 w 1252"/>
                <a:gd name="T87" fmla="*/ 51 h 964"/>
                <a:gd name="T88" fmla="*/ 255 w 1252"/>
                <a:gd name="T89" fmla="*/ 90 h 964"/>
                <a:gd name="T90" fmla="*/ 221 w 1252"/>
                <a:gd name="T91" fmla="*/ 126 h 964"/>
                <a:gd name="T92" fmla="*/ 182 w 1252"/>
                <a:gd name="T93" fmla="*/ 156 h 964"/>
                <a:gd name="T94" fmla="*/ 138 w 1252"/>
                <a:gd name="T95" fmla="*/ 177 h 964"/>
                <a:gd name="T96" fmla="*/ 90 w 1252"/>
                <a:gd name="T97" fmla="*/ 187 h 964"/>
                <a:gd name="T98" fmla="*/ 40 w 1252"/>
                <a:gd name="T99" fmla="*/ 184 h 964"/>
                <a:gd name="T100" fmla="*/ 2 w 1252"/>
                <a:gd name="T101" fmla="*/ 179 h 964"/>
                <a:gd name="T102" fmla="*/ 10 w 1252"/>
                <a:gd name="T103" fmla="*/ 215 h 964"/>
                <a:gd name="T104" fmla="*/ 21 w 1252"/>
                <a:gd name="T105" fmla="*/ 262 h 964"/>
                <a:gd name="T106" fmla="*/ 32 w 1252"/>
                <a:gd name="T107" fmla="*/ 280 h 964"/>
                <a:gd name="T108" fmla="*/ 43 w 1252"/>
                <a:gd name="T109" fmla="*/ 278 h 964"/>
                <a:gd name="T110" fmla="*/ 53 w 1252"/>
                <a:gd name="T111" fmla="*/ 283 h 964"/>
                <a:gd name="T112" fmla="*/ 65 w 1252"/>
                <a:gd name="T113" fmla="*/ 292 h 964"/>
                <a:gd name="T114" fmla="*/ 83 w 1252"/>
                <a:gd name="T115" fmla="*/ 311 h 964"/>
                <a:gd name="T116" fmla="*/ 95 w 1252"/>
                <a:gd name="T117" fmla="*/ 319 h 964"/>
                <a:gd name="T118" fmla="*/ 107 w 1252"/>
                <a:gd name="T119" fmla="*/ 321 h 964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1252" h="964">
                  <a:moveTo>
                    <a:pt x="330" y="961"/>
                  </a:moveTo>
                  <a:lnTo>
                    <a:pt x="321" y="961"/>
                  </a:lnTo>
                  <a:lnTo>
                    <a:pt x="311" y="959"/>
                  </a:lnTo>
                  <a:lnTo>
                    <a:pt x="308" y="959"/>
                  </a:lnTo>
                  <a:lnTo>
                    <a:pt x="304" y="957"/>
                  </a:lnTo>
                  <a:lnTo>
                    <a:pt x="302" y="955"/>
                  </a:lnTo>
                  <a:lnTo>
                    <a:pt x="301" y="951"/>
                  </a:lnTo>
                  <a:lnTo>
                    <a:pt x="354" y="926"/>
                  </a:lnTo>
                  <a:lnTo>
                    <a:pt x="410" y="898"/>
                  </a:lnTo>
                  <a:lnTo>
                    <a:pt x="438" y="885"/>
                  </a:lnTo>
                  <a:lnTo>
                    <a:pt x="466" y="872"/>
                  </a:lnTo>
                  <a:lnTo>
                    <a:pt x="495" y="859"/>
                  </a:lnTo>
                  <a:lnTo>
                    <a:pt x="524" y="848"/>
                  </a:lnTo>
                  <a:lnTo>
                    <a:pt x="555" y="838"/>
                  </a:lnTo>
                  <a:lnTo>
                    <a:pt x="585" y="830"/>
                  </a:lnTo>
                  <a:lnTo>
                    <a:pt x="601" y="826"/>
                  </a:lnTo>
                  <a:lnTo>
                    <a:pt x="617" y="823"/>
                  </a:lnTo>
                  <a:lnTo>
                    <a:pt x="632" y="820"/>
                  </a:lnTo>
                  <a:lnTo>
                    <a:pt x="648" y="818"/>
                  </a:lnTo>
                  <a:lnTo>
                    <a:pt x="665" y="816"/>
                  </a:lnTo>
                  <a:lnTo>
                    <a:pt x="681" y="815"/>
                  </a:lnTo>
                  <a:lnTo>
                    <a:pt x="698" y="815"/>
                  </a:lnTo>
                  <a:lnTo>
                    <a:pt x="716" y="816"/>
                  </a:lnTo>
                  <a:lnTo>
                    <a:pt x="733" y="817"/>
                  </a:lnTo>
                  <a:lnTo>
                    <a:pt x="750" y="819"/>
                  </a:lnTo>
                  <a:lnTo>
                    <a:pt x="768" y="822"/>
                  </a:lnTo>
                  <a:lnTo>
                    <a:pt x="786" y="825"/>
                  </a:lnTo>
                  <a:lnTo>
                    <a:pt x="788" y="817"/>
                  </a:lnTo>
                  <a:lnTo>
                    <a:pt x="791" y="812"/>
                  </a:lnTo>
                  <a:lnTo>
                    <a:pt x="796" y="807"/>
                  </a:lnTo>
                  <a:lnTo>
                    <a:pt x="800" y="804"/>
                  </a:lnTo>
                  <a:lnTo>
                    <a:pt x="812" y="797"/>
                  </a:lnTo>
                  <a:lnTo>
                    <a:pt x="824" y="792"/>
                  </a:lnTo>
                  <a:lnTo>
                    <a:pt x="830" y="790"/>
                  </a:lnTo>
                  <a:lnTo>
                    <a:pt x="837" y="787"/>
                  </a:lnTo>
                  <a:lnTo>
                    <a:pt x="843" y="784"/>
                  </a:lnTo>
                  <a:lnTo>
                    <a:pt x="848" y="778"/>
                  </a:lnTo>
                  <a:lnTo>
                    <a:pt x="854" y="773"/>
                  </a:lnTo>
                  <a:lnTo>
                    <a:pt x="858" y="766"/>
                  </a:lnTo>
                  <a:lnTo>
                    <a:pt x="861" y="757"/>
                  </a:lnTo>
                  <a:lnTo>
                    <a:pt x="864" y="748"/>
                  </a:lnTo>
                  <a:lnTo>
                    <a:pt x="857" y="748"/>
                  </a:lnTo>
                  <a:lnTo>
                    <a:pt x="850" y="747"/>
                  </a:lnTo>
                  <a:lnTo>
                    <a:pt x="845" y="745"/>
                  </a:lnTo>
                  <a:lnTo>
                    <a:pt x="841" y="742"/>
                  </a:lnTo>
                  <a:lnTo>
                    <a:pt x="838" y="737"/>
                  </a:lnTo>
                  <a:lnTo>
                    <a:pt x="836" y="732"/>
                  </a:lnTo>
                  <a:lnTo>
                    <a:pt x="835" y="726"/>
                  </a:lnTo>
                  <a:lnTo>
                    <a:pt x="835" y="718"/>
                  </a:lnTo>
                  <a:lnTo>
                    <a:pt x="840" y="716"/>
                  </a:lnTo>
                  <a:lnTo>
                    <a:pt x="846" y="714"/>
                  </a:lnTo>
                  <a:lnTo>
                    <a:pt x="852" y="711"/>
                  </a:lnTo>
                  <a:lnTo>
                    <a:pt x="857" y="707"/>
                  </a:lnTo>
                  <a:lnTo>
                    <a:pt x="868" y="698"/>
                  </a:lnTo>
                  <a:lnTo>
                    <a:pt x="880" y="689"/>
                  </a:lnTo>
                  <a:lnTo>
                    <a:pt x="892" y="682"/>
                  </a:lnTo>
                  <a:lnTo>
                    <a:pt x="902" y="676"/>
                  </a:lnTo>
                  <a:lnTo>
                    <a:pt x="907" y="675"/>
                  </a:lnTo>
                  <a:lnTo>
                    <a:pt x="913" y="675"/>
                  </a:lnTo>
                  <a:lnTo>
                    <a:pt x="918" y="676"/>
                  </a:lnTo>
                  <a:lnTo>
                    <a:pt x="922" y="679"/>
                  </a:lnTo>
                  <a:lnTo>
                    <a:pt x="923" y="687"/>
                  </a:lnTo>
                  <a:lnTo>
                    <a:pt x="923" y="692"/>
                  </a:lnTo>
                  <a:lnTo>
                    <a:pt x="922" y="696"/>
                  </a:lnTo>
                  <a:lnTo>
                    <a:pt x="920" y="699"/>
                  </a:lnTo>
                  <a:lnTo>
                    <a:pt x="917" y="702"/>
                  </a:lnTo>
                  <a:lnTo>
                    <a:pt x="914" y="704"/>
                  </a:lnTo>
                  <a:lnTo>
                    <a:pt x="909" y="705"/>
                  </a:lnTo>
                  <a:lnTo>
                    <a:pt x="904" y="706"/>
                  </a:lnTo>
                  <a:lnTo>
                    <a:pt x="896" y="708"/>
                  </a:lnTo>
                  <a:lnTo>
                    <a:pt x="888" y="711"/>
                  </a:lnTo>
                  <a:lnTo>
                    <a:pt x="885" y="714"/>
                  </a:lnTo>
                  <a:lnTo>
                    <a:pt x="883" y="717"/>
                  </a:lnTo>
                  <a:lnTo>
                    <a:pt x="882" y="722"/>
                  </a:lnTo>
                  <a:lnTo>
                    <a:pt x="883" y="728"/>
                  </a:lnTo>
                  <a:lnTo>
                    <a:pt x="890" y="734"/>
                  </a:lnTo>
                  <a:lnTo>
                    <a:pt x="898" y="739"/>
                  </a:lnTo>
                  <a:lnTo>
                    <a:pt x="905" y="744"/>
                  </a:lnTo>
                  <a:lnTo>
                    <a:pt x="913" y="748"/>
                  </a:lnTo>
                  <a:lnTo>
                    <a:pt x="920" y="751"/>
                  </a:lnTo>
                  <a:lnTo>
                    <a:pt x="927" y="753"/>
                  </a:lnTo>
                  <a:lnTo>
                    <a:pt x="935" y="756"/>
                  </a:lnTo>
                  <a:lnTo>
                    <a:pt x="942" y="757"/>
                  </a:lnTo>
                  <a:lnTo>
                    <a:pt x="957" y="759"/>
                  </a:lnTo>
                  <a:lnTo>
                    <a:pt x="972" y="758"/>
                  </a:lnTo>
                  <a:lnTo>
                    <a:pt x="986" y="756"/>
                  </a:lnTo>
                  <a:lnTo>
                    <a:pt x="1000" y="752"/>
                  </a:lnTo>
                  <a:lnTo>
                    <a:pt x="1014" y="747"/>
                  </a:lnTo>
                  <a:lnTo>
                    <a:pt x="1026" y="739"/>
                  </a:lnTo>
                  <a:lnTo>
                    <a:pt x="1039" y="730"/>
                  </a:lnTo>
                  <a:lnTo>
                    <a:pt x="1051" y="720"/>
                  </a:lnTo>
                  <a:lnTo>
                    <a:pt x="1061" y="709"/>
                  </a:lnTo>
                  <a:lnTo>
                    <a:pt x="1071" y="697"/>
                  </a:lnTo>
                  <a:lnTo>
                    <a:pt x="1080" y="684"/>
                  </a:lnTo>
                  <a:lnTo>
                    <a:pt x="1087" y="670"/>
                  </a:lnTo>
                  <a:lnTo>
                    <a:pt x="1074" y="661"/>
                  </a:lnTo>
                  <a:lnTo>
                    <a:pt x="1060" y="653"/>
                  </a:lnTo>
                  <a:lnTo>
                    <a:pt x="1047" y="644"/>
                  </a:lnTo>
                  <a:lnTo>
                    <a:pt x="1036" y="633"/>
                  </a:lnTo>
                  <a:lnTo>
                    <a:pt x="1031" y="628"/>
                  </a:lnTo>
                  <a:lnTo>
                    <a:pt x="1026" y="621"/>
                  </a:lnTo>
                  <a:lnTo>
                    <a:pt x="1022" y="615"/>
                  </a:lnTo>
                  <a:lnTo>
                    <a:pt x="1018" y="608"/>
                  </a:lnTo>
                  <a:lnTo>
                    <a:pt x="1015" y="600"/>
                  </a:lnTo>
                  <a:lnTo>
                    <a:pt x="1013" y="592"/>
                  </a:lnTo>
                  <a:lnTo>
                    <a:pt x="1011" y="583"/>
                  </a:lnTo>
                  <a:lnTo>
                    <a:pt x="1009" y="573"/>
                  </a:lnTo>
                  <a:lnTo>
                    <a:pt x="1027" y="575"/>
                  </a:lnTo>
                  <a:lnTo>
                    <a:pt x="1045" y="576"/>
                  </a:lnTo>
                  <a:lnTo>
                    <a:pt x="1061" y="575"/>
                  </a:lnTo>
                  <a:lnTo>
                    <a:pt x="1077" y="574"/>
                  </a:lnTo>
                  <a:lnTo>
                    <a:pt x="1093" y="571"/>
                  </a:lnTo>
                  <a:lnTo>
                    <a:pt x="1106" y="569"/>
                  </a:lnTo>
                  <a:lnTo>
                    <a:pt x="1120" y="565"/>
                  </a:lnTo>
                  <a:lnTo>
                    <a:pt x="1135" y="561"/>
                  </a:lnTo>
                  <a:lnTo>
                    <a:pt x="1161" y="554"/>
                  </a:lnTo>
                  <a:lnTo>
                    <a:pt x="1190" y="547"/>
                  </a:lnTo>
                  <a:lnTo>
                    <a:pt x="1204" y="545"/>
                  </a:lnTo>
                  <a:lnTo>
                    <a:pt x="1219" y="544"/>
                  </a:lnTo>
                  <a:lnTo>
                    <a:pt x="1235" y="543"/>
                  </a:lnTo>
                  <a:lnTo>
                    <a:pt x="1252" y="544"/>
                  </a:lnTo>
                  <a:lnTo>
                    <a:pt x="1251" y="533"/>
                  </a:lnTo>
                  <a:lnTo>
                    <a:pt x="1250" y="521"/>
                  </a:lnTo>
                  <a:lnTo>
                    <a:pt x="1247" y="511"/>
                  </a:lnTo>
                  <a:lnTo>
                    <a:pt x="1244" y="500"/>
                  </a:lnTo>
                  <a:lnTo>
                    <a:pt x="1240" y="490"/>
                  </a:lnTo>
                  <a:lnTo>
                    <a:pt x="1237" y="480"/>
                  </a:lnTo>
                  <a:lnTo>
                    <a:pt x="1232" y="470"/>
                  </a:lnTo>
                  <a:lnTo>
                    <a:pt x="1226" y="460"/>
                  </a:lnTo>
                  <a:lnTo>
                    <a:pt x="1215" y="442"/>
                  </a:lnTo>
                  <a:lnTo>
                    <a:pt x="1201" y="425"/>
                  </a:lnTo>
                  <a:lnTo>
                    <a:pt x="1185" y="408"/>
                  </a:lnTo>
                  <a:lnTo>
                    <a:pt x="1168" y="392"/>
                  </a:lnTo>
                  <a:lnTo>
                    <a:pt x="1150" y="377"/>
                  </a:lnTo>
                  <a:lnTo>
                    <a:pt x="1131" y="363"/>
                  </a:lnTo>
                  <a:lnTo>
                    <a:pt x="1111" y="350"/>
                  </a:lnTo>
                  <a:lnTo>
                    <a:pt x="1088" y="338"/>
                  </a:lnTo>
                  <a:lnTo>
                    <a:pt x="1067" y="328"/>
                  </a:lnTo>
                  <a:lnTo>
                    <a:pt x="1044" y="317"/>
                  </a:lnTo>
                  <a:lnTo>
                    <a:pt x="1022" y="309"/>
                  </a:lnTo>
                  <a:lnTo>
                    <a:pt x="1000" y="301"/>
                  </a:lnTo>
                  <a:lnTo>
                    <a:pt x="999" y="290"/>
                  </a:lnTo>
                  <a:lnTo>
                    <a:pt x="999" y="280"/>
                  </a:lnTo>
                  <a:lnTo>
                    <a:pt x="1001" y="272"/>
                  </a:lnTo>
                  <a:lnTo>
                    <a:pt x="1004" y="265"/>
                  </a:lnTo>
                  <a:lnTo>
                    <a:pt x="1008" y="258"/>
                  </a:lnTo>
                  <a:lnTo>
                    <a:pt x="1013" y="252"/>
                  </a:lnTo>
                  <a:lnTo>
                    <a:pt x="1018" y="247"/>
                  </a:lnTo>
                  <a:lnTo>
                    <a:pt x="1023" y="242"/>
                  </a:lnTo>
                  <a:lnTo>
                    <a:pt x="1035" y="233"/>
                  </a:lnTo>
                  <a:lnTo>
                    <a:pt x="1045" y="222"/>
                  </a:lnTo>
                  <a:lnTo>
                    <a:pt x="1049" y="217"/>
                  </a:lnTo>
                  <a:lnTo>
                    <a:pt x="1053" y="210"/>
                  </a:lnTo>
                  <a:lnTo>
                    <a:pt x="1056" y="202"/>
                  </a:lnTo>
                  <a:lnTo>
                    <a:pt x="1058" y="194"/>
                  </a:lnTo>
                  <a:lnTo>
                    <a:pt x="1055" y="176"/>
                  </a:lnTo>
                  <a:lnTo>
                    <a:pt x="1052" y="159"/>
                  </a:lnTo>
                  <a:lnTo>
                    <a:pt x="1048" y="142"/>
                  </a:lnTo>
                  <a:lnTo>
                    <a:pt x="1044" y="126"/>
                  </a:lnTo>
                  <a:lnTo>
                    <a:pt x="1039" y="111"/>
                  </a:lnTo>
                  <a:lnTo>
                    <a:pt x="1033" y="96"/>
                  </a:lnTo>
                  <a:lnTo>
                    <a:pt x="1025" y="82"/>
                  </a:lnTo>
                  <a:lnTo>
                    <a:pt x="1018" y="69"/>
                  </a:lnTo>
                  <a:lnTo>
                    <a:pt x="1009" y="57"/>
                  </a:lnTo>
                  <a:lnTo>
                    <a:pt x="1000" y="45"/>
                  </a:lnTo>
                  <a:lnTo>
                    <a:pt x="989" y="36"/>
                  </a:lnTo>
                  <a:lnTo>
                    <a:pt x="978" y="27"/>
                  </a:lnTo>
                  <a:lnTo>
                    <a:pt x="966" y="18"/>
                  </a:lnTo>
                  <a:lnTo>
                    <a:pt x="953" y="11"/>
                  </a:lnTo>
                  <a:lnTo>
                    <a:pt x="938" y="5"/>
                  </a:lnTo>
                  <a:lnTo>
                    <a:pt x="922" y="0"/>
                  </a:lnTo>
                  <a:lnTo>
                    <a:pt x="910" y="31"/>
                  </a:lnTo>
                  <a:lnTo>
                    <a:pt x="897" y="61"/>
                  </a:lnTo>
                  <a:lnTo>
                    <a:pt x="882" y="92"/>
                  </a:lnTo>
                  <a:lnTo>
                    <a:pt x="866" y="122"/>
                  </a:lnTo>
                  <a:lnTo>
                    <a:pt x="849" y="152"/>
                  </a:lnTo>
                  <a:lnTo>
                    <a:pt x="830" y="182"/>
                  </a:lnTo>
                  <a:lnTo>
                    <a:pt x="810" y="213"/>
                  </a:lnTo>
                  <a:lnTo>
                    <a:pt x="788" y="242"/>
                  </a:lnTo>
                  <a:lnTo>
                    <a:pt x="766" y="271"/>
                  </a:lnTo>
                  <a:lnTo>
                    <a:pt x="742" y="299"/>
                  </a:lnTo>
                  <a:lnTo>
                    <a:pt x="718" y="327"/>
                  </a:lnTo>
                  <a:lnTo>
                    <a:pt x="691" y="353"/>
                  </a:lnTo>
                  <a:lnTo>
                    <a:pt x="664" y="379"/>
                  </a:lnTo>
                  <a:lnTo>
                    <a:pt x="636" y="404"/>
                  </a:lnTo>
                  <a:lnTo>
                    <a:pt x="607" y="427"/>
                  </a:lnTo>
                  <a:lnTo>
                    <a:pt x="577" y="448"/>
                  </a:lnTo>
                  <a:lnTo>
                    <a:pt x="546" y="469"/>
                  </a:lnTo>
                  <a:lnTo>
                    <a:pt x="515" y="487"/>
                  </a:lnTo>
                  <a:lnTo>
                    <a:pt x="481" y="504"/>
                  </a:lnTo>
                  <a:lnTo>
                    <a:pt x="448" y="519"/>
                  </a:lnTo>
                  <a:lnTo>
                    <a:pt x="413" y="532"/>
                  </a:lnTo>
                  <a:lnTo>
                    <a:pt x="379" y="544"/>
                  </a:lnTo>
                  <a:lnTo>
                    <a:pt x="343" y="552"/>
                  </a:lnTo>
                  <a:lnTo>
                    <a:pt x="307" y="558"/>
                  </a:lnTo>
                  <a:lnTo>
                    <a:pt x="270" y="563"/>
                  </a:lnTo>
                  <a:lnTo>
                    <a:pt x="233" y="565"/>
                  </a:lnTo>
                  <a:lnTo>
                    <a:pt x="195" y="564"/>
                  </a:lnTo>
                  <a:lnTo>
                    <a:pt x="157" y="559"/>
                  </a:lnTo>
                  <a:lnTo>
                    <a:pt x="119" y="553"/>
                  </a:lnTo>
                  <a:lnTo>
                    <a:pt x="79" y="544"/>
                  </a:lnTo>
                  <a:lnTo>
                    <a:pt x="40" y="531"/>
                  </a:lnTo>
                  <a:lnTo>
                    <a:pt x="0" y="514"/>
                  </a:lnTo>
                  <a:lnTo>
                    <a:pt x="6" y="537"/>
                  </a:lnTo>
                  <a:lnTo>
                    <a:pt x="12" y="559"/>
                  </a:lnTo>
                  <a:lnTo>
                    <a:pt x="18" y="580"/>
                  </a:lnTo>
                  <a:lnTo>
                    <a:pt x="22" y="603"/>
                  </a:lnTo>
                  <a:lnTo>
                    <a:pt x="29" y="645"/>
                  </a:lnTo>
                  <a:lnTo>
                    <a:pt x="36" y="686"/>
                  </a:lnTo>
                  <a:lnTo>
                    <a:pt x="45" y="726"/>
                  </a:lnTo>
                  <a:lnTo>
                    <a:pt x="55" y="766"/>
                  </a:lnTo>
                  <a:lnTo>
                    <a:pt x="62" y="786"/>
                  </a:lnTo>
                  <a:lnTo>
                    <a:pt x="69" y="805"/>
                  </a:lnTo>
                  <a:lnTo>
                    <a:pt x="78" y="825"/>
                  </a:lnTo>
                  <a:lnTo>
                    <a:pt x="87" y="845"/>
                  </a:lnTo>
                  <a:lnTo>
                    <a:pt x="97" y="841"/>
                  </a:lnTo>
                  <a:lnTo>
                    <a:pt x="105" y="837"/>
                  </a:lnTo>
                  <a:lnTo>
                    <a:pt x="114" y="836"/>
                  </a:lnTo>
                  <a:lnTo>
                    <a:pt x="122" y="835"/>
                  </a:lnTo>
                  <a:lnTo>
                    <a:pt x="130" y="836"/>
                  </a:lnTo>
                  <a:lnTo>
                    <a:pt x="138" y="838"/>
                  </a:lnTo>
                  <a:lnTo>
                    <a:pt x="146" y="841"/>
                  </a:lnTo>
                  <a:lnTo>
                    <a:pt x="153" y="845"/>
                  </a:lnTo>
                  <a:lnTo>
                    <a:pt x="160" y="849"/>
                  </a:lnTo>
                  <a:lnTo>
                    <a:pt x="167" y="854"/>
                  </a:lnTo>
                  <a:lnTo>
                    <a:pt x="174" y="859"/>
                  </a:lnTo>
                  <a:lnTo>
                    <a:pt x="181" y="866"/>
                  </a:lnTo>
                  <a:lnTo>
                    <a:pt x="194" y="878"/>
                  </a:lnTo>
                  <a:lnTo>
                    <a:pt x="207" y="893"/>
                  </a:lnTo>
                  <a:lnTo>
                    <a:pt x="221" y="908"/>
                  </a:lnTo>
                  <a:lnTo>
                    <a:pt x="234" y="922"/>
                  </a:lnTo>
                  <a:lnTo>
                    <a:pt x="248" y="935"/>
                  </a:lnTo>
                  <a:lnTo>
                    <a:pt x="263" y="947"/>
                  </a:lnTo>
                  <a:lnTo>
                    <a:pt x="270" y="951"/>
                  </a:lnTo>
                  <a:lnTo>
                    <a:pt x="278" y="955"/>
                  </a:lnTo>
                  <a:lnTo>
                    <a:pt x="286" y="958"/>
                  </a:lnTo>
                  <a:lnTo>
                    <a:pt x="294" y="962"/>
                  </a:lnTo>
                  <a:lnTo>
                    <a:pt x="303" y="963"/>
                  </a:lnTo>
                  <a:lnTo>
                    <a:pt x="311" y="964"/>
                  </a:lnTo>
                  <a:lnTo>
                    <a:pt x="321" y="963"/>
                  </a:lnTo>
                  <a:lnTo>
                    <a:pt x="330" y="961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381" name="Jammerbugt kant"/>
            <p:cNvSpPr>
              <a:spLocks/>
            </p:cNvSpPr>
            <p:nvPr/>
          </p:nvSpPr>
          <p:spPr bwMode="auto">
            <a:xfrm>
              <a:off x="1263650" y="2716213"/>
              <a:ext cx="661987" cy="509588"/>
            </a:xfrm>
            <a:custGeom>
              <a:avLst/>
              <a:gdLst>
                <a:gd name="T0" fmla="*/ 103 w 1252"/>
                <a:gd name="T1" fmla="*/ 319 h 964"/>
                <a:gd name="T2" fmla="*/ 118 w 1252"/>
                <a:gd name="T3" fmla="*/ 308 h 964"/>
                <a:gd name="T4" fmla="*/ 165 w 1252"/>
                <a:gd name="T5" fmla="*/ 286 h 964"/>
                <a:gd name="T6" fmla="*/ 200 w 1252"/>
                <a:gd name="T7" fmla="*/ 275 h 964"/>
                <a:gd name="T8" fmla="*/ 221 w 1252"/>
                <a:gd name="T9" fmla="*/ 272 h 964"/>
                <a:gd name="T10" fmla="*/ 244 w 1252"/>
                <a:gd name="T11" fmla="*/ 272 h 964"/>
                <a:gd name="T12" fmla="*/ 262 w 1252"/>
                <a:gd name="T13" fmla="*/ 272 h 964"/>
                <a:gd name="T14" fmla="*/ 270 w 1252"/>
                <a:gd name="T15" fmla="*/ 265 h 964"/>
                <a:gd name="T16" fmla="*/ 281 w 1252"/>
                <a:gd name="T17" fmla="*/ 261 h 964"/>
                <a:gd name="T18" fmla="*/ 287 w 1252"/>
                <a:gd name="T19" fmla="*/ 252 h 964"/>
                <a:gd name="T20" fmla="*/ 281 w 1252"/>
                <a:gd name="T21" fmla="*/ 248 h 964"/>
                <a:gd name="T22" fmla="*/ 278 w 1252"/>
                <a:gd name="T23" fmla="*/ 242 h 964"/>
                <a:gd name="T24" fmla="*/ 284 w 1252"/>
                <a:gd name="T25" fmla="*/ 237 h 964"/>
                <a:gd name="T26" fmla="*/ 297 w 1252"/>
                <a:gd name="T27" fmla="*/ 227 h 964"/>
                <a:gd name="T28" fmla="*/ 306 w 1252"/>
                <a:gd name="T29" fmla="*/ 225 h 964"/>
                <a:gd name="T30" fmla="*/ 307 w 1252"/>
                <a:gd name="T31" fmla="*/ 232 h 964"/>
                <a:gd name="T32" fmla="*/ 303 w 1252"/>
                <a:gd name="T33" fmla="*/ 235 h 964"/>
                <a:gd name="T34" fmla="*/ 295 w 1252"/>
                <a:gd name="T35" fmla="*/ 238 h 964"/>
                <a:gd name="T36" fmla="*/ 296 w 1252"/>
                <a:gd name="T37" fmla="*/ 244 h 964"/>
                <a:gd name="T38" fmla="*/ 306 w 1252"/>
                <a:gd name="T39" fmla="*/ 250 h 964"/>
                <a:gd name="T40" fmla="*/ 319 w 1252"/>
                <a:gd name="T41" fmla="*/ 253 h 964"/>
                <a:gd name="T42" fmla="*/ 338 w 1252"/>
                <a:gd name="T43" fmla="*/ 249 h 964"/>
                <a:gd name="T44" fmla="*/ 353 w 1252"/>
                <a:gd name="T45" fmla="*/ 236 h 964"/>
                <a:gd name="T46" fmla="*/ 358 w 1252"/>
                <a:gd name="T47" fmla="*/ 220 h 964"/>
                <a:gd name="T48" fmla="*/ 343 w 1252"/>
                <a:gd name="T49" fmla="*/ 209 h 964"/>
                <a:gd name="T50" fmla="*/ 338 w 1252"/>
                <a:gd name="T51" fmla="*/ 200 h 964"/>
                <a:gd name="T52" fmla="*/ 342 w 1252"/>
                <a:gd name="T53" fmla="*/ 191 h 964"/>
                <a:gd name="T54" fmla="*/ 364 w 1252"/>
                <a:gd name="T55" fmla="*/ 190 h 964"/>
                <a:gd name="T56" fmla="*/ 387 w 1252"/>
                <a:gd name="T57" fmla="*/ 184 h 964"/>
                <a:gd name="T58" fmla="*/ 411 w 1252"/>
                <a:gd name="T59" fmla="*/ 181 h 964"/>
                <a:gd name="T60" fmla="*/ 415 w 1252"/>
                <a:gd name="T61" fmla="*/ 170 h 964"/>
                <a:gd name="T62" fmla="*/ 410 w 1252"/>
                <a:gd name="T63" fmla="*/ 157 h 964"/>
                <a:gd name="T64" fmla="*/ 395 w 1252"/>
                <a:gd name="T65" fmla="*/ 136 h 964"/>
                <a:gd name="T66" fmla="*/ 370 w 1252"/>
                <a:gd name="T67" fmla="*/ 117 h 964"/>
                <a:gd name="T68" fmla="*/ 340 w 1252"/>
                <a:gd name="T69" fmla="*/ 103 h 964"/>
                <a:gd name="T70" fmla="*/ 333 w 1252"/>
                <a:gd name="T71" fmla="*/ 91 h 964"/>
                <a:gd name="T72" fmla="*/ 339 w 1252"/>
                <a:gd name="T73" fmla="*/ 82 h 964"/>
                <a:gd name="T74" fmla="*/ 349 w 1252"/>
                <a:gd name="T75" fmla="*/ 72 h 964"/>
                <a:gd name="T76" fmla="*/ 351 w 1252"/>
                <a:gd name="T77" fmla="*/ 59 h 964"/>
                <a:gd name="T78" fmla="*/ 346 w 1252"/>
                <a:gd name="T79" fmla="*/ 37 h 964"/>
                <a:gd name="T80" fmla="*/ 336 w 1252"/>
                <a:gd name="T81" fmla="*/ 19 h 964"/>
                <a:gd name="T82" fmla="*/ 322 w 1252"/>
                <a:gd name="T83" fmla="*/ 6 h 964"/>
                <a:gd name="T84" fmla="*/ 303 w 1252"/>
                <a:gd name="T85" fmla="*/ 10 h 964"/>
                <a:gd name="T86" fmla="*/ 283 w 1252"/>
                <a:gd name="T87" fmla="*/ 51 h 964"/>
                <a:gd name="T88" fmla="*/ 255 w 1252"/>
                <a:gd name="T89" fmla="*/ 90 h 964"/>
                <a:gd name="T90" fmla="*/ 221 w 1252"/>
                <a:gd name="T91" fmla="*/ 126 h 964"/>
                <a:gd name="T92" fmla="*/ 182 w 1252"/>
                <a:gd name="T93" fmla="*/ 156 h 964"/>
                <a:gd name="T94" fmla="*/ 138 w 1252"/>
                <a:gd name="T95" fmla="*/ 177 h 964"/>
                <a:gd name="T96" fmla="*/ 90 w 1252"/>
                <a:gd name="T97" fmla="*/ 187 h 964"/>
                <a:gd name="T98" fmla="*/ 40 w 1252"/>
                <a:gd name="T99" fmla="*/ 184 h 964"/>
                <a:gd name="T100" fmla="*/ 2 w 1252"/>
                <a:gd name="T101" fmla="*/ 179 h 964"/>
                <a:gd name="T102" fmla="*/ 10 w 1252"/>
                <a:gd name="T103" fmla="*/ 215 h 964"/>
                <a:gd name="T104" fmla="*/ 21 w 1252"/>
                <a:gd name="T105" fmla="*/ 262 h 964"/>
                <a:gd name="T106" fmla="*/ 32 w 1252"/>
                <a:gd name="T107" fmla="*/ 280 h 964"/>
                <a:gd name="T108" fmla="*/ 43 w 1252"/>
                <a:gd name="T109" fmla="*/ 278 h 964"/>
                <a:gd name="T110" fmla="*/ 53 w 1252"/>
                <a:gd name="T111" fmla="*/ 283 h 964"/>
                <a:gd name="T112" fmla="*/ 65 w 1252"/>
                <a:gd name="T113" fmla="*/ 292 h 964"/>
                <a:gd name="T114" fmla="*/ 83 w 1252"/>
                <a:gd name="T115" fmla="*/ 311 h 964"/>
                <a:gd name="T116" fmla="*/ 95 w 1252"/>
                <a:gd name="T117" fmla="*/ 319 h 964"/>
                <a:gd name="T118" fmla="*/ 107 w 1252"/>
                <a:gd name="T119" fmla="*/ 321 h 964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1252" h="964">
                  <a:moveTo>
                    <a:pt x="330" y="961"/>
                  </a:moveTo>
                  <a:lnTo>
                    <a:pt x="321" y="961"/>
                  </a:lnTo>
                  <a:lnTo>
                    <a:pt x="311" y="959"/>
                  </a:lnTo>
                  <a:lnTo>
                    <a:pt x="308" y="959"/>
                  </a:lnTo>
                  <a:lnTo>
                    <a:pt x="304" y="957"/>
                  </a:lnTo>
                  <a:lnTo>
                    <a:pt x="302" y="955"/>
                  </a:lnTo>
                  <a:lnTo>
                    <a:pt x="301" y="951"/>
                  </a:lnTo>
                  <a:lnTo>
                    <a:pt x="354" y="926"/>
                  </a:lnTo>
                  <a:lnTo>
                    <a:pt x="410" y="898"/>
                  </a:lnTo>
                  <a:lnTo>
                    <a:pt x="438" y="885"/>
                  </a:lnTo>
                  <a:lnTo>
                    <a:pt x="466" y="872"/>
                  </a:lnTo>
                  <a:lnTo>
                    <a:pt x="495" y="859"/>
                  </a:lnTo>
                  <a:lnTo>
                    <a:pt x="524" y="848"/>
                  </a:lnTo>
                  <a:lnTo>
                    <a:pt x="555" y="838"/>
                  </a:lnTo>
                  <a:lnTo>
                    <a:pt x="585" y="830"/>
                  </a:lnTo>
                  <a:lnTo>
                    <a:pt x="601" y="826"/>
                  </a:lnTo>
                  <a:lnTo>
                    <a:pt x="617" y="823"/>
                  </a:lnTo>
                  <a:lnTo>
                    <a:pt x="632" y="820"/>
                  </a:lnTo>
                  <a:lnTo>
                    <a:pt x="648" y="818"/>
                  </a:lnTo>
                  <a:lnTo>
                    <a:pt x="665" y="816"/>
                  </a:lnTo>
                  <a:lnTo>
                    <a:pt x="681" y="815"/>
                  </a:lnTo>
                  <a:lnTo>
                    <a:pt x="698" y="815"/>
                  </a:lnTo>
                  <a:lnTo>
                    <a:pt x="716" y="816"/>
                  </a:lnTo>
                  <a:lnTo>
                    <a:pt x="733" y="817"/>
                  </a:lnTo>
                  <a:lnTo>
                    <a:pt x="750" y="819"/>
                  </a:lnTo>
                  <a:lnTo>
                    <a:pt x="768" y="822"/>
                  </a:lnTo>
                  <a:lnTo>
                    <a:pt x="786" y="825"/>
                  </a:lnTo>
                  <a:lnTo>
                    <a:pt x="788" y="817"/>
                  </a:lnTo>
                  <a:lnTo>
                    <a:pt x="791" y="812"/>
                  </a:lnTo>
                  <a:lnTo>
                    <a:pt x="796" y="807"/>
                  </a:lnTo>
                  <a:lnTo>
                    <a:pt x="800" y="804"/>
                  </a:lnTo>
                  <a:lnTo>
                    <a:pt x="812" y="797"/>
                  </a:lnTo>
                  <a:lnTo>
                    <a:pt x="824" y="792"/>
                  </a:lnTo>
                  <a:lnTo>
                    <a:pt x="830" y="790"/>
                  </a:lnTo>
                  <a:lnTo>
                    <a:pt x="837" y="787"/>
                  </a:lnTo>
                  <a:lnTo>
                    <a:pt x="843" y="784"/>
                  </a:lnTo>
                  <a:lnTo>
                    <a:pt x="848" y="778"/>
                  </a:lnTo>
                  <a:lnTo>
                    <a:pt x="854" y="773"/>
                  </a:lnTo>
                  <a:lnTo>
                    <a:pt x="858" y="766"/>
                  </a:lnTo>
                  <a:lnTo>
                    <a:pt x="861" y="757"/>
                  </a:lnTo>
                  <a:lnTo>
                    <a:pt x="864" y="748"/>
                  </a:lnTo>
                  <a:lnTo>
                    <a:pt x="857" y="748"/>
                  </a:lnTo>
                  <a:lnTo>
                    <a:pt x="850" y="747"/>
                  </a:lnTo>
                  <a:lnTo>
                    <a:pt x="845" y="745"/>
                  </a:lnTo>
                  <a:lnTo>
                    <a:pt x="841" y="742"/>
                  </a:lnTo>
                  <a:lnTo>
                    <a:pt x="838" y="737"/>
                  </a:lnTo>
                  <a:lnTo>
                    <a:pt x="836" y="732"/>
                  </a:lnTo>
                  <a:lnTo>
                    <a:pt x="835" y="726"/>
                  </a:lnTo>
                  <a:lnTo>
                    <a:pt x="835" y="718"/>
                  </a:lnTo>
                  <a:lnTo>
                    <a:pt x="840" y="716"/>
                  </a:lnTo>
                  <a:lnTo>
                    <a:pt x="846" y="714"/>
                  </a:lnTo>
                  <a:lnTo>
                    <a:pt x="852" y="711"/>
                  </a:lnTo>
                  <a:lnTo>
                    <a:pt x="857" y="707"/>
                  </a:lnTo>
                  <a:lnTo>
                    <a:pt x="868" y="698"/>
                  </a:lnTo>
                  <a:lnTo>
                    <a:pt x="880" y="689"/>
                  </a:lnTo>
                  <a:lnTo>
                    <a:pt x="892" y="682"/>
                  </a:lnTo>
                  <a:lnTo>
                    <a:pt x="902" y="676"/>
                  </a:lnTo>
                  <a:lnTo>
                    <a:pt x="907" y="675"/>
                  </a:lnTo>
                  <a:lnTo>
                    <a:pt x="913" y="675"/>
                  </a:lnTo>
                  <a:lnTo>
                    <a:pt x="918" y="676"/>
                  </a:lnTo>
                  <a:lnTo>
                    <a:pt x="922" y="679"/>
                  </a:lnTo>
                  <a:lnTo>
                    <a:pt x="923" y="687"/>
                  </a:lnTo>
                  <a:lnTo>
                    <a:pt x="923" y="692"/>
                  </a:lnTo>
                  <a:lnTo>
                    <a:pt x="922" y="696"/>
                  </a:lnTo>
                  <a:lnTo>
                    <a:pt x="920" y="699"/>
                  </a:lnTo>
                  <a:lnTo>
                    <a:pt x="917" y="702"/>
                  </a:lnTo>
                  <a:lnTo>
                    <a:pt x="914" y="704"/>
                  </a:lnTo>
                  <a:lnTo>
                    <a:pt x="909" y="705"/>
                  </a:lnTo>
                  <a:lnTo>
                    <a:pt x="904" y="706"/>
                  </a:lnTo>
                  <a:lnTo>
                    <a:pt x="896" y="708"/>
                  </a:lnTo>
                  <a:lnTo>
                    <a:pt x="888" y="711"/>
                  </a:lnTo>
                  <a:lnTo>
                    <a:pt x="885" y="714"/>
                  </a:lnTo>
                  <a:lnTo>
                    <a:pt x="883" y="717"/>
                  </a:lnTo>
                  <a:lnTo>
                    <a:pt x="882" y="722"/>
                  </a:lnTo>
                  <a:lnTo>
                    <a:pt x="883" y="728"/>
                  </a:lnTo>
                  <a:lnTo>
                    <a:pt x="890" y="734"/>
                  </a:lnTo>
                  <a:lnTo>
                    <a:pt x="898" y="739"/>
                  </a:lnTo>
                  <a:lnTo>
                    <a:pt x="905" y="744"/>
                  </a:lnTo>
                  <a:lnTo>
                    <a:pt x="913" y="748"/>
                  </a:lnTo>
                  <a:lnTo>
                    <a:pt x="920" y="751"/>
                  </a:lnTo>
                  <a:lnTo>
                    <a:pt x="927" y="753"/>
                  </a:lnTo>
                  <a:lnTo>
                    <a:pt x="935" y="756"/>
                  </a:lnTo>
                  <a:lnTo>
                    <a:pt x="942" y="757"/>
                  </a:lnTo>
                  <a:lnTo>
                    <a:pt x="957" y="759"/>
                  </a:lnTo>
                  <a:lnTo>
                    <a:pt x="972" y="758"/>
                  </a:lnTo>
                  <a:lnTo>
                    <a:pt x="986" y="756"/>
                  </a:lnTo>
                  <a:lnTo>
                    <a:pt x="1000" y="752"/>
                  </a:lnTo>
                  <a:lnTo>
                    <a:pt x="1014" y="747"/>
                  </a:lnTo>
                  <a:lnTo>
                    <a:pt x="1026" y="739"/>
                  </a:lnTo>
                  <a:lnTo>
                    <a:pt x="1039" y="730"/>
                  </a:lnTo>
                  <a:lnTo>
                    <a:pt x="1051" y="720"/>
                  </a:lnTo>
                  <a:lnTo>
                    <a:pt x="1061" y="709"/>
                  </a:lnTo>
                  <a:lnTo>
                    <a:pt x="1071" y="697"/>
                  </a:lnTo>
                  <a:lnTo>
                    <a:pt x="1080" y="684"/>
                  </a:lnTo>
                  <a:lnTo>
                    <a:pt x="1087" y="670"/>
                  </a:lnTo>
                  <a:lnTo>
                    <a:pt x="1074" y="661"/>
                  </a:lnTo>
                  <a:lnTo>
                    <a:pt x="1060" y="653"/>
                  </a:lnTo>
                  <a:lnTo>
                    <a:pt x="1047" y="644"/>
                  </a:lnTo>
                  <a:lnTo>
                    <a:pt x="1036" y="633"/>
                  </a:lnTo>
                  <a:lnTo>
                    <a:pt x="1031" y="628"/>
                  </a:lnTo>
                  <a:lnTo>
                    <a:pt x="1026" y="621"/>
                  </a:lnTo>
                  <a:lnTo>
                    <a:pt x="1022" y="615"/>
                  </a:lnTo>
                  <a:lnTo>
                    <a:pt x="1018" y="608"/>
                  </a:lnTo>
                  <a:lnTo>
                    <a:pt x="1015" y="600"/>
                  </a:lnTo>
                  <a:lnTo>
                    <a:pt x="1013" y="592"/>
                  </a:lnTo>
                  <a:lnTo>
                    <a:pt x="1011" y="583"/>
                  </a:lnTo>
                  <a:lnTo>
                    <a:pt x="1009" y="573"/>
                  </a:lnTo>
                  <a:lnTo>
                    <a:pt x="1027" y="575"/>
                  </a:lnTo>
                  <a:lnTo>
                    <a:pt x="1045" y="576"/>
                  </a:lnTo>
                  <a:lnTo>
                    <a:pt x="1061" y="575"/>
                  </a:lnTo>
                  <a:lnTo>
                    <a:pt x="1077" y="574"/>
                  </a:lnTo>
                  <a:lnTo>
                    <a:pt x="1093" y="571"/>
                  </a:lnTo>
                  <a:lnTo>
                    <a:pt x="1106" y="569"/>
                  </a:lnTo>
                  <a:lnTo>
                    <a:pt x="1120" y="565"/>
                  </a:lnTo>
                  <a:lnTo>
                    <a:pt x="1135" y="561"/>
                  </a:lnTo>
                  <a:lnTo>
                    <a:pt x="1161" y="554"/>
                  </a:lnTo>
                  <a:lnTo>
                    <a:pt x="1190" y="547"/>
                  </a:lnTo>
                  <a:lnTo>
                    <a:pt x="1204" y="545"/>
                  </a:lnTo>
                  <a:lnTo>
                    <a:pt x="1219" y="544"/>
                  </a:lnTo>
                  <a:lnTo>
                    <a:pt x="1235" y="543"/>
                  </a:lnTo>
                  <a:lnTo>
                    <a:pt x="1252" y="544"/>
                  </a:lnTo>
                  <a:lnTo>
                    <a:pt x="1251" y="533"/>
                  </a:lnTo>
                  <a:lnTo>
                    <a:pt x="1250" y="521"/>
                  </a:lnTo>
                  <a:lnTo>
                    <a:pt x="1247" y="511"/>
                  </a:lnTo>
                  <a:lnTo>
                    <a:pt x="1244" y="500"/>
                  </a:lnTo>
                  <a:lnTo>
                    <a:pt x="1240" y="490"/>
                  </a:lnTo>
                  <a:lnTo>
                    <a:pt x="1237" y="480"/>
                  </a:lnTo>
                  <a:lnTo>
                    <a:pt x="1232" y="470"/>
                  </a:lnTo>
                  <a:lnTo>
                    <a:pt x="1226" y="460"/>
                  </a:lnTo>
                  <a:lnTo>
                    <a:pt x="1215" y="442"/>
                  </a:lnTo>
                  <a:lnTo>
                    <a:pt x="1201" y="425"/>
                  </a:lnTo>
                  <a:lnTo>
                    <a:pt x="1185" y="408"/>
                  </a:lnTo>
                  <a:lnTo>
                    <a:pt x="1168" y="392"/>
                  </a:lnTo>
                  <a:lnTo>
                    <a:pt x="1150" y="377"/>
                  </a:lnTo>
                  <a:lnTo>
                    <a:pt x="1131" y="363"/>
                  </a:lnTo>
                  <a:lnTo>
                    <a:pt x="1111" y="350"/>
                  </a:lnTo>
                  <a:lnTo>
                    <a:pt x="1088" y="338"/>
                  </a:lnTo>
                  <a:lnTo>
                    <a:pt x="1067" y="328"/>
                  </a:lnTo>
                  <a:lnTo>
                    <a:pt x="1044" y="317"/>
                  </a:lnTo>
                  <a:lnTo>
                    <a:pt x="1022" y="309"/>
                  </a:lnTo>
                  <a:lnTo>
                    <a:pt x="1000" y="301"/>
                  </a:lnTo>
                  <a:lnTo>
                    <a:pt x="999" y="290"/>
                  </a:lnTo>
                  <a:lnTo>
                    <a:pt x="999" y="280"/>
                  </a:lnTo>
                  <a:lnTo>
                    <a:pt x="1001" y="272"/>
                  </a:lnTo>
                  <a:lnTo>
                    <a:pt x="1004" y="265"/>
                  </a:lnTo>
                  <a:lnTo>
                    <a:pt x="1008" y="258"/>
                  </a:lnTo>
                  <a:lnTo>
                    <a:pt x="1013" y="252"/>
                  </a:lnTo>
                  <a:lnTo>
                    <a:pt x="1018" y="247"/>
                  </a:lnTo>
                  <a:lnTo>
                    <a:pt x="1023" y="242"/>
                  </a:lnTo>
                  <a:lnTo>
                    <a:pt x="1035" y="233"/>
                  </a:lnTo>
                  <a:lnTo>
                    <a:pt x="1045" y="222"/>
                  </a:lnTo>
                  <a:lnTo>
                    <a:pt x="1049" y="217"/>
                  </a:lnTo>
                  <a:lnTo>
                    <a:pt x="1053" y="210"/>
                  </a:lnTo>
                  <a:lnTo>
                    <a:pt x="1056" y="202"/>
                  </a:lnTo>
                  <a:lnTo>
                    <a:pt x="1058" y="194"/>
                  </a:lnTo>
                  <a:lnTo>
                    <a:pt x="1055" y="176"/>
                  </a:lnTo>
                  <a:lnTo>
                    <a:pt x="1052" y="159"/>
                  </a:lnTo>
                  <a:lnTo>
                    <a:pt x="1048" y="142"/>
                  </a:lnTo>
                  <a:lnTo>
                    <a:pt x="1044" y="126"/>
                  </a:lnTo>
                  <a:lnTo>
                    <a:pt x="1039" y="111"/>
                  </a:lnTo>
                  <a:lnTo>
                    <a:pt x="1033" y="96"/>
                  </a:lnTo>
                  <a:lnTo>
                    <a:pt x="1025" y="82"/>
                  </a:lnTo>
                  <a:lnTo>
                    <a:pt x="1018" y="69"/>
                  </a:lnTo>
                  <a:lnTo>
                    <a:pt x="1009" y="57"/>
                  </a:lnTo>
                  <a:lnTo>
                    <a:pt x="1000" y="45"/>
                  </a:lnTo>
                  <a:lnTo>
                    <a:pt x="989" y="36"/>
                  </a:lnTo>
                  <a:lnTo>
                    <a:pt x="978" y="27"/>
                  </a:lnTo>
                  <a:lnTo>
                    <a:pt x="966" y="18"/>
                  </a:lnTo>
                  <a:lnTo>
                    <a:pt x="953" y="11"/>
                  </a:lnTo>
                  <a:lnTo>
                    <a:pt x="938" y="5"/>
                  </a:lnTo>
                  <a:lnTo>
                    <a:pt x="922" y="0"/>
                  </a:lnTo>
                  <a:lnTo>
                    <a:pt x="910" y="31"/>
                  </a:lnTo>
                  <a:lnTo>
                    <a:pt x="897" y="61"/>
                  </a:lnTo>
                  <a:lnTo>
                    <a:pt x="882" y="92"/>
                  </a:lnTo>
                  <a:lnTo>
                    <a:pt x="866" y="122"/>
                  </a:lnTo>
                  <a:lnTo>
                    <a:pt x="849" y="152"/>
                  </a:lnTo>
                  <a:lnTo>
                    <a:pt x="830" y="182"/>
                  </a:lnTo>
                  <a:lnTo>
                    <a:pt x="810" y="213"/>
                  </a:lnTo>
                  <a:lnTo>
                    <a:pt x="788" y="242"/>
                  </a:lnTo>
                  <a:lnTo>
                    <a:pt x="766" y="271"/>
                  </a:lnTo>
                  <a:lnTo>
                    <a:pt x="742" y="299"/>
                  </a:lnTo>
                  <a:lnTo>
                    <a:pt x="718" y="327"/>
                  </a:lnTo>
                  <a:lnTo>
                    <a:pt x="691" y="353"/>
                  </a:lnTo>
                  <a:lnTo>
                    <a:pt x="664" y="379"/>
                  </a:lnTo>
                  <a:lnTo>
                    <a:pt x="636" y="404"/>
                  </a:lnTo>
                  <a:lnTo>
                    <a:pt x="607" y="427"/>
                  </a:lnTo>
                  <a:lnTo>
                    <a:pt x="577" y="448"/>
                  </a:lnTo>
                  <a:lnTo>
                    <a:pt x="546" y="469"/>
                  </a:lnTo>
                  <a:lnTo>
                    <a:pt x="515" y="487"/>
                  </a:lnTo>
                  <a:lnTo>
                    <a:pt x="481" y="504"/>
                  </a:lnTo>
                  <a:lnTo>
                    <a:pt x="448" y="519"/>
                  </a:lnTo>
                  <a:lnTo>
                    <a:pt x="413" y="532"/>
                  </a:lnTo>
                  <a:lnTo>
                    <a:pt x="379" y="544"/>
                  </a:lnTo>
                  <a:lnTo>
                    <a:pt x="343" y="552"/>
                  </a:lnTo>
                  <a:lnTo>
                    <a:pt x="307" y="558"/>
                  </a:lnTo>
                  <a:lnTo>
                    <a:pt x="270" y="563"/>
                  </a:lnTo>
                  <a:lnTo>
                    <a:pt x="233" y="565"/>
                  </a:lnTo>
                  <a:lnTo>
                    <a:pt x="195" y="564"/>
                  </a:lnTo>
                  <a:lnTo>
                    <a:pt x="157" y="559"/>
                  </a:lnTo>
                  <a:lnTo>
                    <a:pt x="119" y="553"/>
                  </a:lnTo>
                  <a:lnTo>
                    <a:pt x="79" y="544"/>
                  </a:lnTo>
                  <a:lnTo>
                    <a:pt x="40" y="531"/>
                  </a:lnTo>
                  <a:lnTo>
                    <a:pt x="0" y="514"/>
                  </a:lnTo>
                  <a:lnTo>
                    <a:pt x="6" y="537"/>
                  </a:lnTo>
                  <a:lnTo>
                    <a:pt x="12" y="559"/>
                  </a:lnTo>
                  <a:lnTo>
                    <a:pt x="18" y="580"/>
                  </a:lnTo>
                  <a:lnTo>
                    <a:pt x="22" y="603"/>
                  </a:lnTo>
                  <a:lnTo>
                    <a:pt x="29" y="645"/>
                  </a:lnTo>
                  <a:lnTo>
                    <a:pt x="36" y="686"/>
                  </a:lnTo>
                  <a:lnTo>
                    <a:pt x="45" y="726"/>
                  </a:lnTo>
                  <a:lnTo>
                    <a:pt x="55" y="766"/>
                  </a:lnTo>
                  <a:lnTo>
                    <a:pt x="62" y="786"/>
                  </a:lnTo>
                  <a:lnTo>
                    <a:pt x="69" y="805"/>
                  </a:lnTo>
                  <a:lnTo>
                    <a:pt x="78" y="825"/>
                  </a:lnTo>
                  <a:lnTo>
                    <a:pt x="87" y="845"/>
                  </a:lnTo>
                  <a:lnTo>
                    <a:pt x="97" y="841"/>
                  </a:lnTo>
                  <a:lnTo>
                    <a:pt x="105" y="837"/>
                  </a:lnTo>
                  <a:lnTo>
                    <a:pt x="114" y="836"/>
                  </a:lnTo>
                  <a:lnTo>
                    <a:pt x="122" y="835"/>
                  </a:lnTo>
                  <a:lnTo>
                    <a:pt x="130" y="836"/>
                  </a:lnTo>
                  <a:lnTo>
                    <a:pt x="138" y="838"/>
                  </a:lnTo>
                  <a:lnTo>
                    <a:pt x="146" y="841"/>
                  </a:lnTo>
                  <a:lnTo>
                    <a:pt x="153" y="845"/>
                  </a:lnTo>
                  <a:lnTo>
                    <a:pt x="160" y="849"/>
                  </a:lnTo>
                  <a:lnTo>
                    <a:pt x="167" y="854"/>
                  </a:lnTo>
                  <a:lnTo>
                    <a:pt x="174" y="859"/>
                  </a:lnTo>
                  <a:lnTo>
                    <a:pt x="181" y="866"/>
                  </a:lnTo>
                  <a:lnTo>
                    <a:pt x="194" y="878"/>
                  </a:lnTo>
                  <a:lnTo>
                    <a:pt x="207" y="893"/>
                  </a:lnTo>
                  <a:lnTo>
                    <a:pt x="221" y="908"/>
                  </a:lnTo>
                  <a:lnTo>
                    <a:pt x="234" y="922"/>
                  </a:lnTo>
                  <a:lnTo>
                    <a:pt x="248" y="935"/>
                  </a:lnTo>
                  <a:lnTo>
                    <a:pt x="263" y="947"/>
                  </a:lnTo>
                  <a:lnTo>
                    <a:pt x="270" y="951"/>
                  </a:lnTo>
                  <a:lnTo>
                    <a:pt x="278" y="955"/>
                  </a:lnTo>
                  <a:lnTo>
                    <a:pt x="286" y="958"/>
                  </a:lnTo>
                  <a:lnTo>
                    <a:pt x="294" y="962"/>
                  </a:lnTo>
                  <a:lnTo>
                    <a:pt x="303" y="963"/>
                  </a:lnTo>
                  <a:lnTo>
                    <a:pt x="311" y="964"/>
                  </a:lnTo>
                  <a:lnTo>
                    <a:pt x="321" y="963"/>
                  </a:lnTo>
                  <a:lnTo>
                    <a:pt x="330" y="961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382" name="Brønderslev"/>
            <p:cNvSpPr>
              <a:spLocks/>
            </p:cNvSpPr>
            <p:nvPr/>
          </p:nvSpPr>
          <p:spPr bwMode="auto">
            <a:xfrm>
              <a:off x="1801813" y="2732088"/>
              <a:ext cx="528637" cy="358775"/>
            </a:xfrm>
            <a:custGeom>
              <a:avLst/>
              <a:gdLst>
                <a:gd name="T0" fmla="*/ 121 w 999"/>
                <a:gd name="T1" fmla="*/ 125 h 679"/>
                <a:gd name="T2" fmla="*/ 152 w 999"/>
                <a:gd name="T3" fmla="*/ 148 h 679"/>
                <a:gd name="T4" fmla="*/ 164 w 999"/>
                <a:gd name="T5" fmla="*/ 158 h 679"/>
                <a:gd name="T6" fmla="*/ 175 w 999"/>
                <a:gd name="T7" fmla="*/ 161 h 679"/>
                <a:gd name="T8" fmla="*/ 189 w 999"/>
                <a:gd name="T9" fmla="*/ 174 h 679"/>
                <a:gd name="T10" fmla="*/ 210 w 999"/>
                <a:gd name="T11" fmla="*/ 194 h 679"/>
                <a:gd name="T12" fmla="*/ 227 w 999"/>
                <a:gd name="T13" fmla="*/ 198 h 679"/>
                <a:gd name="T14" fmla="*/ 264 w 999"/>
                <a:gd name="T15" fmla="*/ 196 h 679"/>
                <a:gd name="T16" fmla="*/ 281 w 999"/>
                <a:gd name="T17" fmla="*/ 200 h 679"/>
                <a:gd name="T18" fmla="*/ 287 w 999"/>
                <a:gd name="T19" fmla="*/ 207 h 679"/>
                <a:gd name="T20" fmla="*/ 285 w 999"/>
                <a:gd name="T21" fmla="*/ 212 h 679"/>
                <a:gd name="T22" fmla="*/ 285 w 999"/>
                <a:gd name="T23" fmla="*/ 225 h 679"/>
                <a:gd name="T24" fmla="*/ 291 w 999"/>
                <a:gd name="T25" fmla="*/ 220 h 679"/>
                <a:gd name="T26" fmla="*/ 299 w 999"/>
                <a:gd name="T27" fmla="*/ 213 h 679"/>
                <a:gd name="T28" fmla="*/ 311 w 999"/>
                <a:gd name="T29" fmla="*/ 213 h 679"/>
                <a:gd name="T30" fmla="*/ 323 w 999"/>
                <a:gd name="T31" fmla="*/ 168 h 679"/>
                <a:gd name="T32" fmla="*/ 329 w 999"/>
                <a:gd name="T33" fmla="*/ 145 h 679"/>
                <a:gd name="T34" fmla="*/ 317 w 999"/>
                <a:gd name="T35" fmla="*/ 137 h 679"/>
                <a:gd name="T36" fmla="*/ 319 w 999"/>
                <a:gd name="T37" fmla="*/ 123 h 679"/>
                <a:gd name="T38" fmla="*/ 316 w 999"/>
                <a:gd name="T39" fmla="*/ 112 h 679"/>
                <a:gd name="T40" fmla="*/ 301 w 999"/>
                <a:gd name="T41" fmla="*/ 92 h 679"/>
                <a:gd name="T42" fmla="*/ 296 w 999"/>
                <a:gd name="T43" fmla="*/ 78 h 679"/>
                <a:gd name="T44" fmla="*/ 301 w 999"/>
                <a:gd name="T45" fmla="*/ 68 h 679"/>
                <a:gd name="T46" fmla="*/ 281 w 999"/>
                <a:gd name="T47" fmla="*/ 59 h 679"/>
                <a:gd name="T48" fmla="*/ 274 w 999"/>
                <a:gd name="T49" fmla="*/ 66 h 679"/>
                <a:gd name="T50" fmla="*/ 268 w 999"/>
                <a:gd name="T51" fmla="*/ 64 h 679"/>
                <a:gd name="T52" fmla="*/ 259 w 999"/>
                <a:gd name="T53" fmla="*/ 61 h 679"/>
                <a:gd name="T54" fmla="*/ 239 w 999"/>
                <a:gd name="T55" fmla="*/ 79 h 679"/>
                <a:gd name="T56" fmla="*/ 223 w 999"/>
                <a:gd name="T57" fmla="*/ 81 h 679"/>
                <a:gd name="T58" fmla="*/ 219 w 999"/>
                <a:gd name="T59" fmla="*/ 67 h 679"/>
                <a:gd name="T60" fmla="*/ 220 w 999"/>
                <a:gd name="T61" fmla="*/ 47 h 679"/>
                <a:gd name="T62" fmla="*/ 217 w 999"/>
                <a:gd name="T63" fmla="*/ 32 h 679"/>
                <a:gd name="T64" fmla="*/ 211 w 999"/>
                <a:gd name="T65" fmla="*/ 21 h 679"/>
                <a:gd name="T66" fmla="*/ 205 w 999"/>
                <a:gd name="T67" fmla="*/ 5 h 679"/>
                <a:gd name="T68" fmla="*/ 195 w 999"/>
                <a:gd name="T69" fmla="*/ 11 h 679"/>
                <a:gd name="T70" fmla="*/ 176 w 999"/>
                <a:gd name="T71" fmla="*/ 11 h 679"/>
                <a:gd name="T72" fmla="*/ 155 w 999"/>
                <a:gd name="T73" fmla="*/ 9 h 679"/>
                <a:gd name="T74" fmla="*/ 154 w 999"/>
                <a:gd name="T75" fmla="*/ 20 h 679"/>
                <a:gd name="T76" fmla="*/ 141 w 999"/>
                <a:gd name="T77" fmla="*/ 22 h 679"/>
                <a:gd name="T78" fmla="*/ 117 w 999"/>
                <a:gd name="T79" fmla="*/ 12 h 679"/>
                <a:gd name="T80" fmla="*/ 97 w 999"/>
                <a:gd name="T81" fmla="*/ 6 h 679"/>
                <a:gd name="T82" fmla="*/ 95 w 999"/>
                <a:gd name="T83" fmla="*/ 11 h 679"/>
                <a:gd name="T84" fmla="*/ 92 w 999"/>
                <a:gd name="T85" fmla="*/ 19 h 679"/>
                <a:gd name="T86" fmla="*/ 77 w 999"/>
                <a:gd name="T87" fmla="*/ 13 h 679"/>
                <a:gd name="T88" fmla="*/ 58 w 999"/>
                <a:gd name="T89" fmla="*/ 2 h 679"/>
                <a:gd name="T90" fmla="*/ 51 w 999"/>
                <a:gd name="T91" fmla="*/ 6 h 679"/>
                <a:gd name="T92" fmla="*/ 42 w 999"/>
                <a:gd name="T93" fmla="*/ 13 h 679"/>
                <a:gd name="T94" fmla="*/ 35 w 999"/>
                <a:gd name="T95" fmla="*/ 21 h 679"/>
                <a:gd name="T96" fmla="*/ 19 w 999"/>
                <a:gd name="T97" fmla="*/ 26 h 679"/>
                <a:gd name="T98" fmla="*/ 19 w 999"/>
                <a:gd name="T99" fmla="*/ 41 h 679"/>
                <a:gd name="T100" fmla="*/ 12 w 999"/>
                <a:gd name="T101" fmla="*/ 68 h 679"/>
                <a:gd name="T102" fmla="*/ 1 w 999"/>
                <a:gd name="T103" fmla="*/ 81 h 679"/>
                <a:gd name="T104" fmla="*/ 6 w 999"/>
                <a:gd name="T105" fmla="*/ 92 h 679"/>
                <a:gd name="T106" fmla="*/ 23 w 999"/>
                <a:gd name="T107" fmla="*/ 99 h 679"/>
                <a:gd name="T108" fmla="*/ 57 w 999"/>
                <a:gd name="T109" fmla="*/ 98 h 679"/>
                <a:gd name="T110" fmla="*/ 83 w 999"/>
                <a:gd name="T111" fmla="*/ 97 h 679"/>
                <a:gd name="T112" fmla="*/ 99 w 999"/>
                <a:gd name="T113" fmla="*/ 102 h 679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0" t="0" r="r" b="b"/>
              <a:pathLst>
                <a:path w="999" h="679">
                  <a:moveTo>
                    <a:pt x="330" y="339"/>
                  </a:moveTo>
                  <a:lnTo>
                    <a:pt x="337" y="348"/>
                  </a:lnTo>
                  <a:lnTo>
                    <a:pt x="345" y="358"/>
                  </a:lnTo>
                  <a:lnTo>
                    <a:pt x="355" y="366"/>
                  </a:lnTo>
                  <a:lnTo>
                    <a:pt x="364" y="375"/>
                  </a:lnTo>
                  <a:lnTo>
                    <a:pt x="385" y="390"/>
                  </a:lnTo>
                  <a:lnTo>
                    <a:pt x="407" y="406"/>
                  </a:lnTo>
                  <a:lnTo>
                    <a:pt x="427" y="421"/>
                  </a:lnTo>
                  <a:lnTo>
                    <a:pt x="447" y="438"/>
                  </a:lnTo>
                  <a:lnTo>
                    <a:pt x="456" y="446"/>
                  </a:lnTo>
                  <a:lnTo>
                    <a:pt x="463" y="456"/>
                  </a:lnTo>
                  <a:lnTo>
                    <a:pt x="471" y="465"/>
                  </a:lnTo>
                  <a:lnTo>
                    <a:pt x="476" y="475"/>
                  </a:lnTo>
                  <a:lnTo>
                    <a:pt x="484" y="475"/>
                  </a:lnTo>
                  <a:lnTo>
                    <a:pt x="492" y="475"/>
                  </a:lnTo>
                  <a:lnTo>
                    <a:pt x="499" y="476"/>
                  </a:lnTo>
                  <a:lnTo>
                    <a:pt x="506" y="477"/>
                  </a:lnTo>
                  <a:lnTo>
                    <a:pt x="513" y="479"/>
                  </a:lnTo>
                  <a:lnTo>
                    <a:pt x="519" y="481"/>
                  </a:lnTo>
                  <a:lnTo>
                    <a:pt x="525" y="483"/>
                  </a:lnTo>
                  <a:lnTo>
                    <a:pt x="531" y="486"/>
                  </a:lnTo>
                  <a:lnTo>
                    <a:pt x="541" y="494"/>
                  </a:lnTo>
                  <a:lnTo>
                    <a:pt x="551" y="502"/>
                  </a:lnTo>
                  <a:lnTo>
                    <a:pt x="559" y="511"/>
                  </a:lnTo>
                  <a:lnTo>
                    <a:pt x="568" y="522"/>
                  </a:lnTo>
                  <a:lnTo>
                    <a:pt x="583" y="542"/>
                  </a:lnTo>
                  <a:lnTo>
                    <a:pt x="601" y="563"/>
                  </a:lnTo>
                  <a:lnTo>
                    <a:pt x="612" y="571"/>
                  </a:lnTo>
                  <a:lnTo>
                    <a:pt x="623" y="580"/>
                  </a:lnTo>
                  <a:lnTo>
                    <a:pt x="630" y="583"/>
                  </a:lnTo>
                  <a:lnTo>
                    <a:pt x="636" y="586"/>
                  </a:lnTo>
                  <a:lnTo>
                    <a:pt x="642" y="589"/>
                  </a:lnTo>
                  <a:lnTo>
                    <a:pt x="651" y="591"/>
                  </a:lnTo>
                  <a:lnTo>
                    <a:pt x="665" y="595"/>
                  </a:lnTo>
                  <a:lnTo>
                    <a:pt x="681" y="596"/>
                  </a:lnTo>
                  <a:lnTo>
                    <a:pt x="698" y="597"/>
                  </a:lnTo>
                  <a:lnTo>
                    <a:pt x="714" y="596"/>
                  </a:lnTo>
                  <a:lnTo>
                    <a:pt x="747" y="594"/>
                  </a:lnTo>
                  <a:lnTo>
                    <a:pt x="778" y="590"/>
                  </a:lnTo>
                  <a:lnTo>
                    <a:pt x="793" y="590"/>
                  </a:lnTo>
                  <a:lnTo>
                    <a:pt x="808" y="590"/>
                  </a:lnTo>
                  <a:lnTo>
                    <a:pt x="820" y="593"/>
                  </a:lnTo>
                  <a:lnTo>
                    <a:pt x="832" y="596"/>
                  </a:lnTo>
                  <a:lnTo>
                    <a:pt x="837" y="598"/>
                  </a:lnTo>
                  <a:lnTo>
                    <a:pt x="842" y="601"/>
                  </a:lnTo>
                  <a:lnTo>
                    <a:pt x="848" y="604"/>
                  </a:lnTo>
                  <a:lnTo>
                    <a:pt x="852" y="608"/>
                  </a:lnTo>
                  <a:lnTo>
                    <a:pt x="855" y="613"/>
                  </a:lnTo>
                  <a:lnTo>
                    <a:pt x="858" y="618"/>
                  </a:lnTo>
                  <a:lnTo>
                    <a:pt x="861" y="623"/>
                  </a:lnTo>
                  <a:lnTo>
                    <a:pt x="863" y="630"/>
                  </a:lnTo>
                  <a:lnTo>
                    <a:pt x="861" y="630"/>
                  </a:lnTo>
                  <a:lnTo>
                    <a:pt x="858" y="631"/>
                  </a:lnTo>
                  <a:lnTo>
                    <a:pt x="856" y="634"/>
                  </a:lnTo>
                  <a:lnTo>
                    <a:pt x="855" y="637"/>
                  </a:lnTo>
                  <a:lnTo>
                    <a:pt x="853" y="645"/>
                  </a:lnTo>
                  <a:lnTo>
                    <a:pt x="852" y="655"/>
                  </a:lnTo>
                  <a:lnTo>
                    <a:pt x="853" y="664"/>
                  </a:lnTo>
                  <a:lnTo>
                    <a:pt x="855" y="673"/>
                  </a:lnTo>
                  <a:lnTo>
                    <a:pt x="856" y="676"/>
                  </a:lnTo>
                  <a:lnTo>
                    <a:pt x="858" y="678"/>
                  </a:lnTo>
                  <a:lnTo>
                    <a:pt x="861" y="679"/>
                  </a:lnTo>
                  <a:lnTo>
                    <a:pt x="863" y="679"/>
                  </a:lnTo>
                  <a:lnTo>
                    <a:pt x="869" y="670"/>
                  </a:lnTo>
                  <a:lnTo>
                    <a:pt x="874" y="662"/>
                  </a:lnTo>
                  <a:lnTo>
                    <a:pt x="879" y="654"/>
                  </a:lnTo>
                  <a:lnTo>
                    <a:pt x="886" y="647"/>
                  </a:lnTo>
                  <a:lnTo>
                    <a:pt x="890" y="644"/>
                  </a:lnTo>
                  <a:lnTo>
                    <a:pt x="894" y="642"/>
                  </a:lnTo>
                  <a:lnTo>
                    <a:pt x="898" y="640"/>
                  </a:lnTo>
                  <a:lnTo>
                    <a:pt x="903" y="639"/>
                  </a:lnTo>
                  <a:lnTo>
                    <a:pt x="910" y="638"/>
                  </a:lnTo>
                  <a:lnTo>
                    <a:pt x="916" y="638"/>
                  </a:lnTo>
                  <a:lnTo>
                    <a:pt x="923" y="639"/>
                  </a:lnTo>
                  <a:lnTo>
                    <a:pt x="932" y="640"/>
                  </a:lnTo>
                  <a:lnTo>
                    <a:pt x="937" y="606"/>
                  </a:lnTo>
                  <a:lnTo>
                    <a:pt x="944" y="577"/>
                  </a:lnTo>
                  <a:lnTo>
                    <a:pt x="952" y="550"/>
                  </a:lnTo>
                  <a:lnTo>
                    <a:pt x="960" y="526"/>
                  </a:lnTo>
                  <a:lnTo>
                    <a:pt x="970" y="504"/>
                  </a:lnTo>
                  <a:lnTo>
                    <a:pt x="979" y="482"/>
                  </a:lnTo>
                  <a:lnTo>
                    <a:pt x="990" y="460"/>
                  </a:lnTo>
                  <a:lnTo>
                    <a:pt x="999" y="436"/>
                  </a:lnTo>
                  <a:lnTo>
                    <a:pt x="993" y="437"/>
                  </a:lnTo>
                  <a:lnTo>
                    <a:pt x="988" y="437"/>
                  </a:lnTo>
                  <a:lnTo>
                    <a:pt x="982" y="436"/>
                  </a:lnTo>
                  <a:lnTo>
                    <a:pt x="977" y="435"/>
                  </a:lnTo>
                  <a:lnTo>
                    <a:pt x="969" y="430"/>
                  </a:lnTo>
                  <a:lnTo>
                    <a:pt x="962" y="425"/>
                  </a:lnTo>
                  <a:lnTo>
                    <a:pt x="951" y="411"/>
                  </a:lnTo>
                  <a:lnTo>
                    <a:pt x="941" y="398"/>
                  </a:lnTo>
                  <a:lnTo>
                    <a:pt x="947" y="390"/>
                  </a:lnTo>
                  <a:lnTo>
                    <a:pt x="952" y="384"/>
                  </a:lnTo>
                  <a:lnTo>
                    <a:pt x="954" y="378"/>
                  </a:lnTo>
                  <a:lnTo>
                    <a:pt x="956" y="371"/>
                  </a:lnTo>
                  <a:lnTo>
                    <a:pt x="957" y="365"/>
                  </a:lnTo>
                  <a:lnTo>
                    <a:pt x="957" y="359"/>
                  </a:lnTo>
                  <a:lnTo>
                    <a:pt x="956" y="354"/>
                  </a:lnTo>
                  <a:lnTo>
                    <a:pt x="955" y="347"/>
                  </a:lnTo>
                  <a:lnTo>
                    <a:pt x="949" y="335"/>
                  </a:lnTo>
                  <a:lnTo>
                    <a:pt x="941" y="323"/>
                  </a:lnTo>
                  <a:lnTo>
                    <a:pt x="933" y="311"/>
                  </a:lnTo>
                  <a:lnTo>
                    <a:pt x="923" y="299"/>
                  </a:lnTo>
                  <a:lnTo>
                    <a:pt x="913" y="287"/>
                  </a:lnTo>
                  <a:lnTo>
                    <a:pt x="904" y="276"/>
                  </a:lnTo>
                  <a:lnTo>
                    <a:pt x="897" y="264"/>
                  </a:lnTo>
                  <a:lnTo>
                    <a:pt x="891" y="251"/>
                  </a:lnTo>
                  <a:lnTo>
                    <a:pt x="889" y="246"/>
                  </a:lnTo>
                  <a:lnTo>
                    <a:pt x="888" y="240"/>
                  </a:lnTo>
                  <a:lnTo>
                    <a:pt x="888" y="233"/>
                  </a:lnTo>
                  <a:lnTo>
                    <a:pt x="889" y="228"/>
                  </a:lnTo>
                  <a:lnTo>
                    <a:pt x="891" y="222"/>
                  </a:lnTo>
                  <a:lnTo>
                    <a:pt x="893" y="216"/>
                  </a:lnTo>
                  <a:lnTo>
                    <a:pt x="897" y="209"/>
                  </a:lnTo>
                  <a:lnTo>
                    <a:pt x="902" y="203"/>
                  </a:lnTo>
                  <a:lnTo>
                    <a:pt x="891" y="201"/>
                  </a:lnTo>
                  <a:lnTo>
                    <a:pt x="879" y="198"/>
                  </a:lnTo>
                  <a:lnTo>
                    <a:pt x="870" y="192"/>
                  </a:lnTo>
                  <a:lnTo>
                    <a:pt x="860" y="187"/>
                  </a:lnTo>
                  <a:lnTo>
                    <a:pt x="842" y="176"/>
                  </a:lnTo>
                  <a:lnTo>
                    <a:pt x="824" y="164"/>
                  </a:lnTo>
                  <a:lnTo>
                    <a:pt x="824" y="177"/>
                  </a:lnTo>
                  <a:lnTo>
                    <a:pt x="824" y="188"/>
                  </a:lnTo>
                  <a:lnTo>
                    <a:pt x="823" y="193"/>
                  </a:lnTo>
                  <a:lnTo>
                    <a:pt x="822" y="198"/>
                  </a:lnTo>
                  <a:lnTo>
                    <a:pt x="819" y="201"/>
                  </a:lnTo>
                  <a:lnTo>
                    <a:pt x="815" y="203"/>
                  </a:lnTo>
                  <a:lnTo>
                    <a:pt x="813" y="199"/>
                  </a:lnTo>
                  <a:lnTo>
                    <a:pt x="809" y="195"/>
                  </a:lnTo>
                  <a:lnTo>
                    <a:pt x="804" y="191"/>
                  </a:lnTo>
                  <a:lnTo>
                    <a:pt x="800" y="189"/>
                  </a:lnTo>
                  <a:lnTo>
                    <a:pt x="795" y="187"/>
                  </a:lnTo>
                  <a:lnTo>
                    <a:pt x="790" y="185"/>
                  </a:lnTo>
                  <a:lnTo>
                    <a:pt x="783" y="184"/>
                  </a:lnTo>
                  <a:lnTo>
                    <a:pt x="776" y="184"/>
                  </a:lnTo>
                  <a:lnTo>
                    <a:pt x="757" y="205"/>
                  </a:lnTo>
                  <a:lnTo>
                    <a:pt x="737" y="226"/>
                  </a:lnTo>
                  <a:lnTo>
                    <a:pt x="731" y="230"/>
                  </a:lnTo>
                  <a:lnTo>
                    <a:pt x="724" y="235"/>
                  </a:lnTo>
                  <a:lnTo>
                    <a:pt x="717" y="238"/>
                  </a:lnTo>
                  <a:lnTo>
                    <a:pt x="710" y="241"/>
                  </a:lnTo>
                  <a:lnTo>
                    <a:pt x="701" y="242"/>
                  </a:lnTo>
                  <a:lnTo>
                    <a:pt x="692" y="243"/>
                  </a:lnTo>
                  <a:lnTo>
                    <a:pt x="681" y="243"/>
                  </a:lnTo>
                  <a:lnTo>
                    <a:pt x="670" y="242"/>
                  </a:lnTo>
                  <a:lnTo>
                    <a:pt x="665" y="233"/>
                  </a:lnTo>
                  <a:lnTo>
                    <a:pt x="662" y="226"/>
                  </a:lnTo>
                  <a:lnTo>
                    <a:pt x="659" y="218"/>
                  </a:lnTo>
                  <a:lnTo>
                    <a:pt x="657" y="209"/>
                  </a:lnTo>
                  <a:lnTo>
                    <a:pt x="656" y="202"/>
                  </a:lnTo>
                  <a:lnTo>
                    <a:pt x="655" y="193"/>
                  </a:lnTo>
                  <a:lnTo>
                    <a:pt x="655" y="185"/>
                  </a:lnTo>
                  <a:lnTo>
                    <a:pt x="655" y="177"/>
                  </a:lnTo>
                  <a:lnTo>
                    <a:pt x="657" y="160"/>
                  </a:lnTo>
                  <a:lnTo>
                    <a:pt x="660" y="142"/>
                  </a:lnTo>
                  <a:lnTo>
                    <a:pt x="664" y="124"/>
                  </a:lnTo>
                  <a:lnTo>
                    <a:pt x="670" y="106"/>
                  </a:lnTo>
                  <a:lnTo>
                    <a:pt x="662" y="104"/>
                  </a:lnTo>
                  <a:lnTo>
                    <a:pt x="657" y="100"/>
                  </a:lnTo>
                  <a:lnTo>
                    <a:pt x="652" y="96"/>
                  </a:lnTo>
                  <a:lnTo>
                    <a:pt x="646" y="90"/>
                  </a:lnTo>
                  <a:lnTo>
                    <a:pt x="643" y="84"/>
                  </a:lnTo>
                  <a:lnTo>
                    <a:pt x="640" y="78"/>
                  </a:lnTo>
                  <a:lnTo>
                    <a:pt x="637" y="71"/>
                  </a:lnTo>
                  <a:lnTo>
                    <a:pt x="634" y="64"/>
                  </a:lnTo>
                  <a:lnTo>
                    <a:pt x="630" y="49"/>
                  </a:lnTo>
                  <a:lnTo>
                    <a:pt x="625" y="34"/>
                  </a:lnTo>
                  <a:lnTo>
                    <a:pt x="622" y="27"/>
                  </a:lnTo>
                  <a:lnTo>
                    <a:pt x="619" y="21"/>
                  </a:lnTo>
                  <a:lnTo>
                    <a:pt x="616" y="14"/>
                  </a:lnTo>
                  <a:lnTo>
                    <a:pt x="612" y="9"/>
                  </a:lnTo>
                  <a:lnTo>
                    <a:pt x="606" y="18"/>
                  </a:lnTo>
                  <a:lnTo>
                    <a:pt x="601" y="24"/>
                  </a:lnTo>
                  <a:lnTo>
                    <a:pt x="594" y="29"/>
                  </a:lnTo>
                  <a:lnTo>
                    <a:pt x="586" y="32"/>
                  </a:lnTo>
                  <a:lnTo>
                    <a:pt x="578" y="34"/>
                  </a:lnTo>
                  <a:lnTo>
                    <a:pt x="570" y="35"/>
                  </a:lnTo>
                  <a:lnTo>
                    <a:pt x="560" y="37"/>
                  </a:lnTo>
                  <a:lnTo>
                    <a:pt x="550" y="35"/>
                  </a:lnTo>
                  <a:lnTo>
                    <a:pt x="529" y="33"/>
                  </a:lnTo>
                  <a:lnTo>
                    <a:pt x="507" y="30"/>
                  </a:lnTo>
                  <a:lnTo>
                    <a:pt x="497" y="29"/>
                  </a:lnTo>
                  <a:lnTo>
                    <a:pt x="486" y="28"/>
                  </a:lnTo>
                  <a:lnTo>
                    <a:pt x="476" y="28"/>
                  </a:lnTo>
                  <a:lnTo>
                    <a:pt x="465" y="28"/>
                  </a:lnTo>
                  <a:lnTo>
                    <a:pt x="466" y="37"/>
                  </a:lnTo>
                  <a:lnTo>
                    <a:pt x="466" y="44"/>
                  </a:lnTo>
                  <a:lnTo>
                    <a:pt x="465" y="50"/>
                  </a:lnTo>
                  <a:lnTo>
                    <a:pt x="463" y="56"/>
                  </a:lnTo>
                  <a:lnTo>
                    <a:pt x="461" y="60"/>
                  </a:lnTo>
                  <a:lnTo>
                    <a:pt x="457" y="63"/>
                  </a:lnTo>
                  <a:lnTo>
                    <a:pt x="453" y="66"/>
                  </a:lnTo>
                  <a:lnTo>
                    <a:pt x="446" y="67"/>
                  </a:lnTo>
                  <a:lnTo>
                    <a:pt x="434" y="67"/>
                  </a:lnTo>
                  <a:lnTo>
                    <a:pt x="423" y="65"/>
                  </a:lnTo>
                  <a:lnTo>
                    <a:pt x="413" y="63"/>
                  </a:lnTo>
                  <a:lnTo>
                    <a:pt x="403" y="60"/>
                  </a:lnTo>
                  <a:lnTo>
                    <a:pt x="385" y="52"/>
                  </a:lnTo>
                  <a:lnTo>
                    <a:pt x="367" y="44"/>
                  </a:lnTo>
                  <a:lnTo>
                    <a:pt x="352" y="35"/>
                  </a:lnTo>
                  <a:lnTo>
                    <a:pt x="334" y="27"/>
                  </a:lnTo>
                  <a:lnTo>
                    <a:pt x="324" y="24"/>
                  </a:lnTo>
                  <a:lnTo>
                    <a:pt x="314" y="22"/>
                  </a:lnTo>
                  <a:lnTo>
                    <a:pt x="303" y="20"/>
                  </a:lnTo>
                  <a:lnTo>
                    <a:pt x="292" y="19"/>
                  </a:lnTo>
                  <a:lnTo>
                    <a:pt x="288" y="20"/>
                  </a:lnTo>
                  <a:lnTo>
                    <a:pt x="287" y="22"/>
                  </a:lnTo>
                  <a:lnTo>
                    <a:pt x="286" y="24"/>
                  </a:lnTo>
                  <a:lnTo>
                    <a:pt x="285" y="27"/>
                  </a:lnTo>
                  <a:lnTo>
                    <a:pt x="284" y="33"/>
                  </a:lnTo>
                  <a:lnTo>
                    <a:pt x="283" y="40"/>
                  </a:lnTo>
                  <a:lnTo>
                    <a:pt x="282" y="46"/>
                  </a:lnTo>
                  <a:lnTo>
                    <a:pt x="280" y="51"/>
                  </a:lnTo>
                  <a:lnTo>
                    <a:pt x="279" y="54"/>
                  </a:lnTo>
                  <a:lnTo>
                    <a:pt x="277" y="56"/>
                  </a:lnTo>
                  <a:lnTo>
                    <a:pt x="275" y="57"/>
                  </a:lnTo>
                  <a:lnTo>
                    <a:pt x="272" y="58"/>
                  </a:lnTo>
                  <a:lnTo>
                    <a:pt x="257" y="52"/>
                  </a:lnTo>
                  <a:lnTo>
                    <a:pt x="244" y="46"/>
                  </a:lnTo>
                  <a:lnTo>
                    <a:pt x="232" y="40"/>
                  </a:lnTo>
                  <a:lnTo>
                    <a:pt x="220" y="31"/>
                  </a:lnTo>
                  <a:lnTo>
                    <a:pt x="197" y="15"/>
                  </a:lnTo>
                  <a:lnTo>
                    <a:pt x="175" y="0"/>
                  </a:lnTo>
                  <a:lnTo>
                    <a:pt x="174" y="3"/>
                  </a:lnTo>
                  <a:lnTo>
                    <a:pt x="174" y="6"/>
                  </a:lnTo>
                  <a:lnTo>
                    <a:pt x="172" y="9"/>
                  </a:lnTo>
                  <a:lnTo>
                    <a:pt x="169" y="11"/>
                  </a:lnTo>
                  <a:lnTo>
                    <a:pt x="165" y="15"/>
                  </a:lnTo>
                  <a:lnTo>
                    <a:pt x="159" y="18"/>
                  </a:lnTo>
                  <a:lnTo>
                    <a:pt x="152" y="19"/>
                  </a:lnTo>
                  <a:lnTo>
                    <a:pt x="144" y="20"/>
                  </a:lnTo>
                  <a:lnTo>
                    <a:pt x="135" y="20"/>
                  </a:lnTo>
                  <a:lnTo>
                    <a:pt x="126" y="19"/>
                  </a:lnTo>
                  <a:lnTo>
                    <a:pt x="127" y="29"/>
                  </a:lnTo>
                  <a:lnTo>
                    <a:pt x="127" y="39"/>
                  </a:lnTo>
                  <a:lnTo>
                    <a:pt x="126" y="46"/>
                  </a:lnTo>
                  <a:lnTo>
                    <a:pt x="123" y="51"/>
                  </a:lnTo>
                  <a:lnTo>
                    <a:pt x="118" y="57"/>
                  </a:lnTo>
                  <a:lnTo>
                    <a:pt x="113" y="60"/>
                  </a:lnTo>
                  <a:lnTo>
                    <a:pt x="106" y="63"/>
                  </a:lnTo>
                  <a:lnTo>
                    <a:pt x="100" y="65"/>
                  </a:lnTo>
                  <a:lnTo>
                    <a:pt x="85" y="69"/>
                  </a:lnTo>
                  <a:lnTo>
                    <a:pt x="70" y="72"/>
                  </a:lnTo>
                  <a:lnTo>
                    <a:pt x="64" y="76"/>
                  </a:lnTo>
                  <a:lnTo>
                    <a:pt x="58" y="78"/>
                  </a:lnTo>
                  <a:lnTo>
                    <a:pt x="53" y="82"/>
                  </a:lnTo>
                  <a:lnTo>
                    <a:pt x="48" y="87"/>
                  </a:lnTo>
                  <a:lnTo>
                    <a:pt x="53" y="98"/>
                  </a:lnTo>
                  <a:lnTo>
                    <a:pt x="55" y="109"/>
                  </a:lnTo>
                  <a:lnTo>
                    <a:pt x="57" y="122"/>
                  </a:lnTo>
                  <a:lnTo>
                    <a:pt x="58" y="136"/>
                  </a:lnTo>
                  <a:lnTo>
                    <a:pt x="59" y="164"/>
                  </a:lnTo>
                  <a:lnTo>
                    <a:pt x="58" y="193"/>
                  </a:lnTo>
                  <a:lnTo>
                    <a:pt x="47" y="199"/>
                  </a:lnTo>
                  <a:lnTo>
                    <a:pt x="37" y="204"/>
                  </a:lnTo>
                  <a:lnTo>
                    <a:pt x="27" y="210"/>
                  </a:lnTo>
                  <a:lnTo>
                    <a:pt x="19" y="218"/>
                  </a:lnTo>
                  <a:lnTo>
                    <a:pt x="13" y="226"/>
                  </a:lnTo>
                  <a:lnTo>
                    <a:pt x="6" y="237"/>
                  </a:lnTo>
                  <a:lnTo>
                    <a:pt x="4" y="242"/>
                  </a:lnTo>
                  <a:lnTo>
                    <a:pt x="2" y="248"/>
                  </a:lnTo>
                  <a:lnTo>
                    <a:pt x="1" y="255"/>
                  </a:lnTo>
                  <a:lnTo>
                    <a:pt x="0" y="262"/>
                  </a:lnTo>
                  <a:lnTo>
                    <a:pt x="9" y="269"/>
                  </a:lnTo>
                  <a:lnTo>
                    <a:pt x="18" y="277"/>
                  </a:lnTo>
                  <a:lnTo>
                    <a:pt x="28" y="283"/>
                  </a:lnTo>
                  <a:lnTo>
                    <a:pt x="38" y="287"/>
                  </a:lnTo>
                  <a:lnTo>
                    <a:pt x="48" y="291"/>
                  </a:lnTo>
                  <a:lnTo>
                    <a:pt x="59" y="295"/>
                  </a:lnTo>
                  <a:lnTo>
                    <a:pt x="69" y="297"/>
                  </a:lnTo>
                  <a:lnTo>
                    <a:pt x="80" y="298"/>
                  </a:lnTo>
                  <a:lnTo>
                    <a:pt x="102" y="299"/>
                  </a:lnTo>
                  <a:lnTo>
                    <a:pt x="125" y="298"/>
                  </a:lnTo>
                  <a:lnTo>
                    <a:pt x="148" y="297"/>
                  </a:lnTo>
                  <a:lnTo>
                    <a:pt x="171" y="293"/>
                  </a:lnTo>
                  <a:lnTo>
                    <a:pt x="194" y="291"/>
                  </a:lnTo>
                  <a:lnTo>
                    <a:pt x="216" y="290"/>
                  </a:lnTo>
                  <a:lnTo>
                    <a:pt x="227" y="290"/>
                  </a:lnTo>
                  <a:lnTo>
                    <a:pt x="238" y="291"/>
                  </a:lnTo>
                  <a:lnTo>
                    <a:pt x="248" y="291"/>
                  </a:lnTo>
                  <a:lnTo>
                    <a:pt x="259" y="293"/>
                  </a:lnTo>
                  <a:lnTo>
                    <a:pt x="268" y="296"/>
                  </a:lnTo>
                  <a:lnTo>
                    <a:pt x="279" y="299"/>
                  </a:lnTo>
                  <a:lnTo>
                    <a:pt x="288" y="303"/>
                  </a:lnTo>
                  <a:lnTo>
                    <a:pt x="297" y="307"/>
                  </a:lnTo>
                  <a:lnTo>
                    <a:pt x="306" y="313"/>
                  </a:lnTo>
                  <a:lnTo>
                    <a:pt x="315" y="321"/>
                  </a:lnTo>
                  <a:lnTo>
                    <a:pt x="322" y="329"/>
                  </a:lnTo>
                  <a:lnTo>
                    <a:pt x="330" y="339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383" name="Brønderslev kant"/>
            <p:cNvSpPr>
              <a:spLocks/>
            </p:cNvSpPr>
            <p:nvPr/>
          </p:nvSpPr>
          <p:spPr bwMode="auto">
            <a:xfrm>
              <a:off x="1801813" y="2732088"/>
              <a:ext cx="528637" cy="358775"/>
            </a:xfrm>
            <a:custGeom>
              <a:avLst/>
              <a:gdLst>
                <a:gd name="T0" fmla="*/ 121 w 999"/>
                <a:gd name="T1" fmla="*/ 125 h 679"/>
                <a:gd name="T2" fmla="*/ 152 w 999"/>
                <a:gd name="T3" fmla="*/ 148 h 679"/>
                <a:gd name="T4" fmla="*/ 164 w 999"/>
                <a:gd name="T5" fmla="*/ 158 h 679"/>
                <a:gd name="T6" fmla="*/ 175 w 999"/>
                <a:gd name="T7" fmla="*/ 161 h 679"/>
                <a:gd name="T8" fmla="*/ 189 w 999"/>
                <a:gd name="T9" fmla="*/ 174 h 679"/>
                <a:gd name="T10" fmla="*/ 210 w 999"/>
                <a:gd name="T11" fmla="*/ 194 h 679"/>
                <a:gd name="T12" fmla="*/ 227 w 999"/>
                <a:gd name="T13" fmla="*/ 198 h 679"/>
                <a:gd name="T14" fmla="*/ 264 w 999"/>
                <a:gd name="T15" fmla="*/ 196 h 679"/>
                <a:gd name="T16" fmla="*/ 281 w 999"/>
                <a:gd name="T17" fmla="*/ 200 h 679"/>
                <a:gd name="T18" fmla="*/ 287 w 999"/>
                <a:gd name="T19" fmla="*/ 207 h 679"/>
                <a:gd name="T20" fmla="*/ 285 w 999"/>
                <a:gd name="T21" fmla="*/ 212 h 679"/>
                <a:gd name="T22" fmla="*/ 285 w 999"/>
                <a:gd name="T23" fmla="*/ 225 h 679"/>
                <a:gd name="T24" fmla="*/ 291 w 999"/>
                <a:gd name="T25" fmla="*/ 220 h 679"/>
                <a:gd name="T26" fmla="*/ 299 w 999"/>
                <a:gd name="T27" fmla="*/ 213 h 679"/>
                <a:gd name="T28" fmla="*/ 311 w 999"/>
                <a:gd name="T29" fmla="*/ 213 h 679"/>
                <a:gd name="T30" fmla="*/ 323 w 999"/>
                <a:gd name="T31" fmla="*/ 168 h 679"/>
                <a:gd name="T32" fmla="*/ 329 w 999"/>
                <a:gd name="T33" fmla="*/ 145 h 679"/>
                <a:gd name="T34" fmla="*/ 317 w 999"/>
                <a:gd name="T35" fmla="*/ 137 h 679"/>
                <a:gd name="T36" fmla="*/ 319 w 999"/>
                <a:gd name="T37" fmla="*/ 123 h 679"/>
                <a:gd name="T38" fmla="*/ 316 w 999"/>
                <a:gd name="T39" fmla="*/ 112 h 679"/>
                <a:gd name="T40" fmla="*/ 301 w 999"/>
                <a:gd name="T41" fmla="*/ 92 h 679"/>
                <a:gd name="T42" fmla="*/ 296 w 999"/>
                <a:gd name="T43" fmla="*/ 78 h 679"/>
                <a:gd name="T44" fmla="*/ 301 w 999"/>
                <a:gd name="T45" fmla="*/ 68 h 679"/>
                <a:gd name="T46" fmla="*/ 281 w 999"/>
                <a:gd name="T47" fmla="*/ 59 h 679"/>
                <a:gd name="T48" fmla="*/ 274 w 999"/>
                <a:gd name="T49" fmla="*/ 66 h 679"/>
                <a:gd name="T50" fmla="*/ 268 w 999"/>
                <a:gd name="T51" fmla="*/ 64 h 679"/>
                <a:gd name="T52" fmla="*/ 259 w 999"/>
                <a:gd name="T53" fmla="*/ 61 h 679"/>
                <a:gd name="T54" fmla="*/ 239 w 999"/>
                <a:gd name="T55" fmla="*/ 79 h 679"/>
                <a:gd name="T56" fmla="*/ 223 w 999"/>
                <a:gd name="T57" fmla="*/ 81 h 679"/>
                <a:gd name="T58" fmla="*/ 219 w 999"/>
                <a:gd name="T59" fmla="*/ 67 h 679"/>
                <a:gd name="T60" fmla="*/ 220 w 999"/>
                <a:gd name="T61" fmla="*/ 47 h 679"/>
                <a:gd name="T62" fmla="*/ 217 w 999"/>
                <a:gd name="T63" fmla="*/ 32 h 679"/>
                <a:gd name="T64" fmla="*/ 211 w 999"/>
                <a:gd name="T65" fmla="*/ 21 h 679"/>
                <a:gd name="T66" fmla="*/ 205 w 999"/>
                <a:gd name="T67" fmla="*/ 5 h 679"/>
                <a:gd name="T68" fmla="*/ 195 w 999"/>
                <a:gd name="T69" fmla="*/ 11 h 679"/>
                <a:gd name="T70" fmla="*/ 176 w 999"/>
                <a:gd name="T71" fmla="*/ 11 h 679"/>
                <a:gd name="T72" fmla="*/ 155 w 999"/>
                <a:gd name="T73" fmla="*/ 9 h 679"/>
                <a:gd name="T74" fmla="*/ 154 w 999"/>
                <a:gd name="T75" fmla="*/ 20 h 679"/>
                <a:gd name="T76" fmla="*/ 141 w 999"/>
                <a:gd name="T77" fmla="*/ 22 h 679"/>
                <a:gd name="T78" fmla="*/ 117 w 999"/>
                <a:gd name="T79" fmla="*/ 12 h 679"/>
                <a:gd name="T80" fmla="*/ 97 w 999"/>
                <a:gd name="T81" fmla="*/ 6 h 679"/>
                <a:gd name="T82" fmla="*/ 95 w 999"/>
                <a:gd name="T83" fmla="*/ 11 h 679"/>
                <a:gd name="T84" fmla="*/ 92 w 999"/>
                <a:gd name="T85" fmla="*/ 19 h 679"/>
                <a:gd name="T86" fmla="*/ 77 w 999"/>
                <a:gd name="T87" fmla="*/ 13 h 679"/>
                <a:gd name="T88" fmla="*/ 58 w 999"/>
                <a:gd name="T89" fmla="*/ 2 h 679"/>
                <a:gd name="T90" fmla="*/ 51 w 999"/>
                <a:gd name="T91" fmla="*/ 6 h 679"/>
                <a:gd name="T92" fmla="*/ 42 w 999"/>
                <a:gd name="T93" fmla="*/ 13 h 679"/>
                <a:gd name="T94" fmla="*/ 35 w 999"/>
                <a:gd name="T95" fmla="*/ 21 h 679"/>
                <a:gd name="T96" fmla="*/ 19 w 999"/>
                <a:gd name="T97" fmla="*/ 26 h 679"/>
                <a:gd name="T98" fmla="*/ 19 w 999"/>
                <a:gd name="T99" fmla="*/ 41 h 679"/>
                <a:gd name="T100" fmla="*/ 12 w 999"/>
                <a:gd name="T101" fmla="*/ 68 h 679"/>
                <a:gd name="T102" fmla="*/ 1 w 999"/>
                <a:gd name="T103" fmla="*/ 81 h 679"/>
                <a:gd name="T104" fmla="*/ 6 w 999"/>
                <a:gd name="T105" fmla="*/ 92 h 679"/>
                <a:gd name="T106" fmla="*/ 23 w 999"/>
                <a:gd name="T107" fmla="*/ 99 h 679"/>
                <a:gd name="T108" fmla="*/ 57 w 999"/>
                <a:gd name="T109" fmla="*/ 98 h 679"/>
                <a:gd name="T110" fmla="*/ 83 w 999"/>
                <a:gd name="T111" fmla="*/ 97 h 679"/>
                <a:gd name="T112" fmla="*/ 99 w 999"/>
                <a:gd name="T113" fmla="*/ 102 h 679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0" t="0" r="r" b="b"/>
              <a:pathLst>
                <a:path w="999" h="679">
                  <a:moveTo>
                    <a:pt x="330" y="339"/>
                  </a:moveTo>
                  <a:lnTo>
                    <a:pt x="337" y="348"/>
                  </a:lnTo>
                  <a:lnTo>
                    <a:pt x="345" y="358"/>
                  </a:lnTo>
                  <a:lnTo>
                    <a:pt x="355" y="366"/>
                  </a:lnTo>
                  <a:lnTo>
                    <a:pt x="364" y="375"/>
                  </a:lnTo>
                  <a:lnTo>
                    <a:pt x="385" y="390"/>
                  </a:lnTo>
                  <a:lnTo>
                    <a:pt x="407" y="406"/>
                  </a:lnTo>
                  <a:lnTo>
                    <a:pt x="427" y="421"/>
                  </a:lnTo>
                  <a:lnTo>
                    <a:pt x="447" y="438"/>
                  </a:lnTo>
                  <a:lnTo>
                    <a:pt x="456" y="446"/>
                  </a:lnTo>
                  <a:lnTo>
                    <a:pt x="463" y="456"/>
                  </a:lnTo>
                  <a:lnTo>
                    <a:pt x="471" y="465"/>
                  </a:lnTo>
                  <a:lnTo>
                    <a:pt x="476" y="475"/>
                  </a:lnTo>
                  <a:lnTo>
                    <a:pt x="484" y="475"/>
                  </a:lnTo>
                  <a:lnTo>
                    <a:pt x="492" y="475"/>
                  </a:lnTo>
                  <a:lnTo>
                    <a:pt x="499" y="476"/>
                  </a:lnTo>
                  <a:lnTo>
                    <a:pt x="506" y="477"/>
                  </a:lnTo>
                  <a:lnTo>
                    <a:pt x="513" y="479"/>
                  </a:lnTo>
                  <a:lnTo>
                    <a:pt x="519" y="481"/>
                  </a:lnTo>
                  <a:lnTo>
                    <a:pt x="525" y="483"/>
                  </a:lnTo>
                  <a:lnTo>
                    <a:pt x="531" y="486"/>
                  </a:lnTo>
                  <a:lnTo>
                    <a:pt x="541" y="494"/>
                  </a:lnTo>
                  <a:lnTo>
                    <a:pt x="551" y="502"/>
                  </a:lnTo>
                  <a:lnTo>
                    <a:pt x="559" y="511"/>
                  </a:lnTo>
                  <a:lnTo>
                    <a:pt x="568" y="522"/>
                  </a:lnTo>
                  <a:lnTo>
                    <a:pt x="583" y="542"/>
                  </a:lnTo>
                  <a:lnTo>
                    <a:pt x="601" y="563"/>
                  </a:lnTo>
                  <a:lnTo>
                    <a:pt x="612" y="571"/>
                  </a:lnTo>
                  <a:lnTo>
                    <a:pt x="623" y="580"/>
                  </a:lnTo>
                  <a:lnTo>
                    <a:pt x="630" y="583"/>
                  </a:lnTo>
                  <a:lnTo>
                    <a:pt x="636" y="586"/>
                  </a:lnTo>
                  <a:lnTo>
                    <a:pt x="642" y="589"/>
                  </a:lnTo>
                  <a:lnTo>
                    <a:pt x="651" y="591"/>
                  </a:lnTo>
                  <a:lnTo>
                    <a:pt x="665" y="595"/>
                  </a:lnTo>
                  <a:lnTo>
                    <a:pt x="681" y="596"/>
                  </a:lnTo>
                  <a:lnTo>
                    <a:pt x="698" y="597"/>
                  </a:lnTo>
                  <a:lnTo>
                    <a:pt x="714" y="596"/>
                  </a:lnTo>
                  <a:lnTo>
                    <a:pt x="747" y="594"/>
                  </a:lnTo>
                  <a:lnTo>
                    <a:pt x="778" y="590"/>
                  </a:lnTo>
                  <a:lnTo>
                    <a:pt x="793" y="590"/>
                  </a:lnTo>
                  <a:lnTo>
                    <a:pt x="808" y="590"/>
                  </a:lnTo>
                  <a:lnTo>
                    <a:pt x="820" y="593"/>
                  </a:lnTo>
                  <a:lnTo>
                    <a:pt x="832" y="596"/>
                  </a:lnTo>
                  <a:lnTo>
                    <a:pt x="837" y="598"/>
                  </a:lnTo>
                  <a:lnTo>
                    <a:pt x="842" y="601"/>
                  </a:lnTo>
                  <a:lnTo>
                    <a:pt x="848" y="604"/>
                  </a:lnTo>
                  <a:lnTo>
                    <a:pt x="852" y="608"/>
                  </a:lnTo>
                  <a:lnTo>
                    <a:pt x="855" y="613"/>
                  </a:lnTo>
                  <a:lnTo>
                    <a:pt x="858" y="618"/>
                  </a:lnTo>
                  <a:lnTo>
                    <a:pt x="861" y="623"/>
                  </a:lnTo>
                  <a:lnTo>
                    <a:pt x="863" y="630"/>
                  </a:lnTo>
                  <a:lnTo>
                    <a:pt x="861" y="630"/>
                  </a:lnTo>
                  <a:lnTo>
                    <a:pt x="858" y="631"/>
                  </a:lnTo>
                  <a:lnTo>
                    <a:pt x="856" y="634"/>
                  </a:lnTo>
                  <a:lnTo>
                    <a:pt x="855" y="637"/>
                  </a:lnTo>
                  <a:lnTo>
                    <a:pt x="853" y="645"/>
                  </a:lnTo>
                  <a:lnTo>
                    <a:pt x="852" y="655"/>
                  </a:lnTo>
                  <a:lnTo>
                    <a:pt x="853" y="664"/>
                  </a:lnTo>
                  <a:lnTo>
                    <a:pt x="855" y="673"/>
                  </a:lnTo>
                  <a:lnTo>
                    <a:pt x="856" y="676"/>
                  </a:lnTo>
                  <a:lnTo>
                    <a:pt x="858" y="678"/>
                  </a:lnTo>
                  <a:lnTo>
                    <a:pt x="861" y="679"/>
                  </a:lnTo>
                  <a:lnTo>
                    <a:pt x="863" y="679"/>
                  </a:lnTo>
                  <a:lnTo>
                    <a:pt x="869" y="670"/>
                  </a:lnTo>
                  <a:lnTo>
                    <a:pt x="874" y="662"/>
                  </a:lnTo>
                  <a:lnTo>
                    <a:pt x="879" y="654"/>
                  </a:lnTo>
                  <a:lnTo>
                    <a:pt x="886" y="647"/>
                  </a:lnTo>
                  <a:lnTo>
                    <a:pt x="890" y="644"/>
                  </a:lnTo>
                  <a:lnTo>
                    <a:pt x="894" y="642"/>
                  </a:lnTo>
                  <a:lnTo>
                    <a:pt x="898" y="640"/>
                  </a:lnTo>
                  <a:lnTo>
                    <a:pt x="903" y="639"/>
                  </a:lnTo>
                  <a:lnTo>
                    <a:pt x="910" y="638"/>
                  </a:lnTo>
                  <a:lnTo>
                    <a:pt x="916" y="638"/>
                  </a:lnTo>
                  <a:lnTo>
                    <a:pt x="923" y="639"/>
                  </a:lnTo>
                  <a:lnTo>
                    <a:pt x="932" y="640"/>
                  </a:lnTo>
                  <a:lnTo>
                    <a:pt x="937" y="606"/>
                  </a:lnTo>
                  <a:lnTo>
                    <a:pt x="944" y="577"/>
                  </a:lnTo>
                  <a:lnTo>
                    <a:pt x="952" y="550"/>
                  </a:lnTo>
                  <a:lnTo>
                    <a:pt x="960" y="526"/>
                  </a:lnTo>
                  <a:lnTo>
                    <a:pt x="970" y="504"/>
                  </a:lnTo>
                  <a:lnTo>
                    <a:pt x="979" y="482"/>
                  </a:lnTo>
                  <a:lnTo>
                    <a:pt x="990" y="460"/>
                  </a:lnTo>
                  <a:lnTo>
                    <a:pt x="999" y="436"/>
                  </a:lnTo>
                  <a:lnTo>
                    <a:pt x="993" y="437"/>
                  </a:lnTo>
                  <a:lnTo>
                    <a:pt x="988" y="437"/>
                  </a:lnTo>
                  <a:lnTo>
                    <a:pt x="982" y="436"/>
                  </a:lnTo>
                  <a:lnTo>
                    <a:pt x="977" y="435"/>
                  </a:lnTo>
                  <a:lnTo>
                    <a:pt x="969" y="430"/>
                  </a:lnTo>
                  <a:lnTo>
                    <a:pt x="962" y="425"/>
                  </a:lnTo>
                  <a:lnTo>
                    <a:pt x="951" y="411"/>
                  </a:lnTo>
                  <a:lnTo>
                    <a:pt x="941" y="398"/>
                  </a:lnTo>
                  <a:lnTo>
                    <a:pt x="947" y="390"/>
                  </a:lnTo>
                  <a:lnTo>
                    <a:pt x="952" y="384"/>
                  </a:lnTo>
                  <a:lnTo>
                    <a:pt x="954" y="378"/>
                  </a:lnTo>
                  <a:lnTo>
                    <a:pt x="956" y="371"/>
                  </a:lnTo>
                  <a:lnTo>
                    <a:pt x="957" y="365"/>
                  </a:lnTo>
                  <a:lnTo>
                    <a:pt x="957" y="359"/>
                  </a:lnTo>
                  <a:lnTo>
                    <a:pt x="956" y="354"/>
                  </a:lnTo>
                  <a:lnTo>
                    <a:pt x="955" y="347"/>
                  </a:lnTo>
                  <a:lnTo>
                    <a:pt x="949" y="335"/>
                  </a:lnTo>
                  <a:lnTo>
                    <a:pt x="941" y="323"/>
                  </a:lnTo>
                  <a:lnTo>
                    <a:pt x="933" y="311"/>
                  </a:lnTo>
                  <a:lnTo>
                    <a:pt x="923" y="299"/>
                  </a:lnTo>
                  <a:lnTo>
                    <a:pt x="913" y="287"/>
                  </a:lnTo>
                  <a:lnTo>
                    <a:pt x="904" y="276"/>
                  </a:lnTo>
                  <a:lnTo>
                    <a:pt x="897" y="264"/>
                  </a:lnTo>
                  <a:lnTo>
                    <a:pt x="891" y="251"/>
                  </a:lnTo>
                  <a:lnTo>
                    <a:pt x="889" y="246"/>
                  </a:lnTo>
                  <a:lnTo>
                    <a:pt x="888" y="240"/>
                  </a:lnTo>
                  <a:lnTo>
                    <a:pt x="888" y="233"/>
                  </a:lnTo>
                  <a:lnTo>
                    <a:pt x="889" y="228"/>
                  </a:lnTo>
                  <a:lnTo>
                    <a:pt x="891" y="222"/>
                  </a:lnTo>
                  <a:lnTo>
                    <a:pt x="893" y="216"/>
                  </a:lnTo>
                  <a:lnTo>
                    <a:pt x="897" y="209"/>
                  </a:lnTo>
                  <a:lnTo>
                    <a:pt x="902" y="203"/>
                  </a:lnTo>
                  <a:lnTo>
                    <a:pt x="891" y="201"/>
                  </a:lnTo>
                  <a:lnTo>
                    <a:pt x="879" y="198"/>
                  </a:lnTo>
                  <a:lnTo>
                    <a:pt x="870" y="192"/>
                  </a:lnTo>
                  <a:lnTo>
                    <a:pt x="860" y="187"/>
                  </a:lnTo>
                  <a:lnTo>
                    <a:pt x="842" y="176"/>
                  </a:lnTo>
                  <a:lnTo>
                    <a:pt x="824" y="164"/>
                  </a:lnTo>
                  <a:lnTo>
                    <a:pt x="824" y="177"/>
                  </a:lnTo>
                  <a:lnTo>
                    <a:pt x="824" y="188"/>
                  </a:lnTo>
                  <a:lnTo>
                    <a:pt x="823" y="193"/>
                  </a:lnTo>
                  <a:lnTo>
                    <a:pt x="822" y="198"/>
                  </a:lnTo>
                  <a:lnTo>
                    <a:pt x="819" y="201"/>
                  </a:lnTo>
                  <a:lnTo>
                    <a:pt x="815" y="203"/>
                  </a:lnTo>
                  <a:lnTo>
                    <a:pt x="813" y="199"/>
                  </a:lnTo>
                  <a:lnTo>
                    <a:pt x="809" y="195"/>
                  </a:lnTo>
                  <a:lnTo>
                    <a:pt x="804" y="191"/>
                  </a:lnTo>
                  <a:lnTo>
                    <a:pt x="800" y="189"/>
                  </a:lnTo>
                  <a:lnTo>
                    <a:pt x="795" y="187"/>
                  </a:lnTo>
                  <a:lnTo>
                    <a:pt x="790" y="185"/>
                  </a:lnTo>
                  <a:lnTo>
                    <a:pt x="783" y="184"/>
                  </a:lnTo>
                  <a:lnTo>
                    <a:pt x="776" y="184"/>
                  </a:lnTo>
                  <a:lnTo>
                    <a:pt x="757" y="205"/>
                  </a:lnTo>
                  <a:lnTo>
                    <a:pt x="737" y="226"/>
                  </a:lnTo>
                  <a:lnTo>
                    <a:pt x="731" y="230"/>
                  </a:lnTo>
                  <a:lnTo>
                    <a:pt x="724" y="235"/>
                  </a:lnTo>
                  <a:lnTo>
                    <a:pt x="717" y="238"/>
                  </a:lnTo>
                  <a:lnTo>
                    <a:pt x="710" y="241"/>
                  </a:lnTo>
                  <a:lnTo>
                    <a:pt x="701" y="242"/>
                  </a:lnTo>
                  <a:lnTo>
                    <a:pt x="692" y="243"/>
                  </a:lnTo>
                  <a:lnTo>
                    <a:pt x="681" y="243"/>
                  </a:lnTo>
                  <a:lnTo>
                    <a:pt x="670" y="242"/>
                  </a:lnTo>
                  <a:lnTo>
                    <a:pt x="665" y="233"/>
                  </a:lnTo>
                  <a:lnTo>
                    <a:pt x="662" y="226"/>
                  </a:lnTo>
                  <a:lnTo>
                    <a:pt x="659" y="218"/>
                  </a:lnTo>
                  <a:lnTo>
                    <a:pt x="657" y="209"/>
                  </a:lnTo>
                  <a:lnTo>
                    <a:pt x="656" y="202"/>
                  </a:lnTo>
                  <a:lnTo>
                    <a:pt x="655" y="193"/>
                  </a:lnTo>
                  <a:lnTo>
                    <a:pt x="655" y="185"/>
                  </a:lnTo>
                  <a:lnTo>
                    <a:pt x="655" y="177"/>
                  </a:lnTo>
                  <a:lnTo>
                    <a:pt x="657" y="160"/>
                  </a:lnTo>
                  <a:lnTo>
                    <a:pt x="660" y="142"/>
                  </a:lnTo>
                  <a:lnTo>
                    <a:pt x="664" y="124"/>
                  </a:lnTo>
                  <a:lnTo>
                    <a:pt x="670" y="106"/>
                  </a:lnTo>
                  <a:lnTo>
                    <a:pt x="662" y="104"/>
                  </a:lnTo>
                  <a:lnTo>
                    <a:pt x="657" y="100"/>
                  </a:lnTo>
                  <a:lnTo>
                    <a:pt x="652" y="96"/>
                  </a:lnTo>
                  <a:lnTo>
                    <a:pt x="646" y="90"/>
                  </a:lnTo>
                  <a:lnTo>
                    <a:pt x="643" y="84"/>
                  </a:lnTo>
                  <a:lnTo>
                    <a:pt x="640" y="78"/>
                  </a:lnTo>
                  <a:lnTo>
                    <a:pt x="637" y="71"/>
                  </a:lnTo>
                  <a:lnTo>
                    <a:pt x="634" y="64"/>
                  </a:lnTo>
                  <a:lnTo>
                    <a:pt x="630" y="49"/>
                  </a:lnTo>
                  <a:lnTo>
                    <a:pt x="625" y="34"/>
                  </a:lnTo>
                  <a:lnTo>
                    <a:pt x="622" y="27"/>
                  </a:lnTo>
                  <a:lnTo>
                    <a:pt x="619" y="21"/>
                  </a:lnTo>
                  <a:lnTo>
                    <a:pt x="616" y="14"/>
                  </a:lnTo>
                  <a:lnTo>
                    <a:pt x="612" y="9"/>
                  </a:lnTo>
                  <a:lnTo>
                    <a:pt x="606" y="18"/>
                  </a:lnTo>
                  <a:lnTo>
                    <a:pt x="601" y="24"/>
                  </a:lnTo>
                  <a:lnTo>
                    <a:pt x="594" y="29"/>
                  </a:lnTo>
                  <a:lnTo>
                    <a:pt x="586" y="32"/>
                  </a:lnTo>
                  <a:lnTo>
                    <a:pt x="578" y="34"/>
                  </a:lnTo>
                  <a:lnTo>
                    <a:pt x="570" y="35"/>
                  </a:lnTo>
                  <a:lnTo>
                    <a:pt x="560" y="37"/>
                  </a:lnTo>
                  <a:lnTo>
                    <a:pt x="550" y="35"/>
                  </a:lnTo>
                  <a:lnTo>
                    <a:pt x="529" y="33"/>
                  </a:lnTo>
                  <a:lnTo>
                    <a:pt x="507" y="30"/>
                  </a:lnTo>
                  <a:lnTo>
                    <a:pt x="497" y="29"/>
                  </a:lnTo>
                  <a:lnTo>
                    <a:pt x="486" y="28"/>
                  </a:lnTo>
                  <a:lnTo>
                    <a:pt x="476" y="28"/>
                  </a:lnTo>
                  <a:lnTo>
                    <a:pt x="465" y="28"/>
                  </a:lnTo>
                  <a:lnTo>
                    <a:pt x="466" y="37"/>
                  </a:lnTo>
                  <a:lnTo>
                    <a:pt x="466" y="44"/>
                  </a:lnTo>
                  <a:lnTo>
                    <a:pt x="465" y="50"/>
                  </a:lnTo>
                  <a:lnTo>
                    <a:pt x="463" y="56"/>
                  </a:lnTo>
                  <a:lnTo>
                    <a:pt x="461" y="60"/>
                  </a:lnTo>
                  <a:lnTo>
                    <a:pt x="457" y="63"/>
                  </a:lnTo>
                  <a:lnTo>
                    <a:pt x="453" y="66"/>
                  </a:lnTo>
                  <a:lnTo>
                    <a:pt x="446" y="67"/>
                  </a:lnTo>
                  <a:lnTo>
                    <a:pt x="434" y="67"/>
                  </a:lnTo>
                  <a:lnTo>
                    <a:pt x="423" y="65"/>
                  </a:lnTo>
                  <a:lnTo>
                    <a:pt x="413" y="63"/>
                  </a:lnTo>
                  <a:lnTo>
                    <a:pt x="403" y="60"/>
                  </a:lnTo>
                  <a:lnTo>
                    <a:pt x="385" y="52"/>
                  </a:lnTo>
                  <a:lnTo>
                    <a:pt x="367" y="44"/>
                  </a:lnTo>
                  <a:lnTo>
                    <a:pt x="352" y="35"/>
                  </a:lnTo>
                  <a:lnTo>
                    <a:pt x="334" y="27"/>
                  </a:lnTo>
                  <a:lnTo>
                    <a:pt x="324" y="24"/>
                  </a:lnTo>
                  <a:lnTo>
                    <a:pt x="314" y="22"/>
                  </a:lnTo>
                  <a:lnTo>
                    <a:pt x="303" y="20"/>
                  </a:lnTo>
                  <a:lnTo>
                    <a:pt x="292" y="19"/>
                  </a:lnTo>
                  <a:lnTo>
                    <a:pt x="288" y="20"/>
                  </a:lnTo>
                  <a:lnTo>
                    <a:pt x="287" y="22"/>
                  </a:lnTo>
                  <a:lnTo>
                    <a:pt x="286" y="24"/>
                  </a:lnTo>
                  <a:lnTo>
                    <a:pt x="285" y="27"/>
                  </a:lnTo>
                  <a:lnTo>
                    <a:pt x="284" y="33"/>
                  </a:lnTo>
                  <a:lnTo>
                    <a:pt x="283" y="40"/>
                  </a:lnTo>
                  <a:lnTo>
                    <a:pt x="282" y="46"/>
                  </a:lnTo>
                  <a:lnTo>
                    <a:pt x="280" y="51"/>
                  </a:lnTo>
                  <a:lnTo>
                    <a:pt x="279" y="54"/>
                  </a:lnTo>
                  <a:lnTo>
                    <a:pt x="277" y="56"/>
                  </a:lnTo>
                  <a:lnTo>
                    <a:pt x="275" y="57"/>
                  </a:lnTo>
                  <a:lnTo>
                    <a:pt x="272" y="58"/>
                  </a:lnTo>
                  <a:lnTo>
                    <a:pt x="257" y="52"/>
                  </a:lnTo>
                  <a:lnTo>
                    <a:pt x="244" y="46"/>
                  </a:lnTo>
                  <a:lnTo>
                    <a:pt x="232" y="40"/>
                  </a:lnTo>
                  <a:lnTo>
                    <a:pt x="220" y="31"/>
                  </a:lnTo>
                  <a:lnTo>
                    <a:pt x="197" y="15"/>
                  </a:lnTo>
                  <a:lnTo>
                    <a:pt x="175" y="0"/>
                  </a:lnTo>
                  <a:lnTo>
                    <a:pt x="174" y="3"/>
                  </a:lnTo>
                  <a:lnTo>
                    <a:pt x="174" y="6"/>
                  </a:lnTo>
                  <a:lnTo>
                    <a:pt x="172" y="9"/>
                  </a:lnTo>
                  <a:lnTo>
                    <a:pt x="169" y="11"/>
                  </a:lnTo>
                  <a:lnTo>
                    <a:pt x="165" y="15"/>
                  </a:lnTo>
                  <a:lnTo>
                    <a:pt x="159" y="18"/>
                  </a:lnTo>
                  <a:lnTo>
                    <a:pt x="152" y="19"/>
                  </a:lnTo>
                  <a:lnTo>
                    <a:pt x="144" y="20"/>
                  </a:lnTo>
                  <a:lnTo>
                    <a:pt x="135" y="20"/>
                  </a:lnTo>
                  <a:lnTo>
                    <a:pt x="126" y="19"/>
                  </a:lnTo>
                  <a:lnTo>
                    <a:pt x="127" y="29"/>
                  </a:lnTo>
                  <a:lnTo>
                    <a:pt x="127" y="39"/>
                  </a:lnTo>
                  <a:lnTo>
                    <a:pt x="126" y="46"/>
                  </a:lnTo>
                  <a:lnTo>
                    <a:pt x="123" y="51"/>
                  </a:lnTo>
                  <a:lnTo>
                    <a:pt x="118" y="57"/>
                  </a:lnTo>
                  <a:lnTo>
                    <a:pt x="113" y="60"/>
                  </a:lnTo>
                  <a:lnTo>
                    <a:pt x="106" y="63"/>
                  </a:lnTo>
                  <a:lnTo>
                    <a:pt x="100" y="65"/>
                  </a:lnTo>
                  <a:lnTo>
                    <a:pt x="85" y="69"/>
                  </a:lnTo>
                  <a:lnTo>
                    <a:pt x="70" y="72"/>
                  </a:lnTo>
                  <a:lnTo>
                    <a:pt x="64" y="76"/>
                  </a:lnTo>
                  <a:lnTo>
                    <a:pt x="58" y="78"/>
                  </a:lnTo>
                  <a:lnTo>
                    <a:pt x="53" y="82"/>
                  </a:lnTo>
                  <a:lnTo>
                    <a:pt x="48" y="87"/>
                  </a:lnTo>
                  <a:lnTo>
                    <a:pt x="53" y="98"/>
                  </a:lnTo>
                  <a:lnTo>
                    <a:pt x="55" y="109"/>
                  </a:lnTo>
                  <a:lnTo>
                    <a:pt x="57" y="122"/>
                  </a:lnTo>
                  <a:lnTo>
                    <a:pt x="58" y="136"/>
                  </a:lnTo>
                  <a:lnTo>
                    <a:pt x="59" y="164"/>
                  </a:lnTo>
                  <a:lnTo>
                    <a:pt x="58" y="193"/>
                  </a:lnTo>
                  <a:lnTo>
                    <a:pt x="47" y="199"/>
                  </a:lnTo>
                  <a:lnTo>
                    <a:pt x="37" y="204"/>
                  </a:lnTo>
                  <a:lnTo>
                    <a:pt x="27" y="210"/>
                  </a:lnTo>
                  <a:lnTo>
                    <a:pt x="19" y="218"/>
                  </a:lnTo>
                  <a:lnTo>
                    <a:pt x="13" y="226"/>
                  </a:lnTo>
                  <a:lnTo>
                    <a:pt x="6" y="237"/>
                  </a:lnTo>
                  <a:lnTo>
                    <a:pt x="4" y="242"/>
                  </a:lnTo>
                  <a:lnTo>
                    <a:pt x="2" y="248"/>
                  </a:lnTo>
                  <a:lnTo>
                    <a:pt x="1" y="255"/>
                  </a:lnTo>
                  <a:lnTo>
                    <a:pt x="0" y="262"/>
                  </a:lnTo>
                  <a:lnTo>
                    <a:pt x="9" y="269"/>
                  </a:lnTo>
                  <a:lnTo>
                    <a:pt x="18" y="277"/>
                  </a:lnTo>
                  <a:lnTo>
                    <a:pt x="28" y="283"/>
                  </a:lnTo>
                  <a:lnTo>
                    <a:pt x="38" y="287"/>
                  </a:lnTo>
                  <a:lnTo>
                    <a:pt x="48" y="291"/>
                  </a:lnTo>
                  <a:lnTo>
                    <a:pt x="59" y="295"/>
                  </a:lnTo>
                  <a:lnTo>
                    <a:pt x="69" y="297"/>
                  </a:lnTo>
                  <a:lnTo>
                    <a:pt x="80" y="298"/>
                  </a:lnTo>
                  <a:lnTo>
                    <a:pt x="102" y="299"/>
                  </a:lnTo>
                  <a:lnTo>
                    <a:pt x="125" y="298"/>
                  </a:lnTo>
                  <a:lnTo>
                    <a:pt x="148" y="297"/>
                  </a:lnTo>
                  <a:lnTo>
                    <a:pt x="171" y="293"/>
                  </a:lnTo>
                  <a:lnTo>
                    <a:pt x="194" y="291"/>
                  </a:lnTo>
                  <a:lnTo>
                    <a:pt x="216" y="290"/>
                  </a:lnTo>
                  <a:lnTo>
                    <a:pt x="227" y="290"/>
                  </a:lnTo>
                  <a:lnTo>
                    <a:pt x="238" y="291"/>
                  </a:lnTo>
                  <a:lnTo>
                    <a:pt x="248" y="291"/>
                  </a:lnTo>
                  <a:lnTo>
                    <a:pt x="259" y="293"/>
                  </a:lnTo>
                  <a:lnTo>
                    <a:pt x="268" y="296"/>
                  </a:lnTo>
                  <a:lnTo>
                    <a:pt x="279" y="299"/>
                  </a:lnTo>
                  <a:lnTo>
                    <a:pt x="288" y="303"/>
                  </a:lnTo>
                  <a:lnTo>
                    <a:pt x="297" y="307"/>
                  </a:lnTo>
                  <a:lnTo>
                    <a:pt x="306" y="313"/>
                  </a:lnTo>
                  <a:lnTo>
                    <a:pt x="315" y="321"/>
                  </a:lnTo>
                  <a:lnTo>
                    <a:pt x="322" y="329"/>
                  </a:lnTo>
                  <a:lnTo>
                    <a:pt x="330" y="339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384" name="Læsø"/>
            <p:cNvGrpSpPr/>
            <p:nvPr/>
          </p:nvGrpSpPr>
          <p:grpSpPr>
            <a:xfrm>
              <a:off x="2654300" y="2728913"/>
              <a:ext cx="246062" cy="177800"/>
              <a:chOff x="2654300" y="2728913"/>
              <a:chExt cx="246062" cy="177800"/>
            </a:xfrm>
            <a:grpFill/>
          </p:grpSpPr>
          <p:sp>
            <p:nvSpPr>
              <p:cNvPr id="410" name="Læsø"/>
              <p:cNvSpPr>
                <a:spLocks/>
              </p:cNvSpPr>
              <p:nvPr/>
            </p:nvSpPr>
            <p:spPr bwMode="auto">
              <a:xfrm>
                <a:off x="2654300" y="2728913"/>
                <a:ext cx="246062" cy="157163"/>
              </a:xfrm>
              <a:custGeom>
                <a:avLst/>
                <a:gdLst>
                  <a:gd name="T0" fmla="*/ 155 w 465"/>
                  <a:gd name="T1" fmla="*/ 9 h 297"/>
                  <a:gd name="T2" fmla="*/ 155 w 465"/>
                  <a:gd name="T3" fmla="*/ 24 h 297"/>
                  <a:gd name="T4" fmla="*/ 153 w 465"/>
                  <a:gd name="T5" fmla="*/ 32 h 297"/>
                  <a:gd name="T6" fmla="*/ 151 w 465"/>
                  <a:gd name="T7" fmla="*/ 33 h 297"/>
                  <a:gd name="T8" fmla="*/ 150 w 465"/>
                  <a:gd name="T9" fmla="*/ 33 h 297"/>
                  <a:gd name="T10" fmla="*/ 150 w 465"/>
                  <a:gd name="T11" fmla="*/ 31 h 297"/>
                  <a:gd name="T12" fmla="*/ 150 w 465"/>
                  <a:gd name="T13" fmla="*/ 28 h 297"/>
                  <a:gd name="T14" fmla="*/ 151 w 465"/>
                  <a:gd name="T15" fmla="*/ 23 h 297"/>
                  <a:gd name="T16" fmla="*/ 150 w 465"/>
                  <a:gd name="T17" fmla="*/ 20 h 297"/>
                  <a:gd name="T18" fmla="*/ 146 w 465"/>
                  <a:gd name="T19" fmla="*/ 20 h 297"/>
                  <a:gd name="T20" fmla="*/ 141 w 465"/>
                  <a:gd name="T21" fmla="*/ 22 h 297"/>
                  <a:gd name="T22" fmla="*/ 130 w 465"/>
                  <a:gd name="T23" fmla="*/ 24 h 297"/>
                  <a:gd name="T24" fmla="*/ 118 w 465"/>
                  <a:gd name="T25" fmla="*/ 25 h 297"/>
                  <a:gd name="T26" fmla="*/ 111 w 465"/>
                  <a:gd name="T27" fmla="*/ 26 h 297"/>
                  <a:gd name="T28" fmla="*/ 104 w 465"/>
                  <a:gd name="T29" fmla="*/ 29 h 297"/>
                  <a:gd name="T30" fmla="*/ 100 w 465"/>
                  <a:gd name="T31" fmla="*/ 33 h 297"/>
                  <a:gd name="T32" fmla="*/ 98 w 465"/>
                  <a:gd name="T33" fmla="*/ 36 h 297"/>
                  <a:gd name="T34" fmla="*/ 99 w 465"/>
                  <a:gd name="T35" fmla="*/ 40 h 297"/>
                  <a:gd name="T36" fmla="*/ 102 w 465"/>
                  <a:gd name="T37" fmla="*/ 44 h 297"/>
                  <a:gd name="T38" fmla="*/ 104 w 465"/>
                  <a:gd name="T39" fmla="*/ 49 h 297"/>
                  <a:gd name="T40" fmla="*/ 105 w 465"/>
                  <a:gd name="T41" fmla="*/ 54 h 297"/>
                  <a:gd name="T42" fmla="*/ 104 w 465"/>
                  <a:gd name="T43" fmla="*/ 59 h 297"/>
                  <a:gd name="T44" fmla="*/ 102 w 465"/>
                  <a:gd name="T45" fmla="*/ 64 h 297"/>
                  <a:gd name="T46" fmla="*/ 98 w 465"/>
                  <a:gd name="T47" fmla="*/ 71 h 297"/>
                  <a:gd name="T48" fmla="*/ 91 w 465"/>
                  <a:gd name="T49" fmla="*/ 80 h 297"/>
                  <a:gd name="T50" fmla="*/ 81 w 465"/>
                  <a:gd name="T51" fmla="*/ 88 h 297"/>
                  <a:gd name="T52" fmla="*/ 71 w 465"/>
                  <a:gd name="T53" fmla="*/ 94 h 297"/>
                  <a:gd name="T54" fmla="*/ 60 w 465"/>
                  <a:gd name="T55" fmla="*/ 98 h 297"/>
                  <a:gd name="T56" fmla="*/ 52 w 465"/>
                  <a:gd name="T57" fmla="*/ 96 h 297"/>
                  <a:gd name="T58" fmla="*/ 46 w 465"/>
                  <a:gd name="T59" fmla="*/ 89 h 297"/>
                  <a:gd name="T60" fmla="*/ 40 w 465"/>
                  <a:gd name="T61" fmla="*/ 82 h 297"/>
                  <a:gd name="T62" fmla="*/ 35 w 465"/>
                  <a:gd name="T63" fmla="*/ 77 h 297"/>
                  <a:gd name="T64" fmla="*/ 31 w 465"/>
                  <a:gd name="T65" fmla="*/ 74 h 297"/>
                  <a:gd name="T66" fmla="*/ 27 w 465"/>
                  <a:gd name="T67" fmla="*/ 73 h 297"/>
                  <a:gd name="T68" fmla="*/ 25 w 465"/>
                  <a:gd name="T69" fmla="*/ 73 h 297"/>
                  <a:gd name="T70" fmla="*/ 22 w 465"/>
                  <a:gd name="T71" fmla="*/ 75 h 297"/>
                  <a:gd name="T72" fmla="*/ 20 w 465"/>
                  <a:gd name="T73" fmla="*/ 78 h 297"/>
                  <a:gd name="T74" fmla="*/ 17 w 465"/>
                  <a:gd name="T75" fmla="*/ 80 h 297"/>
                  <a:gd name="T76" fmla="*/ 15 w 465"/>
                  <a:gd name="T77" fmla="*/ 80 h 297"/>
                  <a:gd name="T78" fmla="*/ 13 w 465"/>
                  <a:gd name="T79" fmla="*/ 78 h 297"/>
                  <a:gd name="T80" fmla="*/ 13 w 465"/>
                  <a:gd name="T81" fmla="*/ 76 h 297"/>
                  <a:gd name="T82" fmla="*/ 12 w 465"/>
                  <a:gd name="T83" fmla="*/ 74 h 297"/>
                  <a:gd name="T84" fmla="*/ 8 w 465"/>
                  <a:gd name="T85" fmla="*/ 73 h 297"/>
                  <a:gd name="T86" fmla="*/ 3 w 465"/>
                  <a:gd name="T87" fmla="*/ 71 h 297"/>
                  <a:gd name="T88" fmla="*/ 0 w 465"/>
                  <a:gd name="T89" fmla="*/ 66 h 297"/>
                  <a:gd name="T90" fmla="*/ 2 w 465"/>
                  <a:gd name="T91" fmla="*/ 59 h 297"/>
                  <a:gd name="T92" fmla="*/ 5 w 465"/>
                  <a:gd name="T93" fmla="*/ 53 h 297"/>
                  <a:gd name="T94" fmla="*/ 9 w 465"/>
                  <a:gd name="T95" fmla="*/ 48 h 297"/>
                  <a:gd name="T96" fmla="*/ 16 w 465"/>
                  <a:gd name="T97" fmla="*/ 42 h 297"/>
                  <a:gd name="T98" fmla="*/ 22 w 465"/>
                  <a:gd name="T99" fmla="*/ 35 h 297"/>
                  <a:gd name="T100" fmla="*/ 25 w 465"/>
                  <a:gd name="T101" fmla="*/ 28 h 297"/>
                  <a:gd name="T102" fmla="*/ 40 w 465"/>
                  <a:gd name="T103" fmla="*/ 23 h 297"/>
                  <a:gd name="T104" fmla="*/ 57 w 465"/>
                  <a:gd name="T105" fmla="*/ 22 h 297"/>
                  <a:gd name="T106" fmla="*/ 63 w 465"/>
                  <a:gd name="T107" fmla="*/ 20 h 297"/>
                  <a:gd name="T108" fmla="*/ 67 w 465"/>
                  <a:gd name="T109" fmla="*/ 17 h 297"/>
                  <a:gd name="T110" fmla="*/ 71 w 465"/>
                  <a:gd name="T111" fmla="*/ 12 h 297"/>
                  <a:gd name="T112" fmla="*/ 78 w 465"/>
                  <a:gd name="T113" fmla="*/ 9 h 297"/>
                  <a:gd name="T114" fmla="*/ 90 w 465"/>
                  <a:gd name="T115" fmla="*/ 9 h 297"/>
                  <a:gd name="T116" fmla="*/ 106 w 465"/>
                  <a:gd name="T117" fmla="*/ 7 h 297"/>
                  <a:gd name="T118" fmla="*/ 120 w 465"/>
                  <a:gd name="T119" fmla="*/ 3 h 297"/>
                  <a:gd name="T120" fmla="*/ 130 w 465"/>
                  <a:gd name="T121" fmla="*/ 1 h 297"/>
                  <a:gd name="T122" fmla="*/ 139 w 465"/>
                  <a:gd name="T123" fmla="*/ 0 h 297"/>
                  <a:gd name="T124" fmla="*/ 150 w 465"/>
                  <a:gd name="T125" fmla="*/ 1 h 297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465" h="297">
                    <a:moveTo>
                      <a:pt x="465" y="7"/>
                    </a:moveTo>
                    <a:lnTo>
                      <a:pt x="465" y="28"/>
                    </a:lnTo>
                    <a:lnTo>
                      <a:pt x="465" y="50"/>
                    </a:lnTo>
                    <a:lnTo>
                      <a:pt x="465" y="72"/>
                    </a:lnTo>
                    <a:lnTo>
                      <a:pt x="465" y="94"/>
                    </a:lnTo>
                    <a:lnTo>
                      <a:pt x="460" y="97"/>
                    </a:lnTo>
                    <a:lnTo>
                      <a:pt x="456" y="98"/>
                    </a:lnTo>
                    <a:lnTo>
                      <a:pt x="453" y="99"/>
                    </a:lnTo>
                    <a:lnTo>
                      <a:pt x="451" y="99"/>
                    </a:lnTo>
                    <a:lnTo>
                      <a:pt x="450" y="98"/>
                    </a:lnTo>
                    <a:lnTo>
                      <a:pt x="449" y="96"/>
                    </a:lnTo>
                    <a:lnTo>
                      <a:pt x="449" y="93"/>
                    </a:lnTo>
                    <a:lnTo>
                      <a:pt x="450" y="90"/>
                    </a:lnTo>
                    <a:lnTo>
                      <a:pt x="451" y="83"/>
                    </a:lnTo>
                    <a:lnTo>
                      <a:pt x="452" y="73"/>
                    </a:lnTo>
                    <a:lnTo>
                      <a:pt x="452" y="69"/>
                    </a:lnTo>
                    <a:lnTo>
                      <a:pt x="451" y="64"/>
                    </a:lnTo>
                    <a:lnTo>
                      <a:pt x="449" y="59"/>
                    </a:lnTo>
                    <a:lnTo>
                      <a:pt x="447" y="55"/>
                    </a:lnTo>
                    <a:lnTo>
                      <a:pt x="439" y="60"/>
                    </a:lnTo>
                    <a:lnTo>
                      <a:pt x="432" y="64"/>
                    </a:lnTo>
                    <a:lnTo>
                      <a:pt x="422" y="67"/>
                    </a:lnTo>
                    <a:lnTo>
                      <a:pt x="412" y="69"/>
                    </a:lnTo>
                    <a:lnTo>
                      <a:pt x="390" y="71"/>
                    </a:lnTo>
                    <a:lnTo>
                      <a:pt x="365" y="73"/>
                    </a:lnTo>
                    <a:lnTo>
                      <a:pt x="354" y="74"/>
                    </a:lnTo>
                    <a:lnTo>
                      <a:pt x="342" y="76"/>
                    </a:lnTo>
                    <a:lnTo>
                      <a:pt x="332" y="79"/>
                    </a:lnTo>
                    <a:lnTo>
                      <a:pt x="321" y="83"/>
                    </a:lnTo>
                    <a:lnTo>
                      <a:pt x="312" y="88"/>
                    </a:lnTo>
                    <a:lnTo>
                      <a:pt x="303" y="94"/>
                    </a:lnTo>
                    <a:lnTo>
                      <a:pt x="300" y="98"/>
                    </a:lnTo>
                    <a:lnTo>
                      <a:pt x="297" y="103"/>
                    </a:lnTo>
                    <a:lnTo>
                      <a:pt x="294" y="108"/>
                    </a:lnTo>
                    <a:lnTo>
                      <a:pt x="292" y="113"/>
                    </a:lnTo>
                    <a:lnTo>
                      <a:pt x="297" y="119"/>
                    </a:lnTo>
                    <a:lnTo>
                      <a:pt x="302" y="127"/>
                    </a:lnTo>
                    <a:lnTo>
                      <a:pt x="306" y="133"/>
                    </a:lnTo>
                    <a:lnTo>
                      <a:pt x="310" y="140"/>
                    </a:lnTo>
                    <a:lnTo>
                      <a:pt x="312" y="148"/>
                    </a:lnTo>
                    <a:lnTo>
                      <a:pt x="313" y="154"/>
                    </a:lnTo>
                    <a:lnTo>
                      <a:pt x="314" y="161"/>
                    </a:lnTo>
                    <a:lnTo>
                      <a:pt x="313" y="169"/>
                    </a:lnTo>
                    <a:lnTo>
                      <a:pt x="312" y="176"/>
                    </a:lnTo>
                    <a:lnTo>
                      <a:pt x="310" y="184"/>
                    </a:lnTo>
                    <a:lnTo>
                      <a:pt x="306" y="191"/>
                    </a:lnTo>
                    <a:lnTo>
                      <a:pt x="303" y="198"/>
                    </a:lnTo>
                    <a:lnTo>
                      <a:pt x="295" y="212"/>
                    </a:lnTo>
                    <a:lnTo>
                      <a:pt x="284" y="226"/>
                    </a:lnTo>
                    <a:lnTo>
                      <a:pt x="272" y="239"/>
                    </a:lnTo>
                    <a:lnTo>
                      <a:pt x="258" y="251"/>
                    </a:lnTo>
                    <a:lnTo>
                      <a:pt x="243" y="263"/>
                    </a:lnTo>
                    <a:lnTo>
                      <a:pt x="227" y="273"/>
                    </a:lnTo>
                    <a:lnTo>
                      <a:pt x="212" y="282"/>
                    </a:lnTo>
                    <a:lnTo>
                      <a:pt x="196" y="289"/>
                    </a:lnTo>
                    <a:lnTo>
                      <a:pt x="180" y="294"/>
                    </a:lnTo>
                    <a:lnTo>
                      <a:pt x="165" y="297"/>
                    </a:lnTo>
                    <a:lnTo>
                      <a:pt x="155" y="288"/>
                    </a:lnTo>
                    <a:lnTo>
                      <a:pt x="146" y="277"/>
                    </a:lnTo>
                    <a:lnTo>
                      <a:pt x="138" y="267"/>
                    </a:lnTo>
                    <a:lnTo>
                      <a:pt x="130" y="255"/>
                    </a:lnTo>
                    <a:lnTo>
                      <a:pt x="121" y="245"/>
                    </a:lnTo>
                    <a:lnTo>
                      <a:pt x="111" y="235"/>
                    </a:lnTo>
                    <a:lnTo>
                      <a:pt x="105" y="231"/>
                    </a:lnTo>
                    <a:lnTo>
                      <a:pt x="100" y="227"/>
                    </a:lnTo>
                    <a:lnTo>
                      <a:pt x="94" y="223"/>
                    </a:lnTo>
                    <a:lnTo>
                      <a:pt x="87" y="219"/>
                    </a:lnTo>
                    <a:lnTo>
                      <a:pt x="82" y="219"/>
                    </a:lnTo>
                    <a:lnTo>
                      <a:pt x="78" y="219"/>
                    </a:lnTo>
                    <a:lnTo>
                      <a:pt x="75" y="219"/>
                    </a:lnTo>
                    <a:lnTo>
                      <a:pt x="72" y="220"/>
                    </a:lnTo>
                    <a:lnTo>
                      <a:pt x="66" y="225"/>
                    </a:lnTo>
                    <a:lnTo>
                      <a:pt x="63" y="230"/>
                    </a:lnTo>
                    <a:lnTo>
                      <a:pt x="59" y="234"/>
                    </a:lnTo>
                    <a:lnTo>
                      <a:pt x="55" y="238"/>
                    </a:lnTo>
                    <a:lnTo>
                      <a:pt x="52" y="239"/>
                    </a:lnTo>
                    <a:lnTo>
                      <a:pt x="48" y="240"/>
                    </a:lnTo>
                    <a:lnTo>
                      <a:pt x="44" y="240"/>
                    </a:lnTo>
                    <a:lnTo>
                      <a:pt x="39" y="239"/>
                    </a:lnTo>
                    <a:lnTo>
                      <a:pt x="40" y="235"/>
                    </a:lnTo>
                    <a:lnTo>
                      <a:pt x="40" y="231"/>
                    </a:lnTo>
                    <a:lnTo>
                      <a:pt x="39" y="228"/>
                    </a:lnTo>
                    <a:lnTo>
                      <a:pt x="38" y="226"/>
                    </a:lnTo>
                    <a:lnTo>
                      <a:pt x="36" y="223"/>
                    </a:lnTo>
                    <a:lnTo>
                      <a:pt x="31" y="220"/>
                    </a:lnTo>
                    <a:lnTo>
                      <a:pt x="24" y="219"/>
                    </a:lnTo>
                    <a:lnTo>
                      <a:pt x="17" y="217"/>
                    </a:lnTo>
                    <a:lnTo>
                      <a:pt x="10" y="214"/>
                    </a:lnTo>
                    <a:lnTo>
                      <a:pt x="0" y="210"/>
                    </a:lnTo>
                    <a:lnTo>
                      <a:pt x="1" y="197"/>
                    </a:lnTo>
                    <a:lnTo>
                      <a:pt x="3" y="186"/>
                    </a:lnTo>
                    <a:lnTo>
                      <a:pt x="6" y="176"/>
                    </a:lnTo>
                    <a:lnTo>
                      <a:pt x="11" y="167"/>
                    </a:lnTo>
                    <a:lnTo>
                      <a:pt x="16" y="159"/>
                    </a:lnTo>
                    <a:lnTo>
                      <a:pt x="22" y="152"/>
                    </a:lnTo>
                    <a:lnTo>
                      <a:pt x="28" y="145"/>
                    </a:lnTo>
                    <a:lnTo>
                      <a:pt x="35" y="138"/>
                    </a:lnTo>
                    <a:lnTo>
                      <a:pt x="48" y="126"/>
                    </a:lnTo>
                    <a:lnTo>
                      <a:pt x="61" y="111"/>
                    </a:lnTo>
                    <a:lnTo>
                      <a:pt x="66" y="104"/>
                    </a:lnTo>
                    <a:lnTo>
                      <a:pt x="72" y="95"/>
                    </a:lnTo>
                    <a:lnTo>
                      <a:pt x="75" y="85"/>
                    </a:lnTo>
                    <a:lnTo>
                      <a:pt x="78" y="74"/>
                    </a:lnTo>
                    <a:lnTo>
                      <a:pt x="120" y="70"/>
                    </a:lnTo>
                    <a:lnTo>
                      <a:pt x="162" y="67"/>
                    </a:lnTo>
                    <a:lnTo>
                      <a:pt x="172" y="65"/>
                    </a:lnTo>
                    <a:lnTo>
                      <a:pt x="181" y="63"/>
                    </a:lnTo>
                    <a:lnTo>
                      <a:pt x="190" y="59"/>
                    </a:lnTo>
                    <a:lnTo>
                      <a:pt x="196" y="55"/>
                    </a:lnTo>
                    <a:lnTo>
                      <a:pt x="202" y="50"/>
                    </a:lnTo>
                    <a:lnTo>
                      <a:pt x="207" y="42"/>
                    </a:lnTo>
                    <a:lnTo>
                      <a:pt x="212" y="35"/>
                    </a:lnTo>
                    <a:lnTo>
                      <a:pt x="214" y="26"/>
                    </a:lnTo>
                    <a:lnTo>
                      <a:pt x="234" y="28"/>
                    </a:lnTo>
                    <a:lnTo>
                      <a:pt x="253" y="29"/>
                    </a:lnTo>
                    <a:lnTo>
                      <a:pt x="271" y="28"/>
                    </a:lnTo>
                    <a:lnTo>
                      <a:pt x="288" y="26"/>
                    </a:lnTo>
                    <a:lnTo>
                      <a:pt x="318" y="20"/>
                    </a:lnTo>
                    <a:lnTo>
                      <a:pt x="346" y="13"/>
                    </a:lnTo>
                    <a:lnTo>
                      <a:pt x="361" y="10"/>
                    </a:lnTo>
                    <a:lnTo>
                      <a:pt x="375" y="7"/>
                    </a:lnTo>
                    <a:lnTo>
                      <a:pt x="389" y="4"/>
                    </a:lnTo>
                    <a:lnTo>
                      <a:pt x="402" y="1"/>
                    </a:lnTo>
                    <a:lnTo>
                      <a:pt x="417" y="0"/>
                    </a:lnTo>
                    <a:lnTo>
                      <a:pt x="433" y="1"/>
                    </a:lnTo>
                    <a:lnTo>
                      <a:pt x="449" y="2"/>
                    </a:lnTo>
                    <a:lnTo>
                      <a:pt x="465" y="7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411" name="Læsø2"/>
              <p:cNvSpPr>
                <a:spLocks/>
              </p:cNvSpPr>
              <p:nvPr/>
            </p:nvSpPr>
            <p:spPr bwMode="auto">
              <a:xfrm>
                <a:off x="2751138" y="2886075"/>
                <a:ext cx="31750" cy="20638"/>
              </a:xfrm>
              <a:custGeom>
                <a:avLst/>
                <a:gdLst>
                  <a:gd name="T0" fmla="*/ 0 w 59"/>
                  <a:gd name="T1" fmla="*/ 12 h 41"/>
                  <a:gd name="T2" fmla="*/ 4 w 59"/>
                  <a:gd name="T3" fmla="*/ 13 h 41"/>
                  <a:gd name="T4" fmla="*/ 7 w 59"/>
                  <a:gd name="T5" fmla="*/ 13 h 41"/>
                  <a:gd name="T6" fmla="*/ 9 w 59"/>
                  <a:gd name="T7" fmla="*/ 12 h 41"/>
                  <a:gd name="T8" fmla="*/ 11 w 59"/>
                  <a:gd name="T9" fmla="*/ 12 h 41"/>
                  <a:gd name="T10" fmla="*/ 13 w 59"/>
                  <a:gd name="T11" fmla="*/ 11 h 41"/>
                  <a:gd name="T12" fmla="*/ 16 w 59"/>
                  <a:gd name="T13" fmla="*/ 10 h 41"/>
                  <a:gd name="T14" fmla="*/ 18 w 59"/>
                  <a:gd name="T15" fmla="*/ 10 h 41"/>
                  <a:gd name="T16" fmla="*/ 20 w 59"/>
                  <a:gd name="T17" fmla="*/ 10 h 41"/>
                  <a:gd name="T18" fmla="*/ 20 w 59"/>
                  <a:gd name="T19" fmla="*/ 6 h 41"/>
                  <a:gd name="T20" fmla="*/ 20 w 59"/>
                  <a:gd name="T21" fmla="*/ 3 h 41"/>
                  <a:gd name="T22" fmla="*/ 17 w 59"/>
                  <a:gd name="T23" fmla="*/ 2 h 41"/>
                  <a:gd name="T24" fmla="*/ 14 w 59"/>
                  <a:gd name="T25" fmla="*/ 0 h 41"/>
                  <a:gd name="T26" fmla="*/ 13 w 59"/>
                  <a:gd name="T27" fmla="*/ 1 h 41"/>
                  <a:gd name="T28" fmla="*/ 12 w 59"/>
                  <a:gd name="T29" fmla="*/ 2 h 41"/>
                  <a:gd name="T30" fmla="*/ 12 w 59"/>
                  <a:gd name="T31" fmla="*/ 3 h 41"/>
                  <a:gd name="T32" fmla="*/ 10 w 59"/>
                  <a:gd name="T33" fmla="*/ 3 h 41"/>
                  <a:gd name="T34" fmla="*/ 7 w 59"/>
                  <a:gd name="T35" fmla="*/ 4 h 41"/>
                  <a:gd name="T36" fmla="*/ 5 w 59"/>
                  <a:gd name="T37" fmla="*/ 4 h 41"/>
                  <a:gd name="T38" fmla="*/ 4 w 59"/>
                  <a:gd name="T39" fmla="*/ 5 h 41"/>
                  <a:gd name="T40" fmla="*/ 3 w 59"/>
                  <a:gd name="T41" fmla="*/ 5 h 41"/>
                  <a:gd name="T42" fmla="*/ 1 w 59"/>
                  <a:gd name="T43" fmla="*/ 6 h 41"/>
                  <a:gd name="T44" fmla="*/ 1 w 59"/>
                  <a:gd name="T45" fmla="*/ 6 h 41"/>
                  <a:gd name="T46" fmla="*/ 0 w 59"/>
                  <a:gd name="T47" fmla="*/ 8 h 41"/>
                  <a:gd name="T48" fmla="*/ 0 w 59"/>
                  <a:gd name="T49" fmla="*/ 9 h 41"/>
                  <a:gd name="T50" fmla="*/ 0 w 59"/>
                  <a:gd name="T51" fmla="*/ 10 h 41"/>
                  <a:gd name="T52" fmla="*/ 0 w 59"/>
                  <a:gd name="T53" fmla="*/ 12 h 41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9" h="41">
                    <a:moveTo>
                      <a:pt x="1" y="39"/>
                    </a:moveTo>
                    <a:lnTo>
                      <a:pt x="12" y="41"/>
                    </a:lnTo>
                    <a:lnTo>
                      <a:pt x="20" y="40"/>
                    </a:lnTo>
                    <a:lnTo>
                      <a:pt x="27" y="39"/>
                    </a:lnTo>
                    <a:lnTo>
                      <a:pt x="33" y="37"/>
                    </a:lnTo>
                    <a:lnTo>
                      <a:pt x="39" y="34"/>
                    </a:lnTo>
                    <a:lnTo>
                      <a:pt x="46" y="32"/>
                    </a:lnTo>
                    <a:lnTo>
                      <a:pt x="52" y="30"/>
                    </a:lnTo>
                    <a:lnTo>
                      <a:pt x="59" y="30"/>
                    </a:lnTo>
                    <a:lnTo>
                      <a:pt x="59" y="20"/>
                    </a:lnTo>
                    <a:lnTo>
                      <a:pt x="59" y="10"/>
                    </a:lnTo>
                    <a:lnTo>
                      <a:pt x="50" y="6"/>
                    </a:lnTo>
                    <a:lnTo>
                      <a:pt x="40" y="0"/>
                    </a:lnTo>
                    <a:lnTo>
                      <a:pt x="39" y="3"/>
                    </a:lnTo>
                    <a:lnTo>
                      <a:pt x="36" y="7"/>
                    </a:lnTo>
                    <a:lnTo>
                      <a:pt x="34" y="9"/>
                    </a:lnTo>
                    <a:lnTo>
                      <a:pt x="30" y="10"/>
                    </a:lnTo>
                    <a:lnTo>
                      <a:pt x="22" y="12"/>
                    </a:lnTo>
                    <a:lnTo>
                      <a:pt x="15" y="14"/>
                    </a:lnTo>
                    <a:lnTo>
                      <a:pt x="11" y="15"/>
                    </a:lnTo>
                    <a:lnTo>
                      <a:pt x="8" y="16"/>
                    </a:lnTo>
                    <a:lnTo>
                      <a:pt x="4" y="18"/>
                    </a:lnTo>
                    <a:lnTo>
                      <a:pt x="2" y="20"/>
                    </a:lnTo>
                    <a:lnTo>
                      <a:pt x="0" y="25"/>
                    </a:lnTo>
                    <a:lnTo>
                      <a:pt x="0" y="28"/>
                    </a:lnTo>
                    <a:lnTo>
                      <a:pt x="0" y="33"/>
                    </a:lnTo>
                    <a:lnTo>
                      <a:pt x="1" y="39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412" name="Læsø kant"/>
              <p:cNvSpPr>
                <a:spLocks/>
              </p:cNvSpPr>
              <p:nvPr/>
            </p:nvSpPr>
            <p:spPr bwMode="auto">
              <a:xfrm>
                <a:off x="2654300" y="2728913"/>
                <a:ext cx="246062" cy="157163"/>
              </a:xfrm>
              <a:custGeom>
                <a:avLst/>
                <a:gdLst>
                  <a:gd name="T0" fmla="*/ 155 w 465"/>
                  <a:gd name="T1" fmla="*/ 9 h 297"/>
                  <a:gd name="T2" fmla="*/ 155 w 465"/>
                  <a:gd name="T3" fmla="*/ 24 h 297"/>
                  <a:gd name="T4" fmla="*/ 153 w 465"/>
                  <a:gd name="T5" fmla="*/ 32 h 297"/>
                  <a:gd name="T6" fmla="*/ 151 w 465"/>
                  <a:gd name="T7" fmla="*/ 33 h 297"/>
                  <a:gd name="T8" fmla="*/ 150 w 465"/>
                  <a:gd name="T9" fmla="*/ 33 h 297"/>
                  <a:gd name="T10" fmla="*/ 150 w 465"/>
                  <a:gd name="T11" fmla="*/ 31 h 297"/>
                  <a:gd name="T12" fmla="*/ 150 w 465"/>
                  <a:gd name="T13" fmla="*/ 28 h 297"/>
                  <a:gd name="T14" fmla="*/ 151 w 465"/>
                  <a:gd name="T15" fmla="*/ 23 h 297"/>
                  <a:gd name="T16" fmla="*/ 150 w 465"/>
                  <a:gd name="T17" fmla="*/ 20 h 297"/>
                  <a:gd name="T18" fmla="*/ 146 w 465"/>
                  <a:gd name="T19" fmla="*/ 20 h 297"/>
                  <a:gd name="T20" fmla="*/ 141 w 465"/>
                  <a:gd name="T21" fmla="*/ 22 h 297"/>
                  <a:gd name="T22" fmla="*/ 130 w 465"/>
                  <a:gd name="T23" fmla="*/ 24 h 297"/>
                  <a:gd name="T24" fmla="*/ 118 w 465"/>
                  <a:gd name="T25" fmla="*/ 25 h 297"/>
                  <a:gd name="T26" fmla="*/ 111 w 465"/>
                  <a:gd name="T27" fmla="*/ 26 h 297"/>
                  <a:gd name="T28" fmla="*/ 104 w 465"/>
                  <a:gd name="T29" fmla="*/ 29 h 297"/>
                  <a:gd name="T30" fmla="*/ 100 w 465"/>
                  <a:gd name="T31" fmla="*/ 33 h 297"/>
                  <a:gd name="T32" fmla="*/ 98 w 465"/>
                  <a:gd name="T33" fmla="*/ 36 h 297"/>
                  <a:gd name="T34" fmla="*/ 99 w 465"/>
                  <a:gd name="T35" fmla="*/ 40 h 297"/>
                  <a:gd name="T36" fmla="*/ 102 w 465"/>
                  <a:gd name="T37" fmla="*/ 44 h 297"/>
                  <a:gd name="T38" fmla="*/ 104 w 465"/>
                  <a:gd name="T39" fmla="*/ 49 h 297"/>
                  <a:gd name="T40" fmla="*/ 105 w 465"/>
                  <a:gd name="T41" fmla="*/ 54 h 297"/>
                  <a:gd name="T42" fmla="*/ 104 w 465"/>
                  <a:gd name="T43" fmla="*/ 59 h 297"/>
                  <a:gd name="T44" fmla="*/ 102 w 465"/>
                  <a:gd name="T45" fmla="*/ 64 h 297"/>
                  <a:gd name="T46" fmla="*/ 98 w 465"/>
                  <a:gd name="T47" fmla="*/ 71 h 297"/>
                  <a:gd name="T48" fmla="*/ 91 w 465"/>
                  <a:gd name="T49" fmla="*/ 80 h 297"/>
                  <a:gd name="T50" fmla="*/ 81 w 465"/>
                  <a:gd name="T51" fmla="*/ 88 h 297"/>
                  <a:gd name="T52" fmla="*/ 71 w 465"/>
                  <a:gd name="T53" fmla="*/ 94 h 297"/>
                  <a:gd name="T54" fmla="*/ 60 w 465"/>
                  <a:gd name="T55" fmla="*/ 98 h 297"/>
                  <a:gd name="T56" fmla="*/ 52 w 465"/>
                  <a:gd name="T57" fmla="*/ 96 h 297"/>
                  <a:gd name="T58" fmla="*/ 46 w 465"/>
                  <a:gd name="T59" fmla="*/ 89 h 297"/>
                  <a:gd name="T60" fmla="*/ 40 w 465"/>
                  <a:gd name="T61" fmla="*/ 82 h 297"/>
                  <a:gd name="T62" fmla="*/ 35 w 465"/>
                  <a:gd name="T63" fmla="*/ 77 h 297"/>
                  <a:gd name="T64" fmla="*/ 31 w 465"/>
                  <a:gd name="T65" fmla="*/ 74 h 297"/>
                  <a:gd name="T66" fmla="*/ 27 w 465"/>
                  <a:gd name="T67" fmla="*/ 73 h 297"/>
                  <a:gd name="T68" fmla="*/ 25 w 465"/>
                  <a:gd name="T69" fmla="*/ 73 h 297"/>
                  <a:gd name="T70" fmla="*/ 22 w 465"/>
                  <a:gd name="T71" fmla="*/ 75 h 297"/>
                  <a:gd name="T72" fmla="*/ 20 w 465"/>
                  <a:gd name="T73" fmla="*/ 78 h 297"/>
                  <a:gd name="T74" fmla="*/ 17 w 465"/>
                  <a:gd name="T75" fmla="*/ 80 h 297"/>
                  <a:gd name="T76" fmla="*/ 15 w 465"/>
                  <a:gd name="T77" fmla="*/ 80 h 297"/>
                  <a:gd name="T78" fmla="*/ 13 w 465"/>
                  <a:gd name="T79" fmla="*/ 78 h 297"/>
                  <a:gd name="T80" fmla="*/ 13 w 465"/>
                  <a:gd name="T81" fmla="*/ 76 h 297"/>
                  <a:gd name="T82" fmla="*/ 12 w 465"/>
                  <a:gd name="T83" fmla="*/ 74 h 297"/>
                  <a:gd name="T84" fmla="*/ 8 w 465"/>
                  <a:gd name="T85" fmla="*/ 73 h 297"/>
                  <a:gd name="T86" fmla="*/ 3 w 465"/>
                  <a:gd name="T87" fmla="*/ 71 h 297"/>
                  <a:gd name="T88" fmla="*/ 0 w 465"/>
                  <a:gd name="T89" fmla="*/ 66 h 297"/>
                  <a:gd name="T90" fmla="*/ 2 w 465"/>
                  <a:gd name="T91" fmla="*/ 59 h 297"/>
                  <a:gd name="T92" fmla="*/ 5 w 465"/>
                  <a:gd name="T93" fmla="*/ 53 h 297"/>
                  <a:gd name="T94" fmla="*/ 9 w 465"/>
                  <a:gd name="T95" fmla="*/ 48 h 297"/>
                  <a:gd name="T96" fmla="*/ 16 w 465"/>
                  <a:gd name="T97" fmla="*/ 42 h 297"/>
                  <a:gd name="T98" fmla="*/ 22 w 465"/>
                  <a:gd name="T99" fmla="*/ 35 h 297"/>
                  <a:gd name="T100" fmla="*/ 25 w 465"/>
                  <a:gd name="T101" fmla="*/ 28 h 297"/>
                  <a:gd name="T102" fmla="*/ 40 w 465"/>
                  <a:gd name="T103" fmla="*/ 23 h 297"/>
                  <a:gd name="T104" fmla="*/ 57 w 465"/>
                  <a:gd name="T105" fmla="*/ 22 h 297"/>
                  <a:gd name="T106" fmla="*/ 63 w 465"/>
                  <a:gd name="T107" fmla="*/ 20 h 297"/>
                  <a:gd name="T108" fmla="*/ 67 w 465"/>
                  <a:gd name="T109" fmla="*/ 17 h 297"/>
                  <a:gd name="T110" fmla="*/ 71 w 465"/>
                  <a:gd name="T111" fmla="*/ 12 h 297"/>
                  <a:gd name="T112" fmla="*/ 78 w 465"/>
                  <a:gd name="T113" fmla="*/ 9 h 297"/>
                  <a:gd name="T114" fmla="*/ 90 w 465"/>
                  <a:gd name="T115" fmla="*/ 9 h 297"/>
                  <a:gd name="T116" fmla="*/ 106 w 465"/>
                  <a:gd name="T117" fmla="*/ 7 h 297"/>
                  <a:gd name="T118" fmla="*/ 120 w 465"/>
                  <a:gd name="T119" fmla="*/ 3 h 297"/>
                  <a:gd name="T120" fmla="*/ 130 w 465"/>
                  <a:gd name="T121" fmla="*/ 1 h 297"/>
                  <a:gd name="T122" fmla="*/ 139 w 465"/>
                  <a:gd name="T123" fmla="*/ 0 h 297"/>
                  <a:gd name="T124" fmla="*/ 150 w 465"/>
                  <a:gd name="T125" fmla="*/ 1 h 297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465" h="297">
                    <a:moveTo>
                      <a:pt x="465" y="7"/>
                    </a:moveTo>
                    <a:lnTo>
                      <a:pt x="465" y="28"/>
                    </a:lnTo>
                    <a:lnTo>
                      <a:pt x="465" y="50"/>
                    </a:lnTo>
                    <a:lnTo>
                      <a:pt x="465" y="72"/>
                    </a:lnTo>
                    <a:lnTo>
                      <a:pt x="465" y="94"/>
                    </a:lnTo>
                    <a:lnTo>
                      <a:pt x="460" y="97"/>
                    </a:lnTo>
                    <a:lnTo>
                      <a:pt x="456" y="98"/>
                    </a:lnTo>
                    <a:lnTo>
                      <a:pt x="453" y="99"/>
                    </a:lnTo>
                    <a:lnTo>
                      <a:pt x="451" y="99"/>
                    </a:lnTo>
                    <a:lnTo>
                      <a:pt x="450" y="98"/>
                    </a:lnTo>
                    <a:lnTo>
                      <a:pt x="449" y="96"/>
                    </a:lnTo>
                    <a:lnTo>
                      <a:pt x="449" y="93"/>
                    </a:lnTo>
                    <a:lnTo>
                      <a:pt x="450" y="90"/>
                    </a:lnTo>
                    <a:lnTo>
                      <a:pt x="451" y="83"/>
                    </a:lnTo>
                    <a:lnTo>
                      <a:pt x="452" y="73"/>
                    </a:lnTo>
                    <a:lnTo>
                      <a:pt x="452" y="69"/>
                    </a:lnTo>
                    <a:lnTo>
                      <a:pt x="451" y="64"/>
                    </a:lnTo>
                    <a:lnTo>
                      <a:pt x="449" y="59"/>
                    </a:lnTo>
                    <a:lnTo>
                      <a:pt x="447" y="55"/>
                    </a:lnTo>
                    <a:lnTo>
                      <a:pt x="439" y="60"/>
                    </a:lnTo>
                    <a:lnTo>
                      <a:pt x="432" y="64"/>
                    </a:lnTo>
                    <a:lnTo>
                      <a:pt x="422" y="67"/>
                    </a:lnTo>
                    <a:lnTo>
                      <a:pt x="412" y="69"/>
                    </a:lnTo>
                    <a:lnTo>
                      <a:pt x="390" y="71"/>
                    </a:lnTo>
                    <a:lnTo>
                      <a:pt x="365" y="73"/>
                    </a:lnTo>
                    <a:lnTo>
                      <a:pt x="354" y="74"/>
                    </a:lnTo>
                    <a:lnTo>
                      <a:pt x="342" y="76"/>
                    </a:lnTo>
                    <a:lnTo>
                      <a:pt x="332" y="79"/>
                    </a:lnTo>
                    <a:lnTo>
                      <a:pt x="321" y="83"/>
                    </a:lnTo>
                    <a:lnTo>
                      <a:pt x="312" y="88"/>
                    </a:lnTo>
                    <a:lnTo>
                      <a:pt x="303" y="94"/>
                    </a:lnTo>
                    <a:lnTo>
                      <a:pt x="300" y="98"/>
                    </a:lnTo>
                    <a:lnTo>
                      <a:pt x="297" y="103"/>
                    </a:lnTo>
                    <a:lnTo>
                      <a:pt x="294" y="108"/>
                    </a:lnTo>
                    <a:lnTo>
                      <a:pt x="292" y="113"/>
                    </a:lnTo>
                    <a:lnTo>
                      <a:pt x="297" y="119"/>
                    </a:lnTo>
                    <a:lnTo>
                      <a:pt x="302" y="127"/>
                    </a:lnTo>
                    <a:lnTo>
                      <a:pt x="306" y="133"/>
                    </a:lnTo>
                    <a:lnTo>
                      <a:pt x="310" y="140"/>
                    </a:lnTo>
                    <a:lnTo>
                      <a:pt x="312" y="148"/>
                    </a:lnTo>
                    <a:lnTo>
                      <a:pt x="313" y="154"/>
                    </a:lnTo>
                    <a:lnTo>
                      <a:pt x="314" y="161"/>
                    </a:lnTo>
                    <a:lnTo>
                      <a:pt x="313" y="169"/>
                    </a:lnTo>
                    <a:lnTo>
                      <a:pt x="312" y="176"/>
                    </a:lnTo>
                    <a:lnTo>
                      <a:pt x="310" y="184"/>
                    </a:lnTo>
                    <a:lnTo>
                      <a:pt x="306" y="191"/>
                    </a:lnTo>
                    <a:lnTo>
                      <a:pt x="303" y="198"/>
                    </a:lnTo>
                    <a:lnTo>
                      <a:pt x="295" y="212"/>
                    </a:lnTo>
                    <a:lnTo>
                      <a:pt x="284" y="226"/>
                    </a:lnTo>
                    <a:lnTo>
                      <a:pt x="272" y="239"/>
                    </a:lnTo>
                    <a:lnTo>
                      <a:pt x="258" y="251"/>
                    </a:lnTo>
                    <a:lnTo>
                      <a:pt x="243" y="263"/>
                    </a:lnTo>
                    <a:lnTo>
                      <a:pt x="227" y="273"/>
                    </a:lnTo>
                    <a:lnTo>
                      <a:pt x="212" y="282"/>
                    </a:lnTo>
                    <a:lnTo>
                      <a:pt x="196" y="289"/>
                    </a:lnTo>
                    <a:lnTo>
                      <a:pt x="180" y="294"/>
                    </a:lnTo>
                    <a:lnTo>
                      <a:pt x="165" y="297"/>
                    </a:lnTo>
                    <a:lnTo>
                      <a:pt x="155" y="288"/>
                    </a:lnTo>
                    <a:lnTo>
                      <a:pt x="146" y="277"/>
                    </a:lnTo>
                    <a:lnTo>
                      <a:pt x="138" y="267"/>
                    </a:lnTo>
                    <a:lnTo>
                      <a:pt x="130" y="255"/>
                    </a:lnTo>
                    <a:lnTo>
                      <a:pt x="121" y="245"/>
                    </a:lnTo>
                    <a:lnTo>
                      <a:pt x="111" y="235"/>
                    </a:lnTo>
                    <a:lnTo>
                      <a:pt x="105" y="231"/>
                    </a:lnTo>
                    <a:lnTo>
                      <a:pt x="100" y="227"/>
                    </a:lnTo>
                    <a:lnTo>
                      <a:pt x="94" y="223"/>
                    </a:lnTo>
                    <a:lnTo>
                      <a:pt x="87" y="219"/>
                    </a:lnTo>
                    <a:lnTo>
                      <a:pt x="82" y="219"/>
                    </a:lnTo>
                    <a:lnTo>
                      <a:pt x="78" y="219"/>
                    </a:lnTo>
                    <a:lnTo>
                      <a:pt x="75" y="219"/>
                    </a:lnTo>
                    <a:lnTo>
                      <a:pt x="72" y="220"/>
                    </a:lnTo>
                    <a:lnTo>
                      <a:pt x="66" y="225"/>
                    </a:lnTo>
                    <a:lnTo>
                      <a:pt x="63" y="230"/>
                    </a:lnTo>
                    <a:lnTo>
                      <a:pt x="59" y="234"/>
                    </a:lnTo>
                    <a:lnTo>
                      <a:pt x="55" y="238"/>
                    </a:lnTo>
                    <a:lnTo>
                      <a:pt x="52" y="239"/>
                    </a:lnTo>
                    <a:lnTo>
                      <a:pt x="48" y="240"/>
                    </a:lnTo>
                    <a:lnTo>
                      <a:pt x="44" y="240"/>
                    </a:lnTo>
                    <a:lnTo>
                      <a:pt x="39" y="239"/>
                    </a:lnTo>
                    <a:lnTo>
                      <a:pt x="40" y="235"/>
                    </a:lnTo>
                    <a:lnTo>
                      <a:pt x="40" y="231"/>
                    </a:lnTo>
                    <a:lnTo>
                      <a:pt x="39" y="228"/>
                    </a:lnTo>
                    <a:lnTo>
                      <a:pt x="38" y="226"/>
                    </a:lnTo>
                    <a:lnTo>
                      <a:pt x="36" y="223"/>
                    </a:lnTo>
                    <a:lnTo>
                      <a:pt x="31" y="220"/>
                    </a:lnTo>
                    <a:lnTo>
                      <a:pt x="24" y="219"/>
                    </a:lnTo>
                    <a:lnTo>
                      <a:pt x="17" y="217"/>
                    </a:lnTo>
                    <a:lnTo>
                      <a:pt x="10" y="214"/>
                    </a:lnTo>
                    <a:lnTo>
                      <a:pt x="0" y="210"/>
                    </a:lnTo>
                    <a:lnTo>
                      <a:pt x="1" y="197"/>
                    </a:lnTo>
                    <a:lnTo>
                      <a:pt x="3" y="186"/>
                    </a:lnTo>
                    <a:lnTo>
                      <a:pt x="6" y="176"/>
                    </a:lnTo>
                    <a:lnTo>
                      <a:pt x="11" y="167"/>
                    </a:lnTo>
                    <a:lnTo>
                      <a:pt x="16" y="159"/>
                    </a:lnTo>
                    <a:lnTo>
                      <a:pt x="22" y="152"/>
                    </a:lnTo>
                    <a:lnTo>
                      <a:pt x="28" y="145"/>
                    </a:lnTo>
                    <a:lnTo>
                      <a:pt x="35" y="138"/>
                    </a:lnTo>
                    <a:lnTo>
                      <a:pt x="48" y="126"/>
                    </a:lnTo>
                    <a:lnTo>
                      <a:pt x="61" y="111"/>
                    </a:lnTo>
                    <a:lnTo>
                      <a:pt x="66" y="104"/>
                    </a:lnTo>
                    <a:lnTo>
                      <a:pt x="72" y="95"/>
                    </a:lnTo>
                    <a:lnTo>
                      <a:pt x="75" y="85"/>
                    </a:lnTo>
                    <a:lnTo>
                      <a:pt x="78" y="74"/>
                    </a:lnTo>
                    <a:lnTo>
                      <a:pt x="120" y="70"/>
                    </a:lnTo>
                    <a:lnTo>
                      <a:pt x="162" y="67"/>
                    </a:lnTo>
                    <a:lnTo>
                      <a:pt x="172" y="65"/>
                    </a:lnTo>
                    <a:lnTo>
                      <a:pt x="181" y="63"/>
                    </a:lnTo>
                    <a:lnTo>
                      <a:pt x="190" y="59"/>
                    </a:lnTo>
                    <a:lnTo>
                      <a:pt x="196" y="55"/>
                    </a:lnTo>
                    <a:lnTo>
                      <a:pt x="202" y="50"/>
                    </a:lnTo>
                    <a:lnTo>
                      <a:pt x="207" y="42"/>
                    </a:lnTo>
                    <a:lnTo>
                      <a:pt x="212" y="35"/>
                    </a:lnTo>
                    <a:lnTo>
                      <a:pt x="214" y="26"/>
                    </a:lnTo>
                    <a:lnTo>
                      <a:pt x="234" y="28"/>
                    </a:lnTo>
                    <a:lnTo>
                      <a:pt x="253" y="29"/>
                    </a:lnTo>
                    <a:lnTo>
                      <a:pt x="271" y="28"/>
                    </a:lnTo>
                    <a:lnTo>
                      <a:pt x="288" y="26"/>
                    </a:lnTo>
                    <a:lnTo>
                      <a:pt x="318" y="20"/>
                    </a:lnTo>
                    <a:lnTo>
                      <a:pt x="346" y="13"/>
                    </a:lnTo>
                    <a:lnTo>
                      <a:pt x="361" y="10"/>
                    </a:lnTo>
                    <a:lnTo>
                      <a:pt x="375" y="7"/>
                    </a:lnTo>
                    <a:lnTo>
                      <a:pt x="389" y="4"/>
                    </a:lnTo>
                    <a:lnTo>
                      <a:pt x="402" y="1"/>
                    </a:lnTo>
                    <a:lnTo>
                      <a:pt x="417" y="0"/>
                    </a:lnTo>
                    <a:lnTo>
                      <a:pt x="433" y="1"/>
                    </a:lnTo>
                    <a:lnTo>
                      <a:pt x="449" y="2"/>
                    </a:lnTo>
                    <a:lnTo>
                      <a:pt x="465" y="7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413" name="Læsø kant2"/>
              <p:cNvSpPr>
                <a:spLocks/>
              </p:cNvSpPr>
              <p:nvPr/>
            </p:nvSpPr>
            <p:spPr bwMode="auto">
              <a:xfrm>
                <a:off x="2751138" y="2886075"/>
                <a:ext cx="31750" cy="20638"/>
              </a:xfrm>
              <a:custGeom>
                <a:avLst/>
                <a:gdLst>
                  <a:gd name="T0" fmla="*/ 0 w 59"/>
                  <a:gd name="T1" fmla="*/ 12 h 41"/>
                  <a:gd name="T2" fmla="*/ 4 w 59"/>
                  <a:gd name="T3" fmla="*/ 13 h 41"/>
                  <a:gd name="T4" fmla="*/ 7 w 59"/>
                  <a:gd name="T5" fmla="*/ 13 h 41"/>
                  <a:gd name="T6" fmla="*/ 9 w 59"/>
                  <a:gd name="T7" fmla="*/ 12 h 41"/>
                  <a:gd name="T8" fmla="*/ 11 w 59"/>
                  <a:gd name="T9" fmla="*/ 12 h 41"/>
                  <a:gd name="T10" fmla="*/ 13 w 59"/>
                  <a:gd name="T11" fmla="*/ 11 h 41"/>
                  <a:gd name="T12" fmla="*/ 16 w 59"/>
                  <a:gd name="T13" fmla="*/ 10 h 41"/>
                  <a:gd name="T14" fmla="*/ 18 w 59"/>
                  <a:gd name="T15" fmla="*/ 10 h 41"/>
                  <a:gd name="T16" fmla="*/ 20 w 59"/>
                  <a:gd name="T17" fmla="*/ 10 h 41"/>
                  <a:gd name="T18" fmla="*/ 20 w 59"/>
                  <a:gd name="T19" fmla="*/ 6 h 41"/>
                  <a:gd name="T20" fmla="*/ 20 w 59"/>
                  <a:gd name="T21" fmla="*/ 3 h 41"/>
                  <a:gd name="T22" fmla="*/ 17 w 59"/>
                  <a:gd name="T23" fmla="*/ 2 h 41"/>
                  <a:gd name="T24" fmla="*/ 14 w 59"/>
                  <a:gd name="T25" fmla="*/ 0 h 41"/>
                  <a:gd name="T26" fmla="*/ 13 w 59"/>
                  <a:gd name="T27" fmla="*/ 1 h 41"/>
                  <a:gd name="T28" fmla="*/ 12 w 59"/>
                  <a:gd name="T29" fmla="*/ 2 h 41"/>
                  <a:gd name="T30" fmla="*/ 12 w 59"/>
                  <a:gd name="T31" fmla="*/ 3 h 41"/>
                  <a:gd name="T32" fmla="*/ 10 w 59"/>
                  <a:gd name="T33" fmla="*/ 3 h 41"/>
                  <a:gd name="T34" fmla="*/ 7 w 59"/>
                  <a:gd name="T35" fmla="*/ 4 h 41"/>
                  <a:gd name="T36" fmla="*/ 5 w 59"/>
                  <a:gd name="T37" fmla="*/ 4 h 41"/>
                  <a:gd name="T38" fmla="*/ 4 w 59"/>
                  <a:gd name="T39" fmla="*/ 5 h 41"/>
                  <a:gd name="T40" fmla="*/ 3 w 59"/>
                  <a:gd name="T41" fmla="*/ 5 h 41"/>
                  <a:gd name="T42" fmla="*/ 1 w 59"/>
                  <a:gd name="T43" fmla="*/ 6 h 41"/>
                  <a:gd name="T44" fmla="*/ 1 w 59"/>
                  <a:gd name="T45" fmla="*/ 6 h 41"/>
                  <a:gd name="T46" fmla="*/ 0 w 59"/>
                  <a:gd name="T47" fmla="*/ 8 h 41"/>
                  <a:gd name="T48" fmla="*/ 0 w 59"/>
                  <a:gd name="T49" fmla="*/ 9 h 41"/>
                  <a:gd name="T50" fmla="*/ 0 w 59"/>
                  <a:gd name="T51" fmla="*/ 10 h 41"/>
                  <a:gd name="T52" fmla="*/ 0 w 59"/>
                  <a:gd name="T53" fmla="*/ 12 h 41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9" h="41">
                    <a:moveTo>
                      <a:pt x="1" y="39"/>
                    </a:moveTo>
                    <a:lnTo>
                      <a:pt x="12" y="41"/>
                    </a:lnTo>
                    <a:lnTo>
                      <a:pt x="20" y="40"/>
                    </a:lnTo>
                    <a:lnTo>
                      <a:pt x="27" y="39"/>
                    </a:lnTo>
                    <a:lnTo>
                      <a:pt x="33" y="37"/>
                    </a:lnTo>
                    <a:lnTo>
                      <a:pt x="39" y="34"/>
                    </a:lnTo>
                    <a:lnTo>
                      <a:pt x="46" y="32"/>
                    </a:lnTo>
                    <a:lnTo>
                      <a:pt x="52" y="30"/>
                    </a:lnTo>
                    <a:lnTo>
                      <a:pt x="59" y="30"/>
                    </a:lnTo>
                    <a:lnTo>
                      <a:pt x="59" y="20"/>
                    </a:lnTo>
                    <a:lnTo>
                      <a:pt x="59" y="10"/>
                    </a:lnTo>
                    <a:lnTo>
                      <a:pt x="50" y="6"/>
                    </a:lnTo>
                    <a:lnTo>
                      <a:pt x="40" y="0"/>
                    </a:lnTo>
                    <a:lnTo>
                      <a:pt x="39" y="3"/>
                    </a:lnTo>
                    <a:lnTo>
                      <a:pt x="36" y="7"/>
                    </a:lnTo>
                    <a:lnTo>
                      <a:pt x="34" y="9"/>
                    </a:lnTo>
                    <a:lnTo>
                      <a:pt x="30" y="10"/>
                    </a:lnTo>
                    <a:lnTo>
                      <a:pt x="22" y="12"/>
                    </a:lnTo>
                    <a:lnTo>
                      <a:pt x="15" y="14"/>
                    </a:lnTo>
                    <a:lnTo>
                      <a:pt x="11" y="15"/>
                    </a:lnTo>
                    <a:lnTo>
                      <a:pt x="8" y="16"/>
                    </a:lnTo>
                    <a:lnTo>
                      <a:pt x="4" y="18"/>
                    </a:lnTo>
                    <a:lnTo>
                      <a:pt x="2" y="20"/>
                    </a:lnTo>
                    <a:lnTo>
                      <a:pt x="0" y="25"/>
                    </a:lnTo>
                    <a:lnTo>
                      <a:pt x="0" y="28"/>
                    </a:lnTo>
                    <a:lnTo>
                      <a:pt x="0" y="33"/>
                    </a:lnTo>
                    <a:lnTo>
                      <a:pt x="1" y="39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385" name="Aalborg"/>
            <p:cNvGrpSpPr/>
            <p:nvPr/>
          </p:nvGrpSpPr>
          <p:grpSpPr>
            <a:xfrm>
              <a:off x="1539875" y="2890838"/>
              <a:ext cx="750887" cy="569912"/>
              <a:chOff x="1539875" y="2890838"/>
              <a:chExt cx="750887" cy="569912"/>
            </a:xfrm>
            <a:grpFill/>
          </p:grpSpPr>
          <p:sp>
            <p:nvSpPr>
              <p:cNvPr id="404" name="Aalborg"/>
              <p:cNvSpPr>
                <a:spLocks/>
              </p:cNvSpPr>
              <p:nvPr/>
            </p:nvSpPr>
            <p:spPr bwMode="auto">
              <a:xfrm>
                <a:off x="1854200" y="3101975"/>
                <a:ext cx="46038" cy="30163"/>
              </a:xfrm>
              <a:custGeom>
                <a:avLst/>
                <a:gdLst>
                  <a:gd name="T0" fmla="*/ 29 w 88"/>
                  <a:gd name="T1" fmla="*/ 6 h 58"/>
                  <a:gd name="T2" fmla="*/ 29 w 88"/>
                  <a:gd name="T3" fmla="*/ 8 h 58"/>
                  <a:gd name="T4" fmla="*/ 29 w 88"/>
                  <a:gd name="T5" fmla="*/ 9 h 58"/>
                  <a:gd name="T6" fmla="*/ 29 w 88"/>
                  <a:gd name="T7" fmla="*/ 11 h 58"/>
                  <a:gd name="T8" fmla="*/ 28 w 88"/>
                  <a:gd name="T9" fmla="*/ 12 h 58"/>
                  <a:gd name="T10" fmla="*/ 27 w 88"/>
                  <a:gd name="T11" fmla="*/ 13 h 58"/>
                  <a:gd name="T12" fmla="*/ 25 w 88"/>
                  <a:gd name="T13" fmla="*/ 15 h 58"/>
                  <a:gd name="T14" fmla="*/ 20 w 88"/>
                  <a:gd name="T15" fmla="*/ 16 h 58"/>
                  <a:gd name="T16" fmla="*/ 16 w 88"/>
                  <a:gd name="T17" fmla="*/ 19 h 58"/>
                  <a:gd name="T18" fmla="*/ 13 w 88"/>
                  <a:gd name="T19" fmla="*/ 18 h 58"/>
                  <a:gd name="T20" fmla="*/ 10 w 88"/>
                  <a:gd name="T21" fmla="*/ 17 h 58"/>
                  <a:gd name="T22" fmla="*/ 7 w 88"/>
                  <a:gd name="T23" fmla="*/ 15 h 58"/>
                  <a:gd name="T24" fmla="*/ 5 w 88"/>
                  <a:gd name="T25" fmla="*/ 14 h 58"/>
                  <a:gd name="T26" fmla="*/ 3 w 88"/>
                  <a:gd name="T27" fmla="*/ 12 h 58"/>
                  <a:gd name="T28" fmla="*/ 2 w 88"/>
                  <a:gd name="T29" fmla="*/ 9 h 58"/>
                  <a:gd name="T30" fmla="*/ 1 w 88"/>
                  <a:gd name="T31" fmla="*/ 6 h 58"/>
                  <a:gd name="T32" fmla="*/ 0 w 88"/>
                  <a:gd name="T33" fmla="*/ 3 h 58"/>
                  <a:gd name="T34" fmla="*/ 4 w 88"/>
                  <a:gd name="T35" fmla="*/ 1 h 58"/>
                  <a:gd name="T36" fmla="*/ 8 w 88"/>
                  <a:gd name="T37" fmla="*/ 0 h 58"/>
                  <a:gd name="T38" fmla="*/ 12 w 88"/>
                  <a:gd name="T39" fmla="*/ 0 h 58"/>
                  <a:gd name="T40" fmla="*/ 16 w 88"/>
                  <a:gd name="T41" fmla="*/ 0 h 58"/>
                  <a:gd name="T42" fmla="*/ 20 w 88"/>
                  <a:gd name="T43" fmla="*/ 1 h 58"/>
                  <a:gd name="T44" fmla="*/ 23 w 88"/>
                  <a:gd name="T45" fmla="*/ 2 h 58"/>
                  <a:gd name="T46" fmla="*/ 25 w 88"/>
                  <a:gd name="T47" fmla="*/ 2 h 58"/>
                  <a:gd name="T48" fmla="*/ 26 w 88"/>
                  <a:gd name="T49" fmla="*/ 3 h 58"/>
                  <a:gd name="T50" fmla="*/ 28 w 88"/>
                  <a:gd name="T51" fmla="*/ 5 h 58"/>
                  <a:gd name="T52" fmla="*/ 29 w 88"/>
                  <a:gd name="T53" fmla="*/ 6 h 58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88" h="58">
                    <a:moveTo>
                      <a:pt x="87" y="19"/>
                    </a:moveTo>
                    <a:lnTo>
                      <a:pt x="88" y="24"/>
                    </a:lnTo>
                    <a:lnTo>
                      <a:pt x="87" y="28"/>
                    </a:lnTo>
                    <a:lnTo>
                      <a:pt x="87" y="33"/>
                    </a:lnTo>
                    <a:lnTo>
                      <a:pt x="85" y="36"/>
                    </a:lnTo>
                    <a:lnTo>
                      <a:pt x="81" y="41"/>
                    </a:lnTo>
                    <a:lnTo>
                      <a:pt x="75" y="45"/>
                    </a:lnTo>
                    <a:lnTo>
                      <a:pt x="61" y="50"/>
                    </a:lnTo>
                    <a:lnTo>
                      <a:pt x="48" y="58"/>
                    </a:lnTo>
                    <a:lnTo>
                      <a:pt x="39" y="56"/>
                    </a:lnTo>
                    <a:lnTo>
                      <a:pt x="29" y="51"/>
                    </a:lnTo>
                    <a:lnTo>
                      <a:pt x="22" y="47"/>
                    </a:lnTo>
                    <a:lnTo>
                      <a:pt x="16" y="42"/>
                    </a:lnTo>
                    <a:lnTo>
                      <a:pt x="10" y="36"/>
                    </a:lnTo>
                    <a:lnTo>
                      <a:pt x="5" y="27"/>
                    </a:lnTo>
                    <a:lnTo>
                      <a:pt x="2" y="19"/>
                    </a:lnTo>
                    <a:lnTo>
                      <a:pt x="0" y="8"/>
                    </a:lnTo>
                    <a:lnTo>
                      <a:pt x="11" y="4"/>
                    </a:lnTo>
                    <a:lnTo>
                      <a:pt x="23" y="1"/>
                    </a:lnTo>
                    <a:lnTo>
                      <a:pt x="36" y="0"/>
                    </a:lnTo>
                    <a:lnTo>
                      <a:pt x="48" y="0"/>
                    </a:lnTo>
                    <a:lnTo>
                      <a:pt x="60" y="2"/>
                    </a:lnTo>
                    <a:lnTo>
                      <a:pt x="70" y="5"/>
                    </a:lnTo>
                    <a:lnTo>
                      <a:pt x="76" y="7"/>
                    </a:lnTo>
                    <a:lnTo>
                      <a:pt x="80" y="10"/>
                    </a:lnTo>
                    <a:lnTo>
                      <a:pt x="84" y="15"/>
                    </a:lnTo>
                    <a:lnTo>
                      <a:pt x="87" y="19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405" name="Aalborg kant"/>
              <p:cNvSpPr>
                <a:spLocks/>
              </p:cNvSpPr>
              <p:nvPr/>
            </p:nvSpPr>
            <p:spPr bwMode="auto">
              <a:xfrm>
                <a:off x="1854200" y="3101975"/>
                <a:ext cx="46038" cy="30163"/>
              </a:xfrm>
              <a:custGeom>
                <a:avLst/>
                <a:gdLst>
                  <a:gd name="T0" fmla="*/ 29 w 88"/>
                  <a:gd name="T1" fmla="*/ 6 h 58"/>
                  <a:gd name="T2" fmla="*/ 29 w 88"/>
                  <a:gd name="T3" fmla="*/ 8 h 58"/>
                  <a:gd name="T4" fmla="*/ 29 w 88"/>
                  <a:gd name="T5" fmla="*/ 9 h 58"/>
                  <a:gd name="T6" fmla="*/ 29 w 88"/>
                  <a:gd name="T7" fmla="*/ 11 h 58"/>
                  <a:gd name="T8" fmla="*/ 28 w 88"/>
                  <a:gd name="T9" fmla="*/ 12 h 58"/>
                  <a:gd name="T10" fmla="*/ 27 w 88"/>
                  <a:gd name="T11" fmla="*/ 13 h 58"/>
                  <a:gd name="T12" fmla="*/ 25 w 88"/>
                  <a:gd name="T13" fmla="*/ 15 h 58"/>
                  <a:gd name="T14" fmla="*/ 20 w 88"/>
                  <a:gd name="T15" fmla="*/ 16 h 58"/>
                  <a:gd name="T16" fmla="*/ 16 w 88"/>
                  <a:gd name="T17" fmla="*/ 19 h 58"/>
                  <a:gd name="T18" fmla="*/ 13 w 88"/>
                  <a:gd name="T19" fmla="*/ 18 h 58"/>
                  <a:gd name="T20" fmla="*/ 10 w 88"/>
                  <a:gd name="T21" fmla="*/ 17 h 58"/>
                  <a:gd name="T22" fmla="*/ 7 w 88"/>
                  <a:gd name="T23" fmla="*/ 15 h 58"/>
                  <a:gd name="T24" fmla="*/ 5 w 88"/>
                  <a:gd name="T25" fmla="*/ 14 h 58"/>
                  <a:gd name="T26" fmla="*/ 3 w 88"/>
                  <a:gd name="T27" fmla="*/ 12 h 58"/>
                  <a:gd name="T28" fmla="*/ 2 w 88"/>
                  <a:gd name="T29" fmla="*/ 9 h 58"/>
                  <a:gd name="T30" fmla="*/ 1 w 88"/>
                  <a:gd name="T31" fmla="*/ 6 h 58"/>
                  <a:gd name="T32" fmla="*/ 0 w 88"/>
                  <a:gd name="T33" fmla="*/ 3 h 58"/>
                  <a:gd name="T34" fmla="*/ 4 w 88"/>
                  <a:gd name="T35" fmla="*/ 1 h 58"/>
                  <a:gd name="T36" fmla="*/ 8 w 88"/>
                  <a:gd name="T37" fmla="*/ 0 h 58"/>
                  <a:gd name="T38" fmla="*/ 12 w 88"/>
                  <a:gd name="T39" fmla="*/ 0 h 58"/>
                  <a:gd name="T40" fmla="*/ 16 w 88"/>
                  <a:gd name="T41" fmla="*/ 0 h 58"/>
                  <a:gd name="T42" fmla="*/ 20 w 88"/>
                  <a:gd name="T43" fmla="*/ 1 h 58"/>
                  <a:gd name="T44" fmla="*/ 23 w 88"/>
                  <a:gd name="T45" fmla="*/ 2 h 58"/>
                  <a:gd name="T46" fmla="*/ 25 w 88"/>
                  <a:gd name="T47" fmla="*/ 2 h 58"/>
                  <a:gd name="T48" fmla="*/ 26 w 88"/>
                  <a:gd name="T49" fmla="*/ 3 h 58"/>
                  <a:gd name="T50" fmla="*/ 28 w 88"/>
                  <a:gd name="T51" fmla="*/ 5 h 58"/>
                  <a:gd name="T52" fmla="*/ 29 w 88"/>
                  <a:gd name="T53" fmla="*/ 6 h 58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88" h="58">
                    <a:moveTo>
                      <a:pt x="87" y="19"/>
                    </a:moveTo>
                    <a:lnTo>
                      <a:pt x="88" y="24"/>
                    </a:lnTo>
                    <a:lnTo>
                      <a:pt x="87" y="28"/>
                    </a:lnTo>
                    <a:lnTo>
                      <a:pt x="87" y="33"/>
                    </a:lnTo>
                    <a:lnTo>
                      <a:pt x="85" y="36"/>
                    </a:lnTo>
                    <a:lnTo>
                      <a:pt x="81" y="41"/>
                    </a:lnTo>
                    <a:lnTo>
                      <a:pt x="75" y="45"/>
                    </a:lnTo>
                    <a:lnTo>
                      <a:pt x="61" y="50"/>
                    </a:lnTo>
                    <a:lnTo>
                      <a:pt x="48" y="58"/>
                    </a:lnTo>
                    <a:lnTo>
                      <a:pt x="39" y="56"/>
                    </a:lnTo>
                    <a:lnTo>
                      <a:pt x="29" y="51"/>
                    </a:lnTo>
                    <a:lnTo>
                      <a:pt x="22" y="47"/>
                    </a:lnTo>
                    <a:lnTo>
                      <a:pt x="16" y="42"/>
                    </a:lnTo>
                    <a:lnTo>
                      <a:pt x="10" y="36"/>
                    </a:lnTo>
                    <a:lnTo>
                      <a:pt x="5" y="27"/>
                    </a:lnTo>
                    <a:lnTo>
                      <a:pt x="2" y="19"/>
                    </a:lnTo>
                    <a:lnTo>
                      <a:pt x="0" y="8"/>
                    </a:lnTo>
                    <a:lnTo>
                      <a:pt x="11" y="4"/>
                    </a:lnTo>
                    <a:lnTo>
                      <a:pt x="23" y="1"/>
                    </a:lnTo>
                    <a:lnTo>
                      <a:pt x="36" y="0"/>
                    </a:lnTo>
                    <a:lnTo>
                      <a:pt x="48" y="0"/>
                    </a:lnTo>
                    <a:lnTo>
                      <a:pt x="60" y="2"/>
                    </a:lnTo>
                    <a:lnTo>
                      <a:pt x="70" y="5"/>
                    </a:lnTo>
                    <a:lnTo>
                      <a:pt x="76" y="7"/>
                    </a:lnTo>
                    <a:lnTo>
                      <a:pt x="80" y="10"/>
                    </a:lnTo>
                    <a:lnTo>
                      <a:pt x="84" y="15"/>
                    </a:lnTo>
                    <a:lnTo>
                      <a:pt x="87" y="19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406" name="Aalborg"/>
              <p:cNvSpPr>
                <a:spLocks/>
              </p:cNvSpPr>
              <p:nvPr/>
            </p:nvSpPr>
            <p:spPr bwMode="auto">
              <a:xfrm>
                <a:off x="1812925" y="2890838"/>
                <a:ext cx="477837" cy="328613"/>
              </a:xfrm>
              <a:custGeom>
                <a:avLst/>
                <a:gdLst>
                  <a:gd name="T0" fmla="*/ 79 w 902"/>
                  <a:gd name="T1" fmla="*/ 150 h 621"/>
                  <a:gd name="T2" fmla="*/ 85 w 902"/>
                  <a:gd name="T3" fmla="*/ 151 h 621"/>
                  <a:gd name="T4" fmla="*/ 90 w 902"/>
                  <a:gd name="T5" fmla="*/ 146 h 621"/>
                  <a:gd name="T6" fmla="*/ 98 w 902"/>
                  <a:gd name="T7" fmla="*/ 134 h 621"/>
                  <a:gd name="T8" fmla="*/ 107 w 902"/>
                  <a:gd name="T9" fmla="*/ 122 h 621"/>
                  <a:gd name="T10" fmla="*/ 115 w 902"/>
                  <a:gd name="T11" fmla="*/ 119 h 621"/>
                  <a:gd name="T12" fmla="*/ 126 w 902"/>
                  <a:gd name="T13" fmla="*/ 123 h 621"/>
                  <a:gd name="T14" fmla="*/ 140 w 902"/>
                  <a:gd name="T15" fmla="*/ 138 h 621"/>
                  <a:gd name="T16" fmla="*/ 169 w 902"/>
                  <a:gd name="T17" fmla="*/ 155 h 621"/>
                  <a:gd name="T18" fmla="*/ 193 w 902"/>
                  <a:gd name="T19" fmla="*/ 177 h 621"/>
                  <a:gd name="T20" fmla="*/ 210 w 902"/>
                  <a:gd name="T21" fmla="*/ 197 h 621"/>
                  <a:gd name="T22" fmla="*/ 225 w 902"/>
                  <a:gd name="T23" fmla="*/ 206 h 621"/>
                  <a:gd name="T24" fmla="*/ 241 w 902"/>
                  <a:gd name="T25" fmla="*/ 206 h 621"/>
                  <a:gd name="T26" fmla="*/ 265 w 902"/>
                  <a:gd name="T27" fmla="*/ 202 h 621"/>
                  <a:gd name="T28" fmla="*/ 283 w 902"/>
                  <a:gd name="T29" fmla="*/ 193 h 621"/>
                  <a:gd name="T30" fmla="*/ 297 w 902"/>
                  <a:gd name="T31" fmla="*/ 152 h 621"/>
                  <a:gd name="T32" fmla="*/ 301 w 902"/>
                  <a:gd name="T33" fmla="*/ 126 h 621"/>
                  <a:gd name="T34" fmla="*/ 293 w 902"/>
                  <a:gd name="T35" fmla="*/ 120 h 621"/>
                  <a:gd name="T36" fmla="*/ 288 w 902"/>
                  <a:gd name="T37" fmla="*/ 125 h 621"/>
                  <a:gd name="T38" fmla="*/ 282 w 902"/>
                  <a:gd name="T39" fmla="*/ 135 h 621"/>
                  <a:gd name="T40" fmla="*/ 274 w 902"/>
                  <a:gd name="T41" fmla="*/ 127 h 621"/>
                  <a:gd name="T42" fmla="*/ 269 w 902"/>
                  <a:gd name="T43" fmla="*/ 108 h 621"/>
                  <a:gd name="T44" fmla="*/ 256 w 902"/>
                  <a:gd name="T45" fmla="*/ 104 h 621"/>
                  <a:gd name="T46" fmla="*/ 222 w 902"/>
                  <a:gd name="T47" fmla="*/ 102 h 621"/>
                  <a:gd name="T48" fmla="*/ 197 w 902"/>
                  <a:gd name="T49" fmla="*/ 93 h 621"/>
                  <a:gd name="T50" fmla="*/ 175 w 902"/>
                  <a:gd name="T51" fmla="*/ 81 h 621"/>
                  <a:gd name="T52" fmla="*/ 144 w 902"/>
                  <a:gd name="T53" fmla="*/ 53 h 621"/>
                  <a:gd name="T54" fmla="*/ 110 w 902"/>
                  <a:gd name="T55" fmla="*/ 25 h 621"/>
                  <a:gd name="T56" fmla="*/ 85 w 902"/>
                  <a:gd name="T57" fmla="*/ 12 h 621"/>
                  <a:gd name="T58" fmla="*/ 79 w 902"/>
                  <a:gd name="T59" fmla="*/ 2 h 621"/>
                  <a:gd name="T60" fmla="*/ 67 w 902"/>
                  <a:gd name="T61" fmla="*/ 1 h 621"/>
                  <a:gd name="T62" fmla="*/ 51 w 902"/>
                  <a:gd name="T63" fmla="*/ 4 h 621"/>
                  <a:gd name="T64" fmla="*/ 48 w 902"/>
                  <a:gd name="T65" fmla="*/ 13 h 621"/>
                  <a:gd name="T66" fmla="*/ 65 w 902"/>
                  <a:gd name="T67" fmla="*/ 38 h 621"/>
                  <a:gd name="T68" fmla="*/ 78 w 902"/>
                  <a:gd name="T69" fmla="*/ 60 h 621"/>
                  <a:gd name="T70" fmla="*/ 77 w 902"/>
                  <a:gd name="T71" fmla="*/ 68 h 621"/>
                  <a:gd name="T72" fmla="*/ 71 w 902"/>
                  <a:gd name="T73" fmla="*/ 76 h 621"/>
                  <a:gd name="T74" fmla="*/ 59 w 902"/>
                  <a:gd name="T75" fmla="*/ 81 h 621"/>
                  <a:gd name="T76" fmla="*/ 47 w 902"/>
                  <a:gd name="T77" fmla="*/ 78 h 621"/>
                  <a:gd name="T78" fmla="*/ 38 w 902"/>
                  <a:gd name="T79" fmla="*/ 80 h 621"/>
                  <a:gd name="T80" fmla="*/ 21 w 902"/>
                  <a:gd name="T81" fmla="*/ 89 h 621"/>
                  <a:gd name="T82" fmla="*/ 12 w 902"/>
                  <a:gd name="T83" fmla="*/ 94 h 621"/>
                  <a:gd name="T84" fmla="*/ 8 w 902"/>
                  <a:gd name="T85" fmla="*/ 89 h 621"/>
                  <a:gd name="T86" fmla="*/ 3 w 902"/>
                  <a:gd name="T87" fmla="*/ 84 h 621"/>
                  <a:gd name="T88" fmla="*/ 0 w 902"/>
                  <a:gd name="T89" fmla="*/ 86 h 621"/>
                  <a:gd name="T90" fmla="*/ 11 w 902"/>
                  <a:gd name="T91" fmla="*/ 101 h 621"/>
                  <a:gd name="T92" fmla="*/ 29 w 902"/>
                  <a:gd name="T93" fmla="*/ 116 h 621"/>
                  <a:gd name="T94" fmla="*/ 64 w 902"/>
                  <a:gd name="T95" fmla="*/ 139 h 621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0" t="0" r="r" b="b"/>
                <a:pathLst>
                  <a:path w="902" h="621">
                    <a:moveTo>
                      <a:pt x="218" y="438"/>
                    </a:moveTo>
                    <a:lnTo>
                      <a:pt x="224" y="443"/>
                    </a:lnTo>
                    <a:lnTo>
                      <a:pt x="231" y="447"/>
                    </a:lnTo>
                    <a:lnTo>
                      <a:pt x="237" y="449"/>
                    </a:lnTo>
                    <a:lnTo>
                      <a:pt x="242" y="452"/>
                    </a:lnTo>
                    <a:lnTo>
                      <a:pt x="247" y="453"/>
                    </a:lnTo>
                    <a:lnTo>
                      <a:pt x="252" y="453"/>
                    </a:lnTo>
                    <a:lnTo>
                      <a:pt x="256" y="452"/>
                    </a:lnTo>
                    <a:lnTo>
                      <a:pt x="260" y="449"/>
                    </a:lnTo>
                    <a:lnTo>
                      <a:pt x="264" y="446"/>
                    </a:lnTo>
                    <a:lnTo>
                      <a:pt x="267" y="443"/>
                    </a:lnTo>
                    <a:lnTo>
                      <a:pt x="271" y="439"/>
                    </a:lnTo>
                    <a:lnTo>
                      <a:pt x="275" y="435"/>
                    </a:lnTo>
                    <a:lnTo>
                      <a:pt x="281" y="425"/>
                    </a:lnTo>
                    <a:lnTo>
                      <a:pt x="286" y="414"/>
                    </a:lnTo>
                    <a:lnTo>
                      <a:pt x="293" y="402"/>
                    </a:lnTo>
                    <a:lnTo>
                      <a:pt x="300" y="390"/>
                    </a:lnTo>
                    <a:lnTo>
                      <a:pt x="307" y="380"/>
                    </a:lnTo>
                    <a:lnTo>
                      <a:pt x="317" y="370"/>
                    </a:lnTo>
                    <a:lnTo>
                      <a:pt x="321" y="367"/>
                    </a:lnTo>
                    <a:lnTo>
                      <a:pt x="326" y="363"/>
                    </a:lnTo>
                    <a:lnTo>
                      <a:pt x="333" y="361"/>
                    </a:lnTo>
                    <a:lnTo>
                      <a:pt x="338" y="359"/>
                    </a:lnTo>
                    <a:lnTo>
                      <a:pt x="345" y="358"/>
                    </a:lnTo>
                    <a:lnTo>
                      <a:pt x="352" y="357"/>
                    </a:lnTo>
                    <a:lnTo>
                      <a:pt x="360" y="358"/>
                    </a:lnTo>
                    <a:lnTo>
                      <a:pt x="368" y="359"/>
                    </a:lnTo>
                    <a:lnTo>
                      <a:pt x="377" y="370"/>
                    </a:lnTo>
                    <a:lnTo>
                      <a:pt x="385" y="381"/>
                    </a:lnTo>
                    <a:lnTo>
                      <a:pt x="394" y="390"/>
                    </a:lnTo>
                    <a:lnTo>
                      <a:pt x="403" y="398"/>
                    </a:lnTo>
                    <a:lnTo>
                      <a:pt x="421" y="413"/>
                    </a:lnTo>
                    <a:lnTo>
                      <a:pt x="441" y="425"/>
                    </a:lnTo>
                    <a:lnTo>
                      <a:pt x="462" y="438"/>
                    </a:lnTo>
                    <a:lnTo>
                      <a:pt x="484" y="450"/>
                    </a:lnTo>
                    <a:lnTo>
                      <a:pt x="507" y="466"/>
                    </a:lnTo>
                    <a:lnTo>
                      <a:pt x="533" y="485"/>
                    </a:lnTo>
                    <a:lnTo>
                      <a:pt x="550" y="500"/>
                    </a:lnTo>
                    <a:lnTo>
                      <a:pt x="564" y="516"/>
                    </a:lnTo>
                    <a:lnTo>
                      <a:pt x="578" y="532"/>
                    </a:lnTo>
                    <a:lnTo>
                      <a:pt x="592" y="548"/>
                    </a:lnTo>
                    <a:lnTo>
                      <a:pt x="604" y="564"/>
                    </a:lnTo>
                    <a:lnTo>
                      <a:pt x="617" y="579"/>
                    </a:lnTo>
                    <a:lnTo>
                      <a:pt x="629" y="592"/>
                    </a:lnTo>
                    <a:lnTo>
                      <a:pt x="640" y="602"/>
                    </a:lnTo>
                    <a:lnTo>
                      <a:pt x="652" y="609"/>
                    </a:lnTo>
                    <a:lnTo>
                      <a:pt x="663" y="616"/>
                    </a:lnTo>
                    <a:lnTo>
                      <a:pt x="675" y="619"/>
                    </a:lnTo>
                    <a:lnTo>
                      <a:pt x="687" y="621"/>
                    </a:lnTo>
                    <a:lnTo>
                      <a:pt x="698" y="621"/>
                    </a:lnTo>
                    <a:lnTo>
                      <a:pt x="710" y="620"/>
                    </a:lnTo>
                    <a:lnTo>
                      <a:pt x="721" y="618"/>
                    </a:lnTo>
                    <a:lnTo>
                      <a:pt x="732" y="616"/>
                    </a:lnTo>
                    <a:lnTo>
                      <a:pt x="756" y="609"/>
                    </a:lnTo>
                    <a:lnTo>
                      <a:pt x="780" y="606"/>
                    </a:lnTo>
                    <a:lnTo>
                      <a:pt x="793" y="605"/>
                    </a:lnTo>
                    <a:lnTo>
                      <a:pt x="807" y="605"/>
                    </a:lnTo>
                    <a:lnTo>
                      <a:pt x="820" y="607"/>
                    </a:lnTo>
                    <a:lnTo>
                      <a:pt x="834" y="612"/>
                    </a:lnTo>
                    <a:lnTo>
                      <a:pt x="849" y="578"/>
                    </a:lnTo>
                    <a:lnTo>
                      <a:pt x="861" y="546"/>
                    </a:lnTo>
                    <a:lnTo>
                      <a:pt x="873" y="516"/>
                    </a:lnTo>
                    <a:lnTo>
                      <a:pt x="882" y="486"/>
                    </a:lnTo>
                    <a:lnTo>
                      <a:pt x="891" y="456"/>
                    </a:lnTo>
                    <a:lnTo>
                      <a:pt x="896" y="425"/>
                    </a:lnTo>
                    <a:lnTo>
                      <a:pt x="898" y="409"/>
                    </a:lnTo>
                    <a:lnTo>
                      <a:pt x="900" y="394"/>
                    </a:lnTo>
                    <a:lnTo>
                      <a:pt x="901" y="377"/>
                    </a:lnTo>
                    <a:lnTo>
                      <a:pt x="902" y="359"/>
                    </a:lnTo>
                    <a:lnTo>
                      <a:pt x="893" y="358"/>
                    </a:lnTo>
                    <a:lnTo>
                      <a:pt x="886" y="359"/>
                    </a:lnTo>
                    <a:lnTo>
                      <a:pt x="879" y="360"/>
                    </a:lnTo>
                    <a:lnTo>
                      <a:pt x="874" y="363"/>
                    </a:lnTo>
                    <a:lnTo>
                      <a:pt x="870" y="366"/>
                    </a:lnTo>
                    <a:lnTo>
                      <a:pt x="867" y="372"/>
                    </a:lnTo>
                    <a:lnTo>
                      <a:pt x="863" y="376"/>
                    </a:lnTo>
                    <a:lnTo>
                      <a:pt x="861" y="381"/>
                    </a:lnTo>
                    <a:lnTo>
                      <a:pt x="855" y="392"/>
                    </a:lnTo>
                    <a:lnTo>
                      <a:pt x="849" y="401"/>
                    </a:lnTo>
                    <a:lnTo>
                      <a:pt x="844" y="404"/>
                    </a:lnTo>
                    <a:lnTo>
                      <a:pt x="839" y="406"/>
                    </a:lnTo>
                    <a:lnTo>
                      <a:pt x="832" y="408"/>
                    </a:lnTo>
                    <a:lnTo>
                      <a:pt x="824" y="407"/>
                    </a:lnTo>
                    <a:lnTo>
                      <a:pt x="820" y="381"/>
                    </a:lnTo>
                    <a:lnTo>
                      <a:pt x="815" y="354"/>
                    </a:lnTo>
                    <a:lnTo>
                      <a:pt x="812" y="341"/>
                    </a:lnTo>
                    <a:lnTo>
                      <a:pt x="808" y="329"/>
                    </a:lnTo>
                    <a:lnTo>
                      <a:pt x="805" y="324"/>
                    </a:lnTo>
                    <a:lnTo>
                      <a:pt x="802" y="320"/>
                    </a:lnTo>
                    <a:lnTo>
                      <a:pt x="799" y="315"/>
                    </a:lnTo>
                    <a:lnTo>
                      <a:pt x="795" y="310"/>
                    </a:lnTo>
                    <a:lnTo>
                      <a:pt x="767" y="313"/>
                    </a:lnTo>
                    <a:lnTo>
                      <a:pt x="739" y="313"/>
                    </a:lnTo>
                    <a:lnTo>
                      <a:pt x="713" y="311"/>
                    </a:lnTo>
                    <a:lnTo>
                      <a:pt x="690" y="308"/>
                    </a:lnTo>
                    <a:lnTo>
                      <a:pt x="666" y="305"/>
                    </a:lnTo>
                    <a:lnTo>
                      <a:pt x="645" y="300"/>
                    </a:lnTo>
                    <a:lnTo>
                      <a:pt x="625" y="295"/>
                    </a:lnTo>
                    <a:lnTo>
                      <a:pt x="606" y="287"/>
                    </a:lnTo>
                    <a:lnTo>
                      <a:pt x="589" y="280"/>
                    </a:lnTo>
                    <a:lnTo>
                      <a:pt x="572" y="271"/>
                    </a:lnTo>
                    <a:lnTo>
                      <a:pt x="556" y="263"/>
                    </a:lnTo>
                    <a:lnTo>
                      <a:pt x="540" y="253"/>
                    </a:lnTo>
                    <a:lnTo>
                      <a:pt x="525" y="242"/>
                    </a:lnTo>
                    <a:lnTo>
                      <a:pt x="512" y="231"/>
                    </a:lnTo>
                    <a:lnTo>
                      <a:pt x="498" y="220"/>
                    </a:lnTo>
                    <a:lnTo>
                      <a:pt x="484" y="208"/>
                    </a:lnTo>
                    <a:lnTo>
                      <a:pt x="433" y="159"/>
                    </a:lnTo>
                    <a:lnTo>
                      <a:pt x="378" y="109"/>
                    </a:lnTo>
                    <a:lnTo>
                      <a:pt x="362" y="98"/>
                    </a:lnTo>
                    <a:lnTo>
                      <a:pt x="346" y="86"/>
                    </a:lnTo>
                    <a:lnTo>
                      <a:pt x="331" y="76"/>
                    </a:lnTo>
                    <a:lnTo>
                      <a:pt x="313" y="65"/>
                    </a:lnTo>
                    <a:lnTo>
                      <a:pt x="295" y="55"/>
                    </a:lnTo>
                    <a:lnTo>
                      <a:pt x="275" y="46"/>
                    </a:lnTo>
                    <a:lnTo>
                      <a:pt x="255" y="37"/>
                    </a:lnTo>
                    <a:lnTo>
                      <a:pt x="233" y="29"/>
                    </a:lnTo>
                    <a:lnTo>
                      <a:pt x="233" y="20"/>
                    </a:lnTo>
                    <a:lnTo>
                      <a:pt x="235" y="12"/>
                    </a:lnTo>
                    <a:lnTo>
                      <a:pt x="238" y="6"/>
                    </a:lnTo>
                    <a:lnTo>
                      <a:pt x="242" y="0"/>
                    </a:lnTo>
                    <a:lnTo>
                      <a:pt x="226" y="0"/>
                    </a:lnTo>
                    <a:lnTo>
                      <a:pt x="214" y="1"/>
                    </a:lnTo>
                    <a:lnTo>
                      <a:pt x="201" y="3"/>
                    </a:lnTo>
                    <a:lnTo>
                      <a:pt x="189" y="6"/>
                    </a:lnTo>
                    <a:lnTo>
                      <a:pt x="178" y="8"/>
                    </a:lnTo>
                    <a:lnTo>
                      <a:pt x="165" y="10"/>
                    </a:lnTo>
                    <a:lnTo>
                      <a:pt x="152" y="11"/>
                    </a:lnTo>
                    <a:lnTo>
                      <a:pt x="136" y="10"/>
                    </a:lnTo>
                    <a:lnTo>
                      <a:pt x="138" y="20"/>
                    </a:lnTo>
                    <a:lnTo>
                      <a:pt x="141" y="28"/>
                    </a:lnTo>
                    <a:lnTo>
                      <a:pt x="145" y="38"/>
                    </a:lnTo>
                    <a:lnTo>
                      <a:pt x="149" y="47"/>
                    </a:lnTo>
                    <a:lnTo>
                      <a:pt x="160" y="65"/>
                    </a:lnTo>
                    <a:lnTo>
                      <a:pt x="172" y="82"/>
                    </a:lnTo>
                    <a:lnTo>
                      <a:pt x="195" y="115"/>
                    </a:lnTo>
                    <a:lnTo>
                      <a:pt x="216" y="144"/>
                    </a:lnTo>
                    <a:lnTo>
                      <a:pt x="224" y="159"/>
                    </a:lnTo>
                    <a:lnTo>
                      <a:pt x="231" y="172"/>
                    </a:lnTo>
                    <a:lnTo>
                      <a:pt x="233" y="179"/>
                    </a:lnTo>
                    <a:lnTo>
                      <a:pt x="234" y="185"/>
                    </a:lnTo>
                    <a:lnTo>
                      <a:pt x="234" y="191"/>
                    </a:lnTo>
                    <a:lnTo>
                      <a:pt x="233" y="198"/>
                    </a:lnTo>
                    <a:lnTo>
                      <a:pt x="231" y="204"/>
                    </a:lnTo>
                    <a:lnTo>
                      <a:pt x="228" y="209"/>
                    </a:lnTo>
                    <a:lnTo>
                      <a:pt x="224" y="216"/>
                    </a:lnTo>
                    <a:lnTo>
                      <a:pt x="219" y="221"/>
                    </a:lnTo>
                    <a:lnTo>
                      <a:pt x="213" y="227"/>
                    </a:lnTo>
                    <a:lnTo>
                      <a:pt x="204" y="233"/>
                    </a:lnTo>
                    <a:lnTo>
                      <a:pt x="195" y="238"/>
                    </a:lnTo>
                    <a:lnTo>
                      <a:pt x="184" y="243"/>
                    </a:lnTo>
                    <a:lnTo>
                      <a:pt x="177" y="242"/>
                    </a:lnTo>
                    <a:lnTo>
                      <a:pt x="164" y="238"/>
                    </a:lnTo>
                    <a:lnTo>
                      <a:pt x="157" y="236"/>
                    </a:lnTo>
                    <a:lnTo>
                      <a:pt x="149" y="234"/>
                    </a:lnTo>
                    <a:lnTo>
                      <a:pt x="142" y="234"/>
                    </a:lnTo>
                    <a:lnTo>
                      <a:pt x="136" y="234"/>
                    </a:lnTo>
                    <a:lnTo>
                      <a:pt x="128" y="235"/>
                    </a:lnTo>
                    <a:lnTo>
                      <a:pt x="121" y="237"/>
                    </a:lnTo>
                    <a:lnTo>
                      <a:pt x="114" y="239"/>
                    </a:lnTo>
                    <a:lnTo>
                      <a:pt x="106" y="243"/>
                    </a:lnTo>
                    <a:lnTo>
                      <a:pt x="92" y="250"/>
                    </a:lnTo>
                    <a:lnTo>
                      <a:pt x="77" y="259"/>
                    </a:lnTo>
                    <a:lnTo>
                      <a:pt x="64" y="267"/>
                    </a:lnTo>
                    <a:lnTo>
                      <a:pt x="53" y="275"/>
                    </a:lnTo>
                    <a:lnTo>
                      <a:pt x="44" y="280"/>
                    </a:lnTo>
                    <a:lnTo>
                      <a:pt x="38" y="282"/>
                    </a:lnTo>
                    <a:lnTo>
                      <a:pt x="36" y="281"/>
                    </a:lnTo>
                    <a:lnTo>
                      <a:pt x="34" y="280"/>
                    </a:lnTo>
                    <a:lnTo>
                      <a:pt x="32" y="277"/>
                    </a:lnTo>
                    <a:lnTo>
                      <a:pt x="28" y="274"/>
                    </a:lnTo>
                    <a:lnTo>
                      <a:pt x="23" y="267"/>
                    </a:lnTo>
                    <a:lnTo>
                      <a:pt x="18" y="260"/>
                    </a:lnTo>
                    <a:lnTo>
                      <a:pt x="15" y="257"/>
                    </a:lnTo>
                    <a:lnTo>
                      <a:pt x="13" y="254"/>
                    </a:lnTo>
                    <a:lnTo>
                      <a:pt x="9" y="253"/>
                    </a:lnTo>
                    <a:lnTo>
                      <a:pt x="7" y="251"/>
                    </a:lnTo>
                    <a:lnTo>
                      <a:pt x="5" y="251"/>
                    </a:lnTo>
                    <a:lnTo>
                      <a:pt x="3" y="254"/>
                    </a:lnTo>
                    <a:lnTo>
                      <a:pt x="1" y="257"/>
                    </a:lnTo>
                    <a:lnTo>
                      <a:pt x="0" y="262"/>
                    </a:lnTo>
                    <a:lnTo>
                      <a:pt x="9" y="277"/>
                    </a:lnTo>
                    <a:lnTo>
                      <a:pt x="20" y="289"/>
                    </a:lnTo>
                    <a:lnTo>
                      <a:pt x="32" y="302"/>
                    </a:lnTo>
                    <a:lnTo>
                      <a:pt x="44" y="315"/>
                    </a:lnTo>
                    <a:lnTo>
                      <a:pt x="58" y="325"/>
                    </a:lnTo>
                    <a:lnTo>
                      <a:pt x="72" y="337"/>
                    </a:lnTo>
                    <a:lnTo>
                      <a:pt x="86" y="347"/>
                    </a:lnTo>
                    <a:lnTo>
                      <a:pt x="101" y="357"/>
                    </a:lnTo>
                    <a:lnTo>
                      <a:pt x="132" y="377"/>
                    </a:lnTo>
                    <a:lnTo>
                      <a:pt x="162" y="397"/>
                    </a:lnTo>
                    <a:lnTo>
                      <a:pt x="191" y="417"/>
                    </a:lnTo>
                    <a:lnTo>
                      <a:pt x="218" y="438"/>
                    </a:lnTo>
                    <a:close/>
                  </a:path>
                </a:pathLst>
              </a:custGeom>
              <a:grpFill/>
              <a:ln w="9525">
                <a:solidFill>
                  <a:srgbClr val="006961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407" name="Aalborg"/>
              <p:cNvSpPr>
                <a:spLocks/>
              </p:cNvSpPr>
              <p:nvPr/>
            </p:nvSpPr>
            <p:spPr bwMode="auto">
              <a:xfrm>
                <a:off x="1539875" y="3095625"/>
                <a:ext cx="688975" cy="365125"/>
              </a:xfrm>
              <a:custGeom>
                <a:avLst/>
                <a:gdLst>
                  <a:gd name="T0" fmla="*/ 232 w 1300"/>
                  <a:gd name="T1" fmla="*/ 16 h 691"/>
                  <a:gd name="T2" fmla="*/ 217 w 1300"/>
                  <a:gd name="T3" fmla="*/ 30 h 691"/>
                  <a:gd name="T4" fmla="*/ 196 w 1300"/>
                  <a:gd name="T5" fmla="*/ 27 h 691"/>
                  <a:gd name="T6" fmla="*/ 164 w 1300"/>
                  <a:gd name="T7" fmla="*/ 29 h 691"/>
                  <a:gd name="T8" fmla="*/ 134 w 1300"/>
                  <a:gd name="T9" fmla="*/ 40 h 691"/>
                  <a:gd name="T10" fmla="*/ 123 w 1300"/>
                  <a:gd name="T11" fmla="*/ 71 h 691"/>
                  <a:gd name="T12" fmla="*/ 105 w 1300"/>
                  <a:gd name="T13" fmla="*/ 95 h 691"/>
                  <a:gd name="T14" fmla="*/ 87 w 1300"/>
                  <a:gd name="T15" fmla="*/ 105 h 691"/>
                  <a:gd name="T16" fmla="*/ 85 w 1300"/>
                  <a:gd name="T17" fmla="*/ 123 h 691"/>
                  <a:gd name="T18" fmla="*/ 76 w 1300"/>
                  <a:gd name="T19" fmla="*/ 128 h 691"/>
                  <a:gd name="T20" fmla="*/ 69 w 1300"/>
                  <a:gd name="T21" fmla="*/ 107 h 691"/>
                  <a:gd name="T22" fmla="*/ 79 w 1300"/>
                  <a:gd name="T23" fmla="*/ 109 h 691"/>
                  <a:gd name="T24" fmla="*/ 84 w 1300"/>
                  <a:gd name="T25" fmla="*/ 84 h 691"/>
                  <a:gd name="T26" fmla="*/ 75 w 1300"/>
                  <a:gd name="T27" fmla="*/ 70 h 691"/>
                  <a:gd name="T28" fmla="*/ 42 w 1300"/>
                  <a:gd name="T29" fmla="*/ 59 h 691"/>
                  <a:gd name="T30" fmla="*/ 6 w 1300"/>
                  <a:gd name="T31" fmla="*/ 58 h 691"/>
                  <a:gd name="T32" fmla="*/ 6 w 1300"/>
                  <a:gd name="T33" fmla="*/ 107 h 691"/>
                  <a:gd name="T34" fmla="*/ 17 w 1300"/>
                  <a:gd name="T35" fmla="*/ 135 h 691"/>
                  <a:gd name="T36" fmla="*/ 38 w 1300"/>
                  <a:gd name="T37" fmla="*/ 129 h 691"/>
                  <a:gd name="T38" fmla="*/ 54 w 1300"/>
                  <a:gd name="T39" fmla="*/ 130 h 691"/>
                  <a:gd name="T40" fmla="*/ 57 w 1300"/>
                  <a:gd name="T41" fmla="*/ 158 h 691"/>
                  <a:gd name="T42" fmla="*/ 60 w 1300"/>
                  <a:gd name="T43" fmla="*/ 172 h 691"/>
                  <a:gd name="T44" fmla="*/ 74 w 1300"/>
                  <a:gd name="T45" fmla="*/ 170 h 691"/>
                  <a:gd name="T46" fmla="*/ 84 w 1300"/>
                  <a:gd name="T47" fmla="*/ 163 h 691"/>
                  <a:gd name="T48" fmla="*/ 96 w 1300"/>
                  <a:gd name="T49" fmla="*/ 152 h 691"/>
                  <a:gd name="T50" fmla="*/ 117 w 1300"/>
                  <a:gd name="T51" fmla="*/ 137 h 691"/>
                  <a:gd name="T52" fmla="*/ 144 w 1300"/>
                  <a:gd name="T53" fmla="*/ 133 h 691"/>
                  <a:gd name="T54" fmla="*/ 148 w 1300"/>
                  <a:gd name="T55" fmla="*/ 125 h 691"/>
                  <a:gd name="T56" fmla="*/ 147 w 1300"/>
                  <a:gd name="T57" fmla="*/ 106 h 691"/>
                  <a:gd name="T58" fmla="*/ 158 w 1300"/>
                  <a:gd name="T59" fmla="*/ 95 h 691"/>
                  <a:gd name="T60" fmla="*/ 172 w 1300"/>
                  <a:gd name="T61" fmla="*/ 94 h 691"/>
                  <a:gd name="T62" fmla="*/ 198 w 1300"/>
                  <a:gd name="T63" fmla="*/ 106 h 691"/>
                  <a:gd name="T64" fmla="*/ 212 w 1300"/>
                  <a:gd name="T65" fmla="*/ 119 h 691"/>
                  <a:gd name="T66" fmla="*/ 213 w 1300"/>
                  <a:gd name="T67" fmla="*/ 133 h 691"/>
                  <a:gd name="T68" fmla="*/ 219 w 1300"/>
                  <a:gd name="T69" fmla="*/ 153 h 691"/>
                  <a:gd name="T70" fmla="*/ 244 w 1300"/>
                  <a:gd name="T71" fmla="*/ 162 h 691"/>
                  <a:gd name="T72" fmla="*/ 276 w 1300"/>
                  <a:gd name="T73" fmla="*/ 151 h 691"/>
                  <a:gd name="T74" fmla="*/ 316 w 1300"/>
                  <a:gd name="T75" fmla="*/ 144 h 691"/>
                  <a:gd name="T76" fmla="*/ 328 w 1300"/>
                  <a:gd name="T77" fmla="*/ 166 h 691"/>
                  <a:gd name="T78" fmla="*/ 372 w 1300"/>
                  <a:gd name="T79" fmla="*/ 186 h 691"/>
                  <a:gd name="T80" fmla="*/ 373 w 1300"/>
                  <a:gd name="T81" fmla="*/ 209 h 691"/>
                  <a:gd name="T82" fmla="*/ 385 w 1300"/>
                  <a:gd name="T83" fmla="*/ 226 h 691"/>
                  <a:gd name="T84" fmla="*/ 397 w 1300"/>
                  <a:gd name="T85" fmla="*/ 221 h 691"/>
                  <a:gd name="T86" fmla="*/ 389 w 1300"/>
                  <a:gd name="T87" fmla="*/ 210 h 691"/>
                  <a:gd name="T88" fmla="*/ 384 w 1300"/>
                  <a:gd name="T89" fmla="*/ 198 h 691"/>
                  <a:gd name="T90" fmla="*/ 399 w 1300"/>
                  <a:gd name="T91" fmla="*/ 186 h 691"/>
                  <a:gd name="T92" fmla="*/ 406 w 1300"/>
                  <a:gd name="T93" fmla="*/ 191 h 691"/>
                  <a:gd name="T94" fmla="*/ 420 w 1300"/>
                  <a:gd name="T95" fmla="*/ 184 h 691"/>
                  <a:gd name="T96" fmla="*/ 419 w 1300"/>
                  <a:gd name="T97" fmla="*/ 148 h 691"/>
                  <a:gd name="T98" fmla="*/ 432 w 1300"/>
                  <a:gd name="T99" fmla="*/ 94 h 691"/>
                  <a:gd name="T100" fmla="*/ 417 w 1300"/>
                  <a:gd name="T101" fmla="*/ 82 h 691"/>
                  <a:gd name="T102" fmla="*/ 385 w 1300"/>
                  <a:gd name="T103" fmla="*/ 78 h 691"/>
                  <a:gd name="T104" fmla="*/ 359 w 1300"/>
                  <a:gd name="T105" fmla="*/ 64 h 691"/>
                  <a:gd name="T106" fmla="*/ 313 w 1300"/>
                  <a:gd name="T107" fmla="*/ 16 h 691"/>
                  <a:gd name="T108" fmla="*/ 282 w 1300"/>
                  <a:gd name="T109" fmla="*/ 4 h 691"/>
                  <a:gd name="T110" fmla="*/ 265 w 1300"/>
                  <a:gd name="T111" fmla="*/ 23 h 691"/>
                  <a:gd name="T112" fmla="*/ 246 w 1300"/>
                  <a:gd name="T113" fmla="*/ 19 h 691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1300" h="691">
                    <a:moveTo>
                      <a:pt x="728" y="51"/>
                    </a:moveTo>
                    <a:lnTo>
                      <a:pt x="720" y="47"/>
                    </a:lnTo>
                    <a:lnTo>
                      <a:pt x="714" y="44"/>
                    </a:lnTo>
                    <a:lnTo>
                      <a:pt x="708" y="44"/>
                    </a:lnTo>
                    <a:lnTo>
                      <a:pt x="701" y="46"/>
                    </a:lnTo>
                    <a:lnTo>
                      <a:pt x="695" y="48"/>
                    </a:lnTo>
                    <a:lnTo>
                      <a:pt x="690" y="52"/>
                    </a:lnTo>
                    <a:lnTo>
                      <a:pt x="684" y="56"/>
                    </a:lnTo>
                    <a:lnTo>
                      <a:pt x="679" y="61"/>
                    </a:lnTo>
                    <a:lnTo>
                      <a:pt x="668" y="73"/>
                    </a:lnTo>
                    <a:lnTo>
                      <a:pt x="656" y="83"/>
                    </a:lnTo>
                    <a:lnTo>
                      <a:pt x="651" y="89"/>
                    </a:lnTo>
                    <a:lnTo>
                      <a:pt x="644" y="93"/>
                    </a:lnTo>
                    <a:lnTo>
                      <a:pt x="638" y="97"/>
                    </a:lnTo>
                    <a:lnTo>
                      <a:pt x="631" y="99"/>
                    </a:lnTo>
                    <a:lnTo>
                      <a:pt x="617" y="91"/>
                    </a:lnTo>
                    <a:lnTo>
                      <a:pt x="602" y="84"/>
                    </a:lnTo>
                    <a:lnTo>
                      <a:pt x="588" y="80"/>
                    </a:lnTo>
                    <a:lnTo>
                      <a:pt x="572" y="78"/>
                    </a:lnTo>
                    <a:lnTo>
                      <a:pt x="556" y="77"/>
                    </a:lnTo>
                    <a:lnTo>
                      <a:pt x="539" y="77"/>
                    </a:lnTo>
                    <a:lnTo>
                      <a:pt x="523" y="78"/>
                    </a:lnTo>
                    <a:lnTo>
                      <a:pt x="507" y="81"/>
                    </a:lnTo>
                    <a:lnTo>
                      <a:pt x="491" y="86"/>
                    </a:lnTo>
                    <a:lnTo>
                      <a:pt x="474" y="90"/>
                    </a:lnTo>
                    <a:lnTo>
                      <a:pt x="458" y="95"/>
                    </a:lnTo>
                    <a:lnTo>
                      <a:pt x="443" y="101"/>
                    </a:lnTo>
                    <a:lnTo>
                      <a:pt x="429" y="108"/>
                    </a:lnTo>
                    <a:lnTo>
                      <a:pt x="414" y="114"/>
                    </a:lnTo>
                    <a:lnTo>
                      <a:pt x="401" y="121"/>
                    </a:lnTo>
                    <a:lnTo>
                      <a:pt x="389" y="129"/>
                    </a:lnTo>
                    <a:lnTo>
                      <a:pt x="386" y="147"/>
                    </a:lnTo>
                    <a:lnTo>
                      <a:pt x="384" y="163"/>
                    </a:lnTo>
                    <a:lnTo>
                      <a:pt x="380" y="180"/>
                    </a:lnTo>
                    <a:lnTo>
                      <a:pt x="375" y="197"/>
                    </a:lnTo>
                    <a:lnTo>
                      <a:pt x="369" y="212"/>
                    </a:lnTo>
                    <a:lnTo>
                      <a:pt x="362" y="227"/>
                    </a:lnTo>
                    <a:lnTo>
                      <a:pt x="354" y="239"/>
                    </a:lnTo>
                    <a:lnTo>
                      <a:pt x="345" y="252"/>
                    </a:lnTo>
                    <a:lnTo>
                      <a:pt x="336" y="263"/>
                    </a:lnTo>
                    <a:lnTo>
                      <a:pt x="326" y="274"/>
                    </a:lnTo>
                    <a:lnTo>
                      <a:pt x="316" y="284"/>
                    </a:lnTo>
                    <a:lnTo>
                      <a:pt x="305" y="292"/>
                    </a:lnTo>
                    <a:lnTo>
                      <a:pt x="295" y="299"/>
                    </a:lnTo>
                    <a:lnTo>
                      <a:pt x="284" y="306"/>
                    </a:lnTo>
                    <a:lnTo>
                      <a:pt x="273" y="310"/>
                    </a:lnTo>
                    <a:lnTo>
                      <a:pt x="262" y="313"/>
                    </a:lnTo>
                    <a:lnTo>
                      <a:pt x="260" y="316"/>
                    </a:lnTo>
                    <a:lnTo>
                      <a:pt x="259" y="321"/>
                    </a:lnTo>
                    <a:lnTo>
                      <a:pt x="258" y="326"/>
                    </a:lnTo>
                    <a:lnTo>
                      <a:pt x="257" y="331"/>
                    </a:lnTo>
                    <a:lnTo>
                      <a:pt x="257" y="344"/>
                    </a:lnTo>
                    <a:lnTo>
                      <a:pt x="256" y="357"/>
                    </a:lnTo>
                    <a:lnTo>
                      <a:pt x="255" y="371"/>
                    </a:lnTo>
                    <a:lnTo>
                      <a:pt x="254" y="385"/>
                    </a:lnTo>
                    <a:lnTo>
                      <a:pt x="252" y="392"/>
                    </a:lnTo>
                    <a:lnTo>
                      <a:pt x="250" y="398"/>
                    </a:lnTo>
                    <a:lnTo>
                      <a:pt x="246" y="405"/>
                    </a:lnTo>
                    <a:lnTo>
                      <a:pt x="242" y="410"/>
                    </a:lnTo>
                    <a:lnTo>
                      <a:pt x="227" y="385"/>
                    </a:lnTo>
                    <a:lnTo>
                      <a:pt x="212" y="356"/>
                    </a:lnTo>
                    <a:lnTo>
                      <a:pt x="209" y="349"/>
                    </a:lnTo>
                    <a:lnTo>
                      <a:pt x="206" y="342"/>
                    </a:lnTo>
                    <a:lnTo>
                      <a:pt x="206" y="335"/>
                    </a:lnTo>
                    <a:lnTo>
                      <a:pt x="206" y="328"/>
                    </a:lnTo>
                    <a:lnTo>
                      <a:pt x="207" y="321"/>
                    </a:lnTo>
                    <a:lnTo>
                      <a:pt x="212" y="315"/>
                    </a:lnTo>
                    <a:lnTo>
                      <a:pt x="216" y="309"/>
                    </a:lnTo>
                    <a:lnTo>
                      <a:pt x="223" y="304"/>
                    </a:lnTo>
                    <a:lnTo>
                      <a:pt x="227" y="312"/>
                    </a:lnTo>
                    <a:lnTo>
                      <a:pt x="232" y="319"/>
                    </a:lnTo>
                    <a:lnTo>
                      <a:pt x="237" y="327"/>
                    </a:lnTo>
                    <a:lnTo>
                      <a:pt x="242" y="332"/>
                    </a:lnTo>
                    <a:lnTo>
                      <a:pt x="244" y="311"/>
                    </a:lnTo>
                    <a:lnTo>
                      <a:pt x="245" y="286"/>
                    </a:lnTo>
                    <a:lnTo>
                      <a:pt x="247" y="272"/>
                    </a:lnTo>
                    <a:lnTo>
                      <a:pt x="250" y="259"/>
                    </a:lnTo>
                    <a:lnTo>
                      <a:pt x="252" y="253"/>
                    </a:lnTo>
                    <a:lnTo>
                      <a:pt x="255" y="247"/>
                    </a:lnTo>
                    <a:lnTo>
                      <a:pt x="258" y="240"/>
                    </a:lnTo>
                    <a:lnTo>
                      <a:pt x="262" y="235"/>
                    </a:lnTo>
                    <a:lnTo>
                      <a:pt x="251" y="227"/>
                    </a:lnTo>
                    <a:lnTo>
                      <a:pt x="239" y="218"/>
                    </a:lnTo>
                    <a:lnTo>
                      <a:pt x="225" y="211"/>
                    </a:lnTo>
                    <a:lnTo>
                      <a:pt x="211" y="203"/>
                    </a:lnTo>
                    <a:lnTo>
                      <a:pt x="195" y="196"/>
                    </a:lnTo>
                    <a:lnTo>
                      <a:pt x="179" y="191"/>
                    </a:lnTo>
                    <a:lnTo>
                      <a:pt x="162" y="186"/>
                    </a:lnTo>
                    <a:lnTo>
                      <a:pt x="144" y="181"/>
                    </a:lnTo>
                    <a:lnTo>
                      <a:pt x="126" y="177"/>
                    </a:lnTo>
                    <a:lnTo>
                      <a:pt x="108" y="174"/>
                    </a:lnTo>
                    <a:lnTo>
                      <a:pt x="90" y="173"/>
                    </a:lnTo>
                    <a:lnTo>
                      <a:pt x="72" y="172"/>
                    </a:lnTo>
                    <a:lnTo>
                      <a:pt x="53" y="171"/>
                    </a:lnTo>
                    <a:lnTo>
                      <a:pt x="35" y="172"/>
                    </a:lnTo>
                    <a:lnTo>
                      <a:pt x="17" y="174"/>
                    </a:lnTo>
                    <a:lnTo>
                      <a:pt x="0" y="177"/>
                    </a:lnTo>
                    <a:lnTo>
                      <a:pt x="2" y="211"/>
                    </a:lnTo>
                    <a:lnTo>
                      <a:pt x="5" y="243"/>
                    </a:lnTo>
                    <a:lnTo>
                      <a:pt x="8" y="276"/>
                    </a:lnTo>
                    <a:lnTo>
                      <a:pt x="14" y="307"/>
                    </a:lnTo>
                    <a:lnTo>
                      <a:pt x="17" y="322"/>
                    </a:lnTo>
                    <a:lnTo>
                      <a:pt x="20" y="337"/>
                    </a:lnTo>
                    <a:lnTo>
                      <a:pt x="24" y="352"/>
                    </a:lnTo>
                    <a:lnTo>
                      <a:pt x="30" y="366"/>
                    </a:lnTo>
                    <a:lnTo>
                      <a:pt x="36" y="380"/>
                    </a:lnTo>
                    <a:lnTo>
                      <a:pt x="42" y="394"/>
                    </a:lnTo>
                    <a:lnTo>
                      <a:pt x="50" y="407"/>
                    </a:lnTo>
                    <a:lnTo>
                      <a:pt x="58" y="419"/>
                    </a:lnTo>
                    <a:lnTo>
                      <a:pt x="73" y="410"/>
                    </a:lnTo>
                    <a:lnTo>
                      <a:pt x="87" y="400"/>
                    </a:lnTo>
                    <a:lnTo>
                      <a:pt x="96" y="396"/>
                    </a:lnTo>
                    <a:lnTo>
                      <a:pt x="104" y="393"/>
                    </a:lnTo>
                    <a:lnTo>
                      <a:pt x="113" y="389"/>
                    </a:lnTo>
                    <a:lnTo>
                      <a:pt x="121" y="387"/>
                    </a:lnTo>
                    <a:lnTo>
                      <a:pt x="130" y="385"/>
                    </a:lnTo>
                    <a:lnTo>
                      <a:pt x="138" y="385"/>
                    </a:lnTo>
                    <a:lnTo>
                      <a:pt x="145" y="385"/>
                    </a:lnTo>
                    <a:lnTo>
                      <a:pt x="154" y="387"/>
                    </a:lnTo>
                    <a:lnTo>
                      <a:pt x="162" y="390"/>
                    </a:lnTo>
                    <a:lnTo>
                      <a:pt x="170" y="395"/>
                    </a:lnTo>
                    <a:lnTo>
                      <a:pt x="177" y="401"/>
                    </a:lnTo>
                    <a:lnTo>
                      <a:pt x="184" y="410"/>
                    </a:lnTo>
                    <a:lnTo>
                      <a:pt x="176" y="441"/>
                    </a:lnTo>
                    <a:lnTo>
                      <a:pt x="171" y="470"/>
                    </a:lnTo>
                    <a:lnTo>
                      <a:pt x="171" y="476"/>
                    </a:lnTo>
                    <a:lnTo>
                      <a:pt x="171" y="483"/>
                    </a:lnTo>
                    <a:lnTo>
                      <a:pt x="171" y="490"/>
                    </a:lnTo>
                    <a:lnTo>
                      <a:pt x="172" y="496"/>
                    </a:lnTo>
                    <a:lnTo>
                      <a:pt x="174" y="504"/>
                    </a:lnTo>
                    <a:lnTo>
                      <a:pt x="177" y="511"/>
                    </a:lnTo>
                    <a:lnTo>
                      <a:pt x="180" y="518"/>
                    </a:lnTo>
                    <a:lnTo>
                      <a:pt x="184" y="527"/>
                    </a:lnTo>
                    <a:lnTo>
                      <a:pt x="193" y="527"/>
                    </a:lnTo>
                    <a:lnTo>
                      <a:pt x="200" y="525"/>
                    </a:lnTo>
                    <a:lnTo>
                      <a:pt x="206" y="523"/>
                    </a:lnTo>
                    <a:lnTo>
                      <a:pt x="212" y="519"/>
                    </a:lnTo>
                    <a:lnTo>
                      <a:pt x="221" y="511"/>
                    </a:lnTo>
                    <a:lnTo>
                      <a:pt x="229" y="503"/>
                    </a:lnTo>
                    <a:lnTo>
                      <a:pt x="233" y="498"/>
                    </a:lnTo>
                    <a:lnTo>
                      <a:pt x="237" y="495"/>
                    </a:lnTo>
                    <a:lnTo>
                      <a:pt x="241" y="492"/>
                    </a:lnTo>
                    <a:lnTo>
                      <a:pt x="245" y="490"/>
                    </a:lnTo>
                    <a:lnTo>
                      <a:pt x="251" y="490"/>
                    </a:lnTo>
                    <a:lnTo>
                      <a:pt x="257" y="491"/>
                    </a:lnTo>
                    <a:lnTo>
                      <a:pt x="263" y="493"/>
                    </a:lnTo>
                    <a:lnTo>
                      <a:pt x="272" y="497"/>
                    </a:lnTo>
                    <a:lnTo>
                      <a:pt x="276" y="483"/>
                    </a:lnTo>
                    <a:lnTo>
                      <a:pt x="282" y="470"/>
                    </a:lnTo>
                    <a:lnTo>
                      <a:pt x="289" y="458"/>
                    </a:lnTo>
                    <a:lnTo>
                      <a:pt x="297" y="448"/>
                    </a:lnTo>
                    <a:lnTo>
                      <a:pt x="305" y="438"/>
                    </a:lnTo>
                    <a:lnTo>
                      <a:pt x="315" y="430"/>
                    </a:lnTo>
                    <a:lnTo>
                      <a:pt x="325" y="424"/>
                    </a:lnTo>
                    <a:lnTo>
                      <a:pt x="336" y="417"/>
                    </a:lnTo>
                    <a:lnTo>
                      <a:pt x="349" y="413"/>
                    </a:lnTo>
                    <a:lnTo>
                      <a:pt x="360" y="409"/>
                    </a:lnTo>
                    <a:lnTo>
                      <a:pt x="374" y="406"/>
                    </a:lnTo>
                    <a:lnTo>
                      <a:pt x="388" y="404"/>
                    </a:lnTo>
                    <a:lnTo>
                      <a:pt x="401" y="401"/>
                    </a:lnTo>
                    <a:lnTo>
                      <a:pt x="416" y="400"/>
                    </a:lnTo>
                    <a:lnTo>
                      <a:pt x="431" y="400"/>
                    </a:lnTo>
                    <a:lnTo>
                      <a:pt x="447" y="400"/>
                    </a:lnTo>
                    <a:lnTo>
                      <a:pt x="445" y="398"/>
                    </a:lnTo>
                    <a:lnTo>
                      <a:pt x="444" y="396"/>
                    </a:lnTo>
                    <a:lnTo>
                      <a:pt x="443" y="392"/>
                    </a:lnTo>
                    <a:lnTo>
                      <a:pt x="443" y="388"/>
                    </a:lnTo>
                    <a:lnTo>
                      <a:pt x="444" y="376"/>
                    </a:lnTo>
                    <a:lnTo>
                      <a:pt x="445" y="362"/>
                    </a:lnTo>
                    <a:lnTo>
                      <a:pt x="445" y="349"/>
                    </a:lnTo>
                    <a:lnTo>
                      <a:pt x="444" y="335"/>
                    </a:lnTo>
                    <a:lnTo>
                      <a:pt x="443" y="329"/>
                    </a:lnTo>
                    <a:lnTo>
                      <a:pt x="442" y="322"/>
                    </a:lnTo>
                    <a:lnTo>
                      <a:pt x="440" y="317"/>
                    </a:lnTo>
                    <a:lnTo>
                      <a:pt x="437" y="313"/>
                    </a:lnTo>
                    <a:lnTo>
                      <a:pt x="445" y="308"/>
                    </a:lnTo>
                    <a:lnTo>
                      <a:pt x="453" y="302"/>
                    </a:lnTo>
                    <a:lnTo>
                      <a:pt x="459" y="296"/>
                    </a:lnTo>
                    <a:lnTo>
                      <a:pt x="467" y="290"/>
                    </a:lnTo>
                    <a:lnTo>
                      <a:pt x="474" y="284"/>
                    </a:lnTo>
                    <a:lnTo>
                      <a:pt x="482" y="278"/>
                    </a:lnTo>
                    <a:lnTo>
                      <a:pt x="488" y="277"/>
                    </a:lnTo>
                    <a:lnTo>
                      <a:pt x="493" y="275"/>
                    </a:lnTo>
                    <a:lnTo>
                      <a:pt x="498" y="274"/>
                    </a:lnTo>
                    <a:lnTo>
                      <a:pt x="504" y="274"/>
                    </a:lnTo>
                    <a:lnTo>
                      <a:pt x="516" y="281"/>
                    </a:lnTo>
                    <a:lnTo>
                      <a:pt x="528" y="288"/>
                    </a:lnTo>
                    <a:lnTo>
                      <a:pt x="540" y="294"/>
                    </a:lnTo>
                    <a:lnTo>
                      <a:pt x="554" y="299"/>
                    </a:lnTo>
                    <a:lnTo>
                      <a:pt x="567" y="306"/>
                    </a:lnTo>
                    <a:lnTo>
                      <a:pt x="580" y="312"/>
                    </a:lnTo>
                    <a:lnTo>
                      <a:pt x="593" y="319"/>
                    </a:lnTo>
                    <a:lnTo>
                      <a:pt x="604" y="327"/>
                    </a:lnTo>
                    <a:lnTo>
                      <a:pt x="615" y="334"/>
                    </a:lnTo>
                    <a:lnTo>
                      <a:pt x="624" y="344"/>
                    </a:lnTo>
                    <a:lnTo>
                      <a:pt x="629" y="349"/>
                    </a:lnTo>
                    <a:lnTo>
                      <a:pt x="632" y="354"/>
                    </a:lnTo>
                    <a:lnTo>
                      <a:pt x="635" y="359"/>
                    </a:lnTo>
                    <a:lnTo>
                      <a:pt x="637" y="366"/>
                    </a:lnTo>
                    <a:lnTo>
                      <a:pt x="639" y="372"/>
                    </a:lnTo>
                    <a:lnTo>
                      <a:pt x="640" y="378"/>
                    </a:lnTo>
                    <a:lnTo>
                      <a:pt x="640" y="386"/>
                    </a:lnTo>
                    <a:lnTo>
                      <a:pt x="640" y="394"/>
                    </a:lnTo>
                    <a:lnTo>
                      <a:pt x="639" y="401"/>
                    </a:lnTo>
                    <a:lnTo>
                      <a:pt x="637" y="411"/>
                    </a:lnTo>
                    <a:lnTo>
                      <a:pt x="635" y="419"/>
                    </a:lnTo>
                    <a:lnTo>
                      <a:pt x="631" y="430"/>
                    </a:lnTo>
                    <a:lnTo>
                      <a:pt x="639" y="440"/>
                    </a:lnTo>
                    <a:lnTo>
                      <a:pt x="648" y="451"/>
                    </a:lnTo>
                    <a:lnTo>
                      <a:pt x="657" y="461"/>
                    </a:lnTo>
                    <a:lnTo>
                      <a:pt x="668" y="471"/>
                    </a:lnTo>
                    <a:lnTo>
                      <a:pt x="678" y="479"/>
                    </a:lnTo>
                    <a:lnTo>
                      <a:pt x="691" y="486"/>
                    </a:lnTo>
                    <a:lnTo>
                      <a:pt x="703" y="492"/>
                    </a:lnTo>
                    <a:lnTo>
                      <a:pt x="718" y="497"/>
                    </a:lnTo>
                    <a:lnTo>
                      <a:pt x="732" y="488"/>
                    </a:lnTo>
                    <a:lnTo>
                      <a:pt x="747" y="480"/>
                    </a:lnTo>
                    <a:lnTo>
                      <a:pt x="761" y="473"/>
                    </a:lnTo>
                    <a:lnTo>
                      <a:pt x="777" y="468"/>
                    </a:lnTo>
                    <a:lnTo>
                      <a:pt x="793" y="463"/>
                    </a:lnTo>
                    <a:lnTo>
                      <a:pt x="809" y="459"/>
                    </a:lnTo>
                    <a:lnTo>
                      <a:pt x="826" y="455"/>
                    </a:lnTo>
                    <a:lnTo>
                      <a:pt x="841" y="453"/>
                    </a:lnTo>
                    <a:lnTo>
                      <a:pt x="874" y="448"/>
                    </a:lnTo>
                    <a:lnTo>
                      <a:pt x="906" y="444"/>
                    </a:lnTo>
                    <a:lnTo>
                      <a:pt x="920" y="440"/>
                    </a:lnTo>
                    <a:lnTo>
                      <a:pt x="934" y="437"/>
                    </a:lnTo>
                    <a:lnTo>
                      <a:pt x="948" y="434"/>
                    </a:lnTo>
                    <a:lnTo>
                      <a:pt x="960" y="430"/>
                    </a:lnTo>
                    <a:lnTo>
                      <a:pt x="962" y="448"/>
                    </a:lnTo>
                    <a:lnTo>
                      <a:pt x="966" y="465"/>
                    </a:lnTo>
                    <a:lnTo>
                      <a:pt x="970" y="478"/>
                    </a:lnTo>
                    <a:lnTo>
                      <a:pt x="976" y="489"/>
                    </a:lnTo>
                    <a:lnTo>
                      <a:pt x="982" y="498"/>
                    </a:lnTo>
                    <a:lnTo>
                      <a:pt x="991" y="507"/>
                    </a:lnTo>
                    <a:lnTo>
                      <a:pt x="1000" y="513"/>
                    </a:lnTo>
                    <a:lnTo>
                      <a:pt x="1010" y="517"/>
                    </a:lnTo>
                    <a:lnTo>
                      <a:pt x="1059" y="531"/>
                    </a:lnTo>
                    <a:lnTo>
                      <a:pt x="1116" y="546"/>
                    </a:lnTo>
                    <a:lnTo>
                      <a:pt x="1113" y="558"/>
                    </a:lnTo>
                    <a:lnTo>
                      <a:pt x="1112" y="571"/>
                    </a:lnTo>
                    <a:lnTo>
                      <a:pt x="1111" y="584"/>
                    </a:lnTo>
                    <a:lnTo>
                      <a:pt x="1111" y="595"/>
                    </a:lnTo>
                    <a:lnTo>
                      <a:pt x="1112" y="607"/>
                    </a:lnTo>
                    <a:lnTo>
                      <a:pt x="1114" y="618"/>
                    </a:lnTo>
                    <a:lnTo>
                      <a:pt x="1116" y="629"/>
                    </a:lnTo>
                    <a:lnTo>
                      <a:pt x="1120" y="638"/>
                    </a:lnTo>
                    <a:lnTo>
                      <a:pt x="1125" y="648"/>
                    </a:lnTo>
                    <a:lnTo>
                      <a:pt x="1131" y="657"/>
                    </a:lnTo>
                    <a:lnTo>
                      <a:pt x="1137" y="665"/>
                    </a:lnTo>
                    <a:lnTo>
                      <a:pt x="1145" y="672"/>
                    </a:lnTo>
                    <a:lnTo>
                      <a:pt x="1153" y="678"/>
                    </a:lnTo>
                    <a:lnTo>
                      <a:pt x="1163" y="684"/>
                    </a:lnTo>
                    <a:lnTo>
                      <a:pt x="1173" y="688"/>
                    </a:lnTo>
                    <a:lnTo>
                      <a:pt x="1184" y="691"/>
                    </a:lnTo>
                    <a:lnTo>
                      <a:pt x="1187" y="680"/>
                    </a:lnTo>
                    <a:lnTo>
                      <a:pt x="1189" y="671"/>
                    </a:lnTo>
                    <a:lnTo>
                      <a:pt x="1189" y="664"/>
                    </a:lnTo>
                    <a:lnTo>
                      <a:pt x="1188" y="656"/>
                    </a:lnTo>
                    <a:lnTo>
                      <a:pt x="1185" y="651"/>
                    </a:lnTo>
                    <a:lnTo>
                      <a:pt x="1181" y="647"/>
                    </a:lnTo>
                    <a:lnTo>
                      <a:pt x="1178" y="643"/>
                    </a:lnTo>
                    <a:lnTo>
                      <a:pt x="1174" y="638"/>
                    </a:lnTo>
                    <a:lnTo>
                      <a:pt x="1165" y="632"/>
                    </a:lnTo>
                    <a:lnTo>
                      <a:pt x="1155" y="626"/>
                    </a:lnTo>
                    <a:lnTo>
                      <a:pt x="1152" y="622"/>
                    </a:lnTo>
                    <a:lnTo>
                      <a:pt x="1149" y="616"/>
                    </a:lnTo>
                    <a:lnTo>
                      <a:pt x="1147" y="611"/>
                    </a:lnTo>
                    <a:lnTo>
                      <a:pt x="1146" y="604"/>
                    </a:lnTo>
                    <a:lnTo>
                      <a:pt x="1150" y="595"/>
                    </a:lnTo>
                    <a:lnTo>
                      <a:pt x="1156" y="588"/>
                    </a:lnTo>
                    <a:lnTo>
                      <a:pt x="1163" y="582"/>
                    </a:lnTo>
                    <a:lnTo>
                      <a:pt x="1169" y="575"/>
                    </a:lnTo>
                    <a:lnTo>
                      <a:pt x="1177" y="569"/>
                    </a:lnTo>
                    <a:lnTo>
                      <a:pt x="1186" y="565"/>
                    </a:lnTo>
                    <a:lnTo>
                      <a:pt x="1194" y="559"/>
                    </a:lnTo>
                    <a:lnTo>
                      <a:pt x="1204" y="555"/>
                    </a:lnTo>
                    <a:lnTo>
                      <a:pt x="1205" y="561"/>
                    </a:lnTo>
                    <a:lnTo>
                      <a:pt x="1207" y="566"/>
                    </a:lnTo>
                    <a:lnTo>
                      <a:pt x="1209" y="569"/>
                    </a:lnTo>
                    <a:lnTo>
                      <a:pt x="1212" y="571"/>
                    </a:lnTo>
                    <a:lnTo>
                      <a:pt x="1215" y="573"/>
                    </a:lnTo>
                    <a:lnTo>
                      <a:pt x="1218" y="574"/>
                    </a:lnTo>
                    <a:lnTo>
                      <a:pt x="1223" y="574"/>
                    </a:lnTo>
                    <a:lnTo>
                      <a:pt x="1227" y="574"/>
                    </a:lnTo>
                    <a:lnTo>
                      <a:pt x="1245" y="570"/>
                    </a:lnTo>
                    <a:lnTo>
                      <a:pt x="1262" y="566"/>
                    </a:lnTo>
                    <a:lnTo>
                      <a:pt x="1258" y="553"/>
                    </a:lnTo>
                    <a:lnTo>
                      <a:pt x="1256" y="540"/>
                    </a:lnTo>
                    <a:lnTo>
                      <a:pt x="1254" y="528"/>
                    </a:lnTo>
                    <a:lnTo>
                      <a:pt x="1253" y="515"/>
                    </a:lnTo>
                    <a:lnTo>
                      <a:pt x="1252" y="491"/>
                    </a:lnTo>
                    <a:lnTo>
                      <a:pt x="1252" y="467"/>
                    </a:lnTo>
                    <a:lnTo>
                      <a:pt x="1254" y="444"/>
                    </a:lnTo>
                    <a:lnTo>
                      <a:pt x="1257" y="421"/>
                    </a:lnTo>
                    <a:lnTo>
                      <a:pt x="1262" y="399"/>
                    </a:lnTo>
                    <a:lnTo>
                      <a:pt x="1267" y="378"/>
                    </a:lnTo>
                    <a:lnTo>
                      <a:pt x="1277" y="337"/>
                    </a:lnTo>
                    <a:lnTo>
                      <a:pt x="1288" y="299"/>
                    </a:lnTo>
                    <a:lnTo>
                      <a:pt x="1293" y="282"/>
                    </a:lnTo>
                    <a:lnTo>
                      <a:pt x="1296" y="266"/>
                    </a:lnTo>
                    <a:lnTo>
                      <a:pt x="1299" y="250"/>
                    </a:lnTo>
                    <a:lnTo>
                      <a:pt x="1300" y="235"/>
                    </a:lnTo>
                    <a:lnTo>
                      <a:pt x="1283" y="240"/>
                    </a:lnTo>
                    <a:lnTo>
                      <a:pt x="1265" y="243"/>
                    </a:lnTo>
                    <a:lnTo>
                      <a:pt x="1248" y="246"/>
                    </a:lnTo>
                    <a:lnTo>
                      <a:pt x="1231" y="246"/>
                    </a:lnTo>
                    <a:lnTo>
                      <a:pt x="1215" y="246"/>
                    </a:lnTo>
                    <a:lnTo>
                      <a:pt x="1199" y="245"/>
                    </a:lnTo>
                    <a:lnTo>
                      <a:pt x="1184" y="241"/>
                    </a:lnTo>
                    <a:lnTo>
                      <a:pt x="1169" y="238"/>
                    </a:lnTo>
                    <a:lnTo>
                      <a:pt x="1154" y="234"/>
                    </a:lnTo>
                    <a:lnTo>
                      <a:pt x="1140" y="229"/>
                    </a:lnTo>
                    <a:lnTo>
                      <a:pt x="1127" y="222"/>
                    </a:lnTo>
                    <a:lnTo>
                      <a:pt x="1113" y="215"/>
                    </a:lnTo>
                    <a:lnTo>
                      <a:pt x="1100" y="208"/>
                    </a:lnTo>
                    <a:lnTo>
                      <a:pt x="1087" y="199"/>
                    </a:lnTo>
                    <a:lnTo>
                      <a:pt x="1075" y="191"/>
                    </a:lnTo>
                    <a:lnTo>
                      <a:pt x="1063" y="181"/>
                    </a:lnTo>
                    <a:lnTo>
                      <a:pt x="1039" y="161"/>
                    </a:lnTo>
                    <a:lnTo>
                      <a:pt x="1017" y="140"/>
                    </a:lnTo>
                    <a:lnTo>
                      <a:pt x="996" y="117"/>
                    </a:lnTo>
                    <a:lnTo>
                      <a:pt x="975" y="94"/>
                    </a:lnTo>
                    <a:lnTo>
                      <a:pt x="937" y="47"/>
                    </a:lnTo>
                    <a:lnTo>
                      <a:pt x="902" y="2"/>
                    </a:lnTo>
                    <a:lnTo>
                      <a:pt x="888" y="0"/>
                    </a:lnTo>
                    <a:lnTo>
                      <a:pt x="874" y="0"/>
                    </a:lnTo>
                    <a:lnTo>
                      <a:pt x="862" y="2"/>
                    </a:lnTo>
                    <a:lnTo>
                      <a:pt x="853" y="7"/>
                    </a:lnTo>
                    <a:lnTo>
                      <a:pt x="845" y="11"/>
                    </a:lnTo>
                    <a:lnTo>
                      <a:pt x="837" y="17"/>
                    </a:lnTo>
                    <a:lnTo>
                      <a:pt x="831" y="24"/>
                    </a:lnTo>
                    <a:lnTo>
                      <a:pt x="825" y="32"/>
                    </a:lnTo>
                    <a:lnTo>
                      <a:pt x="814" y="47"/>
                    </a:lnTo>
                    <a:lnTo>
                      <a:pt x="801" y="61"/>
                    </a:lnTo>
                    <a:lnTo>
                      <a:pt x="795" y="68"/>
                    </a:lnTo>
                    <a:lnTo>
                      <a:pt x="787" y="73"/>
                    </a:lnTo>
                    <a:lnTo>
                      <a:pt x="777" y="77"/>
                    </a:lnTo>
                    <a:lnTo>
                      <a:pt x="767" y="80"/>
                    </a:lnTo>
                    <a:lnTo>
                      <a:pt x="756" y="74"/>
                    </a:lnTo>
                    <a:lnTo>
                      <a:pt x="747" y="67"/>
                    </a:lnTo>
                    <a:lnTo>
                      <a:pt x="737" y="58"/>
                    </a:lnTo>
                    <a:lnTo>
                      <a:pt x="728" y="51"/>
                    </a:lnTo>
                    <a:close/>
                  </a:path>
                </a:pathLst>
              </a:custGeom>
              <a:grpFill/>
              <a:ln>
                <a:solidFill>
                  <a:srgbClr val="006961"/>
                </a:solidFill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408" name="Aalborg kant"/>
              <p:cNvSpPr>
                <a:spLocks/>
              </p:cNvSpPr>
              <p:nvPr/>
            </p:nvSpPr>
            <p:spPr bwMode="auto">
              <a:xfrm>
                <a:off x="1539875" y="3095625"/>
                <a:ext cx="688975" cy="365125"/>
              </a:xfrm>
              <a:custGeom>
                <a:avLst/>
                <a:gdLst>
                  <a:gd name="T0" fmla="*/ 232 w 1300"/>
                  <a:gd name="T1" fmla="*/ 16 h 691"/>
                  <a:gd name="T2" fmla="*/ 217 w 1300"/>
                  <a:gd name="T3" fmla="*/ 30 h 691"/>
                  <a:gd name="T4" fmla="*/ 196 w 1300"/>
                  <a:gd name="T5" fmla="*/ 27 h 691"/>
                  <a:gd name="T6" fmla="*/ 164 w 1300"/>
                  <a:gd name="T7" fmla="*/ 29 h 691"/>
                  <a:gd name="T8" fmla="*/ 134 w 1300"/>
                  <a:gd name="T9" fmla="*/ 40 h 691"/>
                  <a:gd name="T10" fmla="*/ 123 w 1300"/>
                  <a:gd name="T11" fmla="*/ 71 h 691"/>
                  <a:gd name="T12" fmla="*/ 105 w 1300"/>
                  <a:gd name="T13" fmla="*/ 95 h 691"/>
                  <a:gd name="T14" fmla="*/ 87 w 1300"/>
                  <a:gd name="T15" fmla="*/ 105 h 691"/>
                  <a:gd name="T16" fmla="*/ 85 w 1300"/>
                  <a:gd name="T17" fmla="*/ 123 h 691"/>
                  <a:gd name="T18" fmla="*/ 76 w 1300"/>
                  <a:gd name="T19" fmla="*/ 128 h 691"/>
                  <a:gd name="T20" fmla="*/ 69 w 1300"/>
                  <a:gd name="T21" fmla="*/ 107 h 691"/>
                  <a:gd name="T22" fmla="*/ 79 w 1300"/>
                  <a:gd name="T23" fmla="*/ 109 h 691"/>
                  <a:gd name="T24" fmla="*/ 84 w 1300"/>
                  <a:gd name="T25" fmla="*/ 84 h 691"/>
                  <a:gd name="T26" fmla="*/ 75 w 1300"/>
                  <a:gd name="T27" fmla="*/ 70 h 691"/>
                  <a:gd name="T28" fmla="*/ 42 w 1300"/>
                  <a:gd name="T29" fmla="*/ 59 h 691"/>
                  <a:gd name="T30" fmla="*/ 6 w 1300"/>
                  <a:gd name="T31" fmla="*/ 58 h 691"/>
                  <a:gd name="T32" fmla="*/ 6 w 1300"/>
                  <a:gd name="T33" fmla="*/ 107 h 691"/>
                  <a:gd name="T34" fmla="*/ 17 w 1300"/>
                  <a:gd name="T35" fmla="*/ 135 h 691"/>
                  <a:gd name="T36" fmla="*/ 38 w 1300"/>
                  <a:gd name="T37" fmla="*/ 129 h 691"/>
                  <a:gd name="T38" fmla="*/ 54 w 1300"/>
                  <a:gd name="T39" fmla="*/ 130 h 691"/>
                  <a:gd name="T40" fmla="*/ 57 w 1300"/>
                  <a:gd name="T41" fmla="*/ 158 h 691"/>
                  <a:gd name="T42" fmla="*/ 60 w 1300"/>
                  <a:gd name="T43" fmla="*/ 172 h 691"/>
                  <a:gd name="T44" fmla="*/ 74 w 1300"/>
                  <a:gd name="T45" fmla="*/ 170 h 691"/>
                  <a:gd name="T46" fmla="*/ 84 w 1300"/>
                  <a:gd name="T47" fmla="*/ 163 h 691"/>
                  <a:gd name="T48" fmla="*/ 96 w 1300"/>
                  <a:gd name="T49" fmla="*/ 152 h 691"/>
                  <a:gd name="T50" fmla="*/ 117 w 1300"/>
                  <a:gd name="T51" fmla="*/ 137 h 691"/>
                  <a:gd name="T52" fmla="*/ 144 w 1300"/>
                  <a:gd name="T53" fmla="*/ 133 h 691"/>
                  <a:gd name="T54" fmla="*/ 148 w 1300"/>
                  <a:gd name="T55" fmla="*/ 125 h 691"/>
                  <a:gd name="T56" fmla="*/ 147 w 1300"/>
                  <a:gd name="T57" fmla="*/ 106 h 691"/>
                  <a:gd name="T58" fmla="*/ 158 w 1300"/>
                  <a:gd name="T59" fmla="*/ 95 h 691"/>
                  <a:gd name="T60" fmla="*/ 172 w 1300"/>
                  <a:gd name="T61" fmla="*/ 94 h 691"/>
                  <a:gd name="T62" fmla="*/ 198 w 1300"/>
                  <a:gd name="T63" fmla="*/ 106 h 691"/>
                  <a:gd name="T64" fmla="*/ 212 w 1300"/>
                  <a:gd name="T65" fmla="*/ 119 h 691"/>
                  <a:gd name="T66" fmla="*/ 213 w 1300"/>
                  <a:gd name="T67" fmla="*/ 133 h 691"/>
                  <a:gd name="T68" fmla="*/ 219 w 1300"/>
                  <a:gd name="T69" fmla="*/ 153 h 691"/>
                  <a:gd name="T70" fmla="*/ 244 w 1300"/>
                  <a:gd name="T71" fmla="*/ 162 h 691"/>
                  <a:gd name="T72" fmla="*/ 276 w 1300"/>
                  <a:gd name="T73" fmla="*/ 151 h 691"/>
                  <a:gd name="T74" fmla="*/ 316 w 1300"/>
                  <a:gd name="T75" fmla="*/ 144 h 691"/>
                  <a:gd name="T76" fmla="*/ 328 w 1300"/>
                  <a:gd name="T77" fmla="*/ 166 h 691"/>
                  <a:gd name="T78" fmla="*/ 372 w 1300"/>
                  <a:gd name="T79" fmla="*/ 186 h 691"/>
                  <a:gd name="T80" fmla="*/ 373 w 1300"/>
                  <a:gd name="T81" fmla="*/ 209 h 691"/>
                  <a:gd name="T82" fmla="*/ 385 w 1300"/>
                  <a:gd name="T83" fmla="*/ 226 h 691"/>
                  <a:gd name="T84" fmla="*/ 397 w 1300"/>
                  <a:gd name="T85" fmla="*/ 221 h 691"/>
                  <a:gd name="T86" fmla="*/ 389 w 1300"/>
                  <a:gd name="T87" fmla="*/ 210 h 691"/>
                  <a:gd name="T88" fmla="*/ 384 w 1300"/>
                  <a:gd name="T89" fmla="*/ 198 h 691"/>
                  <a:gd name="T90" fmla="*/ 399 w 1300"/>
                  <a:gd name="T91" fmla="*/ 186 h 691"/>
                  <a:gd name="T92" fmla="*/ 406 w 1300"/>
                  <a:gd name="T93" fmla="*/ 191 h 691"/>
                  <a:gd name="T94" fmla="*/ 420 w 1300"/>
                  <a:gd name="T95" fmla="*/ 184 h 691"/>
                  <a:gd name="T96" fmla="*/ 419 w 1300"/>
                  <a:gd name="T97" fmla="*/ 148 h 691"/>
                  <a:gd name="T98" fmla="*/ 432 w 1300"/>
                  <a:gd name="T99" fmla="*/ 94 h 691"/>
                  <a:gd name="T100" fmla="*/ 417 w 1300"/>
                  <a:gd name="T101" fmla="*/ 82 h 691"/>
                  <a:gd name="T102" fmla="*/ 385 w 1300"/>
                  <a:gd name="T103" fmla="*/ 78 h 691"/>
                  <a:gd name="T104" fmla="*/ 359 w 1300"/>
                  <a:gd name="T105" fmla="*/ 64 h 691"/>
                  <a:gd name="T106" fmla="*/ 313 w 1300"/>
                  <a:gd name="T107" fmla="*/ 16 h 691"/>
                  <a:gd name="T108" fmla="*/ 282 w 1300"/>
                  <a:gd name="T109" fmla="*/ 4 h 691"/>
                  <a:gd name="T110" fmla="*/ 265 w 1300"/>
                  <a:gd name="T111" fmla="*/ 23 h 691"/>
                  <a:gd name="T112" fmla="*/ 246 w 1300"/>
                  <a:gd name="T113" fmla="*/ 19 h 691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1300" h="691">
                    <a:moveTo>
                      <a:pt x="728" y="51"/>
                    </a:moveTo>
                    <a:lnTo>
                      <a:pt x="720" y="47"/>
                    </a:lnTo>
                    <a:lnTo>
                      <a:pt x="714" y="44"/>
                    </a:lnTo>
                    <a:lnTo>
                      <a:pt x="708" y="44"/>
                    </a:lnTo>
                    <a:lnTo>
                      <a:pt x="701" y="46"/>
                    </a:lnTo>
                    <a:lnTo>
                      <a:pt x="695" y="48"/>
                    </a:lnTo>
                    <a:lnTo>
                      <a:pt x="690" y="52"/>
                    </a:lnTo>
                    <a:lnTo>
                      <a:pt x="684" y="56"/>
                    </a:lnTo>
                    <a:lnTo>
                      <a:pt x="679" y="61"/>
                    </a:lnTo>
                    <a:lnTo>
                      <a:pt x="668" y="73"/>
                    </a:lnTo>
                    <a:lnTo>
                      <a:pt x="656" y="83"/>
                    </a:lnTo>
                    <a:lnTo>
                      <a:pt x="651" y="89"/>
                    </a:lnTo>
                    <a:lnTo>
                      <a:pt x="644" y="93"/>
                    </a:lnTo>
                    <a:lnTo>
                      <a:pt x="638" y="97"/>
                    </a:lnTo>
                    <a:lnTo>
                      <a:pt x="631" y="99"/>
                    </a:lnTo>
                    <a:lnTo>
                      <a:pt x="617" y="91"/>
                    </a:lnTo>
                    <a:lnTo>
                      <a:pt x="602" y="84"/>
                    </a:lnTo>
                    <a:lnTo>
                      <a:pt x="588" y="80"/>
                    </a:lnTo>
                    <a:lnTo>
                      <a:pt x="572" y="78"/>
                    </a:lnTo>
                    <a:lnTo>
                      <a:pt x="556" y="77"/>
                    </a:lnTo>
                    <a:lnTo>
                      <a:pt x="539" y="77"/>
                    </a:lnTo>
                    <a:lnTo>
                      <a:pt x="523" y="78"/>
                    </a:lnTo>
                    <a:lnTo>
                      <a:pt x="507" y="81"/>
                    </a:lnTo>
                    <a:lnTo>
                      <a:pt x="491" y="86"/>
                    </a:lnTo>
                    <a:lnTo>
                      <a:pt x="474" y="90"/>
                    </a:lnTo>
                    <a:lnTo>
                      <a:pt x="458" y="95"/>
                    </a:lnTo>
                    <a:lnTo>
                      <a:pt x="443" y="101"/>
                    </a:lnTo>
                    <a:lnTo>
                      <a:pt x="429" y="108"/>
                    </a:lnTo>
                    <a:lnTo>
                      <a:pt x="414" y="114"/>
                    </a:lnTo>
                    <a:lnTo>
                      <a:pt x="401" y="121"/>
                    </a:lnTo>
                    <a:lnTo>
                      <a:pt x="389" y="129"/>
                    </a:lnTo>
                    <a:lnTo>
                      <a:pt x="386" y="147"/>
                    </a:lnTo>
                    <a:lnTo>
                      <a:pt x="384" y="163"/>
                    </a:lnTo>
                    <a:lnTo>
                      <a:pt x="380" y="180"/>
                    </a:lnTo>
                    <a:lnTo>
                      <a:pt x="375" y="197"/>
                    </a:lnTo>
                    <a:lnTo>
                      <a:pt x="369" y="212"/>
                    </a:lnTo>
                    <a:lnTo>
                      <a:pt x="362" y="227"/>
                    </a:lnTo>
                    <a:lnTo>
                      <a:pt x="354" y="239"/>
                    </a:lnTo>
                    <a:lnTo>
                      <a:pt x="345" y="252"/>
                    </a:lnTo>
                    <a:lnTo>
                      <a:pt x="336" y="263"/>
                    </a:lnTo>
                    <a:lnTo>
                      <a:pt x="326" y="274"/>
                    </a:lnTo>
                    <a:lnTo>
                      <a:pt x="316" y="284"/>
                    </a:lnTo>
                    <a:lnTo>
                      <a:pt x="305" y="292"/>
                    </a:lnTo>
                    <a:lnTo>
                      <a:pt x="295" y="299"/>
                    </a:lnTo>
                    <a:lnTo>
                      <a:pt x="284" y="306"/>
                    </a:lnTo>
                    <a:lnTo>
                      <a:pt x="273" y="310"/>
                    </a:lnTo>
                    <a:lnTo>
                      <a:pt x="262" y="313"/>
                    </a:lnTo>
                    <a:lnTo>
                      <a:pt x="260" y="316"/>
                    </a:lnTo>
                    <a:lnTo>
                      <a:pt x="259" y="321"/>
                    </a:lnTo>
                    <a:lnTo>
                      <a:pt x="258" y="326"/>
                    </a:lnTo>
                    <a:lnTo>
                      <a:pt x="257" y="331"/>
                    </a:lnTo>
                    <a:lnTo>
                      <a:pt x="257" y="344"/>
                    </a:lnTo>
                    <a:lnTo>
                      <a:pt x="256" y="357"/>
                    </a:lnTo>
                    <a:lnTo>
                      <a:pt x="255" y="371"/>
                    </a:lnTo>
                    <a:lnTo>
                      <a:pt x="254" y="385"/>
                    </a:lnTo>
                    <a:lnTo>
                      <a:pt x="252" y="392"/>
                    </a:lnTo>
                    <a:lnTo>
                      <a:pt x="250" y="398"/>
                    </a:lnTo>
                    <a:lnTo>
                      <a:pt x="246" y="405"/>
                    </a:lnTo>
                    <a:lnTo>
                      <a:pt x="242" y="410"/>
                    </a:lnTo>
                    <a:lnTo>
                      <a:pt x="227" y="385"/>
                    </a:lnTo>
                    <a:lnTo>
                      <a:pt x="212" y="356"/>
                    </a:lnTo>
                    <a:lnTo>
                      <a:pt x="209" y="349"/>
                    </a:lnTo>
                    <a:lnTo>
                      <a:pt x="206" y="342"/>
                    </a:lnTo>
                    <a:lnTo>
                      <a:pt x="206" y="335"/>
                    </a:lnTo>
                    <a:lnTo>
                      <a:pt x="206" y="328"/>
                    </a:lnTo>
                    <a:lnTo>
                      <a:pt x="207" y="321"/>
                    </a:lnTo>
                    <a:lnTo>
                      <a:pt x="212" y="315"/>
                    </a:lnTo>
                    <a:lnTo>
                      <a:pt x="216" y="309"/>
                    </a:lnTo>
                    <a:lnTo>
                      <a:pt x="223" y="304"/>
                    </a:lnTo>
                    <a:lnTo>
                      <a:pt x="227" y="312"/>
                    </a:lnTo>
                    <a:lnTo>
                      <a:pt x="232" y="319"/>
                    </a:lnTo>
                    <a:lnTo>
                      <a:pt x="237" y="327"/>
                    </a:lnTo>
                    <a:lnTo>
                      <a:pt x="242" y="332"/>
                    </a:lnTo>
                    <a:lnTo>
                      <a:pt x="244" y="311"/>
                    </a:lnTo>
                    <a:lnTo>
                      <a:pt x="245" y="286"/>
                    </a:lnTo>
                    <a:lnTo>
                      <a:pt x="247" y="272"/>
                    </a:lnTo>
                    <a:lnTo>
                      <a:pt x="250" y="259"/>
                    </a:lnTo>
                    <a:lnTo>
                      <a:pt x="252" y="253"/>
                    </a:lnTo>
                    <a:lnTo>
                      <a:pt x="255" y="247"/>
                    </a:lnTo>
                    <a:lnTo>
                      <a:pt x="258" y="240"/>
                    </a:lnTo>
                    <a:lnTo>
                      <a:pt x="262" y="235"/>
                    </a:lnTo>
                    <a:lnTo>
                      <a:pt x="251" y="227"/>
                    </a:lnTo>
                    <a:lnTo>
                      <a:pt x="239" y="218"/>
                    </a:lnTo>
                    <a:lnTo>
                      <a:pt x="225" y="211"/>
                    </a:lnTo>
                    <a:lnTo>
                      <a:pt x="211" y="203"/>
                    </a:lnTo>
                    <a:lnTo>
                      <a:pt x="195" y="196"/>
                    </a:lnTo>
                    <a:lnTo>
                      <a:pt x="179" y="191"/>
                    </a:lnTo>
                    <a:lnTo>
                      <a:pt x="162" y="186"/>
                    </a:lnTo>
                    <a:lnTo>
                      <a:pt x="144" y="181"/>
                    </a:lnTo>
                    <a:lnTo>
                      <a:pt x="126" y="177"/>
                    </a:lnTo>
                    <a:lnTo>
                      <a:pt x="108" y="174"/>
                    </a:lnTo>
                    <a:lnTo>
                      <a:pt x="90" y="173"/>
                    </a:lnTo>
                    <a:lnTo>
                      <a:pt x="72" y="172"/>
                    </a:lnTo>
                    <a:lnTo>
                      <a:pt x="53" y="171"/>
                    </a:lnTo>
                    <a:lnTo>
                      <a:pt x="35" y="172"/>
                    </a:lnTo>
                    <a:lnTo>
                      <a:pt x="17" y="174"/>
                    </a:lnTo>
                    <a:lnTo>
                      <a:pt x="0" y="177"/>
                    </a:lnTo>
                    <a:lnTo>
                      <a:pt x="2" y="211"/>
                    </a:lnTo>
                    <a:lnTo>
                      <a:pt x="5" y="243"/>
                    </a:lnTo>
                    <a:lnTo>
                      <a:pt x="8" y="276"/>
                    </a:lnTo>
                    <a:lnTo>
                      <a:pt x="14" y="307"/>
                    </a:lnTo>
                    <a:lnTo>
                      <a:pt x="17" y="322"/>
                    </a:lnTo>
                    <a:lnTo>
                      <a:pt x="20" y="337"/>
                    </a:lnTo>
                    <a:lnTo>
                      <a:pt x="24" y="352"/>
                    </a:lnTo>
                    <a:lnTo>
                      <a:pt x="30" y="366"/>
                    </a:lnTo>
                    <a:lnTo>
                      <a:pt x="36" y="380"/>
                    </a:lnTo>
                    <a:lnTo>
                      <a:pt x="42" y="394"/>
                    </a:lnTo>
                    <a:lnTo>
                      <a:pt x="50" y="407"/>
                    </a:lnTo>
                    <a:lnTo>
                      <a:pt x="58" y="419"/>
                    </a:lnTo>
                    <a:lnTo>
                      <a:pt x="73" y="410"/>
                    </a:lnTo>
                    <a:lnTo>
                      <a:pt x="87" y="400"/>
                    </a:lnTo>
                    <a:lnTo>
                      <a:pt x="96" y="396"/>
                    </a:lnTo>
                    <a:lnTo>
                      <a:pt x="104" y="393"/>
                    </a:lnTo>
                    <a:lnTo>
                      <a:pt x="113" y="389"/>
                    </a:lnTo>
                    <a:lnTo>
                      <a:pt x="121" y="387"/>
                    </a:lnTo>
                    <a:lnTo>
                      <a:pt x="130" y="385"/>
                    </a:lnTo>
                    <a:lnTo>
                      <a:pt x="138" y="385"/>
                    </a:lnTo>
                    <a:lnTo>
                      <a:pt x="145" y="385"/>
                    </a:lnTo>
                    <a:lnTo>
                      <a:pt x="154" y="387"/>
                    </a:lnTo>
                    <a:lnTo>
                      <a:pt x="162" y="390"/>
                    </a:lnTo>
                    <a:lnTo>
                      <a:pt x="170" y="395"/>
                    </a:lnTo>
                    <a:lnTo>
                      <a:pt x="177" y="401"/>
                    </a:lnTo>
                    <a:lnTo>
                      <a:pt x="184" y="410"/>
                    </a:lnTo>
                    <a:lnTo>
                      <a:pt x="176" y="441"/>
                    </a:lnTo>
                    <a:lnTo>
                      <a:pt x="171" y="470"/>
                    </a:lnTo>
                    <a:lnTo>
                      <a:pt x="171" y="476"/>
                    </a:lnTo>
                    <a:lnTo>
                      <a:pt x="171" y="483"/>
                    </a:lnTo>
                    <a:lnTo>
                      <a:pt x="171" y="490"/>
                    </a:lnTo>
                    <a:lnTo>
                      <a:pt x="172" y="496"/>
                    </a:lnTo>
                    <a:lnTo>
                      <a:pt x="174" y="504"/>
                    </a:lnTo>
                    <a:lnTo>
                      <a:pt x="177" y="511"/>
                    </a:lnTo>
                    <a:lnTo>
                      <a:pt x="180" y="518"/>
                    </a:lnTo>
                    <a:lnTo>
                      <a:pt x="184" y="527"/>
                    </a:lnTo>
                    <a:lnTo>
                      <a:pt x="193" y="527"/>
                    </a:lnTo>
                    <a:lnTo>
                      <a:pt x="200" y="525"/>
                    </a:lnTo>
                    <a:lnTo>
                      <a:pt x="206" y="523"/>
                    </a:lnTo>
                    <a:lnTo>
                      <a:pt x="212" y="519"/>
                    </a:lnTo>
                    <a:lnTo>
                      <a:pt x="221" y="511"/>
                    </a:lnTo>
                    <a:lnTo>
                      <a:pt x="229" y="503"/>
                    </a:lnTo>
                    <a:lnTo>
                      <a:pt x="233" y="498"/>
                    </a:lnTo>
                    <a:lnTo>
                      <a:pt x="237" y="495"/>
                    </a:lnTo>
                    <a:lnTo>
                      <a:pt x="241" y="492"/>
                    </a:lnTo>
                    <a:lnTo>
                      <a:pt x="245" y="490"/>
                    </a:lnTo>
                    <a:lnTo>
                      <a:pt x="251" y="490"/>
                    </a:lnTo>
                    <a:lnTo>
                      <a:pt x="257" y="491"/>
                    </a:lnTo>
                    <a:lnTo>
                      <a:pt x="263" y="493"/>
                    </a:lnTo>
                    <a:lnTo>
                      <a:pt x="272" y="497"/>
                    </a:lnTo>
                    <a:lnTo>
                      <a:pt x="276" y="483"/>
                    </a:lnTo>
                    <a:lnTo>
                      <a:pt x="282" y="470"/>
                    </a:lnTo>
                    <a:lnTo>
                      <a:pt x="289" y="458"/>
                    </a:lnTo>
                    <a:lnTo>
                      <a:pt x="297" y="448"/>
                    </a:lnTo>
                    <a:lnTo>
                      <a:pt x="305" y="438"/>
                    </a:lnTo>
                    <a:lnTo>
                      <a:pt x="315" y="430"/>
                    </a:lnTo>
                    <a:lnTo>
                      <a:pt x="325" y="424"/>
                    </a:lnTo>
                    <a:lnTo>
                      <a:pt x="336" y="417"/>
                    </a:lnTo>
                    <a:lnTo>
                      <a:pt x="349" y="413"/>
                    </a:lnTo>
                    <a:lnTo>
                      <a:pt x="360" y="409"/>
                    </a:lnTo>
                    <a:lnTo>
                      <a:pt x="374" y="406"/>
                    </a:lnTo>
                    <a:lnTo>
                      <a:pt x="388" y="404"/>
                    </a:lnTo>
                    <a:lnTo>
                      <a:pt x="401" y="401"/>
                    </a:lnTo>
                    <a:lnTo>
                      <a:pt x="416" y="400"/>
                    </a:lnTo>
                    <a:lnTo>
                      <a:pt x="431" y="400"/>
                    </a:lnTo>
                    <a:lnTo>
                      <a:pt x="447" y="400"/>
                    </a:lnTo>
                    <a:lnTo>
                      <a:pt x="445" y="398"/>
                    </a:lnTo>
                    <a:lnTo>
                      <a:pt x="444" y="396"/>
                    </a:lnTo>
                    <a:lnTo>
                      <a:pt x="443" y="392"/>
                    </a:lnTo>
                    <a:lnTo>
                      <a:pt x="443" y="388"/>
                    </a:lnTo>
                    <a:lnTo>
                      <a:pt x="444" y="376"/>
                    </a:lnTo>
                    <a:lnTo>
                      <a:pt x="445" y="362"/>
                    </a:lnTo>
                    <a:lnTo>
                      <a:pt x="445" y="349"/>
                    </a:lnTo>
                    <a:lnTo>
                      <a:pt x="444" y="335"/>
                    </a:lnTo>
                    <a:lnTo>
                      <a:pt x="443" y="329"/>
                    </a:lnTo>
                    <a:lnTo>
                      <a:pt x="442" y="322"/>
                    </a:lnTo>
                    <a:lnTo>
                      <a:pt x="440" y="317"/>
                    </a:lnTo>
                    <a:lnTo>
                      <a:pt x="437" y="313"/>
                    </a:lnTo>
                    <a:lnTo>
                      <a:pt x="445" y="308"/>
                    </a:lnTo>
                    <a:lnTo>
                      <a:pt x="453" y="302"/>
                    </a:lnTo>
                    <a:lnTo>
                      <a:pt x="459" y="296"/>
                    </a:lnTo>
                    <a:lnTo>
                      <a:pt x="467" y="290"/>
                    </a:lnTo>
                    <a:lnTo>
                      <a:pt x="474" y="284"/>
                    </a:lnTo>
                    <a:lnTo>
                      <a:pt x="482" y="278"/>
                    </a:lnTo>
                    <a:lnTo>
                      <a:pt x="488" y="277"/>
                    </a:lnTo>
                    <a:lnTo>
                      <a:pt x="493" y="275"/>
                    </a:lnTo>
                    <a:lnTo>
                      <a:pt x="498" y="274"/>
                    </a:lnTo>
                    <a:lnTo>
                      <a:pt x="504" y="274"/>
                    </a:lnTo>
                    <a:lnTo>
                      <a:pt x="516" y="281"/>
                    </a:lnTo>
                    <a:lnTo>
                      <a:pt x="528" y="288"/>
                    </a:lnTo>
                    <a:lnTo>
                      <a:pt x="540" y="294"/>
                    </a:lnTo>
                    <a:lnTo>
                      <a:pt x="554" y="299"/>
                    </a:lnTo>
                    <a:lnTo>
                      <a:pt x="567" y="306"/>
                    </a:lnTo>
                    <a:lnTo>
                      <a:pt x="580" y="312"/>
                    </a:lnTo>
                    <a:lnTo>
                      <a:pt x="593" y="319"/>
                    </a:lnTo>
                    <a:lnTo>
                      <a:pt x="604" y="327"/>
                    </a:lnTo>
                    <a:lnTo>
                      <a:pt x="615" y="334"/>
                    </a:lnTo>
                    <a:lnTo>
                      <a:pt x="624" y="344"/>
                    </a:lnTo>
                    <a:lnTo>
                      <a:pt x="629" y="349"/>
                    </a:lnTo>
                    <a:lnTo>
                      <a:pt x="632" y="354"/>
                    </a:lnTo>
                    <a:lnTo>
                      <a:pt x="635" y="359"/>
                    </a:lnTo>
                    <a:lnTo>
                      <a:pt x="637" y="366"/>
                    </a:lnTo>
                    <a:lnTo>
                      <a:pt x="639" y="372"/>
                    </a:lnTo>
                    <a:lnTo>
                      <a:pt x="640" y="378"/>
                    </a:lnTo>
                    <a:lnTo>
                      <a:pt x="640" y="386"/>
                    </a:lnTo>
                    <a:lnTo>
                      <a:pt x="640" y="394"/>
                    </a:lnTo>
                    <a:lnTo>
                      <a:pt x="639" y="401"/>
                    </a:lnTo>
                    <a:lnTo>
                      <a:pt x="637" y="411"/>
                    </a:lnTo>
                    <a:lnTo>
                      <a:pt x="635" y="419"/>
                    </a:lnTo>
                    <a:lnTo>
                      <a:pt x="631" y="430"/>
                    </a:lnTo>
                    <a:lnTo>
                      <a:pt x="639" y="440"/>
                    </a:lnTo>
                    <a:lnTo>
                      <a:pt x="648" y="451"/>
                    </a:lnTo>
                    <a:lnTo>
                      <a:pt x="657" y="461"/>
                    </a:lnTo>
                    <a:lnTo>
                      <a:pt x="668" y="471"/>
                    </a:lnTo>
                    <a:lnTo>
                      <a:pt x="678" y="479"/>
                    </a:lnTo>
                    <a:lnTo>
                      <a:pt x="691" y="486"/>
                    </a:lnTo>
                    <a:lnTo>
                      <a:pt x="703" y="492"/>
                    </a:lnTo>
                    <a:lnTo>
                      <a:pt x="718" y="497"/>
                    </a:lnTo>
                    <a:lnTo>
                      <a:pt x="732" y="488"/>
                    </a:lnTo>
                    <a:lnTo>
                      <a:pt x="747" y="480"/>
                    </a:lnTo>
                    <a:lnTo>
                      <a:pt x="761" y="473"/>
                    </a:lnTo>
                    <a:lnTo>
                      <a:pt x="777" y="468"/>
                    </a:lnTo>
                    <a:lnTo>
                      <a:pt x="793" y="463"/>
                    </a:lnTo>
                    <a:lnTo>
                      <a:pt x="809" y="459"/>
                    </a:lnTo>
                    <a:lnTo>
                      <a:pt x="826" y="455"/>
                    </a:lnTo>
                    <a:lnTo>
                      <a:pt x="841" y="453"/>
                    </a:lnTo>
                    <a:lnTo>
                      <a:pt x="874" y="448"/>
                    </a:lnTo>
                    <a:lnTo>
                      <a:pt x="906" y="444"/>
                    </a:lnTo>
                    <a:lnTo>
                      <a:pt x="920" y="440"/>
                    </a:lnTo>
                    <a:lnTo>
                      <a:pt x="934" y="437"/>
                    </a:lnTo>
                    <a:lnTo>
                      <a:pt x="948" y="434"/>
                    </a:lnTo>
                    <a:lnTo>
                      <a:pt x="960" y="430"/>
                    </a:lnTo>
                    <a:lnTo>
                      <a:pt x="962" y="448"/>
                    </a:lnTo>
                    <a:lnTo>
                      <a:pt x="966" y="465"/>
                    </a:lnTo>
                    <a:lnTo>
                      <a:pt x="970" y="478"/>
                    </a:lnTo>
                    <a:lnTo>
                      <a:pt x="976" y="489"/>
                    </a:lnTo>
                    <a:lnTo>
                      <a:pt x="982" y="498"/>
                    </a:lnTo>
                    <a:lnTo>
                      <a:pt x="991" y="507"/>
                    </a:lnTo>
                    <a:lnTo>
                      <a:pt x="1000" y="513"/>
                    </a:lnTo>
                    <a:lnTo>
                      <a:pt x="1010" y="517"/>
                    </a:lnTo>
                    <a:lnTo>
                      <a:pt x="1059" y="531"/>
                    </a:lnTo>
                    <a:lnTo>
                      <a:pt x="1116" y="546"/>
                    </a:lnTo>
                    <a:lnTo>
                      <a:pt x="1113" y="558"/>
                    </a:lnTo>
                    <a:lnTo>
                      <a:pt x="1112" y="571"/>
                    </a:lnTo>
                    <a:lnTo>
                      <a:pt x="1111" y="584"/>
                    </a:lnTo>
                    <a:lnTo>
                      <a:pt x="1111" y="595"/>
                    </a:lnTo>
                    <a:lnTo>
                      <a:pt x="1112" y="607"/>
                    </a:lnTo>
                    <a:lnTo>
                      <a:pt x="1114" y="618"/>
                    </a:lnTo>
                    <a:lnTo>
                      <a:pt x="1116" y="629"/>
                    </a:lnTo>
                    <a:lnTo>
                      <a:pt x="1120" y="638"/>
                    </a:lnTo>
                    <a:lnTo>
                      <a:pt x="1125" y="648"/>
                    </a:lnTo>
                    <a:lnTo>
                      <a:pt x="1131" y="657"/>
                    </a:lnTo>
                    <a:lnTo>
                      <a:pt x="1137" y="665"/>
                    </a:lnTo>
                    <a:lnTo>
                      <a:pt x="1145" y="672"/>
                    </a:lnTo>
                    <a:lnTo>
                      <a:pt x="1153" y="678"/>
                    </a:lnTo>
                    <a:lnTo>
                      <a:pt x="1163" y="684"/>
                    </a:lnTo>
                    <a:lnTo>
                      <a:pt x="1173" y="688"/>
                    </a:lnTo>
                    <a:lnTo>
                      <a:pt x="1184" y="691"/>
                    </a:lnTo>
                    <a:lnTo>
                      <a:pt x="1187" y="680"/>
                    </a:lnTo>
                    <a:lnTo>
                      <a:pt x="1189" y="671"/>
                    </a:lnTo>
                    <a:lnTo>
                      <a:pt x="1189" y="664"/>
                    </a:lnTo>
                    <a:lnTo>
                      <a:pt x="1188" y="656"/>
                    </a:lnTo>
                    <a:lnTo>
                      <a:pt x="1185" y="651"/>
                    </a:lnTo>
                    <a:lnTo>
                      <a:pt x="1181" y="647"/>
                    </a:lnTo>
                    <a:lnTo>
                      <a:pt x="1178" y="643"/>
                    </a:lnTo>
                    <a:lnTo>
                      <a:pt x="1174" y="638"/>
                    </a:lnTo>
                    <a:lnTo>
                      <a:pt x="1165" y="632"/>
                    </a:lnTo>
                    <a:lnTo>
                      <a:pt x="1155" y="626"/>
                    </a:lnTo>
                    <a:lnTo>
                      <a:pt x="1152" y="622"/>
                    </a:lnTo>
                    <a:lnTo>
                      <a:pt x="1149" y="616"/>
                    </a:lnTo>
                    <a:lnTo>
                      <a:pt x="1147" y="611"/>
                    </a:lnTo>
                    <a:lnTo>
                      <a:pt x="1146" y="604"/>
                    </a:lnTo>
                    <a:lnTo>
                      <a:pt x="1150" y="595"/>
                    </a:lnTo>
                    <a:lnTo>
                      <a:pt x="1156" y="588"/>
                    </a:lnTo>
                    <a:lnTo>
                      <a:pt x="1163" y="582"/>
                    </a:lnTo>
                    <a:lnTo>
                      <a:pt x="1169" y="575"/>
                    </a:lnTo>
                    <a:lnTo>
                      <a:pt x="1177" y="569"/>
                    </a:lnTo>
                    <a:lnTo>
                      <a:pt x="1186" y="565"/>
                    </a:lnTo>
                    <a:lnTo>
                      <a:pt x="1194" y="559"/>
                    </a:lnTo>
                    <a:lnTo>
                      <a:pt x="1204" y="555"/>
                    </a:lnTo>
                    <a:lnTo>
                      <a:pt x="1205" y="561"/>
                    </a:lnTo>
                    <a:lnTo>
                      <a:pt x="1207" y="566"/>
                    </a:lnTo>
                    <a:lnTo>
                      <a:pt x="1209" y="569"/>
                    </a:lnTo>
                    <a:lnTo>
                      <a:pt x="1212" y="571"/>
                    </a:lnTo>
                    <a:lnTo>
                      <a:pt x="1215" y="573"/>
                    </a:lnTo>
                    <a:lnTo>
                      <a:pt x="1218" y="574"/>
                    </a:lnTo>
                    <a:lnTo>
                      <a:pt x="1223" y="574"/>
                    </a:lnTo>
                    <a:lnTo>
                      <a:pt x="1227" y="574"/>
                    </a:lnTo>
                    <a:lnTo>
                      <a:pt x="1245" y="570"/>
                    </a:lnTo>
                    <a:lnTo>
                      <a:pt x="1262" y="566"/>
                    </a:lnTo>
                    <a:lnTo>
                      <a:pt x="1258" y="553"/>
                    </a:lnTo>
                    <a:lnTo>
                      <a:pt x="1256" y="540"/>
                    </a:lnTo>
                    <a:lnTo>
                      <a:pt x="1254" y="528"/>
                    </a:lnTo>
                    <a:lnTo>
                      <a:pt x="1253" y="515"/>
                    </a:lnTo>
                    <a:lnTo>
                      <a:pt x="1252" y="491"/>
                    </a:lnTo>
                    <a:lnTo>
                      <a:pt x="1252" y="467"/>
                    </a:lnTo>
                    <a:lnTo>
                      <a:pt x="1254" y="444"/>
                    </a:lnTo>
                    <a:lnTo>
                      <a:pt x="1257" y="421"/>
                    </a:lnTo>
                    <a:lnTo>
                      <a:pt x="1262" y="399"/>
                    </a:lnTo>
                    <a:lnTo>
                      <a:pt x="1267" y="378"/>
                    </a:lnTo>
                    <a:lnTo>
                      <a:pt x="1277" y="337"/>
                    </a:lnTo>
                    <a:lnTo>
                      <a:pt x="1288" y="299"/>
                    </a:lnTo>
                    <a:lnTo>
                      <a:pt x="1293" y="282"/>
                    </a:lnTo>
                    <a:lnTo>
                      <a:pt x="1296" y="266"/>
                    </a:lnTo>
                    <a:lnTo>
                      <a:pt x="1299" y="250"/>
                    </a:lnTo>
                    <a:lnTo>
                      <a:pt x="1300" y="235"/>
                    </a:lnTo>
                    <a:lnTo>
                      <a:pt x="1283" y="240"/>
                    </a:lnTo>
                    <a:lnTo>
                      <a:pt x="1265" y="243"/>
                    </a:lnTo>
                    <a:lnTo>
                      <a:pt x="1248" y="246"/>
                    </a:lnTo>
                    <a:lnTo>
                      <a:pt x="1231" y="246"/>
                    </a:lnTo>
                    <a:lnTo>
                      <a:pt x="1215" y="246"/>
                    </a:lnTo>
                    <a:lnTo>
                      <a:pt x="1199" y="245"/>
                    </a:lnTo>
                    <a:lnTo>
                      <a:pt x="1184" y="241"/>
                    </a:lnTo>
                    <a:lnTo>
                      <a:pt x="1169" y="238"/>
                    </a:lnTo>
                    <a:lnTo>
                      <a:pt x="1154" y="234"/>
                    </a:lnTo>
                    <a:lnTo>
                      <a:pt x="1140" y="229"/>
                    </a:lnTo>
                    <a:lnTo>
                      <a:pt x="1127" y="222"/>
                    </a:lnTo>
                    <a:lnTo>
                      <a:pt x="1113" y="215"/>
                    </a:lnTo>
                    <a:lnTo>
                      <a:pt x="1100" y="208"/>
                    </a:lnTo>
                    <a:lnTo>
                      <a:pt x="1087" y="199"/>
                    </a:lnTo>
                    <a:lnTo>
                      <a:pt x="1075" y="191"/>
                    </a:lnTo>
                    <a:lnTo>
                      <a:pt x="1063" y="181"/>
                    </a:lnTo>
                    <a:lnTo>
                      <a:pt x="1039" y="161"/>
                    </a:lnTo>
                    <a:lnTo>
                      <a:pt x="1017" y="140"/>
                    </a:lnTo>
                    <a:lnTo>
                      <a:pt x="996" y="117"/>
                    </a:lnTo>
                    <a:lnTo>
                      <a:pt x="975" y="94"/>
                    </a:lnTo>
                    <a:lnTo>
                      <a:pt x="937" y="47"/>
                    </a:lnTo>
                    <a:lnTo>
                      <a:pt x="902" y="2"/>
                    </a:lnTo>
                    <a:lnTo>
                      <a:pt x="888" y="0"/>
                    </a:lnTo>
                    <a:lnTo>
                      <a:pt x="874" y="0"/>
                    </a:lnTo>
                    <a:lnTo>
                      <a:pt x="862" y="2"/>
                    </a:lnTo>
                    <a:lnTo>
                      <a:pt x="853" y="7"/>
                    </a:lnTo>
                    <a:lnTo>
                      <a:pt x="845" y="11"/>
                    </a:lnTo>
                    <a:lnTo>
                      <a:pt x="837" y="17"/>
                    </a:lnTo>
                    <a:lnTo>
                      <a:pt x="831" y="24"/>
                    </a:lnTo>
                    <a:lnTo>
                      <a:pt x="825" y="32"/>
                    </a:lnTo>
                    <a:lnTo>
                      <a:pt x="814" y="47"/>
                    </a:lnTo>
                    <a:lnTo>
                      <a:pt x="801" y="61"/>
                    </a:lnTo>
                    <a:lnTo>
                      <a:pt x="795" y="68"/>
                    </a:lnTo>
                    <a:lnTo>
                      <a:pt x="787" y="73"/>
                    </a:lnTo>
                    <a:lnTo>
                      <a:pt x="777" y="77"/>
                    </a:lnTo>
                    <a:lnTo>
                      <a:pt x="767" y="80"/>
                    </a:lnTo>
                    <a:lnTo>
                      <a:pt x="756" y="74"/>
                    </a:lnTo>
                    <a:lnTo>
                      <a:pt x="747" y="67"/>
                    </a:lnTo>
                    <a:lnTo>
                      <a:pt x="737" y="58"/>
                    </a:lnTo>
                    <a:lnTo>
                      <a:pt x="728" y="51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409" name="Aalborg kant"/>
              <p:cNvSpPr>
                <a:spLocks/>
              </p:cNvSpPr>
              <p:nvPr/>
            </p:nvSpPr>
            <p:spPr bwMode="auto">
              <a:xfrm>
                <a:off x="1812925" y="2890838"/>
                <a:ext cx="477837" cy="328613"/>
              </a:xfrm>
              <a:custGeom>
                <a:avLst/>
                <a:gdLst>
                  <a:gd name="T0" fmla="*/ 79 w 902"/>
                  <a:gd name="T1" fmla="*/ 150 h 621"/>
                  <a:gd name="T2" fmla="*/ 85 w 902"/>
                  <a:gd name="T3" fmla="*/ 151 h 621"/>
                  <a:gd name="T4" fmla="*/ 90 w 902"/>
                  <a:gd name="T5" fmla="*/ 146 h 621"/>
                  <a:gd name="T6" fmla="*/ 98 w 902"/>
                  <a:gd name="T7" fmla="*/ 134 h 621"/>
                  <a:gd name="T8" fmla="*/ 107 w 902"/>
                  <a:gd name="T9" fmla="*/ 122 h 621"/>
                  <a:gd name="T10" fmla="*/ 115 w 902"/>
                  <a:gd name="T11" fmla="*/ 119 h 621"/>
                  <a:gd name="T12" fmla="*/ 126 w 902"/>
                  <a:gd name="T13" fmla="*/ 123 h 621"/>
                  <a:gd name="T14" fmla="*/ 140 w 902"/>
                  <a:gd name="T15" fmla="*/ 138 h 621"/>
                  <a:gd name="T16" fmla="*/ 169 w 902"/>
                  <a:gd name="T17" fmla="*/ 155 h 621"/>
                  <a:gd name="T18" fmla="*/ 193 w 902"/>
                  <a:gd name="T19" fmla="*/ 177 h 621"/>
                  <a:gd name="T20" fmla="*/ 210 w 902"/>
                  <a:gd name="T21" fmla="*/ 197 h 621"/>
                  <a:gd name="T22" fmla="*/ 225 w 902"/>
                  <a:gd name="T23" fmla="*/ 206 h 621"/>
                  <a:gd name="T24" fmla="*/ 241 w 902"/>
                  <a:gd name="T25" fmla="*/ 206 h 621"/>
                  <a:gd name="T26" fmla="*/ 265 w 902"/>
                  <a:gd name="T27" fmla="*/ 202 h 621"/>
                  <a:gd name="T28" fmla="*/ 283 w 902"/>
                  <a:gd name="T29" fmla="*/ 193 h 621"/>
                  <a:gd name="T30" fmla="*/ 297 w 902"/>
                  <a:gd name="T31" fmla="*/ 152 h 621"/>
                  <a:gd name="T32" fmla="*/ 301 w 902"/>
                  <a:gd name="T33" fmla="*/ 126 h 621"/>
                  <a:gd name="T34" fmla="*/ 293 w 902"/>
                  <a:gd name="T35" fmla="*/ 120 h 621"/>
                  <a:gd name="T36" fmla="*/ 288 w 902"/>
                  <a:gd name="T37" fmla="*/ 125 h 621"/>
                  <a:gd name="T38" fmla="*/ 282 w 902"/>
                  <a:gd name="T39" fmla="*/ 135 h 621"/>
                  <a:gd name="T40" fmla="*/ 274 w 902"/>
                  <a:gd name="T41" fmla="*/ 127 h 621"/>
                  <a:gd name="T42" fmla="*/ 269 w 902"/>
                  <a:gd name="T43" fmla="*/ 108 h 621"/>
                  <a:gd name="T44" fmla="*/ 256 w 902"/>
                  <a:gd name="T45" fmla="*/ 104 h 621"/>
                  <a:gd name="T46" fmla="*/ 222 w 902"/>
                  <a:gd name="T47" fmla="*/ 102 h 621"/>
                  <a:gd name="T48" fmla="*/ 197 w 902"/>
                  <a:gd name="T49" fmla="*/ 93 h 621"/>
                  <a:gd name="T50" fmla="*/ 175 w 902"/>
                  <a:gd name="T51" fmla="*/ 81 h 621"/>
                  <a:gd name="T52" fmla="*/ 144 w 902"/>
                  <a:gd name="T53" fmla="*/ 53 h 621"/>
                  <a:gd name="T54" fmla="*/ 110 w 902"/>
                  <a:gd name="T55" fmla="*/ 25 h 621"/>
                  <a:gd name="T56" fmla="*/ 85 w 902"/>
                  <a:gd name="T57" fmla="*/ 12 h 621"/>
                  <a:gd name="T58" fmla="*/ 79 w 902"/>
                  <a:gd name="T59" fmla="*/ 2 h 621"/>
                  <a:gd name="T60" fmla="*/ 67 w 902"/>
                  <a:gd name="T61" fmla="*/ 1 h 621"/>
                  <a:gd name="T62" fmla="*/ 51 w 902"/>
                  <a:gd name="T63" fmla="*/ 4 h 621"/>
                  <a:gd name="T64" fmla="*/ 48 w 902"/>
                  <a:gd name="T65" fmla="*/ 13 h 621"/>
                  <a:gd name="T66" fmla="*/ 65 w 902"/>
                  <a:gd name="T67" fmla="*/ 38 h 621"/>
                  <a:gd name="T68" fmla="*/ 78 w 902"/>
                  <a:gd name="T69" fmla="*/ 60 h 621"/>
                  <a:gd name="T70" fmla="*/ 77 w 902"/>
                  <a:gd name="T71" fmla="*/ 68 h 621"/>
                  <a:gd name="T72" fmla="*/ 71 w 902"/>
                  <a:gd name="T73" fmla="*/ 76 h 621"/>
                  <a:gd name="T74" fmla="*/ 59 w 902"/>
                  <a:gd name="T75" fmla="*/ 81 h 621"/>
                  <a:gd name="T76" fmla="*/ 47 w 902"/>
                  <a:gd name="T77" fmla="*/ 78 h 621"/>
                  <a:gd name="T78" fmla="*/ 38 w 902"/>
                  <a:gd name="T79" fmla="*/ 80 h 621"/>
                  <a:gd name="T80" fmla="*/ 21 w 902"/>
                  <a:gd name="T81" fmla="*/ 89 h 621"/>
                  <a:gd name="T82" fmla="*/ 12 w 902"/>
                  <a:gd name="T83" fmla="*/ 94 h 621"/>
                  <a:gd name="T84" fmla="*/ 8 w 902"/>
                  <a:gd name="T85" fmla="*/ 89 h 621"/>
                  <a:gd name="T86" fmla="*/ 3 w 902"/>
                  <a:gd name="T87" fmla="*/ 84 h 621"/>
                  <a:gd name="T88" fmla="*/ 0 w 902"/>
                  <a:gd name="T89" fmla="*/ 86 h 621"/>
                  <a:gd name="T90" fmla="*/ 11 w 902"/>
                  <a:gd name="T91" fmla="*/ 101 h 621"/>
                  <a:gd name="T92" fmla="*/ 29 w 902"/>
                  <a:gd name="T93" fmla="*/ 116 h 621"/>
                  <a:gd name="T94" fmla="*/ 64 w 902"/>
                  <a:gd name="T95" fmla="*/ 139 h 621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0" t="0" r="r" b="b"/>
                <a:pathLst>
                  <a:path w="902" h="621">
                    <a:moveTo>
                      <a:pt x="218" y="438"/>
                    </a:moveTo>
                    <a:lnTo>
                      <a:pt x="224" y="443"/>
                    </a:lnTo>
                    <a:lnTo>
                      <a:pt x="231" y="447"/>
                    </a:lnTo>
                    <a:lnTo>
                      <a:pt x="237" y="449"/>
                    </a:lnTo>
                    <a:lnTo>
                      <a:pt x="242" y="452"/>
                    </a:lnTo>
                    <a:lnTo>
                      <a:pt x="247" y="453"/>
                    </a:lnTo>
                    <a:lnTo>
                      <a:pt x="252" y="453"/>
                    </a:lnTo>
                    <a:lnTo>
                      <a:pt x="256" y="452"/>
                    </a:lnTo>
                    <a:lnTo>
                      <a:pt x="260" y="449"/>
                    </a:lnTo>
                    <a:lnTo>
                      <a:pt x="264" y="446"/>
                    </a:lnTo>
                    <a:lnTo>
                      <a:pt x="267" y="443"/>
                    </a:lnTo>
                    <a:lnTo>
                      <a:pt x="271" y="439"/>
                    </a:lnTo>
                    <a:lnTo>
                      <a:pt x="275" y="435"/>
                    </a:lnTo>
                    <a:lnTo>
                      <a:pt x="281" y="425"/>
                    </a:lnTo>
                    <a:lnTo>
                      <a:pt x="286" y="414"/>
                    </a:lnTo>
                    <a:lnTo>
                      <a:pt x="293" y="402"/>
                    </a:lnTo>
                    <a:lnTo>
                      <a:pt x="300" y="390"/>
                    </a:lnTo>
                    <a:lnTo>
                      <a:pt x="307" y="380"/>
                    </a:lnTo>
                    <a:lnTo>
                      <a:pt x="317" y="370"/>
                    </a:lnTo>
                    <a:lnTo>
                      <a:pt x="321" y="367"/>
                    </a:lnTo>
                    <a:lnTo>
                      <a:pt x="326" y="363"/>
                    </a:lnTo>
                    <a:lnTo>
                      <a:pt x="333" y="361"/>
                    </a:lnTo>
                    <a:lnTo>
                      <a:pt x="338" y="359"/>
                    </a:lnTo>
                    <a:lnTo>
                      <a:pt x="345" y="358"/>
                    </a:lnTo>
                    <a:lnTo>
                      <a:pt x="352" y="357"/>
                    </a:lnTo>
                    <a:lnTo>
                      <a:pt x="360" y="358"/>
                    </a:lnTo>
                    <a:lnTo>
                      <a:pt x="368" y="359"/>
                    </a:lnTo>
                    <a:lnTo>
                      <a:pt x="377" y="370"/>
                    </a:lnTo>
                    <a:lnTo>
                      <a:pt x="385" y="381"/>
                    </a:lnTo>
                    <a:lnTo>
                      <a:pt x="394" y="390"/>
                    </a:lnTo>
                    <a:lnTo>
                      <a:pt x="403" y="398"/>
                    </a:lnTo>
                    <a:lnTo>
                      <a:pt x="421" y="413"/>
                    </a:lnTo>
                    <a:lnTo>
                      <a:pt x="441" y="425"/>
                    </a:lnTo>
                    <a:lnTo>
                      <a:pt x="462" y="438"/>
                    </a:lnTo>
                    <a:lnTo>
                      <a:pt x="484" y="450"/>
                    </a:lnTo>
                    <a:lnTo>
                      <a:pt x="507" y="466"/>
                    </a:lnTo>
                    <a:lnTo>
                      <a:pt x="533" y="485"/>
                    </a:lnTo>
                    <a:lnTo>
                      <a:pt x="550" y="500"/>
                    </a:lnTo>
                    <a:lnTo>
                      <a:pt x="564" y="516"/>
                    </a:lnTo>
                    <a:lnTo>
                      <a:pt x="578" y="532"/>
                    </a:lnTo>
                    <a:lnTo>
                      <a:pt x="592" y="548"/>
                    </a:lnTo>
                    <a:lnTo>
                      <a:pt x="604" y="564"/>
                    </a:lnTo>
                    <a:lnTo>
                      <a:pt x="617" y="579"/>
                    </a:lnTo>
                    <a:lnTo>
                      <a:pt x="629" y="592"/>
                    </a:lnTo>
                    <a:lnTo>
                      <a:pt x="640" y="602"/>
                    </a:lnTo>
                    <a:lnTo>
                      <a:pt x="652" y="609"/>
                    </a:lnTo>
                    <a:lnTo>
                      <a:pt x="663" y="616"/>
                    </a:lnTo>
                    <a:lnTo>
                      <a:pt x="675" y="619"/>
                    </a:lnTo>
                    <a:lnTo>
                      <a:pt x="687" y="621"/>
                    </a:lnTo>
                    <a:lnTo>
                      <a:pt x="698" y="621"/>
                    </a:lnTo>
                    <a:lnTo>
                      <a:pt x="710" y="620"/>
                    </a:lnTo>
                    <a:lnTo>
                      <a:pt x="721" y="618"/>
                    </a:lnTo>
                    <a:lnTo>
                      <a:pt x="732" y="616"/>
                    </a:lnTo>
                    <a:lnTo>
                      <a:pt x="756" y="609"/>
                    </a:lnTo>
                    <a:lnTo>
                      <a:pt x="780" y="606"/>
                    </a:lnTo>
                    <a:lnTo>
                      <a:pt x="793" y="605"/>
                    </a:lnTo>
                    <a:lnTo>
                      <a:pt x="807" y="605"/>
                    </a:lnTo>
                    <a:lnTo>
                      <a:pt x="820" y="607"/>
                    </a:lnTo>
                    <a:lnTo>
                      <a:pt x="834" y="612"/>
                    </a:lnTo>
                    <a:lnTo>
                      <a:pt x="849" y="578"/>
                    </a:lnTo>
                    <a:lnTo>
                      <a:pt x="861" y="546"/>
                    </a:lnTo>
                    <a:lnTo>
                      <a:pt x="873" y="516"/>
                    </a:lnTo>
                    <a:lnTo>
                      <a:pt x="882" y="486"/>
                    </a:lnTo>
                    <a:lnTo>
                      <a:pt x="891" y="456"/>
                    </a:lnTo>
                    <a:lnTo>
                      <a:pt x="896" y="425"/>
                    </a:lnTo>
                    <a:lnTo>
                      <a:pt x="898" y="409"/>
                    </a:lnTo>
                    <a:lnTo>
                      <a:pt x="900" y="394"/>
                    </a:lnTo>
                    <a:lnTo>
                      <a:pt x="901" y="377"/>
                    </a:lnTo>
                    <a:lnTo>
                      <a:pt x="902" y="359"/>
                    </a:lnTo>
                    <a:lnTo>
                      <a:pt x="893" y="358"/>
                    </a:lnTo>
                    <a:lnTo>
                      <a:pt x="886" y="359"/>
                    </a:lnTo>
                    <a:lnTo>
                      <a:pt x="879" y="360"/>
                    </a:lnTo>
                    <a:lnTo>
                      <a:pt x="874" y="363"/>
                    </a:lnTo>
                    <a:lnTo>
                      <a:pt x="870" y="366"/>
                    </a:lnTo>
                    <a:lnTo>
                      <a:pt x="867" y="372"/>
                    </a:lnTo>
                    <a:lnTo>
                      <a:pt x="863" y="376"/>
                    </a:lnTo>
                    <a:lnTo>
                      <a:pt x="861" y="381"/>
                    </a:lnTo>
                    <a:lnTo>
                      <a:pt x="855" y="392"/>
                    </a:lnTo>
                    <a:lnTo>
                      <a:pt x="849" y="401"/>
                    </a:lnTo>
                    <a:lnTo>
                      <a:pt x="844" y="404"/>
                    </a:lnTo>
                    <a:lnTo>
                      <a:pt x="839" y="406"/>
                    </a:lnTo>
                    <a:lnTo>
                      <a:pt x="832" y="408"/>
                    </a:lnTo>
                    <a:lnTo>
                      <a:pt x="824" y="407"/>
                    </a:lnTo>
                    <a:lnTo>
                      <a:pt x="820" y="381"/>
                    </a:lnTo>
                    <a:lnTo>
                      <a:pt x="815" y="354"/>
                    </a:lnTo>
                    <a:lnTo>
                      <a:pt x="812" y="341"/>
                    </a:lnTo>
                    <a:lnTo>
                      <a:pt x="808" y="329"/>
                    </a:lnTo>
                    <a:lnTo>
                      <a:pt x="805" y="324"/>
                    </a:lnTo>
                    <a:lnTo>
                      <a:pt x="802" y="320"/>
                    </a:lnTo>
                    <a:lnTo>
                      <a:pt x="799" y="315"/>
                    </a:lnTo>
                    <a:lnTo>
                      <a:pt x="795" y="310"/>
                    </a:lnTo>
                    <a:lnTo>
                      <a:pt x="767" y="313"/>
                    </a:lnTo>
                    <a:lnTo>
                      <a:pt x="739" y="313"/>
                    </a:lnTo>
                    <a:lnTo>
                      <a:pt x="713" y="311"/>
                    </a:lnTo>
                    <a:lnTo>
                      <a:pt x="690" y="308"/>
                    </a:lnTo>
                    <a:lnTo>
                      <a:pt x="666" y="305"/>
                    </a:lnTo>
                    <a:lnTo>
                      <a:pt x="645" y="300"/>
                    </a:lnTo>
                    <a:lnTo>
                      <a:pt x="625" y="295"/>
                    </a:lnTo>
                    <a:lnTo>
                      <a:pt x="606" y="287"/>
                    </a:lnTo>
                    <a:lnTo>
                      <a:pt x="589" y="280"/>
                    </a:lnTo>
                    <a:lnTo>
                      <a:pt x="572" y="271"/>
                    </a:lnTo>
                    <a:lnTo>
                      <a:pt x="556" y="263"/>
                    </a:lnTo>
                    <a:lnTo>
                      <a:pt x="540" y="253"/>
                    </a:lnTo>
                    <a:lnTo>
                      <a:pt x="525" y="242"/>
                    </a:lnTo>
                    <a:lnTo>
                      <a:pt x="512" y="231"/>
                    </a:lnTo>
                    <a:lnTo>
                      <a:pt x="498" y="220"/>
                    </a:lnTo>
                    <a:lnTo>
                      <a:pt x="484" y="208"/>
                    </a:lnTo>
                    <a:lnTo>
                      <a:pt x="433" y="159"/>
                    </a:lnTo>
                    <a:lnTo>
                      <a:pt x="378" y="109"/>
                    </a:lnTo>
                    <a:lnTo>
                      <a:pt x="362" y="98"/>
                    </a:lnTo>
                    <a:lnTo>
                      <a:pt x="346" y="86"/>
                    </a:lnTo>
                    <a:lnTo>
                      <a:pt x="331" y="76"/>
                    </a:lnTo>
                    <a:lnTo>
                      <a:pt x="313" y="65"/>
                    </a:lnTo>
                    <a:lnTo>
                      <a:pt x="295" y="55"/>
                    </a:lnTo>
                    <a:lnTo>
                      <a:pt x="275" y="46"/>
                    </a:lnTo>
                    <a:lnTo>
                      <a:pt x="255" y="37"/>
                    </a:lnTo>
                    <a:lnTo>
                      <a:pt x="233" y="29"/>
                    </a:lnTo>
                    <a:lnTo>
                      <a:pt x="233" y="20"/>
                    </a:lnTo>
                    <a:lnTo>
                      <a:pt x="235" y="12"/>
                    </a:lnTo>
                    <a:lnTo>
                      <a:pt x="238" y="6"/>
                    </a:lnTo>
                    <a:lnTo>
                      <a:pt x="242" y="0"/>
                    </a:lnTo>
                    <a:lnTo>
                      <a:pt x="226" y="0"/>
                    </a:lnTo>
                    <a:lnTo>
                      <a:pt x="214" y="1"/>
                    </a:lnTo>
                    <a:lnTo>
                      <a:pt x="201" y="3"/>
                    </a:lnTo>
                    <a:lnTo>
                      <a:pt x="189" y="6"/>
                    </a:lnTo>
                    <a:lnTo>
                      <a:pt x="178" y="8"/>
                    </a:lnTo>
                    <a:lnTo>
                      <a:pt x="165" y="10"/>
                    </a:lnTo>
                    <a:lnTo>
                      <a:pt x="152" y="11"/>
                    </a:lnTo>
                    <a:lnTo>
                      <a:pt x="136" y="10"/>
                    </a:lnTo>
                    <a:lnTo>
                      <a:pt x="138" y="20"/>
                    </a:lnTo>
                    <a:lnTo>
                      <a:pt x="141" y="28"/>
                    </a:lnTo>
                    <a:lnTo>
                      <a:pt x="145" y="38"/>
                    </a:lnTo>
                    <a:lnTo>
                      <a:pt x="149" y="47"/>
                    </a:lnTo>
                    <a:lnTo>
                      <a:pt x="160" y="65"/>
                    </a:lnTo>
                    <a:lnTo>
                      <a:pt x="172" y="82"/>
                    </a:lnTo>
                    <a:lnTo>
                      <a:pt x="195" y="115"/>
                    </a:lnTo>
                    <a:lnTo>
                      <a:pt x="216" y="144"/>
                    </a:lnTo>
                    <a:lnTo>
                      <a:pt x="224" y="159"/>
                    </a:lnTo>
                    <a:lnTo>
                      <a:pt x="231" y="172"/>
                    </a:lnTo>
                    <a:lnTo>
                      <a:pt x="233" y="179"/>
                    </a:lnTo>
                    <a:lnTo>
                      <a:pt x="234" y="185"/>
                    </a:lnTo>
                    <a:lnTo>
                      <a:pt x="234" y="191"/>
                    </a:lnTo>
                    <a:lnTo>
                      <a:pt x="233" y="198"/>
                    </a:lnTo>
                    <a:lnTo>
                      <a:pt x="231" y="204"/>
                    </a:lnTo>
                    <a:lnTo>
                      <a:pt x="228" y="209"/>
                    </a:lnTo>
                    <a:lnTo>
                      <a:pt x="224" y="216"/>
                    </a:lnTo>
                    <a:lnTo>
                      <a:pt x="219" y="221"/>
                    </a:lnTo>
                    <a:lnTo>
                      <a:pt x="213" y="227"/>
                    </a:lnTo>
                    <a:lnTo>
                      <a:pt x="204" y="233"/>
                    </a:lnTo>
                    <a:lnTo>
                      <a:pt x="195" y="238"/>
                    </a:lnTo>
                    <a:lnTo>
                      <a:pt x="184" y="243"/>
                    </a:lnTo>
                    <a:lnTo>
                      <a:pt x="177" y="242"/>
                    </a:lnTo>
                    <a:lnTo>
                      <a:pt x="164" y="238"/>
                    </a:lnTo>
                    <a:lnTo>
                      <a:pt x="157" y="236"/>
                    </a:lnTo>
                    <a:lnTo>
                      <a:pt x="149" y="234"/>
                    </a:lnTo>
                    <a:lnTo>
                      <a:pt x="142" y="234"/>
                    </a:lnTo>
                    <a:lnTo>
                      <a:pt x="136" y="234"/>
                    </a:lnTo>
                    <a:lnTo>
                      <a:pt x="128" y="235"/>
                    </a:lnTo>
                    <a:lnTo>
                      <a:pt x="121" y="237"/>
                    </a:lnTo>
                    <a:lnTo>
                      <a:pt x="114" y="239"/>
                    </a:lnTo>
                    <a:lnTo>
                      <a:pt x="106" y="243"/>
                    </a:lnTo>
                    <a:lnTo>
                      <a:pt x="92" y="250"/>
                    </a:lnTo>
                    <a:lnTo>
                      <a:pt x="77" y="259"/>
                    </a:lnTo>
                    <a:lnTo>
                      <a:pt x="64" y="267"/>
                    </a:lnTo>
                    <a:lnTo>
                      <a:pt x="53" y="275"/>
                    </a:lnTo>
                    <a:lnTo>
                      <a:pt x="44" y="280"/>
                    </a:lnTo>
                    <a:lnTo>
                      <a:pt x="38" y="282"/>
                    </a:lnTo>
                    <a:lnTo>
                      <a:pt x="36" y="281"/>
                    </a:lnTo>
                    <a:lnTo>
                      <a:pt x="34" y="280"/>
                    </a:lnTo>
                    <a:lnTo>
                      <a:pt x="32" y="277"/>
                    </a:lnTo>
                    <a:lnTo>
                      <a:pt x="28" y="274"/>
                    </a:lnTo>
                    <a:lnTo>
                      <a:pt x="23" y="267"/>
                    </a:lnTo>
                    <a:lnTo>
                      <a:pt x="18" y="260"/>
                    </a:lnTo>
                    <a:lnTo>
                      <a:pt x="15" y="257"/>
                    </a:lnTo>
                    <a:lnTo>
                      <a:pt x="13" y="254"/>
                    </a:lnTo>
                    <a:lnTo>
                      <a:pt x="9" y="253"/>
                    </a:lnTo>
                    <a:lnTo>
                      <a:pt x="7" y="251"/>
                    </a:lnTo>
                    <a:lnTo>
                      <a:pt x="5" y="251"/>
                    </a:lnTo>
                    <a:lnTo>
                      <a:pt x="3" y="254"/>
                    </a:lnTo>
                    <a:lnTo>
                      <a:pt x="1" y="257"/>
                    </a:lnTo>
                    <a:lnTo>
                      <a:pt x="0" y="262"/>
                    </a:lnTo>
                    <a:lnTo>
                      <a:pt x="9" y="277"/>
                    </a:lnTo>
                    <a:lnTo>
                      <a:pt x="20" y="289"/>
                    </a:lnTo>
                    <a:lnTo>
                      <a:pt x="32" y="302"/>
                    </a:lnTo>
                    <a:lnTo>
                      <a:pt x="44" y="315"/>
                    </a:lnTo>
                    <a:lnTo>
                      <a:pt x="58" y="325"/>
                    </a:lnTo>
                    <a:lnTo>
                      <a:pt x="72" y="337"/>
                    </a:lnTo>
                    <a:lnTo>
                      <a:pt x="86" y="347"/>
                    </a:lnTo>
                    <a:lnTo>
                      <a:pt x="101" y="357"/>
                    </a:lnTo>
                    <a:lnTo>
                      <a:pt x="132" y="377"/>
                    </a:lnTo>
                    <a:lnTo>
                      <a:pt x="162" y="397"/>
                    </a:lnTo>
                    <a:lnTo>
                      <a:pt x="191" y="417"/>
                    </a:lnTo>
                    <a:lnTo>
                      <a:pt x="218" y="438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386" name="Thisted"/>
            <p:cNvSpPr>
              <a:spLocks/>
            </p:cNvSpPr>
            <p:nvPr/>
          </p:nvSpPr>
          <p:spPr bwMode="auto">
            <a:xfrm>
              <a:off x="636588" y="2987675"/>
              <a:ext cx="663575" cy="673100"/>
            </a:xfrm>
            <a:custGeom>
              <a:avLst/>
              <a:gdLst>
                <a:gd name="T0" fmla="*/ 298 w 1253"/>
                <a:gd name="T1" fmla="*/ 153 h 1274"/>
                <a:gd name="T2" fmla="*/ 294 w 1253"/>
                <a:gd name="T3" fmla="*/ 167 h 1274"/>
                <a:gd name="T4" fmla="*/ 252 w 1253"/>
                <a:gd name="T5" fmla="*/ 186 h 1274"/>
                <a:gd name="T6" fmla="*/ 208 w 1253"/>
                <a:gd name="T7" fmla="*/ 204 h 1274"/>
                <a:gd name="T8" fmla="*/ 187 w 1253"/>
                <a:gd name="T9" fmla="*/ 279 h 1274"/>
                <a:gd name="T10" fmla="*/ 160 w 1253"/>
                <a:gd name="T11" fmla="*/ 300 h 1274"/>
                <a:gd name="T12" fmla="*/ 131 w 1253"/>
                <a:gd name="T13" fmla="*/ 318 h 1274"/>
                <a:gd name="T14" fmla="*/ 123 w 1253"/>
                <a:gd name="T15" fmla="*/ 340 h 1274"/>
                <a:gd name="T16" fmla="*/ 128 w 1253"/>
                <a:gd name="T17" fmla="*/ 367 h 1274"/>
                <a:gd name="T18" fmla="*/ 121 w 1253"/>
                <a:gd name="T19" fmla="*/ 389 h 1274"/>
                <a:gd name="T20" fmla="*/ 144 w 1253"/>
                <a:gd name="T21" fmla="*/ 394 h 1274"/>
                <a:gd name="T22" fmla="*/ 140 w 1253"/>
                <a:gd name="T23" fmla="*/ 403 h 1274"/>
                <a:gd name="T24" fmla="*/ 154 w 1253"/>
                <a:gd name="T25" fmla="*/ 402 h 1274"/>
                <a:gd name="T26" fmla="*/ 148 w 1253"/>
                <a:gd name="T27" fmla="*/ 405 h 1274"/>
                <a:gd name="T28" fmla="*/ 140 w 1253"/>
                <a:gd name="T29" fmla="*/ 412 h 1274"/>
                <a:gd name="T30" fmla="*/ 121 w 1253"/>
                <a:gd name="T31" fmla="*/ 407 h 1274"/>
                <a:gd name="T32" fmla="*/ 91 w 1253"/>
                <a:gd name="T33" fmla="*/ 412 h 1274"/>
                <a:gd name="T34" fmla="*/ 80 w 1253"/>
                <a:gd name="T35" fmla="*/ 424 h 1274"/>
                <a:gd name="T36" fmla="*/ 57 w 1253"/>
                <a:gd name="T37" fmla="*/ 409 h 1274"/>
                <a:gd name="T38" fmla="*/ 38 w 1253"/>
                <a:gd name="T39" fmla="*/ 359 h 1274"/>
                <a:gd name="T40" fmla="*/ 22 w 1253"/>
                <a:gd name="T41" fmla="*/ 337 h 1274"/>
                <a:gd name="T42" fmla="*/ 14 w 1253"/>
                <a:gd name="T43" fmla="*/ 343 h 1274"/>
                <a:gd name="T44" fmla="*/ 7 w 1253"/>
                <a:gd name="T45" fmla="*/ 349 h 1274"/>
                <a:gd name="T46" fmla="*/ 14 w 1253"/>
                <a:gd name="T47" fmla="*/ 387 h 1274"/>
                <a:gd name="T48" fmla="*/ 5 w 1253"/>
                <a:gd name="T49" fmla="*/ 393 h 1274"/>
                <a:gd name="T50" fmla="*/ 1 w 1253"/>
                <a:gd name="T51" fmla="*/ 349 h 1274"/>
                <a:gd name="T52" fmla="*/ 16 w 1253"/>
                <a:gd name="T53" fmla="*/ 325 h 1274"/>
                <a:gd name="T54" fmla="*/ 28 w 1253"/>
                <a:gd name="T55" fmla="*/ 319 h 1274"/>
                <a:gd name="T56" fmla="*/ 23 w 1253"/>
                <a:gd name="T57" fmla="*/ 307 h 1274"/>
                <a:gd name="T58" fmla="*/ 10 w 1253"/>
                <a:gd name="T59" fmla="*/ 313 h 1274"/>
                <a:gd name="T60" fmla="*/ 25 w 1253"/>
                <a:gd name="T61" fmla="*/ 263 h 1274"/>
                <a:gd name="T62" fmla="*/ 99 w 1253"/>
                <a:gd name="T63" fmla="*/ 139 h 1274"/>
                <a:gd name="T64" fmla="*/ 139 w 1253"/>
                <a:gd name="T65" fmla="*/ 94 h 1274"/>
                <a:gd name="T66" fmla="*/ 175 w 1253"/>
                <a:gd name="T67" fmla="*/ 41 h 1274"/>
                <a:gd name="T68" fmla="*/ 214 w 1253"/>
                <a:gd name="T69" fmla="*/ 36 h 1274"/>
                <a:gd name="T70" fmla="*/ 257 w 1253"/>
                <a:gd name="T71" fmla="*/ 53 h 1274"/>
                <a:gd name="T72" fmla="*/ 306 w 1253"/>
                <a:gd name="T73" fmla="*/ 40 h 1274"/>
                <a:gd name="T74" fmla="*/ 364 w 1253"/>
                <a:gd name="T75" fmla="*/ 0 h 1274"/>
                <a:gd name="T76" fmla="*/ 382 w 1253"/>
                <a:gd name="T77" fmla="*/ 4 h 1274"/>
                <a:gd name="T78" fmla="*/ 391 w 1253"/>
                <a:gd name="T79" fmla="*/ 12 h 1274"/>
                <a:gd name="T80" fmla="*/ 388 w 1253"/>
                <a:gd name="T81" fmla="*/ 33 h 1274"/>
                <a:gd name="T82" fmla="*/ 387 w 1253"/>
                <a:gd name="T83" fmla="*/ 47 h 1274"/>
                <a:gd name="T84" fmla="*/ 398 w 1253"/>
                <a:gd name="T85" fmla="*/ 59 h 1274"/>
                <a:gd name="T86" fmla="*/ 398 w 1253"/>
                <a:gd name="T87" fmla="*/ 65 h 1274"/>
                <a:gd name="T88" fmla="*/ 386 w 1253"/>
                <a:gd name="T89" fmla="*/ 78 h 1274"/>
                <a:gd name="T90" fmla="*/ 396 w 1253"/>
                <a:gd name="T91" fmla="*/ 91 h 1274"/>
                <a:gd name="T92" fmla="*/ 406 w 1253"/>
                <a:gd name="T93" fmla="*/ 105 h 1274"/>
                <a:gd name="T94" fmla="*/ 411 w 1253"/>
                <a:gd name="T95" fmla="*/ 110 h 1274"/>
                <a:gd name="T96" fmla="*/ 418 w 1253"/>
                <a:gd name="T97" fmla="*/ 106 h 1274"/>
                <a:gd name="T98" fmla="*/ 407 w 1253"/>
                <a:gd name="T99" fmla="*/ 125 h 1274"/>
                <a:gd name="T100" fmla="*/ 391 w 1253"/>
                <a:gd name="T101" fmla="*/ 124 h 1274"/>
                <a:gd name="T102" fmla="*/ 356 w 1253"/>
                <a:gd name="T103" fmla="*/ 133 h 1274"/>
                <a:gd name="T104" fmla="*/ 332 w 1253"/>
                <a:gd name="T105" fmla="*/ 158 h 1274"/>
                <a:gd name="T106" fmla="*/ 322 w 1253"/>
                <a:gd name="T107" fmla="*/ 150 h 1274"/>
                <a:gd name="T108" fmla="*/ 317 w 1253"/>
                <a:gd name="T109" fmla="*/ 123 h 1274"/>
                <a:gd name="T110" fmla="*/ 307 w 1253"/>
                <a:gd name="T111" fmla="*/ 124 h 1274"/>
                <a:gd name="T112" fmla="*/ 313 w 1253"/>
                <a:gd name="T113" fmla="*/ 143 h 1274"/>
                <a:gd name="T114" fmla="*/ 302 w 1253"/>
                <a:gd name="T115" fmla="*/ 145 h 1274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1253" h="1274">
                  <a:moveTo>
                    <a:pt x="853" y="411"/>
                  </a:moveTo>
                  <a:lnTo>
                    <a:pt x="855" y="418"/>
                  </a:lnTo>
                  <a:lnTo>
                    <a:pt x="857" y="424"/>
                  </a:lnTo>
                  <a:lnTo>
                    <a:pt x="860" y="430"/>
                  </a:lnTo>
                  <a:lnTo>
                    <a:pt x="865" y="435"/>
                  </a:lnTo>
                  <a:lnTo>
                    <a:pt x="873" y="444"/>
                  </a:lnTo>
                  <a:lnTo>
                    <a:pt x="884" y="453"/>
                  </a:lnTo>
                  <a:lnTo>
                    <a:pt x="893" y="461"/>
                  </a:lnTo>
                  <a:lnTo>
                    <a:pt x="901" y="471"/>
                  </a:lnTo>
                  <a:lnTo>
                    <a:pt x="905" y="477"/>
                  </a:lnTo>
                  <a:lnTo>
                    <a:pt x="908" y="482"/>
                  </a:lnTo>
                  <a:lnTo>
                    <a:pt x="910" y="490"/>
                  </a:lnTo>
                  <a:lnTo>
                    <a:pt x="911" y="498"/>
                  </a:lnTo>
                  <a:lnTo>
                    <a:pt x="900" y="499"/>
                  </a:lnTo>
                  <a:lnTo>
                    <a:pt x="891" y="500"/>
                  </a:lnTo>
                  <a:lnTo>
                    <a:pt x="881" y="502"/>
                  </a:lnTo>
                  <a:lnTo>
                    <a:pt x="873" y="505"/>
                  </a:lnTo>
                  <a:lnTo>
                    <a:pt x="865" y="509"/>
                  </a:lnTo>
                  <a:lnTo>
                    <a:pt x="857" y="513"/>
                  </a:lnTo>
                  <a:lnTo>
                    <a:pt x="850" y="517"/>
                  </a:lnTo>
                  <a:lnTo>
                    <a:pt x="844" y="522"/>
                  </a:lnTo>
                  <a:lnTo>
                    <a:pt x="818" y="543"/>
                  </a:lnTo>
                  <a:lnTo>
                    <a:pt x="795" y="565"/>
                  </a:lnTo>
                  <a:lnTo>
                    <a:pt x="755" y="559"/>
                  </a:lnTo>
                  <a:lnTo>
                    <a:pt x="721" y="554"/>
                  </a:lnTo>
                  <a:lnTo>
                    <a:pt x="691" y="550"/>
                  </a:lnTo>
                  <a:lnTo>
                    <a:pt x="659" y="546"/>
                  </a:lnTo>
                  <a:lnTo>
                    <a:pt x="652" y="556"/>
                  </a:lnTo>
                  <a:lnTo>
                    <a:pt x="645" y="565"/>
                  </a:lnTo>
                  <a:lnTo>
                    <a:pt x="639" y="576"/>
                  </a:lnTo>
                  <a:lnTo>
                    <a:pt x="634" y="588"/>
                  </a:lnTo>
                  <a:lnTo>
                    <a:pt x="625" y="612"/>
                  </a:lnTo>
                  <a:lnTo>
                    <a:pt x="617" y="638"/>
                  </a:lnTo>
                  <a:lnTo>
                    <a:pt x="606" y="693"/>
                  </a:lnTo>
                  <a:lnTo>
                    <a:pt x="594" y="750"/>
                  </a:lnTo>
                  <a:lnTo>
                    <a:pt x="588" y="776"/>
                  </a:lnTo>
                  <a:lnTo>
                    <a:pt x="579" y="802"/>
                  </a:lnTo>
                  <a:lnTo>
                    <a:pt x="574" y="815"/>
                  </a:lnTo>
                  <a:lnTo>
                    <a:pt x="569" y="827"/>
                  </a:lnTo>
                  <a:lnTo>
                    <a:pt x="562" y="838"/>
                  </a:lnTo>
                  <a:lnTo>
                    <a:pt x="555" y="849"/>
                  </a:lnTo>
                  <a:lnTo>
                    <a:pt x="547" y="858"/>
                  </a:lnTo>
                  <a:lnTo>
                    <a:pt x="538" y="868"/>
                  </a:lnTo>
                  <a:lnTo>
                    <a:pt x="529" y="876"/>
                  </a:lnTo>
                  <a:lnTo>
                    <a:pt x="518" y="884"/>
                  </a:lnTo>
                  <a:lnTo>
                    <a:pt x="507" y="891"/>
                  </a:lnTo>
                  <a:lnTo>
                    <a:pt x="494" y="897"/>
                  </a:lnTo>
                  <a:lnTo>
                    <a:pt x="480" y="901"/>
                  </a:lnTo>
                  <a:lnTo>
                    <a:pt x="464" y="906"/>
                  </a:lnTo>
                  <a:lnTo>
                    <a:pt x="460" y="913"/>
                  </a:lnTo>
                  <a:lnTo>
                    <a:pt x="455" y="920"/>
                  </a:lnTo>
                  <a:lnTo>
                    <a:pt x="449" y="926"/>
                  </a:lnTo>
                  <a:lnTo>
                    <a:pt x="442" y="931"/>
                  </a:lnTo>
                  <a:lnTo>
                    <a:pt x="427" y="940"/>
                  </a:lnTo>
                  <a:lnTo>
                    <a:pt x="411" y="948"/>
                  </a:lnTo>
                  <a:lnTo>
                    <a:pt x="394" y="956"/>
                  </a:lnTo>
                  <a:lnTo>
                    <a:pt x="379" y="966"/>
                  </a:lnTo>
                  <a:lnTo>
                    <a:pt x="373" y="971"/>
                  </a:lnTo>
                  <a:lnTo>
                    <a:pt x="367" y="977"/>
                  </a:lnTo>
                  <a:lnTo>
                    <a:pt x="362" y="985"/>
                  </a:lnTo>
                  <a:lnTo>
                    <a:pt x="358" y="993"/>
                  </a:lnTo>
                  <a:lnTo>
                    <a:pt x="360" y="1003"/>
                  </a:lnTo>
                  <a:lnTo>
                    <a:pt x="364" y="1013"/>
                  </a:lnTo>
                  <a:lnTo>
                    <a:pt x="369" y="1021"/>
                  </a:lnTo>
                  <a:lnTo>
                    <a:pt x="375" y="1029"/>
                  </a:lnTo>
                  <a:lnTo>
                    <a:pt x="381" y="1036"/>
                  </a:lnTo>
                  <a:lnTo>
                    <a:pt x="387" y="1043"/>
                  </a:lnTo>
                  <a:lnTo>
                    <a:pt x="392" y="1052"/>
                  </a:lnTo>
                  <a:lnTo>
                    <a:pt x="397" y="1060"/>
                  </a:lnTo>
                  <a:lnTo>
                    <a:pt x="392" y="1074"/>
                  </a:lnTo>
                  <a:lnTo>
                    <a:pt x="389" y="1088"/>
                  </a:lnTo>
                  <a:lnTo>
                    <a:pt x="384" y="1104"/>
                  </a:lnTo>
                  <a:lnTo>
                    <a:pt x="381" y="1118"/>
                  </a:lnTo>
                  <a:lnTo>
                    <a:pt x="377" y="1132"/>
                  </a:lnTo>
                  <a:lnTo>
                    <a:pt x="373" y="1146"/>
                  </a:lnTo>
                  <a:lnTo>
                    <a:pt x="370" y="1152"/>
                  </a:lnTo>
                  <a:lnTo>
                    <a:pt x="367" y="1157"/>
                  </a:lnTo>
                  <a:lnTo>
                    <a:pt x="362" y="1162"/>
                  </a:lnTo>
                  <a:lnTo>
                    <a:pt x="358" y="1167"/>
                  </a:lnTo>
                  <a:lnTo>
                    <a:pt x="362" y="1169"/>
                  </a:lnTo>
                  <a:lnTo>
                    <a:pt x="370" y="1170"/>
                  </a:lnTo>
                  <a:lnTo>
                    <a:pt x="379" y="1170"/>
                  </a:lnTo>
                  <a:lnTo>
                    <a:pt x="390" y="1171"/>
                  </a:lnTo>
                  <a:lnTo>
                    <a:pt x="401" y="1171"/>
                  </a:lnTo>
                  <a:lnTo>
                    <a:pt x="413" y="1172"/>
                  </a:lnTo>
                  <a:lnTo>
                    <a:pt x="424" y="1174"/>
                  </a:lnTo>
                  <a:lnTo>
                    <a:pt x="436" y="1177"/>
                  </a:lnTo>
                  <a:lnTo>
                    <a:pt x="431" y="1185"/>
                  </a:lnTo>
                  <a:lnTo>
                    <a:pt x="428" y="1193"/>
                  </a:lnTo>
                  <a:lnTo>
                    <a:pt x="427" y="1198"/>
                  </a:lnTo>
                  <a:lnTo>
                    <a:pt x="423" y="1201"/>
                  </a:lnTo>
                  <a:lnTo>
                    <a:pt x="420" y="1205"/>
                  </a:lnTo>
                  <a:lnTo>
                    <a:pt x="416" y="1206"/>
                  </a:lnTo>
                  <a:lnTo>
                    <a:pt x="416" y="1210"/>
                  </a:lnTo>
                  <a:lnTo>
                    <a:pt x="417" y="1212"/>
                  </a:lnTo>
                  <a:lnTo>
                    <a:pt x="419" y="1212"/>
                  </a:lnTo>
                  <a:lnTo>
                    <a:pt x="422" y="1212"/>
                  </a:lnTo>
                  <a:lnTo>
                    <a:pt x="432" y="1210"/>
                  </a:lnTo>
                  <a:lnTo>
                    <a:pt x="442" y="1207"/>
                  </a:lnTo>
                  <a:lnTo>
                    <a:pt x="447" y="1206"/>
                  </a:lnTo>
                  <a:lnTo>
                    <a:pt x="452" y="1205"/>
                  </a:lnTo>
                  <a:lnTo>
                    <a:pt x="456" y="1205"/>
                  </a:lnTo>
                  <a:lnTo>
                    <a:pt x="460" y="1206"/>
                  </a:lnTo>
                  <a:lnTo>
                    <a:pt x="463" y="1208"/>
                  </a:lnTo>
                  <a:lnTo>
                    <a:pt x="466" y="1212"/>
                  </a:lnTo>
                  <a:lnTo>
                    <a:pt x="466" y="1217"/>
                  </a:lnTo>
                  <a:lnTo>
                    <a:pt x="464" y="1226"/>
                  </a:lnTo>
                  <a:lnTo>
                    <a:pt x="461" y="1222"/>
                  </a:lnTo>
                  <a:lnTo>
                    <a:pt x="457" y="1219"/>
                  </a:lnTo>
                  <a:lnTo>
                    <a:pt x="453" y="1218"/>
                  </a:lnTo>
                  <a:lnTo>
                    <a:pt x="449" y="1217"/>
                  </a:lnTo>
                  <a:lnTo>
                    <a:pt x="444" y="1217"/>
                  </a:lnTo>
                  <a:lnTo>
                    <a:pt x="440" y="1218"/>
                  </a:lnTo>
                  <a:lnTo>
                    <a:pt x="436" y="1219"/>
                  </a:lnTo>
                  <a:lnTo>
                    <a:pt x="433" y="1221"/>
                  </a:lnTo>
                  <a:lnTo>
                    <a:pt x="430" y="1225"/>
                  </a:lnTo>
                  <a:lnTo>
                    <a:pt x="426" y="1228"/>
                  </a:lnTo>
                  <a:lnTo>
                    <a:pt x="423" y="1231"/>
                  </a:lnTo>
                  <a:lnTo>
                    <a:pt x="420" y="1235"/>
                  </a:lnTo>
                  <a:lnTo>
                    <a:pt x="419" y="1239"/>
                  </a:lnTo>
                  <a:lnTo>
                    <a:pt x="417" y="1245"/>
                  </a:lnTo>
                  <a:lnTo>
                    <a:pt x="416" y="1249"/>
                  </a:lnTo>
                  <a:lnTo>
                    <a:pt x="416" y="1254"/>
                  </a:lnTo>
                  <a:lnTo>
                    <a:pt x="409" y="1246"/>
                  </a:lnTo>
                  <a:lnTo>
                    <a:pt x="399" y="1238"/>
                  </a:lnTo>
                  <a:lnTo>
                    <a:pt x="389" y="1233"/>
                  </a:lnTo>
                  <a:lnTo>
                    <a:pt x="377" y="1228"/>
                  </a:lnTo>
                  <a:lnTo>
                    <a:pt x="364" y="1224"/>
                  </a:lnTo>
                  <a:lnTo>
                    <a:pt x="352" y="1221"/>
                  </a:lnTo>
                  <a:lnTo>
                    <a:pt x="339" y="1219"/>
                  </a:lnTo>
                  <a:lnTo>
                    <a:pt x="327" y="1219"/>
                  </a:lnTo>
                  <a:lnTo>
                    <a:pt x="314" y="1221"/>
                  </a:lnTo>
                  <a:lnTo>
                    <a:pt x="301" y="1224"/>
                  </a:lnTo>
                  <a:lnTo>
                    <a:pt x="290" y="1229"/>
                  </a:lnTo>
                  <a:lnTo>
                    <a:pt x="279" y="1234"/>
                  </a:lnTo>
                  <a:lnTo>
                    <a:pt x="274" y="1238"/>
                  </a:lnTo>
                  <a:lnTo>
                    <a:pt x="270" y="1241"/>
                  </a:lnTo>
                  <a:lnTo>
                    <a:pt x="265" y="1246"/>
                  </a:lnTo>
                  <a:lnTo>
                    <a:pt x="262" y="1251"/>
                  </a:lnTo>
                  <a:lnTo>
                    <a:pt x="258" y="1256"/>
                  </a:lnTo>
                  <a:lnTo>
                    <a:pt x="256" y="1261"/>
                  </a:lnTo>
                  <a:lnTo>
                    <a:pt x="253" y="1268"/>
                  </a:lnTo>
                  <a:lnTo>
                    <a:pt x="252" y="1274"/>
                  </a:lnTo>
                  <a:lnTo>
                    <a:pt x="239" y="1274"/>
                  </a:lnTo>
                  <a:lnTo>
                    <a:pt x="228" y="1272"/>
                  </a:lnTo>
                  <a:lnTo>
                    <a:pt x="217" y="1270"/>
                  </a:lnTo>
                  <a:lnTo>
                    <a:pt x="208" y="1266"/>
                  </a:lnTo>
                  <a:lnTo>
                    <a:pt x="199" y="1260"/>
                  </a:lnTo>
                  <a:lnTo>
                    <a:pt x="191" y="1254"/>
                  </a:lnTo>
                  <a:lnTo>
                    <a:pt x="183" y="1247"/>
                  </a:lnTo>
                  <a:lnTo>
                    <a:pt x="177" y="1238"/>
                  </a:lnTo>
                  <a:lnTo>
                    <a:pt x="171" y="1229"/>
                  </a:lnTo>
                  <a:lnTo>
                    <a:pt x="164" y="1219"/>
                  </a:lnTo>
                  <a:lnTo>
                    <a:pt x="159" y="1209"/>
                  </a:lnTo>
                  <a:lnTo>
                    <a:pt x="155" y="1197"/>
                  </a:lnTo>
                  <a:lnTo>
                    <a:pt x="145" y="1174"/>
                  </a:lnTo>
                  <a:lnTo>
                    <a:pt x="138" y="1150"/>
                  </a:lnTo>
                  <a:lnTo>
                    <a:pt x="131" y="1126"/>
                  </a:lnTo>
                  <a:lnTo>
                    <a:pt x="123" y="1102"/>
                  </a:lnTo>
                  <a:lnTo>
                    <a:pt x="115" y="1079"/>
                  </a:lnTo>
                  <a:lnTo>
                    <a:pt x="106" y="1059"/>
                  </a:lnTo>
                  <a:lnTo>
                    <a:pt x="102" y="1050"/>
                  </a:lnTo>
                  <a:lnTo>
                    <a:pt x="97" y="1041"/>
                  </a:lnTo>
                  <a:lnTo>
                    <a:pt x="92" y="1034"/>
                  </a:lnTo>
                  <a:lnTo>
                    <a:pt x="86" y="1027"/>
                  </a:lnTo>
                  <a:lnTo>
                    <a:pt x="80" y="1021"/>
                  </a:lnTo>
                  <a:lnTo>
                    <a:pt x="73" y="1017"/>
                  </a:lnTo>
                  <a:lnTo>
                    <a:pt x="65" y="1014"/>
                  </a:lnTo>
                  <a:lnTo>
                    <a:pt x="57" y="1012"/>
                  </a:lnTo>
                  <a:lnTo>
                    <a:pt x="55" y="1012"/>
                  </a:lnTo>
                  <a:lnTo>
                    <a:pt x="53" y="1013"/>
                  </a:lnTo>
                  <a:lnTo>
                    <a:pt x="51" y="1015"/>
                  </a:lnTo>
                  <a:lnTo>
                    <a:pt x="50" y="1018"/>
                  </a:lnTo>
                  <a:lnTo>
                    <a:pt x="46" y="1023"/>
                  </a:lnTo>
                  <a:lnTo>
                    <a:pt x="44" y="1029"/>
                  </a:lnTo>
                  <a:lnTo>
                    <a:pt x="43" y="1031"/>
                  </a:lnTo>
                  <a:lnTo>
                    <a:pt x="43" y="1032"/>
                  </a:lnTo>
                  <a:lnTo>
                    <a:pt x="42" y="1033"/>
                  </a:lnTo>
                  <a:lnTo>
                    <a:pt x="41" y="1032"/>
                  </a:lnTo>
                  <a:lnTo>
                    <a:pt x="40" y="1026"/>
                  </a:lnTo>
                  <a:lnTo>
                    <a:pt x="38" y="1012"/>
                  </a:lnTo>
                  <a:lnTo>
                    <a:pt x="31" y="1025"/>
                  </a:lnTo>
                  <a:lnTo>
                    <a:pt x="25" y="1037"/>
                  </a:lnTo>
                  <a:lnTo>
                    <a:pt x="22" y="1049"/>
                  </a:lnTo>
                  <a:lnTo>
                    <a:pt x="21" y="1060"/>
                  </a:lnTo>
                  <a:lnTo>
                    <a:pt x="22" y="1071"/>
                  </a:lnTo>
                  <a:lnTo>
                    <a:pt x="23" y="1082"/>
                  </a:lnTo>
                  <a:lnTo>
                    <a:pt x="26" y="1093"/>
                  </a:lnTo>
                  <a:lnTo>
                    <a:pt x="30" y="1105"/>
                  </a:lnTo>
                  <a:lnTo>
                    <a:pt x="36" y="1127"/>
                  </a:lnTo>
                  <a:lnTo>
                    <a:pt x="41" y="1151"/>
                  </a:lnTo>
                  <a:lnTo>
                    <a:pt x="43" y="1164"/>
                  </a:lnTo>
                  <a:lnTo>
                    <a:pt x="43" y="1177"/>
                  </a:lnTo>
                  <a:lnTo>
                    <a:pt x="41" y="1191"/>
                  </a:lnTo>
                  <a:lnTo>
                    <a:pt x="38" y="1206"/>
                  </a:lnTo>
                  <a:lnTo>
                    <a:pt x="34" y="1204"/>
                  </a:lnTo>
                  <a:lnTo>
                    <a:pt x="30" y="1200"/>
                  </a:lnTo>
                  <a:lnTo>
                    <a:pt x="25" y="1197"/>
                  </a:lnTo>
                  <a:lnTo>
                    <a:pt x="22" y="1193"/>
                  </a:lnTo>
                  <a:lnTo>
                    <a:pt x="16" y="1182"/>
                  </a:lnTo>
                  <a:lnTo>
                    <a:pt x="11" y="1170"/>
                  </a:lnTo>
                  <a:lnTo>
                    <a:pt x="6" y="1156"/>
                  </a:lnTo>
                  <a:lnTo>
                    <a:pt x="3" y="1140"/>
                  </a:lnTo>
                  <a:lnTo>
                    <a:pt x="2" y="1124"/>
                  </a:lnTo>
                  <a:lnTo>
                    <a:pt x="1" y="1106"/>
                  </a:lnTo>
                  <a:lnTo>
                    <a:pt x="0" y="1087"/>
                  </a:lnTo>
                  <a:lnTo>
                    <a:pt x="1" y="1068"/>
                  </a:lnTo>
                  <a:lnTo>
                    <a:pt x="2" y="1049"/>
                  </a:lnTo>
                  <a:lnTo>
                    <a:pt x="4" y="1031"/>
                  </a:lnTo>
                  <a:lnTo>
                    <a:pt x="7" y="1012"/>
                  </a:lnTo>
                  <a:lnTo>
                    <a:pt x="11" y="995"/>
                  </a:lnTo>
                  <a:lnTo>
                    <a:pt x="14" y="978"/>
                  </a:lnTo>
                  <a:lnTo>
                    <a:pt x="18" y="963"/>
                  </a:lnTo>
                  <a:lnTo>
                    <a:pt x="31" y="970"/>
                  </a:lnTo>
                  <a:lnTo>
                    <a:pt x="42" y="975"/>
                  </a:lnTo>
                  <a:lnTo>
                    <a:pt x="49" y="976"/>
                  </a:lnTo>
                  <a:lnTo>
                    <a:pt x="55" y="977"/>
                  </a:lnTo>
                  <a:lnTo>
                    <a:pt x="60" y="977"/>
                  </a:lnTo>
                  <a:lnTo>
                    <a:pt x="65" y="977"/>
                  </a:lnTo>
                  <a:lnTo>
                    <a:pt x="70" y="975"/>
                  </a:lnTo>
                  <a:lnTo>
                    <a:pt x="75" y="973"/>
                  </a:lnTo>
                  <a:lnTo>
                    <a:pt x="78" y="970"/>
                  </a:lnTo>
                  <a:lnTo>
                    <a:pt x="81" y="966"/>
                  </a:lnTo>
                  <a:lnTo>
                    <a:pt x="84" y="959"/>
                  </a:lnTo>
                  <a:lnTo>
                    <a:pt x="85" y="952"/>
                  </a:lnTo>
                  <a:lnTo>
                    <a:pt x="86" y="945"/>
                  </a:lnTo>
                  <a:lnTo>
                    <a:pt x="86" y="934"/>
                  </a:lnTo>
                  <a:lnTo>
                    <a:pt x="84" y="931"/>
                  </a:lnTo>
                  <a:lnTo>
                    <a:pt x="81" y="928"/>
                  </a:lnTo>
                  <a:lnTo>
                    <a:pt x="78" y="926"/>
                  </a:lnTo>
                  <a:lnTo>
                    <a:pt x="74" y="923"/>
                  </a:lnTo>
                  <a:lnTo>
                    <a:pt x="70" y="923"/>
                  </a:lnTo>
                  <a:lnTo>
                    <a:pt x="65" y="923"/>
                  </a:lnTo>
                  <a:lnTo>
                    <a:pt x="60" y="924"/>
                  </a:lnTo>
                  <a:lnTo>
                    <a:pt x="55" y="926"/>
                  </a:lnTo>
                  <a:lnTo>
                    <a:pt x="45" y="929"/>
                  </a:lnTo>
                  <a:lnTo>
                    <a:pt x="37" y="933"/>
                  </a:lnTo>
                  <a:lnTo>
                    <a:pt x="34" y="936"/>
                  </a:lnTo>
                  <a:lnTo>
                    <a:pt x="31" y="938"/>
                  </a:lnTo>
                  <a:lnTo>
                    <a:pt x="30" y="941"/>
                  </a:lnTo>
                  <a:lnTo>
                    <a:pt x="29" y="945"/>
                  </a:lnTo>
                  <a:lnTo>
                    <a:pt x="33" y="921"/>
                  </a:lnTo>
                  <a:lnTo>
                    <a:pt x="37" y="898"/>
                  </a:lnTo>
                  <a:lnTo>
                    <a:pt x="43" y="876"/>
                  </a:lnTo>
                  <a:lnTo>
                    <a:pt x="50" y="854"/>
                  </a:lnTo>
                  <a:lnTo>
                    <a:pt x="57" y="833"/>
                  </a:lnTo>
                  <a:lnTo>
                    <a:pt x="65" y="811"/>
                  </a:lnTo>
                  <a:lnTo>
                    <a:pt x="74" y="790"/>
                  </a:lnTo>
                  <a:lnTo>
                    <a:pt x="82" y="769"/>
                  </a:lnTo>
                  <a:lnTo>
                    <a:pt x="102" y="728"/>
                  </a:lnTo>
                  <a:lnTo>
                    <a:pt x="123" y="688"/>
                  </a:lnTo>
                  <a:lnTo>
                    <a:pt x="146" y="648"/>
                  </a:lnTo>
                  <a:lnTo>
                    <a:pt x="171" y="609"/>
                  </a:lnTo>
                  <a:lnTo>
                    <a:pt x="221" y="532"/>
                  </a:lnTo>
                  <a:lnTo>
                    <a:pt x="272" y="456"/>
                  </a:lnTo>
                  <a:lnTo>
                    <a:pt x="297" y="418"/>
                  </a:lnTo>
                  <a:lnTo>
                    <a:pt x="322" y="380"/>
                  </a:lnTo>
                  <a:lnTo>
                    <a:pt x="346" y="342"/>
                  </a:lnTo>
                  <a:lnTo>
                    <a:pt x="368" y="303"/>
                  </a:lnTo>
                  <a:lnTo>
                    <a:pt x="377" y="301"/>
                  </a:lnTo>
                  <a:lnTo>
                    <a:pt x="387" y="298"/>
                  </a:lnTo>
                  <a:lnTo>
                    <a:pt x="395" y="295"/>
                  </a:lnTo>
                  <a:lnTo>
                    <a:pt x="403" y="291"/>
                  </a:lnTo>
                  <a:lnTo>
                    <a:pt x="418" y="281"/>
                  </a:lnTo>
                  <a:lnTo>
                    <a:pt x="433" y="271"/>
                  </a:lnTo>
                  <a:lnTo>
                    <a:pt x="446" y="259"/>
                  </a:lnTo>
                  <a:lnTo>
                    <a:pt x="456" y="246"/>
                  </a:lnTo>
                  <a:lnTo>
                    <a:pt x="467" y="233"/>
                  </a:lnTo>
                  <a:lnTo>
                    <a:pt x="477" y="218"/>
                  </a:lnTo>
                  <a:lnTo>
                    <a:pt x="494" y="187"/>
                  </a:lnTo>
                  <a:lnTo>
                    <a:pt x="511" y="155"/>
                  </a:lnTo>
                  <a:lnTo>
                    <a:pt x="526" y="122"/>
                  </a:lnTo>
                  <a:lnTo>
                    <a:pt x="542" y="89"/>
                  </a:lnTo>
                  <a:lnTo>
                    <a:pt x="558" y="87"/>
                  </a:lnTo>
                  <a:lnTo>
                    <a:pt x="573" y="87"/>
                  </a:lnTo>
                  <a:lnTo>
                    <a:pt x="588" y="88"/>
                  </a:lnTo>
                  <a:lnTo>
                    <a:pt x="601" y="92"/>
                  </a:lnTo>
                  <a:lnTo>
                    <a:pt x="615" y="96"/>
                  </a:lnTo>
                  <a:lnTo>
                    <a:pt x="628" y="101"/>
                  </a:lnTo>
                  <a:lnTo>
                    <a:pt x="640" y="107"/>
                  </a:lnTo>
                  <a:lnTo>
                    <a:pt x="653" y="114"/>
                  </a:lnTo>
                  <a:lnTo>
                    <a:pt x="678" y="128"/>
                  </a:lnTo>
                  <a:lnTo>
                    <a:pt x="704" y="141"/>
                  </a:lnTo>
                  <a:lnTo>
                    <a:pt x="716" y="147"/>
                  </a:lnTo>
                  <a:lnTo>
                    <a:pt x="729" y="153"/>
                  </a:lnTo>
                  <a:lnTo>
                    <a:pt x="742" y="156"/>
                  </a:lnTo>
                  <a:lnTo>
                    <a:pt x="756" y="158"/>
                  </a:lnTo>
                  <a:lnTo>
                    <a:pt x="769" y="159"/>
                  </a:lnTo>
                  <a:lnTo>
                    <a:pt x="780" y="159"/>
                  </a:lnTo>
                  <a:lnTo>
                    <a:pt x="793" y="159"/>
                  </a:lnTo>
                  <a:lnTo>
                    <a:pt x="805" y="158"/>
                  </a:lnTo>
                  <a:lnTo>
                    <a:pt x="829" y="154"/>
                  </a:lnTo>
                  <a:lnTo>
                    <a:pt x="852" y="148"/>
                  </a:lnTo>
                  <a:lnTo>
                    <a:pt x="874" y="141"/>
                  </a:lnTo>
                  <a:lnTo>
                    <a:pt x="896" y="132"/>
                  </a:lnTo>
                  <a:lnTo>
                    <a:pt x="917" y="121"/>
                  </a:lnTo>
                  <a:lnTo>
                    <a:pt x="938" y="109"/>
                  </a:lnTo>
                  <a:lnTo>
                    <a:pt x="958" y="97"/>
                  </a:lnTo>
                  <a:lnTo>
                    <a:pt x="978" y="84"/>
                  </a:lnTo>
                  <a:lnTo>
                    <a:pt x="997" y="71"/>
                  </a:lnTo>
                  <a:lnTo>
                    <a:pt x="1016" y="57"/>
                  </a:lnTo>
                  <a:lnTo>
                    <a:pt x="1052" y="28"/>
                  </a:lnTo>
                  <a:lnTo>
                    <a:pt x="1086" y="2"/>
                  </a:lnTo>
                  <a:lnTo>
                    <a:pt x="1091" y="1"/>
                  </a:lnTo>
                  <a:lnTo>
                    <a:pt x="1097" y="0"/>
                  </a:lnTo>
                  <a:lnTo>
                    <a:pt x="1103" y="0"/>
                  </a:lnTo>
                  <a:lnTo>
                    <a:pt x="1107" y="1"/>
                  </a:lnTo>
                  <a:lnTo>
                    <a:pt x="1117" y="4"/>
                  </a:lnTo>
                  <a:lnTo>
                    <a:pt x="1126" y="8"/>
                  </a:lnTo>
                  <a:lnTo>
                    <a:pt x="1134" y="12"/>
                  </a:lnTo>
                  <a:lnTo>
                    <a:pt x="1142" y="13"/>
                  </a:lnTo>
                  <a:lnTo>
                    <a:pt x="1145" y="13"/>
                  </a:lnTo>
                  <a:lnTo>
                    <a:pt x="1148" y="10"/>
                  </a:lnTo>
                  <a:lnTo>
                    <a:pt x="1151" y="7"/>
                  </a:lnTo>
                  <a:lnTo>
                    <a:pt x="1154" y="2"/>
                  </a:lnTo>
                  <a:lnTo>
                    <a:pt x="1158" y="7"/>
                  </a:lnTo>
                  <a:lnTo>
                    <a:pt x="1163" y="13"/>
                  </a:lnTo>
                  <a:lnTo>
                    <a:pt x="1166" y="19"/>
                  </a:lnTo>
                  <a:lnTo>
                    <a:pt x="1169" y="27"/>
                  </a:lnTo>
                  <a:lnTo>
                    <a:pt x="1171" y="35"/>
                  </a:lnTo>
                  <a:lnTo>
                    <a:pt x="1172" y="43"/>
                  </a:lnTo>
                  <a:lnTo>
                    <a:pt x="1173" y="53"/>
                  </a:lnTo>
                  <a:lnTo>
                    <a:pt x="1174" y="61"/>
                  </a:lnTo>
                  <a:lnTo>
                    <a:pt x="1173" y="69"/>
                  </a:lnTo>
                  <a:lnTo>
                    <a:pt x="1172" y="78"/>
                  </a:lnTo>
                  <a:lnTo>
                    <a:pt x="1170" y="86"/>
                  </a:lnTo>
                  <a:lnTo>
                    <a:pt x="1167" y="93"/>
                  </a:lnTo>
                  <a:lnTo>
                    <a:pt x="1163" y="99"/>
                  </a:lnTo>
                  <a:lnTo>
                    <a:pt x="1157" y="104"/>
                  </a:lnTo>
                  <a:lnTo>
                    <a:pt x="1151" y="107"/>
                  </a:lnTo>
                  <a:lnTo>
                    <a:pt x="1144" y="109"/>
                  </a:lnTo>
                  <a:lnTo>
                    <a:pt x="1148" y="114"/>
                  </a:lnTo>
                  <a:lnTo>
                    <a:pt x="1151" y="118"/>
                  </a:lnTo>
                  <a:lnTo>
                    <a:pt x="1154" y="123"/>
                  </a:lnTo>
                  <a:lnTo>
                    <a:pt x="1156" y="128"/>
                  </a:lnTo>
                  <a:lnTo>
                    <a:pt x="1161" y="140"/>
                  </a:lnTo>
                  <a:lnTo>
                    <a:pt x="1165" y="152"/>
                  </a:lnTo>
                  <a:lnTo>
                    <a:pt x="1168" y="157"/>
                  </a:lnTo>
                  <a:lnTo>
                    <a:pt x="1170" y="162"/>
                  </a:lnTo>
                  <a:lnTo>
                    <a:pt x="1174" y="166"/>
                  </a:lnTo>
                  <a:lnTo>
                    <a:pt x="1177" y="171"/>
                  </a:lnTo>
                  <a:lnTo>
                    <a:pt x="1183" y="174"/>
                  </a:lnTo>
                  <a:lnTo>
                    <a:pt x="1188" y="176"/>
                  </a:lnTo>
                  <a:lnTo>
                    <a:pt x="1194" y="177"/>
                  </a:lnTo>
                  <a:lnTo>
                    <a:pt x="1203" y="177"/>
                  </a:lnTo>
                  <a:lnTo>
                    <a:pt x="1202" y="182"/>
                  </a:lnTo>
                  <a:lnTo>
                    <a:pt x="1201" y="186"/>
                  </a:lnTo>
                  <a:lnTo>
                    <a:pt x="1199" y="190"/>
                  </a:lnTo>
                  <a:lnTo>
                    <a:pt x="1198" y="192"/>
                  </a:lnTo>
                  <a:lnTo>
                    <a:pt x="1196" y="194"/>
                  </a:lnTo>
                  <a:lnTo>
                    <a:pt x="1194" y="194"/>
                  </a:lnTo>
                  <a:lnTo>
                    <a:pt x="1192" y="195"/>
                  </a:lnTo>
                  <a:lnTo>
                    <a:pt x="1189" y="194"/>
                  </a:lnTo>
                  <a:lnTo>
                    <a:pt x="1183" y="194"/>
                  </a:lnTo>
                  <a:lnTo>
                    <a:pt x="1174" y="193"/>
                  </a:lnTo>
                  <a:lnTo>
                    <a:pt x="1165" y="194"/>
                  </a:lnTo>
                  <a:lnTo>
                    <a:pt x="1154" y="197"/>
                  </a:lnTo>
                  <a:lnTo>
                    <a:pt x="1155" y="213"/>
                  </a:lnTo>
                  <a:lnTo>
                    <a:pt x="1156" y="227"/>
                  </a:lnTo>
                  <a:lnTo>
                    <a:pt x="1158" y="235"/>
                  </a:lnTo>
                  <a:lnTo>
                    <a:pt x="1159" y="242"/>
                  </a:lnTo>
                  <a:lnTo>
                    <a:pt x="1162" y="248"/>
                  </a:lnTo>
                  <a:lnTo>
                    <a:pt x="1165" y="254"/>
                  </a:lnTo>
                  <a:lnTo>
                    <a:pt x="1168" y="259"/>
                  </a:lnTo>
                  <a:lnTo>
                    <a:pt x="1171" y="264"/>
                  </a:lnTo>
                  <a:lnTo>
                    <a:pt x="1176" y="267"/>
                  </a:lnTo>
                  <a:lnTo>
                    <a:pt x="1182" y="271"/>
                  </a:lnTo>
                  <a:lnTo>
                    <a:pt x="1188" y="274"/>
                  </a:lnTo>
                  <a:lnTo>
                    <a:pt x="1194" y="275"/>
                  </a:lnTo>
                  <a:lnTo>
                    <a:pt x="1203" y="275"/>
                  </a:lnTo>
                  <a:lnTo>
                    <a:pt x="1212" y="275"/>
                  </a:lnTo>
                  <a:lnTo>
                    <a:pt x="1210" y="285"/>
                  </a:lnTo>
                  <a:lnTo>
                    <a:pt x="1211" y="295"/>
                  </a:lnTo>
                  <a:lnTo>
                    <a:pt x="1213" y="302"/>
                  </a:lnTo>
                  <a:lnTo>
                    <a:pt x="1215" y="310"/>
                  </a:lnTo>
                  <a:lnTo>
                    <a:pt x="1218" y="316"/>
                  </a:lnTo>
                  <a:lnTo>
                    <a:pt x="1222" y="323"/>
                  </a:lnTo>
                  <a:lnTo>
                    <a:pt x="1223" y="332"/>
                  </a:lnTo>
                  <a:lnTo>
                    <a:pt x="1222" y="342"/>
                  </a:lnTo>
                  <a:lnTo>
                    <a:pt x="1226" y="342"/>
                  </a:lnTo>
                  <a:lnTo>
                    <a:pt x="1228" y="341"/>
                  </a:lnTo>
                  <a:lnTo>
                    <a:pt x="1230" y="340"/>
                  </a:lnTo>
                  <a:lnTo>
                    <a:pt x="1231" y="337"/>
                  </a:lnTo>
                  <a:lnTo>
                    <a:pt x="1233" y="332"/>
                  </a:lnTo>
                  <a:lnTo>
                    <a:pt x="1232" y="324"/>
                  </a:lnTo>
                  <a:lnTo>
                    <a:pt x="1232" y="316"/>
                  </a:lnTo>
                  <a:lnTo>
                    <a:pt x="1231" y="307"/>
                  </a:lnTo>
                  <a:lnTo>
                    <a:pt x="1230" y="300"/>
                  </a:lnTo>
                  <a:lnTo>
                    <a:pt x="1231" y="294"/>
                  </a:lnTo>
                  <a:lnTo>
                    <a:pt x="1241" y="302"/>
                  </a:lnTo>
                  <a:lnTo>
                    <a:pt x="1248" y="311"/>
                  </a:lnTo>
                  <a:lnTo>
                    <a:pt x="1252" y="318"/>
                  </a:lnTo>
                  <a:lnTo>
                    <a:pt x="1253" y="326"/>
                  </a:lnTo>
                  <a:lnTo>
                    <a:pt x="1253" y="335"/>
                  </a:lnTo>
                  <a:lnTo>
                    <a:pt x="1251" y="342"/>
                  </a:lnTo>
                  <a:lnTo>
                    <a:pt x="1248" y="350"/>
                  </a:lnTo>
                  <a:lnTo>
                    <a:pt x="1243" y="357"/>
                  </a:lnTo>
                  <a:lnTo>
                    <a:pt x="1236" y="364"/>
                  </a:lnTo>
                  <a:lnTo>
                    <a:pt x="1229" y="371"/>
                  </a:lnTo>
                  <a:lnTo>
                    <a:pt x="1221" y="377"/>
                  </a:lnTo>
                  <a:lnTo>
                    <a:pt x="1211" y="383"/>
                  </a:lnTo>
                  <a:lnTo>
                    <a:pt x="1203" y="389"/>
                  </a:lnTo>
                  <a:lnTo>
                    <a:pt x="1192" y="393"/>
                  </a:lnTo>
                  <a:lnTo>
                    <a:pt x="1183" y="397"/>
                  </a:lnTo>
                  <a:lnTo>
                    <a:pt x="1173" y="400"/>
                  </a:lnTo>
                  <a:lnTo>
                    <a:pt x="1173" y="391"/>
                  </a:lnTo>
                  <a:lnTo>
                    <a:pt x="1173" y="381"/>
                  </a:lnTo>
                  <a:lnTo>
                    <a:pt x="1173" y="372"/>
                  </a:lnTo>
                  <a:lnTo>
                    <a:pt x="1173" y="362"/>
                  </a:lnTo>
                  <a:lnTo>
                    <a:pt x="1155" y="365"/>
                  </a:lnTo>
                  <a:lnTo>
                    <a:pt x="1137" y="371"/>
                  </a:lnTo>
                  <a:lnTo>
                    <a:pt x="1122" y="376"/>
                  </a:lnTo>
                  <a:lnTo>
                    <a:pt x="1106" y="381"/>
                  </a:lnTo>
                  <a:lnTo>
                    <a:pt x="1092" y="386"/>
                  </a:lnTo>
                  <a:lnTo>
                    <a:pt x="1078" y="393"/>
                  </a:lnTo>
                  <a:lnTo>
                    <a:pt x="1066" y="400"/>
                  </a:lnTo>
                  <a:lnTo>
                    <a:pt x="1054" y="407"/>
                  </a:lnTo>
                  <a:lnTo>
                    <a:pt x="1043" y="415"/>
                  </a:lnTo>
                  <a:lnTo>
                    <a:pt x="1033" y="423"/>
                  </a:lnTo>
                  <a:lnTo>
                    <a:pt x="1024" y="433"/>
                  </a:lnTo>
                  <a:lnTo>
                    <a:pt x="1015" y="442"/>
                  </a:lnTo>
                  <a:lnTo>
                    <a:pt x="1008" y="453"/>
                  </a:lnTo>
                  <a:lnTo>
                    <a:pt x="1000" y="463"/>
                  </a:lnTo>
                  <a:lnTo>
                    <a:pt x="994" y="476"/>
                  </a:lnTo>
                  <a:lnTo>
                    <a:pt x="989" y="488"/>
                  </a:lnTo>
                  <a:lnTo>
                    <a:pt x="985" y="485"/>
                  </a:lnTo>
                  <a:lnTo>
                    <a:pt x="982" y="483"/>
                  </a:lnTo>
                  <a:lnTo>
                    <a:pt x="978" y="480"/>
                  </a:lnTo>
                  <a:lnTo>
                    <a:pt x="975" y="477"/>
                  </a:lnTo>
                  <a:lnTo>
                    <a:pt x="971" y="470"/>
                  </a:lnTo>
                  <a:lnTo>
                    <a:pt x="967" y="461"/>
                  </a:lnTo>
                  <a:lnTo>
                    <a:pt x="965" y="452"/>
                  </a:lnTo>
                  <a:lnTo>
                    <a:pt x="963" y="441"/>
                  </a:lnTo>
                  <a:lnTo>
                    <a:pt x="962" y="431"/>
                  </a:lnTo>
                  <a:lnTo>
                    <a:pt x="960" y="419"/>
                  </a:lnTo>
                  <a:lnTo>
                    <a:pt x="959" y="409"/>
                  </a:lnTo>
                  <a:lnTo>
                    <a:pt x="957" y="398"/>
                  </a:lnTo>
                  <a:lnTo>
                    <a:pt x="956" y="387"/>
                  </a:lnTo>
                  <a:lnTo>
                    <a:pt x="953" y="378"/>
                  </a:lnTo>
                  <a:lnTo>
                    <a:pt x="950" y="370"/>
                  </a:lnTo>
                  <a:lnTo>
                    <a:pt x="945" y="362"/>
                  </a:lnTo>
                  <a:lnTo>
                    <a:pt x="942" y="359"/>
                  </a:lnTo>
                  <a:lnTo>
                    <a:pt x="938" y="356"/>
                  </a:lnTo>
                  <a:lnTo>
                    <a:pt x="935" y="354"/>
                  </a:lnTo>
                  <a:lnTo>
                    <a:pt x="931" y="352"/>
                  </a:lnTo>
                  <a:lnTo>
                    <a:pt x="926" y="359"/>
                  </a:lnTo>
                  <a:lnTo>
                    <a:pt x="923" y="365"/>
                  </a:lnTo>
                  <a:lnTo>
                    <a:pt x="920" y="372"/>
                  </a:lnTo>
                  <a:lnTo>
                    <a:pt x="920" y="378"/>
                  </a:lnTo>
                  <a:lnTo>
                    <a:pt x="921" y="383"/>
                  </a:lnTo>
                  <a:lnTo>
                    <a:pt x="923" y="390"/>
                  </a:lnTo>
                  <a:lnTo>
                    <a:pt x="925" y="395"/>
                  </a:lnTo>
                  <a:lnTo>
                    <a:pt x="928" y="400"/>
                  </a:lnTo>
                  <a:lnTo>
                    <a:pt x="933" y="411"/>
                  </a:lnTo>
                  <a:lnTo>
                    <a:pt x="936" y="422"/>
                  </a:lnTo>
                  <a:lnTo>
                    <a:pt x="937" y="429"/>
                  </a:lnTo>
                  <a:lnTo>
                    <a:pt x="936" y="435"/>
                  </a:lnTo>
                  <a:lnTo>
                    <a:pt x="934" y="441"/>
                  </a:lnTo>
                  <a:lnTo>
                    <a:pt x="931" y="449"/>
                  </a:lnTo>
                  <a:lnTo>
                    <a:pt x="928" y="445"/>
                  </a:lnTo>
                  <a:lnTo>
                    <a:pt x="924" y="442"/>
                  </a:lnTo>
                  <a:lnTo>
                    <a:pt x="919" y="439"/>
                  </a:lnTo>
                  <a:lnTo>
                    <a:pt x="915" y="438"/>
                  </a:lnTo>
                  <a:lnTo>
                    <a:pt x="905" y="436"/>
                  </a:lnTo>
                  <a:lnTo>
                    <a:pt x="894" y="434"/>
                  </a:lnTo>
                  <a:lnTo>
                    <a:pt x="883" y="432"/>
                  </a:lnTo>
                  <a:lnTo>
                    <a:pt x="872" y="427"/>
                  </a:lnTo>
                  <a:lnTo>
                    <a:pt x="867" y="424"/>
                  </a:lnTo>
                  <a:lnTo>
                    <a:pt x="861" y="421"/>
                  </a:lnTo>
                  <a:lnTo>
                    <a:pt x="857" y="416"/>
                  </a:lnTo>
                  <a:lnTo>
                    <a:pt x="853" y="411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387" name="Thisted kant"/>
            <p:cNvSpPr>
              <a:spLocks/>
            </p:cNvSpPr>
            <p:nvPr/>
          </p:nvSpPr>
          <p:spPr bwMode="auto">
            <a:xfrm>
              <a:off x="636588" y="2987675"/>
              <a:ext cx="663575" cy="673100"/>
            </a:xfrm>
            <a:custGeom>
              <a:avLst/>
              <a:gdLst>
                <a:gd name="T0" fmla="*/ 298 w 1253"/>
                <a:gd name="T1" fmla="*/ 153 h 1274"/>
                <a:gd name="T2" fmla="*/ 294 w 1253"/>
                <a:gd name="T3" fmla="*/ 167 h 1274"/>
                <a:gd name="T4" fmla="*/ 252 w 1253"/>
                <a:gd name="T5" fmla="*/ 186 h 1274"/>
                <a:gd name="T6" fmla="*/ 208 w 1253"/>
                <a:gd name="T7" fmla="*/ 204 h 1274"/>
                <a:gd name="T8" fmla="*/ 187 w 1253"/>
                <a:gd name="T9" fmla="*/ 279 h 1274"/>
                <a:gd name="T10" fmla="*/ 160 w 1253"/>
                <a:gd name="T11" fmla="*/ 300 h 1274"/>
                <a:gd name="T12" fmla="*/ 131 w 1253"/>
                <a:gd name="T13" fmla="*/ 318 h 1274"/>
                <a:gd name="T14" fmla="*/ 123 w 1253"/>
                <a:gd name="T15" fmla="*/ 340 h 1274"/>
                <a:gd name="T16" fmla="*/ 128 w 1253"/>
                <a:gd name="T17" fmla="*/ 367 h 1274"/>
                <a:gd name="T18" fmla="*/ 121 w 1253"/>
                <a:gd name="T19" fmla="*/ 389 h 1274"/>
                <a:gd name="T20" fmla="*/ 144 w 1253"/>
                <a:gd name="T21" fmla="*/ 394 h 1274"/>
                <a:gd name="T22" fmla="*/ 140 w 1253"/>
                <a:gd name="T23" fmla="*/ 403 h 1274"/>
                <a:gd name="T24" fmla="*/ 154 w 1253"/>
                <a:gd name="T25" fmla="*/ 402 h 1274"/>
                <a:gd name="T26" fmla="*/ 148 w 1253"/>
                <a:gd name="T27" fmla="*/ 405 h 1274"/>
                <a:gd name="T28" fmla="*/ 140 w 1253"/>
                <a:gd name="T29" fmla="*/ 412 h 1274"/>
                <a:gd name="T30" fmla="*/ 121 w 1253"/>
                <a:gd name="T31" fmla="*/ 407 h 1274"/>
                <a:gd name="T32" fmla="*/ 91 w 1253"/>
                <a:gd name="T33" fmla="*/ 412 h 1274"/>
                <a:gd name="T34" fmla="*/ 80 w 1253"/>
                <a:gd name="T35" fmla="*/ 424 h 1274"/>
                <a:gd name="T36" fmla="*/ 57 w 1253"/>
                <a:gd name="T37" fmla="*/ 409 h 1274"/>
                <a:gd name="T38" fmla="*/ 38 w 1253"/>
                <a:gd name="T39" fmla="*/ 359 h 1274"/>
                <a:gd name="T40" fmla="*/ 22 w 1253"/>
                <a:gd name="T41" fmla="*/ 337 h 1274"/>
                <a:gd name="T42" fmla="*/ 14 w 1253"/>
                <a:gd name="T43" fmla="*/ 343 h 1274"/>
                <a:gd name="T44" fmla="*/ 7 w 1253"/>
                <a:gd name="T45" fmla="*/ 349 h 1274"/>
                <a:gd name="T46" fmla="*/ 14 w 1253"/>
                <a:gd name="T47" fmla="*/ 387 h 1274"/>
                <a:gd name="T48" fmla="*/ 5 w 1253"/>
                <a:gd name="T49" fmla="*/ 393 h 1274"/>
                <a:gd name="T50" fmla="*/ 1 w 1253"/>
                <a:gd name="T51" fmla="*/ 349 h 1274"/>
                <a:gd name="T52" fmla="*/ 16 w 1253"/>
                <a:gd name="T53" fmla="*/ 325 h 1274"/>
                <a:gd name="T54" fmla="*/ 28 w 1253"/>
                <a:gd name="T55" fmla="*/ 319 h 1274"/>
                <a:gd name="T56" fmla="*/ 23 w 1253"/>
                <a:gd name="T57" fmla="*/ 307 h 1274"/>
                <a:gd name="T58" fmla="*/ 10 w 1253"/>
                <a:gd name="T59" fmla="*/ 313 h 1274"/>
                <a:gd name="T60" fmla="*/ 25 w 1253"/>
                <a:gd name="T61" fmla="*/ 263 h 1274"/>
                <a:gd name="T62" fmla="*/ 99 w 1253"/>
                <a:gd name="T63" fmla="*/ 139 h 1274"/>
                <a:gd name="T64" fmla="*/ 139 w 1253"/>
                <a:gd name="T65" fmla="*/ 94 h 1274"/>
                <a:gd name="T66" fmla="*/ 175 w 1253"/>
                <a:gd name="T67" fmla="*/ 41 h 1274"/>
                <a:gd name="T68" fmla="*/ 214 w 1253"/>
                <a:gd name="T69" fmla="*/ 36 h 1274"/>
                <a:gd name="T70" fmla="*/ 257 w 1253"/>
                <a:gd name="T71" fmla="*/ 53 h 1274"/>
                <a:gd name="T72" fmla="*/ 306 w 1253"/>
                <a:gd name="T73" fmla="*/ 40 h 1274"/>
                <a:gd name="T74" fmla="*/ 364 w 1253"/>
                <a:gd name="T75" fmla="*/ 0 h 1274"/>
                <a:gd name="T76" fmla="*/ 382 w 1253"/>
                <a:gd name="T77" fmla="*/ 4 h 1274"/>
                <a:gd name="T78" fmla="*/ 391 w 1253"/>
                <a:gd name="T79" fmla="*/ 12 h 1274"/>
                <a:gd name="T80" fmla="*/ 388 w 1253"/>
                <a:gd name="T81" fmla="*/ 33 h 1274"/>
                <a:gd name="T82" fmla="*/ 387 w 1253"/>
                <a:gd name="T83" fmla="*/ 47 h 1274"/>
                <a:gd name="T84" fmla="*/ 398 w 1253"/>
                <a:gd name="T85" fmla="*/ 59 h 1274"/>
                <a:gd name="T86" fmla="*/ 398 w 1253"/>
                <a:gd name="T87" fmla="*/ 65 h 1274"/>
                <a:gd name="T88" fmla="*/ 386 w 1253"/>
                <a:gd name="T89" fmla="*/ 78 h 1274"/>
                <a:gd name="T90" fmla="*/ 396 w 1253"/>
                <a:gd name="T91" fmla="*/ 91 h 1274"/>
                <a:gd name="T92" fmla="*/ 406 w 1253"/>
                <a:gd name="T93" fmla="*/ 105 h 1274"/>
                <a:gd name="T94" fmla="*/ 411 w 1253"/>
                <a:gd name="T95" fmla="*/ 110 h 1274"/>
                <a:gd name="T96" fmla="*/ 418 w 1253"/>
                <a:gd name="T97" fmla="*/ 106 h 1274"/>
                <a:gd name="T98" fmla="*/ 407 w 1253"/>
                <a:gd name="T99" fmla="*/ 125 h 1274"/>
                <a:gd name="T100" fmla="*/ 391 w 1253"/>
                <a:gd name="T101" fmla="*/ 124 h 1274"/>
                <a:gd name="T102" fmla="*/ 356 w 1253"/>
                <a:gd name="T103" fmla="*/ 133 h 1274"/>
                <a:gd name="T104" fmla="*/ 332 w 1253"/>
                <a:gd name="T105" fmla="*/ 158 h 1274"/>
                <a:gd name="T106" fmla="*/ 322 w 1253"/>
                <a:gd name="T107" fmla="*/ 150 h 1274"/>
                <a:gd name="T108" fmla="*/ 317 w 1253"/>
                <a:gd name="T109" fmla="*/ 123 h 1274"/>
                <a:gd name="T110" fmla="*/ 307 w 1253"/>
                <a:gd name="T111" fmla="*/ 124 h 1274"/>
                <a:gd name="T112" fmla="*/ 313 w 1253"/>
                <a:gd name="T113" fmla="*/ 143 h 1274"/>
                <a:gd name="T114" fmla="*/ 302 w 1253"/>
                <a:gd name="T115" fmla="*/ 145 h 1274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1253" h="1274">
                  <a:moveTo>
                    <a:pt x="853" y="411"/>
                  </a:moveTo>
                  <a:lnTo>
                    <a:pt x="855" y="418"/>
                  </a:lnTo>
                  <a:lnTo>
                    <a:pt x="857" y="424"/>
                  </a:lnTo>
                  <a:lnTo>
                    <a:pt x="860" y="430"/>
                  </a:lnTo>
                  <a:lnTo>
                    <a:pt x="865" y="435"/>
                  </a:lnTo>
                  <a:lnTo>
                    <a:pt x="873" y="444"/>
                  </a:lnTo>
                  <a:lnTo>
                    <a:pt x="884" y="453"/>
                  </a:lnTo>
                  <a:lnTo>
                    <a:pt x="893" y="461"/>
                  </a:lnTo>
                  <a:lnTo>
                    <a:pt x="901" y="471"/>
                  </a:lnTo>
                  <a:lnTo>
                    <a:pt x="905" y="477"/>
                  </a:lnTo>
                  <a:lnTo>
                    <a:pt x="908" y="482"/>
                  </a:lnTo>
                  <a:lnTo>
                    <a:pt x="910" y="490"/>
                  </a:lnTo>
                  <a:lnTo>
                    <a:pt x="911" y="498"/>
                  </a:lnTo>
                  <a:lnTo>
                    <a:pt x="900" y="499"/>
                  </a:lnTo>
                  <a:lnTo>
                    <a:pt x="891" y="500"/>
                  </a:lnTo>
                  <a:lnTo>
                    <a:pt x="881" y="502"/>
                  </a:lnTo>
                  <a:lnTo>
                    <a:pt x="873" y="505"/>
                  </a:lnTo>
                  <a:lnTo>
                    <a:pt x="865" y="509"/>
                  </a:lnTo>
                  <a:lnTo>
                    <a:pt x="857" y="513"/>
                  </a:lnTo>
                  <a:lnTo>
                    <a:pt x="850" y="517"/>
                  </a:lnTo>
                  <a:lnTo>
                    <a:pt x="844" y="522"/>
                  </a:lnTo>
                  <a:lnTo>
                    <a:pt x="818" y="543"/>
                  </a:lnTo>
                  <a:lnTo>
                    <a:pt x="795" y="565"/>
                  </a:lnTo>
                  <a:lnTo>
                    <a:pt x="755" y="559"/>
                  </a:lnTo>
                  <a:lnTo>
                    <a:pt x="721" y="554"/>
                  </a:lnTo>
                  <a:lnTo>
                    <a:pt x="691" y="550"/>
                  </a:lnTo>
                  <a:lnTo>
                    <a:pt x="659" y="546"/>
                  </a:lnTo>
                  <a:lnTo>
                    <a:pt x="652" y="556"/>
                  </a:lnTo>
                  <a:lnTo>
                    <a:pt x="645" y="565"/>
                  </a:lnTo>
                  <a:lnTo>
                    <a:pt x="639" y="576"/>
                  </a:lnTo>
                  <a:lnTo>
                    <a:pt x="634" y="588"/>
                  </a:lnTo>
                  <a:lnTo>
                    <a:pt x="625" y="612"/>
                  </a:lnTo>
                  <a:lnTo>
                    <a:pt x="617" y="638"/>
                  </a:lnTo>
                  <a:lnTo>
                    <a:pt x="606" y="693"/>
                  </a:lnTo>
                  <a:lnTo>
                    <a:pt x="594" y="750"/>
                  </a:lnTo>
                  <a:lnTo>
                    <a:pt x="588" y="776"/>
                  </a:lnTo>
                  <a:lnTo>
                    <a:pt x="579" y="802"/>
                  </a:lnTo>
                  <a:lnTo>
                    <a:pt x="574" y="815"/>
                  </a:lnTo>
                  <a:lnTo>
                    <a:pt x="569" y="827"/>
                  </a:lnTo>
                  <a:lnTo>
                    <a:pt x="562" y="838"/>
                  </a:lnTo>
                  <a:lnTo>
                    <a:pt x="555" y="849"/>
                  </a:lnTo>
                  <a:lnTo>
                    <a:pt x="547" y="858"/>
                  </a:lnTo>
                  <a:lnTo>
                    <a:pt x="538" y="868"/>
                  </a:lnTo>
                  <a:lnTo>
                    <a:pt x="529" y="876"/>
                  </a:lnTo>
                  <a:lnTo>
                    <a:pt x="518" y="884"/>
                  </a:lnTo>
                  <a:lnTo>
                    <a:pt x="507" y="891"/>
                  </a:lnTo>
                  <a:lnTo>
                    <a:pt x="494" y="897"/>
                  </a:lnTo>
                  <a:lnTo>
                    <a:pt x="480" y="901"/>
                  </a:lnTo>
                  <a:lnTo>
                    <a:pt x="464" y="906"/>
                  </a:lnTo>
                  <a:lnTo>
                    <a:pt x="460" y="913"/>
                  </a:lnTo>
                  <a:lnTo>
                    <a:pt x="455" y="920"/>
                  </a:lnTo>
                  <a:lnTo>
                    <a:pt x="449" y="926"/>
                  </a:lnTo>
                  <a:lnTo>
                    <a:pt x="442" y="931"/>
                  </a:lnTo>
                  <a:lnTo>
                    <a:pt x="427" y="940"/>
                  </a:lnTo>
                  <a:lnTo>
                    <a:pt x="411" y="948"/>
                  </a:lnTo>
                  <a:lnTo>
                    <a:pt x="394" y="956"/>
                  </a:lnTo>
                  <a:lnTo>
                    <a:pt x="379" y="966"/>
                  </a:lnTo>
                  <a:lnTo>
                    <a:pt x="373" y="971"/>
                  </a:lnTo>
                  <a:lnTo>
                    <a:pt x="367" y="977"/>
                  </a:lnTo>
                  <a:lnTo>
                    <a:pt x="362" y="985"/>
                  </a:lnTo>
                  <a:lnTo>
                    <a:pt x="358" y="993"/>
                  </a:lnTo>
                  <a:lnTo>
                    <a:pt x="360" y="1003"/>
                  </a:lnTo>
                  <a:lnTo>
                    <a:pt x="364" y="1013"/>
                  </a:lnTo>
                  <a:lnTo>
                    <a:pt x="369" y="1021"/>
                  </a:lnTo>
                  <a:lnTo>
                    <a:pt x="375" y="1029"/>
                  </a:lnTo>
                  <a:lnTo>
                    <a:pt x="381" y="1036"/>
                  </a:lnTo>
                  <a:lnTo>
                    <a:pt x="387" y="1043"/>
                  </a:lnTo>
                  <a:lnTo>
                    <a:pt x="392" y="1052"/>
                  </a:lnTo>
                  <a:lnTo>
                    <a:pt x="397" y="1060"/>
                  </a:lnTo>
                  <a:lnTo>
                    <a:pt x="392" y="1074"/>
                  </a:lnTo>
                  <a:lnTo>
                    <a:pt x="389" y="1088"/>
                  </a:lnTo>
                  <a:lnTo>
                    <a:pt x="384" y="1104"/>
                  </a:lnTo>
                  <a:lnTo>
                    <a:pt x="381" y="1118"/>
                  </a:lnTo>
                  <a:lnTo>
                    <a:pt x="377" y="1132"/>
                  </a:lnTo>
                  <a:lnTo>
                    <a:pt x="373" y="1146"/>
                  </a:lnTo>
                  <a:lnTo>
                    <a:pt x="370" y="1152"/>
                  </a:lnTo>
                  <a:lnTo>
                    <a:pt x="367" y="1157"/>
                  </a:lnTo>
                  <a:lnTo>
                    <a:pt x="362" y="1162"/>
                  </a:lnTo>
                  <a:lnTo>
                    <a:pt x="358" y="1167"/>
                  </a:lnTo>
                  <a:lnTo>
                    <a:pt x="362" y="1169"/>
                  </a:lnTo>
                  <a:lnTo>
                    <a:pt x="370" y="1170"/>
                  </a:lnTo>
                  <a:lnTo>
                    <a:pt x="379" y="1170"/>
                  </a:lnTo>
                  <a:lnTo>
                    <a:pt x="390" y="1171"/>
                  </a:lnTo>
                  <a:lnTo>
                    <a:pt x="401" y="1171"/>
                  </a:lnTo>
                  <a:lnTo>
                    <a:pt x="413" y="1172"/>
                  </a:lnTo>
                  <a:lnTo>
                    <a:pt x="424" y="1174"/>
                  </a:lnTo>
                  <a:lnTo>
                    <a:pt x="436" y="1177"/>
                  </a:lnTo>
                  <a:lnTo>
                    <a:pt x="431" y="1185"/>
                  </a:lnTo>
                  <a:lnTo>
                    <a:pt x="428" y="1193"/>
                  </a:lnTo>
                  <a:lnTo>
                    <a:pt x="427" y="1198"/>
                  </a:lnTo>
                  <a:lnTo>
                    <a:pt x="423" y="1201"/>
                  </a:lnTo>
                  <a:lnTo>
                    <a:pt x="420" y="1205"/>
                  </a:lnTo>
                  <a:lnTo>
                    <a:pt x="416" y="1206"/>
                  </a:lnTo>
                  <a:lnTo>
                    <a:pt x="416" y="1210"/>
                  </a:lnTo>
                  <a:lnTo>
                    <a:pt x="417" y="1212"/>
                  </a:lnTo>
                  <a:lnTo>
                    <a:pt x="419" y="1212"/>
                  </a:lnTo>
                  <a:lnTo>
                    <a:pt x="422" y="1212"/>
                  </a:lnTo>
                  <a:lnTo>
                    <a:pt x="432" y="1210"/>
                  </a:lnTo>
                  <a:lnTo>
                    <a:pt x="442" y="1207"/>
                  </a:lnTo>
                  <a:lnTo>
                    <a:pt x="447" y="1206"/>
                  </a:lnTo>
                  <a:lnTo>
                    <a:pt x="452" y="1205"/>
                  </a:lnTo>
                  <a:lnTo>
                    <a:pt x="456" y="1205"/>
                  </a:lnTo>
                  <a:lnTo>
                    <a:pt x="460" y="1206"/>
                  </a:lnTo>
                  <a:lnTo>
                    <a:pt x="463" y="1208"/>
                  </a:lnTo>
                  <a:lnTo>
                    <a:pt x="466" y="1212"/>
                  </a:lnTo>
                  <a:lnTo>
                    <a:pt x="466" y="1217"/>
                  </a:lnTo>
                  <a:lnTo>
                    <a:pt x="464" y="1226"/>
                  </a:lnTo>
                  <a:lnTo>
                    <a:pt x="461" y="1222"/>
                  </a:lnTo>
                  <a:lnTo>
                    <a:pt x="457" y="1219"/>
                  </a:lnTo>
                  <a:lnTo>
                    <a:pt x="453" y="1218"/>
                  </a:lnTo>
                  <a:lnTo>
                    <a:pt x="449" y="1217"/>
                  </a:lnTo>
                  <a:lnTo>
                    <a:pt x="444" y="1217"/>
                  </a:lnTo>
                  <a:lnTo>
                    <a:pt x="440" y="1218"/>
                  </a:lnTo>
                  <a:lnTo>
                    <a:pt x="436" y="1219"/>
                  </a:lnTo>
                  <a:lnTo>
                    <a:pt x="433" y="1221"/>
                  </a:lnTo>
                  <a:lnTo>
                    <a:pt x="430" y="1225"/>
                  </a:lnTo>
                  <a:lnTo>
                    <a:pt x="426" y="1228"/>
                  </a:lnTo>
                  <a:lnTo>
                    <a:pt x="423" y="1231"/>
                  </a:lnTo>
                  <a:lnTo>
                    <a:pt x="420" y="1235"/>
                  </a:lnTo>
                  <a:lnTo>
                    <a:pt x="419" y="1239"/>
                  </a:lnTo>
                  <a:lnTo>
                    <a:pt x="417" y="1245"/>
                  </a:lnTo>
                  <a:lnTo>
                    <a:pt x="416" y="1249"/>
                  </a:lnTo>
                  <a:lnTo>
                    <a:pt x="416" y="1254"/>
                  </a:lnTo>
                  <a:lnTo>
                    <a:pt x="409" y="1246"/>
                  </a:lnTo>
                  <a:lnTo>
                    <a:pt x="399" y="1238"/>
                  </a:lnTo>
                  <a:lnTo>
                    <a:pt x="389" y="1233"/>
                  </a:lnTo>
                  <a:lnTo>
                    <a:pt x="377" y="1228"/>
                  </a:lnTo>
                  <a:lnTo>
                    <a:pt x="364" y="1224"/>
                  </a:lnTo>
                  <a:lnTo>
                    <a:pt x="352" y="1221"/>
                  </a:lnTo>
                  <a:lnTo>
                    <a:pt x="339" y="1219"/>
                  </a:lnTo>
                  <a:lnTo>
                    <a:pt x="327" y="1219"/>
                  </a:lnTo>
                  <a:lnTo>
                    <a:pt x="314" y="1221"/>
                  </a:lnTo>
                  <a:lnTo>
                    <a:pt x="301" y="1224"/>
                  </a:lnTo>
                  <a:lnTo>
                    <a:pt x="290" y="1229"/>
                  </a:lnTo>
                  <a:lnTo>
                    <a:pt x="279" y="1234"/>
                  </a:lnTo>
                  <a:lnTo>
                    <a:pt x="274" y="1238"/>
                  </a:lnTo>
                  <a:lnTo>
                    <a:pt x="270" y="1241"/>
                  </a:lnTo>
                  <a:lnTo>
                    <a:pt x="265" y="1246"/>
                  </a:lnTo>
                  <a:lnTo>
                    <a:pt x="262" y="1251"/>
                  </a:lnTo>
                  <a:lnTo>
                    <a:pt x="258" y="1256"/>
                  </a:lnTo>
                  <a:lnTo>
                    <a:pt x="256" y="1261"/>
                  </a:lnTo>
                  <a:lnTo>
                    <a:pt x="253" y="1268"/>
                  </a:lnTo>
                  <a:lnTo>
                    <a:pt x="252" y="1274"/>
                  </a:lnTo>
                  <a:lnTo>
                    <a:pt x="239" y="1274"/>
                  </a:lnTo>
                  <a:lnTo>
                    <a:pt x="228" y="1272"/>
                  </a:lnTo>
                  <a:lnTo>
                    <a:pt x="217" y="1270"/>
                  </a:lnTo>
                  <a:lnTo>
                    <a:pt x="208" y="1266"/>
                  </a:lnTo>
                  <a:lnTo>
                    <a:pt x="199" y="1260"/>
                  </a:lnTo>
                  <a:lnTo>
                    <a:pt x="191" y="1254"/>
                  </a:lnTo>
                  <a:lnTo>
                    <a:pt x="183" y="1247"/>
                  </a:lnTo>
                  <a:lnTo>
                    <a:pt x="177" y="1238"/>
                  </a:lnTo>
                  <a:lnTo>
                    <a:pt x="171" y="1229"/>
                  </a:lnTo>
                  <a:lnTo>
                    <a:pt x="164" y="1219"/>
                  </a:lnTo>
                  <a:lnTo>
                    <a:pt x="159" y="1209"/>
                  </a:lnTo>
                  <a:lnTo>
                    <a:pt x="155" y="1197"/>
                  </a:lnTo>
                  <a:lnTo>
                    <a:pt x="145" y="1174"/>
                  </a:lnTo>
                  <a:lnTo>
                    <a:pt x="138" y="1150"/>
                  </a:lnTo>
                  <a:lnTo>
                    <a:pt x="131" y="1126"/>
                  </a:lnTo>
                  <a:lnTo>
                    <a:pt x="123" y="1102"/>
                  </a:lnTo>
                  <a:lnTo>
                    <a:pt x="115" y="1079"/>
                  </a:lnTo>
                  <a:lnTo>
                    <a:pt x="106" y="1059"/>
                  </a:lnTo>
                  <a:lnTo>
                    <a:pt x="102" y="1050"/>
                  </a:lnTo>
                  <a:lnTo>
                    <a:pt x="97" y="1041"/>
                  </a:lnTo>
                  <a:lnTo>
                    <a:pt x="92" y="1034"/>
                  </a:lnTo>
                  <a:lnTo>
                    <a:pt x="86" y="1027"/>
                  </a:lnTo>
                  <a:lnTo>
                    <a:pt x="80" y="1021"/>
                  </a:lnTo>
                  <a:lnTo>
                    <a:pt x="73" y="1017"/>
                  </a:lnTo>
                  <a:lnTo>
                    <a:pt x="65" y="1014"/>
                  </a:lnTo>
                  <a:lnTo>
                    <a:pt x="57" y="1012"/>
                  </a:lnTo>
                  <a:lnTo>
                    <a:pt x="55" y="1012"/>
                  </a:lnTo>
                  <a:lnTo>
                    <a:pt x="53" y="1013"/>
                  </a:lnTo>
                  <a:lnTo>
                    <a:pt x="51" y="1015"/>
                  </a:lnTo>
                  <a:lnTo>
                    <a:pt x="50" y="1018"/>
                  </a:lnTo>
                  <a:lnTo>
                    <a:pt x="46" y="1023"/>
                  </a:lnTo>
                  <a:lnTo>
                    <a:pt x="44" y="1029"/>
                  </a:lnTo>
                  <a:lnTo>
                    <a:pt x="43" y="1031"/>
                  </a:lnTo>
                  <a:lnTo>
                    <a:pt x="43" y="1032"/>
                  </a:lnTo>
                  <a:lnTo>
                    <a:pt x="42" y="1033"/>
                  </a:lnTo>
                  <a:lnTo>
                    <a:pt x="41" y="1032"/>
                  </a:lnTo>
                  <a:lnTo>
                    <a:pt x="40" y="1026"/>
                  </a:lnTo>
                  <a:lnTo>
                    <a:pt x="38" y="1012"/>
                  </a:lnTo>
                  <a:lnTo>
                    <a:pt x="31" y="1025"/>
                  </a:lnTo>
                  <a:lnTo>
                    <a:pt x="25" y="1037"/>
                  </a:lnTo>
                  <a:lnTo>
                    <a:pt x="22" y="1049"/>
                  </a:lnTo>
                  <a:lnTo>
                    <a:pt x="21" y="1060"/>
                  </a:lnTo>
                  <a:lnTo>
                    <a:pt x="22" y="1071"/>
                  </a:lnTo>
                  <a:lnTo>
                    <a:pt x="23" y="1082"/>
                  </a:lnTo>
                  <a:lnTo>
                    <a:pt x="26" y="1093"/>
                  </a:lnTo>
                  <a:lnTo>
                    <a:pt x="30" y="1105"/>
                  </a:lnTo>
                  <a:lnTo>
                    <a:pt x="36" y="1127"/>
                  </a:lnTo>
                  <a:lnTo>
                    <a:pt x="41" y="1151"/>
                  </a:lnTo>
                  <a:lnTo>
                    <a:pt x="43" y="1164"/>
                  </a:lnTo>
                  <a:lnTo>
                    <a:pt x="43" y="1177"/>
                  </a:lnTo>
                  <a:lnTo>
                    <a:pt x="41" y="1191"/>
                  </a:lnTo>
                  <a:lnTo>
                    <a:pt x="38" y="1206"/>
                  </a:lnTo>
                  <a:lnTo>
                    <a:pt x="34" y="1204"/>
                  </a:lnTo>
                  <a:lnTo>
                    <a:pt x="30" y="1200"/>
                  </a:lnTo>
                  <a:lnTo>
                    <a:pt x="25" y="1197"/>
                  </a:lnTo>
                  <a:lnTo>
                    <a:pt x="22" y="1193"/>
                  </a:lnTo>
                  <a:lnTo>
                    <a:pt x="16" y="1182"/>
                  </a:lnTo>
                  <a:lnTo>
                    <a:pt x="11" y="1170"/>
                  </a:lnTo>
                  <a:lnTo>
                    <a:pt x="6" y="1156"/>
                  </a:lnTo>
                  <a:lnTo>
                    <a:pt x="3" y="1140"/>
                  </a:lnTo>
                  <a:lnTo>
                    <a:pt x="2" y="1124"/>
                  </a:lnTo>
                  <a:lnTo>
                    <a:pt x="1" y="1106"/>
                  </a:lnTo>
                  <a:lnTo>
                    <a:pt x="0" y="1087"/>
                  </a:lnTo>
                  <a:lnTo>
                    <a:pt x="1" y="1068"/>
                  </a:lnTo>
                  <a:lnTo>
                    <a:pt x="2" y="1049"/>
                  </a:lnTo>
                  <a:lnTo>
                    <a:pt x="4" y="1031"/>
                  </a:lnTo>
                  <a:lnTo>
                    <a:pt x="7" y="1012"/>
                  </a:lnTo>
                  <a:lnTo>
                    <a:pt x="11" y="995"/>
                  </a:lnTo>
                  <a:lnTo>
                    <a:pt x="14" y="978"/>
                  </a:lnTo>
                  <a:lnTo>
                    <a:pt x="18" y="963"/>
                  </a:lnTo>
                  <a:lnTo>
                    <a:pt x="31" y="970"/>
                  </a:lnTo>
                  <a:lnTo>
                    <a:pt x="42" y="975"/>
                  </a:lnTo>
                  <a:lnTo>
                    <a:pt x="49" y="976"/>
                  </a:lnTo>
                  <a:lnTo>
                    <a:pt x="55" y="977"/>
                  </a:lnTo>
                  <a:lnTo>
                    <a:pt x="60" y="977"/>
                  </a:lnTo>
                  <a:lnTo>
                    <a:pt x="65" y="977"/>
                  </a:lnTo>
                  <a:lnTo>
                    <a:pt x="70" y="975"/>
                  </a:lnTo>
                  <a:lnTo>
                    <a:pt x="75" y="973"/>
                  </a:lnTo>
                  <a:lnTo>
                    <a:pt x="78" y="970"/>
                  </a:lnTo>
                  <a:lnTo>
                    <a:pt x="81" y="966"/>
                  </a:lnTo>
                  <a:lnTo>
                    <a:pt x="84" y="959"/>
                  </a:lnTo>
                  <a:lnTo>
                    <a:pt x="85" y="952"/>
                  </a:lnTo>
                  <a:lnTo>
                    <a:pt x="86" y="945"/>
                  </a:lnTo>
                  <a:lnTo>
                    <a:pt x="86" y="934"/>
                  </a:lnTo>
                  <a:lnTo>
                    <a:pt x="84" y="931"/>
                  </a:lnTo>
                  <a:lnTo>
                    <a:pt x="81" y="928"/>
                  </a:lnTo>
                  <a:lnTo>
                    <a:pt x="78" y="926"/>
                  </a:lnTo>
                  <a:lnTo>
                    <a:pt x="74" y="923"/>
                  </a:lnTo>
                  <a:lnTo>
                    <a:pt x="70" y="923"/>
                  </a:lnTo>
                  <a:lnTo>
                    <a:pt x="65" y="923"/>
                  </a:lnTo>
                  <a:lnTo>
                    <a:pt x="60" y="924"/>
                  </a:lnTo>
                  <a:lnTo>
                    <a:pt x="55" y="926"/>
                  </a:lnTo>
                  <a:lnTo>
                    <a:pt x="45" y="929"/>
                  </a:lnTo>
                  <a:lnTo>
                    <a:pt x="37" y="933"/>
                  </a:lnTo>
                  <a:lnTo>
                    <a:pt x="34" y="936"/>
                  </a:lnTo>
                  <a:lnTo>
                    <a:pt x="31" y="938"/>
                  </a:lnTo>
                  <a:lnTo>
                    <a:pt x="30" y="941"/>
                  </a:lnTo>
                  <a:lnTo>
                    <a:pt x="29" y="945"/>
                  </a:lnTo>
                  <a:lnTo>
                    <a:pt x="33" y="921"/>
                  </a:lnTo>
                  <a:lnTo>
                    <a:pt x="37" y="898"/>
                  </a:lnTo>
                  <a:lnTo>
                    <a:pt x="43" y="876"/>
                  </a:lnTo>
                  <a:lnTo>
                    <a:pt x="50" y="854"/>
                  </a:lnTo>
                  <a:lnTo>
                    <a:pt x="57" y="833"/>
                  </a:lnTo>
                  <a:lnTo>
                    <a:pt x="65" y="811"/>
                  </a:lnTo>
                  <a:lnTo>
                    <a:pt x="74" y="790"/>
                  </a:lnTo>
                  <a:lnTo>
                    <a:pt x="82" y="769"/>
                  </a:lnTo>
                  <a:lnTo>
                    <a:pt x="102" y="728"/>
                  </a:lnTo>
                  <a:lnTo>
                    <a:pt x="123" y="688"/>
                  </a:lnTo>
                  <a:lnTo>
                    <a:pt x="146" y="648"/>
                  </a:lnTo>
                  <a:lnTo>
                    <a:pt x="171" y="609"/>
                  </a:lnTo>
                  <a:lnTo>
                    <a:pt x="221" y="532"/>
                  </a:lnTo>
                  <a:lnTo>
                    <a:pt x="272" y="456"/>
                  </a:lnTo>
                  <a:lnTo>
                    <a:pt x="297" y="418"/>
                  </a:lnTo>
                  <a:lnTo>
                    <a:pt x="322" y="380"/>
                  </a:lnTo>
                  <a:lnTo>
                    <a:pt x="346" y="342"/>
                  </a:lnTo>
                  <a:lnTo>
                    <a:pt x="368" y="303"/>
                  </a:lnTo>
                  <a:lnTo>
                    <a:pt x="377" y="301"/>
                  </a:lnTo>
                  <a:lnTo>
                    <a:pt x="387" y="298"/>
                  </a:lnTo>
                  <a:lnTo>
                    <a:pt x="395" y="295"/>
                  </a:lnTo>
                  <a:lnTo>
                    <a:pt x="403" y="291"/>
                  </a:lnTo>
                  <a:lnTo>
                    <a:pt x="418" y="281"/>
                  </a:lnTo>
                  <a:lnTo>
                    <a:pt x="433" y="271"/>
                  </a:lnTo>
                  <a:lnTo>
                    <a:pt x="446" y="259"/>
                  </a:lnTo>
                  <a:lnTo>
                    <a:pt x="456" y="246"/>
                  </a:lnTo>
                  <a:lnTo>
                    <a:pt x="467" y="233"/>
                  </a:lnTo>
                  <a:lnTo>
                    <a:pt x="477" y="218"/>
                  </a:lnTo>
                  <a:lnTo>
                    <a:pt x="494" y="187"/>
                  </a:lnTo>
                  <a:lnTo>
                    <a:pt x="511" y="155"/>
                  </a:lnTo>
                  <a:lnTo>
                    <a:pt x="526" y="122"/>
                  </a:lnTo>
                  <a:lnTo>
                    <a:pt x="542" y="89"/>
                  </a:lnTo>
                  <a:lnTo>
                    <a:pt x="558" y="87"/>
                  </a:lnTo>
                  <a:lnTo>
                    <a:pt x="573" y="87"/>
                  </a:lnTo>
                  <a:lnTo>
                    <a:pt x="588" y="88"/>
                  </a:lnTo>
                  <a:lnTo>
                    <a:pt x="601" y="92"/>
                  </a:lnTo>
                  <a:lnTo>
                    <a:pt x="615" y="96"/>
                  </a:lnTo>
                  <a:lnTo>
                    <a:pt x="628" y="101"/>
                  </a:lnTo>
                  <a:lnTo>
                    <a:pt x="640" y="107"/>
                  </a:lnTo>
                  <a:lnTo>
                    <a:pt x="653" y="114"/>
                  </a:lnTo>
                  <a:lnTo>
                    <a:pt x="678" y="128"/>
                  </a:lnTo>
                  <a:lnTo>
                    <a:pt x="704" y="141"/>
                  </a:lnTo>
                  <a:lnTo>
                    <a:pt x="716" y="147"/>
                  </a:lnTo>
                  <a:lnTo>
                    <a:pt x="729" y="153"/>
                  </a:lnTo>
                  <a:lnTo>
                    <a:pt x="742" y="156"/>
                  </a:lnTo>
                  <a:lnTo>
                    <a:pt x="756" y="158"/>
                  </a:lnTo>
                  <a:lnTo>
                    <a:pt x="769" y="159"/>
                  </a:lnTo>
                  <a:lnTo>
                    <a:pt x="780" y="159"/>
                  </a:lnTo>
                  <a:lnTo>
                    <a:pt x="793" y="159"/>
                  </a:lnTo>
                  <a:lnTo>
                    <a:pt x="805" y="158"/>
                  </a:lnTo>
                  <a:lnTo>
                    <a:pt x="829" y="154"/>
                  </a:lnTo>
                  <a:lnTo>
                    <a:pt x="852" y="148"/>
                  </a:lnTo>
                  <a:lnTo>
                    <a:pt x="874" y="141"/>
                  </a:lnTo>
                  <a:lnTo>
                    <a:pt x="896" y="132"/>
                  </a:lnTo>
                  <a:lnTo>
                    <a:pt x="917" y="121"/>
                  </a:lnTo>
                  <a:lnTo>
                    <a:pt x="938" y="109"/>
                  </a:lnTo>
                  <a:lnTo>
                    <a:pt x="958" y="97"/>
                  </a:lnTo>
                  <a:lnTo>
                    <a:pt x="978" y="84"/>
                  </a:lnTo>
                  <a:lnTo>
                    <a:pt x="997" y="71"/>
                  </a:lnTo>
                  <a:lnTo>
                    <a:pt x="1016" y="57"/>
                  </a:lnTo>
                  <a:lnTo>
                    <a:pt x="1052" y="28"/>
                  </a:lnTo>
                  <a:lnTo>
                    <a:pt x="1086" y="2"/>
                  </a:lnTo>
                  <a:lnTo>
                    <a:pt x="1091" y="1"/>
                  </a:lnTo>
                  <a:lnTo>
                    <a:pt x="1097" y="0"/>
                  </a:lnTo>
                  <a:lnTo>
                    <a:pt x="1103" y="0"/>
                  </a:lnTo>
                  <a:lnTo>
                    <a:pt x="1107" y="1"/>
                  </a:lnTo>
                  <a:lnTo>
                    <a:pt x="1117" y="4"/>
                  </a:lnTo>
                  <a:lnTo>
                    <a:pt x="1126" y="8"/>
                  </a:lnTo>
                  <a:lnTo>
                    <a:pt x="1134" y="12"/>
                  </a:lnTo>
                  <a:lnTo>
                    <a:pt x="1142" y="13"/>
                  </a:lnTo>
                  <a:lnTo>
                    <a:pt x="1145" y="13"/>
                  </a:lnTo>
                  <a:lnTo>
                    <a:pt x="1148" y="10"/>
                  </a:lnTo>
                  <a:lnTo>
                    <a:pt x="1151" y="7"/>
                  </a:lnTo>
                  <a:lnTo>
                    <a:pt x="1154" y="2"/>
                  </a:lnTo>
                  <a:lnTo>
                    <a:pt x="1158" y="7"/>
                  </a:lnTo>
                  <a:lnTo>
                    <a:pt x="1163" y="13"/>
                  </a:lnTo>
                  <a:lnTo>
                    <a:pt x="1166" y="19"/>
                  </a:lnTo>
                  <a:lnTo>
                    <a:pt x="1169" y="27"/>
                  </a:lnTo>
                  <a:lnTo>
                    <a:pt x="1171" y="35"/>
                  </a:lnTo>
                  <a:lnTo>
                    <a:pt x="1172" y="43"/>
                  </a:lnTo>
                  <a:lnTo>
                    <a:pt x="1173" y="53"/>
                  </a:lnTo>
                  <a:lnTo>
                    <a:pt x="1174" y="61"/>
                  </a:lnTo>
                  <a:lnTo>
                    <a:pt x="1173" y="69"/>
                  </a:lnTo>
                  <a:lnTo>
                    <a:pt x="1172" y="78"/>
                  </a:lnTo>
                  <a:lnTo>
                    <a:pt x="1170" y="86"/>
                  </a:lnTo>
                  <a:lnTo>
                    <a:pt x="1167" y="93"/>
                  </a:lnTo>
                  <a:lnTo>
                    <a:pt x="1163" y="99"/>
                  </a:lnTo>
                  <a:lnTo>
                    <a:pt x="1157" y="104"/>
                  </a:lnTo>
                  <a:lnTo>
                    <a:pt x="1151" y="107"/>
                  </a:lnTo>
                  <a:lnTo>
                    <a:pt x="1144" y="109"/>
                  </a:lnTo>
                  <a:lnTo>
                    <a:pt x="1148" y="114"/>
                  </a:lnTo>
                  <a:lnTo>
                    <a:pt x="1151" y="118"/>
                  </a:lnTo>
                  <a:lnTo>
                    <a:pt x="1154" y="123"/>
                  </a:lnTo>
                  <a:lnTo>
                    <a:pt x="1156" y="128"/>
                  </a:lnTo>
                  <a:lnTo>
                    <a:pt x="1161" y="140"/>
                  </a:lnTo>
                  <a:lnTo>
                    <a:pt x="1165" y="152"/>
                  </a:lnTo>
                  <a:lnTo>
                    <a:pt x="1168" y="157"/>
                  </a:lnTo>
                  <a:lnTo>
                    <a:pt x="1170" y="162"/>
                  </a:lnTo>
                  <a:lnTo>
                    <a:pt x="1174" y="166"/>
                  </a:lnTo>
                  <a:lnTo>
                    <a:pt x="1177" y="171"/>
                  </a:lnTo>
                  <a:lnTo>
                    <a:pt x="1183" y="174"/>
                  </a:lnTo>
                  <a:lnTo>
                    <a:pt x="1188" y="176"/>
                  </a:lnTo>
                  <a:lnTo>
                    <a:pt x="1194" y="177"/>
                  </a:lnTo>
                  <a:lnTo>
                    <a:pt x="1203" y="177"/>
                  </a:lnTo>
                  <a:lnTo>
                    <a:pt x="1202" y="182"/>
                  </a:lnTo>
                  <a:lnTo>
                    <a:pt x="1201" y="186"/>
                  </a:lnTo>
                  <a:lnTo>
                    <a:pt x="1199" y="190"/>
                  </a:lnTo>
                  <a:lnTo>
                    <a:pt x="1198" y="192"/>
                  </a:lnTo>
                  <a:lnTo>
                    <a:pt x="1196" y="194"/>
                  </a:lnTo>
                  <a:lnTo>
                    <a:pt x="1194" y="194"/>
                  </a:lnTo>
                  <a:lnTo>
                    <a:pt x="1192" y="195"/>
                  </a:lnTo>
                  <a:lnTo>
                    <a:pt x="1189" y="194"/>
                  </a:lnTo>
                  <a:lnTo>
                    <a:pt x="1183" y="194"/>
                  </a:lnTo>
                  <a:lnTo>
                    <a:pt x="1174" y="193"/>
                  </a:lnTo>
                  <a:lnTo>
                    <a:pt x="1165" y="194"/>
                  </a:lnTo>
                  <a:lnTo>
                    <a:pt x="1154" y="197"/>
                  </a:lnTo>
                  <a:lnTo>
                    <a:pt x="1155" y="213"/>
                  </a:lnTo>
                  <a:lnTo>
                    <a:pt x="1156" y="227"/>
                  </a:lnTo>
                  <a:lnTo>
                    <a:pt x="1158" y="235"/>
                  </a:lnTo>
                  <a:lnTo>
                    <a:pt x="1159" y="242"/>
                  </a:lnTo>
                  <a:lnTo>
                    <a:pt x="1162" y="248"/>
                  </a:lnTo>
                  <a:lnTo>
                    <a:pt x="1165" y="254"/>
                  </a:lnTo>
                  <a:lnTo>
                    <a:pt x="1168" y="259"/>
                  </a:lnTo>
                  <a:lnTo>
                    <a:pt x="1171" y="264"/>
                  </a:lnTo>
                  <a:lnTo>
                    <a:pt x="1176" y="267"/>
                  </a:lnTo>
                  <a:lnTo>
                    <a:pt x="1182" y="271"/>
                  </a:lnTo>
                  <a:lnTo>
                    <a:pt x="1188" y="274"/>
                  </a:lnTo>
                  <a:lnTo>
                    <a:pt x="1194" y="275"/>
                  </a:lnTo>
                  <a:lnTo>
                    <a:pt x="1203" y="275"/>
                  </a:lnTo>
                  <a:lnTo>
                    <a:pt x="1212" y="275"/>
                  </a:lnTo>
                  <a:lnTo>
                    <a:pt x="1210" y="285"/>
                  </a:lnTo>
                  <a:lnTo>
                    <a:pt x="1211" y="295"/>
                  </a:lnTo>
                  <a:lnTo>
                    <a:pt x="1213" y="302"/>
                  </a:lnTo>
                  <a:lnTo>
                    <a:pt x="1215" y="310"/>
                  </a:lnTo>
                  <a:lnTo>
                    <a:pt x="1218" y="316"/>
                  </a:lnTo>
                  <a:lnTo>
                    <a:pt x="1222" y="323"/>
                  </a:lnTo>
                  <a:lnTo>
                    <a:pt x="1223" y="332"/>
                  </a:lnTo>
                  <a:lnTo>
                    <a:pt x="1222" y="342"/>
                  </a:lnTo>
                  <a:lnTo>
                    <a:pt x="1226" y="342"/>
                  </a:lnTo>
                  <a:lnTo>
                    <a:pt x="1228" y="341"/>
                  </a:lnTo>
                  <a:lnTo>
                    <a:pt x="1230" y="340"/>
                  </a:lnTo>
                  <a:lnTo>
                    <a:pt x="1231" y="337"/>
                  </a:lnTo>
                  <a:lnTo>
                    <a:pt x="1233" y="332"/>
                  </a:lnTo>
                  <a:lnTo>
                    <a:pt x="1232" y="324"/>
                  </a:lnTo>
                  <a:lnTo>
                    <a:pt x="1232" y="316"/>
                  </a:lnTo>
                  <a:lnTo>
                    <a:pt x="1231" y="307"/>
                  </a:lnTo>
                  <a:lnTo>
                    <a:pt x="1230" y="300"/>
                  </a:lnTo>
                  <a:lnTo>
                    <a:pt x="1231" y="294"/>
                  </a:lnTo>
                  <a:lnTo>
                    <a:pt x="1241" y="302"/>
                  </a:lnTo>
                  <a:lnTo>
                    <a:pt x="1248" y="311"/>
                  </a:lnTo>
                  <a:lnTo>
                    <a:pt x="1252" y="318"/>
                  </a:lnTo>
                  <a:lnTo>
                    <a:pt x="1253" y="326"/>
                  </a:lnTo>
                  <a:lnTo>
                    <a:pt x="1253" y="335"/>
                  </a:lnTo>
                  <a:lnTo>
                    <a:pt x="1251" y="342"/>
                  </a:lnTo>
                  <a:lnTo>
                    <a:pt x="1248" y="350"/>
                  </a:lnTo>
                  <a:lnTo>
                    <a:pt x="1243" y="357"/>
                  </a:lnTo>
                  <a:lnTo>
                    <a:pt x="1236" y="364"/>
                  </a:lnTo>
                  <a:lnTo>
                    <a:pt x="1229" y="371"/>
                  </a:lnTo>
                  <a:lnTo>
                    <a:pt x="1221" y="377"/>
                  </a:lnTo>
                  <a:lnTo>
                    <a:pt x="1211" y="383"/>
                  </a:lnTo>
                  <a:lnTo>
                    <a:pt x="1203" y="389"/>
                  </a:lnTo>
                  <a:lnTo>
                    <a:pt x="1192" y="393"/>
                  </a:lnTo>
                  <a:lnTo>
                    <a:pt x="1183" y="397"/>
                  </a:lnTo>
                  <a:lnTo>
                    <a:pt x="1173" y="400"/>
                  </a:lnTo>
                  <a:lnTo>
                    <a:pt x="1173" y="391"/>
                  </a:lnTo>
                  <a:lnTo>
                    <a:pt x="1173" y="381"/>
                  </a:lnTo>
                  <a:lnTo>
                    <a:pt x="1173" y="372"/>
                  </a:lnTo>
                  <a:lnTo>
                    <a:pt x="1173" y="362"/>
                  </a:lnTo>
                  <a:lnTo>
                    <a:pt x="1155" y="365"/>
                  </a:lnTo>
                  <a:lnTo>
                    <a:pt x="1137" y="371"/>
                  </a:lnTo>
                  <a:lnTo>
                    <a:pt x="1122" y="376"/>
                  </a:lnTo>
                  <a:lnTo>
                    <a:pt x="1106" y="381"/>
                  </a:lnTo>
                  <a:lnTo>
                    <a:pt x="1092" y="386"/>
                  </a:lnTo>
                  <a:lnTo>
                    <a:pt x="1078" y="393"/>
                  </a:lnTo>
                  <a:lnTo>
                    <a:pt x="1066" y="400"/>
                  </a:lnTo>
                  <a:lnTo>
                    <a:pt x="1054" y="407"/>
                  </a:lnTo>
                  <a:lnTo>
                    <a:pt x="1043" y="415"/>
                  </a:lnTo>
                  <a:lnTo>
                    <a:pt x="1033" y="423"/>
                  </a:lnTo>
                  <a:lnTo>
                    <a:pt x="1024" y="433"/>
                  </a:lnTo>
                  <a:lnTo>
                    <a:pt x="1015" y="442"/>
                  </a:lnTo>
                  <a:lnTo>
                    <a:pt x="1008" y="453"/>
                  </a:lnTo>
                  <a:lnTo>
                    <a:pt x="1000" y="463"/>
                  </a:lnTo>
                  <a:lnTo>
                    <a:pt x="994" y="476"/>
                  </a:lnTo>
                  <a:lnTo>
                    <a:pt x="989" y="488"/>
                  </a:lnTo>
                  <a:lnTo>
                    <a:pt x="985" y="485"/>
                  </a:lnTo>
                  <a:lnTo>
                    <a:pt x="982" y="483"/>
                  </a:lnTo>
                  <a:lnTo>
                    <a:pt x="978" y="480"/>
                  </a:lnTo>
                  <a:lnTo>
                    <a:pt x="975" y="477"/>
                  </a:lnTo>
                  <a:lnTo>
                    <a:pt x="971" y="470"/>
                  </a:lnTo>
                  <a:lnTo>
                    <a:pt x="967" y="461"/>
                  </a:lnTo>
                  <a:lnTo>
                    <a:pt x="965" y="452"/>
                  </a:lnTo>
                  <a:lnTo>
                    <a:pt x="963" y="441"/>
                  </a:lnTo>
                  <a:lnTo>
                    <a:pt x="962" y="431"/>
                  </a:lnTo>
                  <a:lnTo>
                    <a:pt x="960" y="419"/>
                  </a:lnTo>
                  <a:lnTo>
                    <a:pt x="959" y="409"/>
                  </a:lnTo>
                  <a:lnTo>
                    <a:pt x="957" y="398"/>
                  </a:lnTo>
                  <a:lnTo>
                    <a:pt x="956" y="387"/>
                  </a:lnTo>
                  <a:lnTo>
                    <a:pt x="953" y="378"/>
                  </a:lnTo>
                  <a:lnTo>
                    <a:pt x="950" y="370"/>
                  </a:lnTo>
                  <a:lnTo>
                    <a:pt x="945" y="362"/>
                  </a:lnTo>
                  <a:lnTo>
                    <a:pt x="942" y="359"/>
                  </a:lnTo>
                  <a:lnTo>
                    <a:pt x="938" y="356"/>
                  </a:lnTo>
                  <a:lnTo>
                    <a:pt x="935" y="354"/>
                  </a:lnTo>
                  <a:lnTo>
                    <a:pt x="931" y="352"/>
                  </a:lnTo>
                  <a:lnTo>
                    <a:pt x="926" y="359"/>
                  </a:lnTo>
                  <a:lnTo>
                    <a:pt x="923" y="365"/>
                  </a:lnTo>
                  <a:lnTo>
                    <a:pt x="920" y="372"/>
                  </a:lnTo>
                  <a:lnTo>
                    <a:pt x="920" y="378"/>
                  </a:lnTo>
                  <a:lnTo>
                    <a:pt x="921" y="383"/>
                  </a:lnTo>
                  <a:lnTo>
                    <a:pt x="923" y="390"/>
                  </a:lnTo>
                  <a:lnTo>
                    <a:pt x="925" y="395"/>
                  </a:lnTo>
                  <a:lnTo>
                    <a:pt x="928" y="400"/>
                  </a:lnTo>
                  <a:lnTo>
                    <a:pt x="933" y="411"/>
                  </a:lnTo>
                  <a:lnTo>
                    <a:pt x="936" y="422"/>
                  </a:lnTo>
                  <a:lnTo>
                    <a:pt x="937" y="429"/>
                  </a:lnTo>
                  <a:lnTo>
                    <a:pt x="936" y="435"/>
                  </a:lnTo>
                  <a:lnTo>
                    <a:pt x="934" y="441"/>
                  </a:lnTo>
                  <a:lnTo>
                    <a:pt x="931" y="449"/>
                  </a:lnTo>
                  <a:lnTo>
                    <a:pt x="928" y="445"/>
                  </a:lnTo>
                  <a:lnTo>
                    <a:pt x="924" y="442"/>
                  </a:lnTo>
                  <a:lnTo>
                    <a:pt x="919" y="439"/>
                  </a:lnTo>
                  <a:lnTo>
                    <a:pt x="915" y="438"/>
                  </a:lnTo>
                  <a:lnTo>
                    <a:pt x="905" y="436"/>
                  </a:lnTo>
                  <a:lnTo>
                    <a:pt x="894" y="434"/>
                  </a:lnTo>
                  <a:lnTo>
                    <a:pt x="883" y="432"/>
                  </a:lnTo>
                  <a:lnTo>
                    <a:pt x="872" y="427"/>
                  </a:lnTo>
                  <a:lnTo>
                    <a:pt x="867" y="424"/>
                  </a:lnTo>
                  <a:lnTo>
                    <a:pt x="861" y="421"/>
                  </a:lnTo>
                  <a:lnTo>
                    <a:pt x="857" y="416"/>
                  </a:lnTo>
                  <a:lnTo>
                    <a:pt x="853" y="411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388" name="Rebild"/>
            <p:cNvSpPr>
              <a:spLocks/>
            </p:cNvSpPr>
            <p:nvPr/>
          </p:nvSpPr>
          <p:spPr bwMode="auto">
            <a:xfrm>
              <a:off x="1643063" y="3251200"/>
              <a:ext cx="519112" cy="450850"/>
            </a:xfrm>
            <a:custGeom>
              <a:avLst/>
              <a:gdLst>
                <a:gd name="T0" fmla="*/ 91 w 980"/>
                <a:gd name="T1" fmla="*/ 18 h 852"/>
                <a:gd name="T2" fmla="*/ 89 w 980"/>
                <a:gd name="T3" fmla="*/ 38 h 852"/>
                <a:gd name="T4" fmla="*/ 81 w 980"/>
                <a:gd name="T5" fmla="*/ 44 h 852"/>
                <a:gd name="T6" fmla="*/ 57 w 980"/>
                <a:gd name="T7" fmla="*/ 43 h 852"/>
                <a:gd name="T8" fmla="*/ 39 w 980"/>
                <a:gd name="T9" fmla="*/ 56 h 852"/>
                <a:gd name="T10" fmla="*/ 30 w 980"/>
                <a:gd name="T11" fmla="*/ 71 h 852"/>
                <a:gd name="T12" fmla="*/ 49 w 980"/>
                <a:gd name="T13" fmla="*/ 86 h 852"/>
                <a:gd name="T14" fmla="*/ 63 w 980"/>
                <a:gd name="T15" fmla="*/ 103 h 852"/>
                <a:gd name="T16" fmla="*/ 53 w 980"/>
                <a:gd name="T17" fmla="*/ 109 h 852"/>
                <a:gd name="T18" fmla="*/ 46 w 980"/>
                <a:gd name="T19" fmla="*/ 127 h 852"/>
                <a:gd name="T20" fmla="*/ 50 w 980"/>
                <a:gd name="T21" fmla="*/ 144 h 852"/>
                <a:gd name="T22" fmla="*/ 51 w 980"/>
                <a:gd name="T23" fmla="*/ 151 h 852"/>
                <a:gd name="T24" fmla="*/ 38 w 980"/>
                <a:gd name="T25" fmla="*/ 155 h 852"/>
                <a:gd name="T26" fmla="*/ 23 w 980"/>
                <a:gd name="T27" fmla="*/ 158 h 852"/>
                <a:gd name="T28" fmla="*/ 6 w 980"/>
                <a:gd name="T29" fmla="*/ 187 h 852"/>
                <a:gd name="T30" fmla="*/ 19 w 980"/>
                <a:gd name="T31" fmla="*/ 205 h 852"/>
                <a:gd name="T32" fmla="*/ 28 w 980"/>
                <a:gd name="T33" fmla="*/ 217 h 852"/>
                <a:gd name="T34" fmla="*/ 34 w 980"/>
                <a:gd name="T35" fmla="*/ 227 h 852"/>
                <a:gd name="T36" fmla="*/ 43 w 980"/>
                <a:gd name="T37" fmla="*/ 234 h 852"/>
                <a:gd name="T38" fmla="*/ 48 w 980"/>
                <a:gd name="T39" fmla="*/ 245 h 852"/>
                <a:gd name="T40" fmla="*/ 45 w 980"/>
                <a:gd name="T41" fmla="*/ 258 h 852"/>
                <a:gd name="T42" fmla="*/ 60 w 980"/>
                <a:gd name="T43" fmla="*/ 263 h 852"/>
                <a:gd name="T44" fmla="*/ 71 w 980"/>
                <a:gd name="T45" fmla="*/ 278 h 852"/>
                <a:gd name="T46" fmla="*/ 83 w 980"/>
                <a:gd name="T47" fmla="*/ 278 h 852"/>
                <a:gd name="T48" fmla="*/ 96 w 980"/>
                <a:gd name="T49" fmla="*/ 233 h 852"/>
                <a:gd name="T50" fmla="*/ 106 w 980"/>
                <a:gd name="T51" fmla="*/ 213 h 852"/>
                <a:gd name="T52" fmla="*/ 118 w 980"/>
                <a:gd name="T53" fmla="*/ 204 h 852"/>
                <a:gd name="T54" fmla="*/ 132 w 980"/>
                <a:gd name="T55" fmla="*/ 198 h 852"/>
                <a:gd name="T56" fmla="*/ 122 w 980"/>
                <a:gd name="T57" fmla="*/ 187 h 852"/>
                <a:gd name="T58" fmla="*/ 114 w 980"/>
                <a:gd name="T59" fmla="*/ 177 h 852"/>
                <a:gd name="T60" fmla="*/ 118 w 980"/>
                <a:gd name="T61" fmla="*/ 164 h 852"/>
                <a:gd name="T62" fmla="*/ 119 w 980"/>
                <a:gd name="T63" fmla="*/ 144 h 852"/>
                <a:gd name="T64" fmla="*/ 126 w 980"/>
                <a:gd name="T65" fmla="*/ 132 h 852"/>
                <a:gd name="T66" fmla="*/ 148 w 980"/>
                <a:gd name="T67" fmla="*/ 141 h 852"/>
                <a:gd name="T68" fmla="*/ 169 w 980"/>
                <a:gd name="T69" fmla="*/ 143 h 852"/>
                <a:gd name="T70" fmla="*/ 190 w 980"/>
                <a:gd name="T71" fmla="*/ 137 h 852"/>
                <a:gd name="T72" fmla="*/ 214 w 980"/>
                <a:gd name="T73" fmla="*/ 151 h 852"/>
                <a:gd name="T74" fmla="*/ 238 w 980"/>
                <a:gd name="T75" fmla="*/ 149 h 852"/>
                <a:gd name="T76" fmla="*/ 256 w 980"/>
                <a:gd name="T77" fmla="*/ 152 h 852"/>
                <a:gd name="T78" fmla="*/ 257 w 980"/>
                <a:gd name="T79" fmla="*/ 163 h 852"/>
                <a:gd name="T80" fmla="*/ 254 w 980"/>
                <a:gd name="T81" fmla="*/ 176 h 852"/>
                <a:gd name="T82" fmla="*/ 273 w 980"/>
                <a:gd name="T83" fmla="*/ 177 h 852"/>
                <a:gd name="T84" fmla="*/ 294 w 980"/>
                <a:gd name="T85" fmla="*/ 164 h 852"/>
                <a:gd name="T86" fmla="*/ 322 w 980"/>
                <a:gd name="T87" fmla="*/ 143 h 852"/>
                <a:gd name="T88" fmla="*/ 310 w 980"/>
                <a:gd name="T89" fmla="*/ 126 h 852"/>
                <a:gd name="T90" fmla="*/ 301 w 980"/>
                <a:gd name="T91" fmla="*/ 108 h 852"/>
                <a:gd name="T92" fmla="*/ 301 w 980"/>
                <a:gd name="T93" fmla="*/ 86 h 852"/>
                <a:gd name="T94" fmla="*/ 281 w 980"/>
                <a:gd name="T95" fmla="*/ 84 h 852"/>
                <a:gd name="T96" fmla="*/ 269 w 980"/>
                <a:gd name="T97" fmla="*/ 86 h 852"/>
                <a:gd name="T98" fmla="*/ 262 w 980"/>
                <a:gd name="T99" fmla="*/ 74 h 852"/>
                <a:gd name="T100" fmla="*/ 252 w 980"/>
                <a:gd name="T101" fmla="*/ 64 h 852"/>
                <a:gd name="T102" fmla="*/ 241 w 980"/>
                <a:gd name="T103" fmla="*/ 54 h 852"/>
                <a:gd name="T104" fmla="*/ 187 w 980"/>
                <a:gd name="T105" fmla="*/ 67 h 852"/>
                <a:gd name="T106" fmla="*/ 151 w 980"/>
                <a:gd name="T107" fmla="*/ 63 h 852"/>
                <a:gd name="T108" fmla="*/ 143 w 980"/>
                <a:gd name="T109" fmla="*/ 41 h 852"/>
                <a:gd name="T110" fmla="*/ 130 w 980"/>
                <a:gd name="T111" fmla="*/ 12 h 852"/>
                <a:gd name="T112" fmla="*/ 120 w 980"/>
                <a:gd name="T113" fmla="*/ 11 h 852"/>
                <a:gd name="T114" fmla="*/ 107 w 980"/>
                <a:gd name="T115" fmla="*/ 6 h 852"/>
                <a:gd name="T116" fmla="*/ 96 w 980"/>
                <a:gd name="T117" fmla="*/ 0 h 852"/>
                <a:gd name="T118" fmla="*/ 90 w 980"/>
                <a:gd name="T119" fmla="*/ 5 h 85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980" h="852">
                  <a:moveTo>
                    <a:pt x="262" y="26"/>
                  </a:moveTo>
                  <a:lnTo>
                    <a:pt x="266" y="33"/>
                  </a:lnTo>
                  <a:lnTo>
                    <a:pt x="269" y="39"/>
                  </a:lnTo>
                  <a:lnTo>
                    <a:pt x="271" y="46"/>
                  </a:lnTo>
                  <a:lnTo>
                    <a:pt x="273" y="53"/>
                  </a:lnTo>
                  <a:lnTo>
                    <a:pt x="273" y="66"/>
                  </a:lnTo>
                  <a:lnTo>
                    <a:pt x="270" y="80"/>
                  </a:lnTo>
                  <a:lnTo>
                    <a:pt x="268" y="94"/>
                  </a:lnTo>
                  <a:lnTo>
                    <a:pt x="267" y="108"/>
                  </a:lnTo>
                  <a:lnTo>
                    <a:pt x="267" y="114"/>
                  </a:lnTo>
                  <a:lnTo>
                    <a:pt x="268" y="120"/>
                  </a:lnTo>
                  <a:lnTo>
                    <a:pt x="269" y="128"/>
                  </a:lnTo>
                  <a:lnTo>
                    <a:pt x="271" y="134"/>
                  </a:lnTo>
                  <a:lnTo>
                    <a:pt x="257" y="132"/>
                  </a:lnTo>
                  <a:lnTo>
                    <a:pt x="243" y="131"/>
                  </a:lnTo>
                  <a:lnTo>
                    <a:pt x="229" y="131"/>
                  </a:lnTo>
                  <a:lnTo>
                    <a:pt x="216" y="131"/>
                  </a:lnTo>
                  <a:lnTo>
                    <a:pt x="202" y="131"/>
                  </a:lnTo>
                  <a:lnTo>
                    <a:pt x="188" y="130"/>
                  </a:lnTo>
                  <a:lnTo>
                    <a:pt x="172" y="128"/>
                  </a:lnTo>
                  <a:lnTo>
                    <a:pt x="156" y="123"/>
                  </a:lnTo>
                  <a:lnTo>
                    <a:pt x="147" y="136"/>
                  </a:lnTo>
                  <a:lnTo>
                    <a:pt x="138" y="147"/>
                  </a:lnTo>
                  <a:lnTo>
                    <a:pt x="127" y="157"/>
                  </a:lnTo>
                  <a:lnTo>
                    <a:pt x="118" y="169"/>
                  </a:lnTo>
                  <a:lnTo>
                    <a:pt x="108" y="179"/>
                  </a:lnTo>
                  <a:lnTo>
                    <a:pt x="100" y="192"/>
                  </a:lnTo>
                  <a:lnTo>
                    <a:pt x="96" y="198"/>
                  </a:lnTo>
                  <a:lnTo>
                    <a:pt x="92" y="205"/>
                  </a:lnTo>
                  <a:lnTo>
                    <a:pt x="89" y="213"/>
                  </a:lnTo>
                  <a:lnTo>
                    <a:pt x="87" y="221"/>
                  </a:lnTo>
                  <a:lnTo>
                    <a:pt x="103" y="230"/>
                  </a:lnTo>
                  <a:lnTo>
                    <a:pt x="119" y="238"/>
                  </a:lnTo>
                  <a:lnTo>
                    <a:pt x="134" y="248"/>
                  </a:lnTo>
                  <a:lnTo>
                    <a:pt x="148" y="257"/>
                  </a:lnTo>
                  <a:lnTo>
                    <a:pt x="161" y="269"/>
                  </a:lnTo>
                  <a:lnTo>
                    <a:pt x="174" y="280"/>
                  </a:lnTo>
                  <a:lnTo>
                    <a:pt x="185" y="294"/>
                  </a:lnTo>
                  <a:lnTo>
                    <a:pt x="195" y="308"/>
                  </a:lnTo>
                  <a:lnTo>
                    <a:pt x="189" y="309"/>
                  </a:lnTo>
                  <a:lnTo>
                    <a:pt x="184" y="310"/>
                  </a:lnTo>
                  <a:lnTo>
                    <a:pt x="180" y="311"/>
                  </a:lnTo>
                  <a:lnTo>
                    <a:pt x="175" y="313"/>
                  </a:lnTo>
                  <a:lnTo>
                    <a:pt x="166" y="319"/>
                  </a:lnTo>
                  <a:lnTo>
                    <a:pt x="159" y="327"/>
                  </a:lnTo>
                  <a:lnTo>
                    <a:pt x="152" y="336"/>
                  </a:lnTo>
                  <a:lnTo>
                    <a:pt x="146" y="346"/>
                  </a:lnTo>
                  <a:lnTo>
                    <a:pt x="142" y="357"/>
                  </a:lnTo>
                  <a:lnTo>
                    <a:pt x="139" y="369"/>
                  </a:lnTo>
                  <a:lnTo>
                    <a:pt x="137" y="380"/>
                  </a:lnTo>
                  <a:lnTo>
                    <a:pt x="137" y="392"/>
                  </a:lnTo>
                  <a:lnTo>
                    <a:pt x="138" y="403"/>
                  </a:lnTo>
                  <a:lnTo>
                    <a:pt x="140" y="414"/>
                  </a:lnTo>
                  <a:lnTo>
                    <a:pt x="144" y="423"/>
                  </a:lnTo>
                  <a:lnTo>
                    <a:pt x="149" y="432"/>
                  </a:lnTo>
                  <a:lnTo>
                    <a:pt x="152" y="436"/>
                  </a:lnTo>
                  <a:lnTo>
                    <a:pt x="157" y="439"/>
                  </a:lnTo>
                  <a:lnTo>
                    <a:pt x="161" y="441"/>
                  </a:lnTo>
                  <a:lnTo>
                    <a:pt x="165" y="445"/>
                  </a:lnTo>
                  <a:lnTo>
                    <a:pt x="152" y="452"/>
                  </a:lnTo>
                  <a:lnTo>
                    <a:pt x="142" y="458"/>
                  </a:lnTo>
                  <a:lnTo>
                    <a:pt x="132" y="462"/>
                  </a:lnTo>
                  <a:lnTo>
                    <a:pt x="124" y="466"/>
                  </a:lnTo>
                  <a:lnTo>
                    <a:pt x="120" y="466"/>
                  </a:lnTo>
                  <a:lnTo>
                    <a:pt x="115" y="466"/>
                  </a:lnTo>
                  <a:lnTo>
                    <a:pt x="109" y="466"/>
                  </a:lnTo>
                  <a:lnTo>
                    <a:pt x="104" y="465"/>
                  </a:lnTo>
                  <a:lnTo>
                    <a:pt x="92" y="460"/>
                  </a:lnTo>
                  <a:lnTo>
                    <a:pt x="78" y="454"/>
                  </a:lnTo>
                  <a:lnTo>
                    <a:pt x="69" y="473"/>
                  </a:lnTo>
                  <a:lnTo>
                    <a:pt x="60" y="492"/>
                  </a:lnTo>
                  <a:lnTo>
                    <a:pt x="50" y="510"/>
                  </a:lnTo>
                  <a:lnTo>
                    <a:pt x="40" y="528"/>
                  </a:lnTo>
                  <a:lnTo>
                    <a:pt x="29" y="545"/>
                  </a:lnTo>
                  <a:lnTo>
                    <a:pt x="19" y="562"/>
                  </a:lnTo>
                  <a:lnTo>
                    <a:pt x="9" y="580"/>
                  </a:lnTo>
                  <a:lnTo>
                    <a:pt x="0" y="599"/>
                  </a:lnTo>
                  <a:lnTo>
                    <a:pt x="18" y="606"/>
                  </a:lnTo>
                  <a:lnTo>
                    <a:pt x="37" y="612"/>
                  </a:lnTo>
                  <a:lnTo>
                    <a:pt x="57" y="616"/>
                  </a:lnTo>
                  <a:lnTo>
                    <a:pt x="78" y="618"/>
                  </a:lnTo>
                  <a:lnTo>
                    <a:pt x="79" y="628"/>
                  </a:lnTo>
                  <a:lnTo>
                    <a:pt x="80" y="636"/>
                  </a:lnTo>
                  <a:lnTo>
                    <a:pt x="81" y="645"/>
                  </a:lnTo>
                  <a:lnTo>
                    <a:pt x="83" y="652"/>
                  </a:lnTo>
                  <a:lnTo>
                    <a:pt x="86" y="659"/>
                  </a:lnTo>
                  <a:lnTo>
                    <a:pt x="89" y="666"/>
                  </a:lnTo>
                  <a:lnTo>
                    <a:pt x="92" y="672"/>
                  </a:lnTo>
                  <a:lnTo>
                    <a:pt x="97" y="677"/>
                  </a:lnTo>
                  <a:lnTo>
                    <a:pt x="101" y="682"/>
                  </a:lnTo>
                  <a:lnTo>
                    <a:pt x="106" y="688"/>
                  </a:lnTo>
                  <a:lnTo>
                    <a:pt x="111" y="692"/>
                  </a:lnTo>
                  <a:lnTo>
                    <a:pt x="118" y="696"/>
                  </a:lnTo>
                  <a:lnTo>
                    <a:pt x="124" y="699"/>
                  </a:lnTo>
                  <a:lnTo>
                    <a:pt x="130" y="701"/>
                  </a:lnTo>
                  <a:lnTo>
                    <a:pt x="138" y="705"/>
                  </a:lnTo>
                  <a:lnTo>
                    <a:pt x="146" y="706"/>
                  </a:lnTo>
                  <a:lnTo>
                    <a:pt x="147" y="717"/>
                  </a:lnTo>
                  <a:lnTo>
                    <a:pt x="147" y="727"/>
                  </a:lnTo>
                  <a:lnTo>
                    <a:pt x="145" y="734"/>
                  </a:lnTo>
                  <a:lnTo>
                    <a:pt x="142" y="741"/>
                  </a:lnTo>
                  <a:lnTo>
                    <a:pt x="139" y="748"/>
                  </a:lnTo>
                  <a:lnTo>
                    <a:pt x="137" y="755"/>
                  </a:lnTo>
                  <a:lnTo>
                    <a:pt x="136" y="764"/>
                  </a:lnTo>
                  <a:lnTo>
                    <a:pt x="136" y="774"/>
                  </a:lnTo>
                  <a:lnTo>
                    <a:pt x="147" y="774"/>
                  </a:lnTo>
                  <a:lnTo>
                    <a:pt x="157" y="776"/>
                  </a:lnTo>
                  <a:lnTo>
                    <a:pt x="165" y="779"/>
                  </a:lnTo>
                  <a:lnTo>
                    <a:pt x="172" y="784"/>
                  </a:lnTo>
                  <a:lnTo>
                    <a:pt x="179" y="789"/>
                  </a:lnTo>
                  <a:lnTo>
                    <a:pt x="184" y="795"/>
                  </a:lnTo>
                  <a:lnTo>
                    <a:pt x="189" y="801"/>
                  </a:lnTo>
                  <a:lnTo>
                    <a:pt x="195" y="808"/>
                  </a:lnTo>
                  <a:lnTo>
                    <a:pt x="203" y="821"/>
                  </a:lnTo>
                  <a:lnTo>
                    <a:pt x="214" y="834"/>
                  </a:lnTo>
                  <a:lnTo>
                    <a:pt x="220" y="840"/>
                  </a:lnTo>
                  <a:lnTo>
                    <a:pt x="226" y="845"/>
                  </a:lnTo>
                  <a:lnTo>
                    <a:pt x="234" y="849"/>
                  </a:lnTo>
                  <a:lnTo>
                    <a:pt x="243" y="852"/>
                  </a:lnTo>
                  <a:lnTo>
                    <a:pt x="250" y="835"/>
                  </a:lnTo>
                  <a:lnTo>
                    <a:pt x="258" y="817"/>
                  </a:lnTo>
                  <a:lnTo>
                    <a:pt x="263" y="798"/>
                  </a:lnTo>
                  <a:lnTo>
                    <a:pt x="268" y="778"/>
                  </a:lnTo>
                  <a:lnTo>
                    <a:pt x="277" y="738"/>
                  </a:lnTo>
                  <a:lnTo>
                    <a:pt x="287" y="699"/>
                  </a:lnTo>
                  <a:lnTo>
                    <a:pt x="294" y="680"/>
                  </a:lnTo>
                  <a:lnTo>
                    <a:pt x="301" y="664"/>
                  </a:lnTo>
                  <a:lnTo>
                    <a:pt x="306" y="655"/>
                  </a:lnTo>
                  <a:lnTo>
                    <a:pt x="310" y="647"/>
                  </a:lnTo>
                  <a:lnTo>
                    <a:pt x="317" y="639"/>
                  </a:lnTo>
                  <a:lnTo>
                    <a:pt x="323" y="633"/>
                  </a:lnTo>
                  <a:lnTo>
                    <a:pt x="329" y="627"/>
                  </a:lnTo>
                  <a:lnTo>
                    <a:pt x="337" y="620"/>
                  </a:lnTo>
                  <a:lnTo>
                    <a:pt x="345" y="615"/>
                  </a:lnTo>
                  <a:lnTo>
                    <a:pt x="354" y="611"/>
                  </a:lnTo>
                  <a:lnTo>
                    <a:pt x="364" y="607"/>
                  </a:lnTo>
                  <a:lnTo>
                    <a:pt x="375" y="604"/>
                  </a:lnTo>
                  <a:lnTo>
                    <a:pt x="385" y="601"/>
                  </a:lnTo>
                  <a:lnTo>
                    <a:pt x="398" y="599"/>
                  </a:lnTo>
                  <a:lnTo>
                    <a:pt x="396" y="593"/>
                  </a:lnTo>
                  <a:lnTo>
                    <a:pt x="394" y="587"/>
                  </a:lnTo>
                  <a:lnTo>
                    <a:pt x="390" y="581"/>
                  </a:lnTo>
                  <a:lnTo>
                    <a:pt x="386" y="577"/>
                  </a:lnTo>
                  <a:lnTo>
                    <a:pt x="377" y="570"/>
                  </a:lnTo>
                  <a:lnTo>
                    <a:pt x="366" y="562"/>
                  </a:lnTo>
                  <a:lnTo>
                    <a:pt x="357" y="556"/>
                  </a:lnTo>
                  <a:lnTo>
                    <a:pt x="348" y="547"/>
                  </a:lnTo>
                  <a:lnTo>
                    <a:pt x="345" y="542"/>
                  </a:lnTo>
                  <a:lnTo>
                    <a:pt x="342" y="536"/>
                  </a:lnTo>
                  <a:lnTo>
                    <a:pt x="341" y="530"/>
                  </a:lnTo>
                  <a:lnTo>
                    <a:pt x="340" y="521"/>
                  </a:lnTo>
                  <a:lnTo>
                    <a:pt x="345" y="515"/>
                  </a:lnTo>
                  <a:lnTo>
                    <a:pt x="349" y="508"/>
                  </a:lnTo>
                  <a:lnTo>
                    <a:pt x="353" y="500"/>
                  </a:lnTo>
                  <a:lnTo>
                    <a:pt x="354" y="493"/>
                  </a:lnTo>
                  <a:lnTo>
                    <a:pt x="356" y="476"/>
                  </a:lnTo>
                  <a:lnTo>
                    <a:pt x="356" y="459"/>
                  </a:lnTo>
                  <a:lnTo>
                    <a:pt x="356" y="451"/>
                  </a:lnTo>
                  <a:lnTo>
                    <a:pt x="357" y="441"/>
                  </a:lnTo>
                  <a:lnTo>
                    <a:pt x="358" y="433"/>
                  </a:lnTo>
                  <a:lnTo>
                    <a:pt x="360" y="424"/>
                  </a:lnTo>
                  <a:lnTo>
                    <a:pt x="362" y="417"/>
                  </a:lnTo>
                  <a:lnTo>
                    <a:pt x="366" y="410"/>
                  </a:lnTo>
                  <a:lnTo>
                    <a:pt x="371" y="402"/>
                  </a:lnTo>
                  <a:lnTo>
                    <a:pt x="379" y="395"/>
                  </a:lnTo>
                  <a:lnTo>
                    <a:pt x="392" y="402"/>
                  </a:lnTo>
                  <a:lnTo>
                    <a:pt x="405" y="409"/>
                  </a:lnTo>
                  <a:lnTo>
                    <a:pt x="418" y="414"/>
                  </a:lnTo>
                  <a:lnTo>
                    <a:pt x="430" y="418"/>
                  </a:lnTo>
                  <a:lnTo>
                    <a:pt x="444" y="422"/>
                  </a:lnTo>
                  <a:lnTo>
                    <a:pt x="457" y="426"/>
                  </a:lnTo>
                  <a:lnTo>
                    <a:pt x="469" y="429"/>
                  </a:lnTo>
                  <a:lnTo>
                    <a:pt x="482" y="430"/>
                  </a:lnTo>
                  <a:lnTo>
                    <a:pt x="495" y="430"/>
                  </a:lnTo>
                  <a:lnTo>
                    <a:pt x="507" y="430"/>
                  </a:lnTo>
                  <a:lnTo>
                    <a:pt x="520" y="429"/>
                  </a:lnTo>
                  <a:lnTo>
                    <a:pt x="532" y="426"/>
                  </a:lnTo>
                  <a:lnTo>
                    <a:pt x="544" y="422"/>
                  </a:lnTo>
                  <a:lnTo>
                    <a:pt x="557" y="418"/>
                  </a:lnTo>
                  <a:lnTo>
                    <a:pt x="569" y="412"/>
                  </a:lnTo>
                  <a:lnTo>
                    <a:pt x="582" y="406"/>
                  </a:lnTo>
                  <a:lnTo>
                    <a:pt x="598" y="416"/>
                  </a:lnTo>
                  <a:lnTo>
                    <a:pt x="613" y="429"/>
                  </a:lnTo>
                  <a:lnTo>
                    <a:pt x="626" y="441"/>
                  </a:lnTo>
                  <a:lnTo>
                    <a:pt x="641" y="454"/>
                  </a:lnTo>
                  <a:lnTo>
                    <a:pt x="658" y="455"/>
                  </a:lnTo>
                  <a:lnTo>
                    <a:pt x="673" y="454"/>
                  </a:lnTo>
                  <a:lnTo>
                    <a:pt x="686" y="452"/>
                  </a:lnTo>
                  <a:lnTo>
                    <a:pt x="699" y="449"/>
                  </a:lnTo>
                  <a:lnTo>
                    <a:pt x="712" y="446"/>
                  </a:lnTo>
                  <a:lnTo>
                    <a:pt x="725" y="443"/>
                  </a:lnTo>
                  <a:lnTo>
                    <a:pt x="740" y="442"/>
                  </a:lnTo>
                  <a:lnTo>
                    <a:pt x="757" y="445"/>
                  </a:lnTo>
                  <a:lnTo>
                    <a:pt x="763" y="451"/>
                  </a:lnTo>
                  <a:lnTo>
                    <a:pt x="766" y="457"/>
                  </a:lnTo>
                  <a:lnTo>
                    <a:pt x="770" y="463"/>
                  </a:lnTo>
                  <a:lnTo>
                    <a:pt x="771" y="470"/>
                  </a:lnTo>
                  <a:lnTo>
                    <a:pt x="771" y="476"/>
                  </a:lnTo>
                  <a:lnTo>
                    <a:pt x="771" y="482"/>
                  </a:lnTo>
                  <a:lnTo>
                    <a:pt x="770" y="488"/>
                  </a:lnTo>
                  <a:lnTo>
                    <a:pt x="767" y="494"/>
                  </a:lnTo>
                  <a:lnTo>
                    <a:pt x="764" y="506"/>
                  </a:lnTo>
                  <a:lnTo>
                    <a:pt x="762" y="516"/>
                  </a:lnTo>
                  <a:lnTo>
                    <a:pt x="762" y="522"/>
                  </a:lnTo>
                  <a:lnTo>
                    <a:pt x="762" y="529"/>
                  </a:lnTo>
                  <a:lnTo>
                    <a:pt x="764" y="535"/>
                  </a:lnTo>
                  <a:lnTo>
                    <a:pt x="766" y="541"/>
                  </a:lnTo>
                  <a:lnTo>
                    <a:pt x="786" y="539"/>
                  </a:lnTo>
                  <a:lnTo>
                    <a:pt x="803" y="536"/>
                  </a:lnTo>
                  <a:lnTo>
                    <a:pt x="819" y="532"/>
                  </a:lnTo>
                  <a:lnTo>
                    <a:pt x="834" y="526"/>
                  </a:lnTo>
                  <a:lnTo>
                    <a:pt x="846" y="518"/>
                  </a:lnTo>
                  <a:lnTo>
                    <a:pt x="859" y="510"/>
                  </a:lnTo>
                  <a:lnTo>
                    <a:pt x="871" y="500"/>
                  </a:lnTo>
                  <a:lnTo>
                    <a:pt x="882" y="491"/>
                  </a:lnTo>
                  <a:lnTo>
                    <a:pt x="904" y="472"/>
                  </a:lnTo>
                  <a:lnTo>
                    <a:pt x="926" y="453"/>
                  </a:lnTo>
                  <a:lnTo>
                    <a:pt x="938" y="445"/>
                  </a:lnTo>
                  <a:lnTo>
                    <a:pt x="952" y="437"/>
                  </a:lnTo>
                  <a:lnTo>
                    <a:pt x="965" y="430"/>
                  </a:lnTo>
                  <a:lnTo>
                    <a:pt x="980" y="424"/>
                  </a:lnTo>
                  <a:lnTo>
                    <a:pt x="963" y="411"/>
                  </a:lnTo>
                  <a:lnTo>
                    <a:pt x="945" y="395"/>
                  </a:lnTo>
                  <a:lnTo>
                    <a:pt x="937" y="386"/>
                  </a:lnTo>
                  <a:lnTo>
                    <a:pt x="930" y="377"/>
                  </a:lnTo>
                  <a:lnTo>
                    <a:pt x="922" y="368"/>
                  </a:lnTo>
                  <a:lnTo>
                    <a:pt x="915" y="357"/>
                  </a:lnTo>
                  <a:lnTo>
                    <a:pt x="910" y="347"/>
                  </a:lnTo>
                  <a:lnTo>
                    <a:pt x="904" y="336"/>
                  </a:lnTo>
                  <a:lnTo>
                    <a:pt x="901" y="324"/>
                  </a:lnTo>
                  <a:lnTo>
                    <a:pt x="898" y="313"/>
                  </a:lnTo>
                  <a:lnTo>
                    <a:pt x="897" y="300"/>
                  </a:lnTo>
                  <a:lnTo>
                    <a:pt x="897" y="287"/>
                  </a:lnTo>
                  <a:lnTo>
                    <a:pt x="899" y="274"/>
                  </a:lnTo>
                  <a:lnTo>
                    <a:pt x="903" y="259"/>
                  </a:lnTo>
                  <a:lnTo>
                    <a:pt x="889" y="259"/>
                  </a:lnTo>
                  <a:lnTo>
                    <a:pt x="875" y="257"/>
                  </a:lnTo>
                  <a:lnTo>
                    <a:pt x="863" y="255"/>
                  </a:lnTo>
                  <a:lnTo>
                    <a:pt x="852" y="253"/>
                  </a:lnTo>
                  <a:lnTo>
                    <a:pt x="841" y="252"/>
                  </a:lnTo>
                  <a:lnTo>
                    <a:pt x="830" y="252"/>
                  </a:lnTo>
                  <a:lnTo>
                    <a:pt x="824" y="253"/>
                  </a:lnTo>
                  <a:lnTo>
                    <a:pt x="818" y="254"/>
                  </a:lnTo>
                  <a:lnTo>
                    <a:pt x="812" y="256"/>
                  </a:lnTo>
                  <a:lnTo>
                    <a:pt x="805" y="259"/>
                  </a:lnTo>
                  <a:lnTo>
                    <a:pt x="805" y="251"/>
                  </a:lnTo>
                  <a:lnTo>
                    <a:pt x="803" y="242"/>
                  </a:lnTo>
                  <a:lnTo>
                    <a:pt x="800" y="236"/>
                  </a:lnTo>
                  <a:lnTo>
                    <a:pt x="796" y="231"/>
                  </a:lnTo>
                  <a:lnTo>
                    <a:pt x="785" y="222"/>
                  </a:lnTo>
                  <a:lnTo>
                    <a:pt x="774" y="214"/>
                  </a:lnTo>
                  <a:lnTo>
                    <a:pt x="768" y="210"/>
                  </a:lnTo>
                  <a:lnTo>
                    <a:pt x="763" y="205"/>
                  </a:lnTo>
                  <a:lnTo>
                    <a:pt x="759" y="199"/>
                  </a:lnTo>
                  <a:lnTo>
                    <a:pt x="756" y="193"/>
                  </a:lnTo>
                  <a:lnTo>
                    <a:pt x="754" y="185"/>
                  </a:lnTo>
                  <a:lnTo>
                    <a:pt x="753" y="176"/>
                  </a:lnTo>
                  <a:lnTo>
                    <a:pt x="754" y="165"/>
                  </a:lnTo>
                  <a:lnTo>
                    <a:pt x="757" y="153"/>
                  </a:lnTo>
                  <a:lnTo>
                    <a:pt x="722" y="161"/>
                  </a:lnTo>
                  <a:lnTo>
                    <a:pt x="688" y="170"/>
                  </a:lnTo>
                  <a:lnTo>
                    <a:pt x="656" y="177"/>
                  </a:lnTo>
                  <a:lnTo>
                    <a:pt x="624" y="185"/>
                  </a:lnTo>
                  <a:lnTo>
                    <a:pt x="593" y="194"/>
                  </a:lnTo>
                  <a:lnTo>
                    <a:pt x="559" y="202"/>
                  </a:lnTo>
                  <a:lnTo>
                    <a:pt x="524" y="211"/>
                  </a:lnTo>
                  <a:lnTo>
                    <a:pt x="485" y="221"/>
                  </a:lnTo>
                  <a:lnTo>
                    <a:pt x="473" y="211"/>
                  </a:lnTo>
                  <a:lnTo>
                    <a:pt x="463" y="200"/>
                  </a:lnTo>
                  <a:lnTo>
                    <a:pt x="454" y="189"/>
                  </a:lnTo>
                  <a:lnTo>
                    <a:pt x="447" y="177"/>
                  </a:lnTo>
                  <a:lnTo>
                    <a:pt x="441" y="164"/>
                  </a:lnTo>
                  <a:lnTo>
                    <a:pt x="436" y="152"/>
                  </a:lnTo>
                  <a:lnTo>
                    <a:pt x="432" y="138"/>
                  </a:lnTo>
                  <a:lnTo>
                    <a:pt x="428" y="124"/>
                  </a:lnTo>
                  <a:lnTo>
                    <a:pt x="420" y="98"/>
                  </a:lnTo>
                  <a:lnTo>
                    <a:pt x="412" y="72"/>
                  </a:lnTo>
                  <a:lnTo>
                    <a:pt x="405" y="59"/>
                  </a:lnTo>
                  <a:lnTo>
                    <a:pt x="398" y="48"/>
                  </a:lnTo>
                  <a:lnTo>
                    <a:pt x="389" y="37"/>
                  </a:lnTo>
                  <a:lnTo>
                    <a:pt x="379" y="26"/>
                  </a:lnTo>
                  <a:lnTo>
                    <a:pt x="374" y="30"/>
                  </a:lnTo>
                  <a:lnTo>
                    <a:pt x="369" y="32"/>
                  </a:lnTo>
                  <a:lnTo>
                    <a:pt x="364" y="33"/>
                  </a:lnTo>
                  <a:lnTo>
                    <a:pt x="360" y="34"/>
                  </a:lnTo>
                  <a:lnTo>
                    <a:pt x="351" y="34"/>
                  </a:lnTo>
                  <a:lnTo>
                    <a:pt x="343" y="32"/>
                  </a:lnTo>
                  <a:lnTo>
                    <a:pt x="336" y="28"/>
                  </a:lnTo>
                  <a:lnTo>
                    <a:pt x="328" y="23"/>
                  </a:lnTo>
                  <a:lnTo>
                    <a:pt x="322" y="18"/>
                  </a:lnTo>
                  <a:lnTo>
                    <a:pt x="315" y="13"/>
                  </a:lnTo>
                  <a:lnTo>
                    <a:pt x="308" y="8"/>
                  </a:lnTo>
                  <a:lnTo>
                    <a:pt x="302" y="3"/>
                  </a:lnTo>
                  <a:lnTo>
                    <a:pt x="296" y="1"/>
                  </a:lnTo>
                  <a:lnTo>
                    <a:pt x="289" y="0"/>
                  </a:lnTo>
                  <a:lnTo>
                    <a:pt x="286" y="1"/>
                  </a:lnTo>
                  <a:lnTo>
                    <a:pt x="283" y="2"/>
                  </a:lnTo>
                  <a:lnTo>
                    <a:pt x="280" y="4"/>
                  </a:lnTo>
                  <a:lnTo>
                    <a:pt x="277" y="6"/>
                  </a:lnTo>
                  <a:lnTo>
                    <a:pt x="269" y="15"/>
                  </a:lnTo>
                  <a:lnTo>
                    <a:pt x="262" y="26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389" name="Rebild kant"/>
            <p:cNvSpPr>
              <a:spLocks/>
            </p:cNvSpPr>
            <p:nvPr/>
          </p:nvSpPr>
          <p:spPr bwMode="auto">
            <a:xfrm>
              <a:off x="1643063" y="3251200"/>
              <a:ext cx="519112" cy="450850"/>
            </a:xfrm>
            <a:custGeom>
              <a:avLst/>
              <a:gdLst>
                <a:gd name="T0" fmla="*/ 91 w 980"/>
                <a:gd name="T1" fmla="*/ 18 h 852"/>
                <a:gd name="T2" fmla="*/ 89 w 980"/>
                <a:gd name="T3" fmla="*/ 38 h 852"/>
                <a:gd name="T4" fmla="*/ 81 w 980"/>
                <a:gd name="T5" fmla="*/ 44 h 852"/>
                <a:gd name="T6" fmla="*/ 57 w 980"/>
                <a:gd name="T7" fmla="*/ 43 h 852"/>
                <a:gd name="T8" fmla="*/ 39 w 980"/>
                <a:gd name="T9" fmla="*/ 56 h 852"/>
                <a:gd name="T10" fmla="*/ 30 w 980"/>
                <a:gd name="T11" fmla="*/ 71 h 852"/>
                <a:gd name="T12" fmla="*/ 49 w 980"/>
                <a:gd name="T13" fmla="*/ 86 h 852"/>
                <a:gd name="T14" fmla="*/ 63 w 980"/>
                <a:gd name="T15" fmla="*/ 103 h 852"/>
                <a:gd name="T16" fmla="*/ 53 w 980"/>
                <a:gd name="T17" fmla="*/ 109 h 852"/>
                <a:gd name="T18" fmla="*/ 46 w 980"/>
                <a:gd name="T19" fmla="*/ 127 h 852"/>
                <a:gd name="T20" fmla="*/ 50 w 980"/>
                <a:gd name="T21" fmla="*/ 144 h 852"/>
                <a:gd name="T22" fmla="*/ 51 w 980"/>
                <a:gd name="T23" fmla="*/ 151 h 852"/>
                <a:gd name="T24" fmla="*/ 38 w 980"/>
                <a:gd name="T25" fmla="*/ 155 h 852"/>
                <a:gd name="T26" fmla="*/ 23 w 980"/>
                <a:gd name="T27" fmla="*/ 158 h 852"/>
                <a:gd name="T28" fmla="*/ 6 w 980"/>
                <a:gd name="T29" fmla="*/ 187 h 852"/>
                <a:gd name="T30" fmla="*/ 19 w 980"/>
                <a:gd name="T31" fmla="*/ 205 h 852"/>
                <a:gd name="T32" fmla="*/ 28 w 980"/>
                <a:gd name="T33" fmla="*/ 217 h 852"/>
                <a:gd name="T34" fmla="*/ 34 w 980"/>
                <a:gd name="T35" fmla="*/ 227 h 852"/>
                <a:gd name="T36" fmla="*/ 43 w 980"/>
                <a:gd name="T37" fmla="*/ 234 h 852"/>
                <a:gd name="T38" fmla="*/ 48 w 980"/>
                <a:gd name="T39" fmla="*/ 245 h 852"/>
                <a:gd name="T40" fmla="*/ 45 w 980"/>
                <a:gd name="T41" fmla="*/ 258 h 852"/>
                <a:gd name="T42" fmla="*/ 60 w 980"/>
                <a:gd name="T43" fmla="*/ 263 h 852"/>
                <a:gd name="T44" fmla="*/ 71 w 980"/>
                <a:gd name="T45" fmla="*/ 278 h 852"/>
                <a:gd name="T46" fmla="*/ 83 w 980"/>
                <a:gd name="T47" fmla="*/ 278 h 852"/>
                <a:gd name="T48" fmla="*/ 96 w 980"/>
                <a:gd name="T49" fmla="*/ 233 h 852"/>
                <a:gd name="T50" fmla="*/ 106 w 980"/>
                <a:gd name="T51" fmla="*/ 213 h 852"/>
                <a:gd name="T52" fmla="*/ 118 w 980"/>
                <a:gd name="T53" fmla="*/ 204 h 852"/>
                <a:gd name="T54" fmla="*/ 132 w 980"/>
                <a:gd name="T55" fmla="*/ 198 h 852"/>
                <a:gd name="T56" fmla="*/ 122 w 980"/>
                <a:gd name="T57" fmla="*/ 187 h 852"/>
                <a:gd name="T58" fmla="*/ 114 w 980"/>
                <a:gd name="T59" fmla="*/ 177 h 852"/>
                <a:gd name="T60" fmla="*/ 118 w 980"/>
                <a:gd name="T61" fmla="*/ 164 h 852"/>
                <a:gd name="T62" fmla="*/ 119 w 980"/>
                <a:gd name="T63" fmla="*/ 144 h 852"/>
                <a:gd name="T64" fmla="*/ 126 w 980"/>
                <a:gd name="T65" fmla="*/ 132 h 852"/>
                <a:gd name="T66" fmla="*/ 148 w 980"/>
                <a:gd name="T67" fmla="*/ 141 h 852"/>
                <a:gd name="T68" fmla="*/ 169 w 980"/>
                <a:gd name="T69" fmla="*/ 143 h 852"/>
                <a:gd name="T70" fmla="*/ 190 w 980"/>
                <a:gd name="T71" fmla="*/ 137 h 852"/>
                <a:gd name="T72" fmla="*/ 214 w 980"/>
                <a:gd name="T73" fmla="*/ 151 h 852"/>
                <a:gd name="T74" fmla="*/ 238 w 980"/>
                <a:gd name="T75" fmla="*/ 149 h 852"/>
                <a:gd name="T76" fmla="*/ 256 w 980"/>
                <a:gd name="T77" fmla="*/ 152 h 852"/>
                <a:gd name="T78" fmla="*/ 257 w 980"/>
                <a:gd name="T79" fmla="*/ 163 h 852"/>
                <a:gd name="T80" fmla="*/ 254 w 980"/>
                <a:gd name="T81" fmla="*/ 176 h 852"/>
                <a:gd name="T82" fmla="*/ 273 w 980"/>
                <a:gd name="T83" fmla="*/ 177 h 852"/>
                <a:gd name="T84" fmla="*/ 294 w 980"/>
                <a:gd name="T85" fmla="*/ 164 h 852"/>
                <a:gd name="T86" fmla="*/ 322 w 980"/>
                <a:gd name="T87" fmla="*/ 143 h 852"/>
                <a:gd name="T88" fmla="*/ 310 w 980"/>
                <a:gd name="T89" fmla="*/ 126 h 852"/>
                <a:gd name="T90" fmla="*/ 301 w 980"/>
                <a:gd name="T91" fmla="*/ 108 h 852"/>
                <a:gd name="T92" fmla="*/ 301 w 980"/>
                <a:gd name="T93" fmla="*/ 86 h 852"/>
                <a:gd name="T94" fmla="*/ 281 w 980"/>
                <a:gd name="T95" fmla="*/ 84 h 852"/>
                <a:gd name="T96" fmla="*/ 269 w 980"/>
                <a:gd name="T97" fmla="*/ 86 h 852"/>
                <a:gd name="T98" fmla="*/ 262 w 980"/>
                <a:gd name="T99" fmla="*/ 74 h 852"/>
                <a:gd name="T100" fmla="*/ 252 w 980"/>
                <a:gd name="T101" fmla="*/ 64 h 852"/>
                <a:gd name="T102" fmla="*/ 241 w 980"/>
                <a:gd name="T103" fmla="*/ 54 h 852"/>
                <a:gd name="T104" fmla="*/ 187 w 980"/>
                <a:gd name="T105" fmla="*/ 67 h 852"/>
                <a:gd name="T106" fmla="*/ 151 w 980"/>
                <a:gd name="T107" fmla="*/ 63 h 852"/>
                <a:gd name="T108" fmla="*/ 143 w 980"/>
                <a:gd name="T109" fmla="*/ 41 h 852"/>
                <a:gd name="T110" fmla="*/ 130 w 980"/>
                <a:gd name="T111" fmla="*/ 12 h 852"/>
                <a:gd name="T112" fmla="*/ 120 w 980"/>
                <a:gd name="T113" fmla="*/ 11 h 852"/>
                <a:gd name="T114" fmla="*/ 107 w 980"/>
                <a:gd name="T115" fmla="*/ 6 h 852"/>
                <a:gd name="T116" fmla="*/ 96 w 980"/>
                <a:gd name="T117" fmla="*/ 0 h 852"/>
                <a:gd name="T118" fmla="*/ 90 w 980"/>
                <a:gd name="T119" fmla="*/ 5 h 85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980" h="852">
                  <a:moveTo>
                    <a:pt x="262" y="26"/>
                  </a:moveTo>
                  <a:lnTo>
                    <a:pt x="266" y="33"/>
                  </a:lnTo>
                  <a:lnTo>
                    <a:pt x="269" y="39"/>
                  </a:lnTo>
                  <a:lnTo>
                    <a:pt x="271" y="46"/>
                  </a:lnTo>
                  <a:lnTo>
                    <a:pt x="273" y="53"/>
                  </a:lnTo>
                  <a:lnTo>
                    <a:pt x="273" y="66"/>
                  </a:lnTo>
                  <a:lnTo>
                    <a:pt x="270" y="80"/>
                  </a:lnTo>
                  <a:lnTo>
                    <a:pt x="268" y="94"/>
                  </a:lnTo>
                  <a:lnTo>
                    <a:pt x="267" y="108"/>
                  </a:lnTo>
                  <a:lnTo>
                    <a:pt x="267" y="114"/>
                  </a:lnTo>
                  <a:lnTo>
                    <a:pt x="268" y="120"/>
                  </a:lnTo>
                  <a:lnTo>
                    <a:pt x="269" y="128"/>
                  </a:lnTo>
                  <a:lnTo>
                    <a:pt x="271" y="134"/>
                  </a:lnTo>
                  <a:lnTo>
                    <a:pt x="257" y="132"/>
                  </a:lnTo>
                  <a:lnTo>
                    <a:pt x="243" y="131"/>
                  </a:lnTo>
                  <a:lnTo>
                    <a:pt x="229" y="131"/>
                  </a:lnTo>
                  <a:lnTo>
                    <a:pt x="216" y="131"/>
                  </a:lnTo>
                  <a:lnTo>
                    <a:pt x="202" y="131"/>
                  </a:lnTo>
                  <a:lnTo>
                    <a:pt x="188" y="130"/>
                  </a:lnTo>
                  <a:lnTo>
                    <a:pt x="172" y="128"/>
                  </a:lnTo>
                  <a:lnTo>
                    <a:pt x="156" y="123"/>
                  </a:lnTo>
                  <a:lnTo>
                    <a:pt x="147" y="136"/>
                  </a:lnTo>
                  <a:lnTo>
                    <a:pt x="138" y="147"/>
                  </a:lnTo>
                  <a:lnTo>
                    <a:pt x="127" y="157"/>
                  </a:lnTo>
                  <a:lnTo>
                    <a:pt x="118" y="169"/>
                  </a:lnTo>
                  <a:lnTo>
                    <a:pt x="108" y="179"/>
                  </a:lnTo>
                  <a:lnTo>
                    <a:pt x="100" y="192"/>
                  </a:lnTo>
                  <a:lnTo>
                    <a:pt x="96" y="198"/>
                  </a:lnTo>
                  <a:lnTo>
                    <a:pt x="92" y="205"/>
                  </a:lnTo>
                  <a:lnTo>
                    <a:pt x="89" y="213"/>
                  </a:lnTo>
                  <a:lnTo>
                    <a:pt x="87" y="221"/>
                  </a:lnTo>
                  <a:lnTo>
                    <a:pt x="103" y="230"/>
                  </a:lnTo>
                  <a:lnTo>
                    <a:pt x="119" y="238"/>
                  </a:lnTo>
                  <a:lnTo>
                    <a:pt x="134" y="248"/>
                  </a:lnTo>
                  <a:lnTo>
                    <a:pt x="148" y="257"/>
                  </a:lnTo>
                  <a:lnTo>
                    <a:pt x="161" y="269"/>
                  </a:lnTo>
                  <a:lnTo>
                    <a:pt x="174" y="280"/>
                  </a:lnTo>
                  <a:lnTo>
                    <a:pt x="185" y="294"/>
                  </a:lnTo>
                  <a:lnTo>
                    <a:pt x="195" y="308"/>
                  </a:lnTo>
                  <a:lnTo>
                    <a:pt x="189" y="309"/>
                  </a:lnTo>
                  <a:lnTo>
                    <a:pt x="184" y="310"/>
                  </a:lnTo>
                  <a:lnTo>
                    <a:pt x="180" y="311"/>
                  </a:lnTo>
                  <a:lnTo>
                    <a:pt x="175" y="313"/>
                  </a:lnTo>
                  <a:lnTo>
                    <a:pt x="166" y="319"/>
                  </a:lnTo>
                  <a:lnTo>
                    <a:pt x="159" y="327"/>
                  </a:lnTo>
                  <a:lnTo>
                    <a:pt x="152" y="336"/>
                  </a:lnTo>
                  <a:lnTo>
                    <a:pt x="146" y="346"/>
                  </a:lnTo>
                  <a:lnTo>
                    <a:pt x="142" y="357"/>
                  </a:lnTo>
                  <a:lnTo>
                    <a:pt x="139" y="369"/>
                  </a:lnTo>
                  <a:lnTo>
                    <a:pt x="137" y="380"/>
                  </a:lnTo>
                  <a:lnTo>
                    <a:pt x="137" y="392"/>
                  </a:lnTo>
                  <a:lnTo>
                    <a:pt x="138" y="403"/>
                  </a:lnTo>
                  <a:lnTo>
                    <a:pt x="140" y="414"/>
                  </a:lnTo>
                  <a:lnTo>
                    <a:pt x="144" y="423"/>
                  </a:lnTo>
                  <a:lnTo>
                    <a:pt x="149" y="432"/>
                  </a:lnTo>
                  <a:lnTo>
                    <a:pt x="152" y="436"/>
                  </a:lnTo>
                  <a:lnTo>
                    <a:pt x="157" y="439"/>
                  </a:lnTo>
                  <a:lnTo>
                    <a:pt x="161" y="441"/>
                  </a:lnTo>
                  <a:lnTo>
                    <a:pt x="165" y="445"/>
                  </a:lnTo>
                  <a:lnTo>
                    <a:pt x="152" y="452"/>
                  </a:lnTo>
                  <a:lnTo>
                    <a:pt x="142" y="458"/>
                  </a:lnTo>
                  <a:lnTo>
                    <a:pt x="132" y="462"/>
                  </a:lnTo>
                  <a:lnTo>
                    <a:pt x="124" y="466"/>
                  </a:lnTo>
                  <a:lnTo>
                    <a:pt x="120" y="466"/>
                  </a:lnTo>
                  <a:lnTo>
                    <a:pt x="115" y="466"/>
                  </a:lnTo>
                  <a:lnTo>
                    <a:pt x="109" y="466"/>
                  </a:lnTo>
                  <a:lnTo>
                    <a:pt x="104" y="465"/>
                  </a:lnTo>
                  <a:lnTo>
                    <a:pt x="92" y="460"/>
                  </a:lnTo>
                  <a:lnTo>
                    <a:pt x="78" y="454"/>
                  </a:lnTo>
                  <a:lnTo>
                    <a:pt x="69" y="473"/>
                  </a:lnTo>
                  <a:lnTo>
                    <a:pt x="60" y="492"/>
                  </a:lnTo>
                  <a:lnTo>
                    <a:pt x="50" y="510"/>
                  </a:lnTo>
                  <a:lnTo>
                    <a:pt x="40" y="528"/>
                  </a:lnTo>
                  <a:lnTo>
                    <a:pt x="29" y="545"/>
                  </a:lnTo>
                  <a:lnTo>
                    <a:pt x="19" y="562"/>
                  </a:lnTo>
                  <a:lnTo>
                    <a:pt x="9" y="580"/>
                  </a:lnTo>
                  <a:lnTo>
                    <a:pt x="0" y="599"/>
                  </a:lnTo>
                  <a:lnTo>
                    <a:pt x="18" y="606"/>
                  </a:lnTo>
                  <a:lnTo>
                    <a:pt x="37" y="612"/>
                  </a:lnTo>
                  <a:lnTo>
                    <a:pt x="57" y="616"/>
                  </a:lnTo>
                  <a:lnTo>
                    <a:pt x="78" y="618"/>
                  </a:lnTo>
                  <a:lnTo>
                    <a:pt x="79" y="628"/>
                  </a:lnTo>
                  <a:lnTo>
                    <a:pt x="80" y="636"/>
                  </a:lnTo>
                  <a:lnTo>
                    <a:pt x="81" y="645"/>
                  </a:lnTo>
                  <a:lnTo>
                    <a:pt x="83" y="652"/>
                  </a:lnTo>
                  <a:lnTo>
                    <a:pt x="86" y="659"/>
                  </a:lnTo>
                  <a:lnTo>
                    <a:pt x="89" y="666"/>
                  </a:lnTo>
                  <a:lnTo>
                    <a:pt x="92" y="672"/>
                  </a:lnTo>
                  <a:lnTo>
                    <a:pt x="97" y="677"/>
                  </a:lnTo>
                  <a:lnTo>
                    <a:pt x="101" y="682"/>
                  </a:lnTo>
                  <a:lnTo>
                    <a:pt x="106" y="688"/>
                  </a:lnTo>
                  <a:lnTo>
                    <a:pt x="111" y="692"/>
                  </a:lnTo>
                  <a:lnTo>
                    <a:pt x="118" y="696"/>
                  </a:lnTo>
                  <a:lnTo>
                    <a:pt x="124" y="699"/>
                  </a:lnTo>
                  <a:lnTo>
                    <a:pt x="130" y="701"/>
                  </a:lnTo>
                  <a:lnTo>
                    <a:pt x="138" y="705"/>
                  </a:lnTo>
                  <a:lnTo>
                    <a:pt x="146" y="706"/>
                  </a:lnTo>
                  <a:lnTo>
                    <a:pt x="147" y="717"/>
                  </a:lnTo>
                  <a:lnTo>
                    <a:pt x="147" y="727"/>
                  </a:lnTo>
                  <a:lnTo>
                    <a:pt x="145" y="734"/>
                  </a:lnTo>
                  <a:lnTo>
                    <a:pt x="142" y="741"/>
                  </a:lnTo>
                  <a:lnTo>
                    <a:pt x="139" y="748"/>
                  </a:lnTo>
                  <a:lnTo>
                    <a:pt x="137" y="755"/>
                  </a:lnTo>
                  <a:lnTo>
                    <a:pt x="136" y="764"/>
                  </a:lnTo>
                  <a:lnTo>
                    <a:pt x="136" y="774"/>
                  </a:lnTo>
                  <a:lnTo>
                    <a:pt x="147" y="774"/>
                  </a:lnTo>
                  <a:lnTo>
                    <a:pt x="157" y="776"/>
                  </a:lnTo>
                  <a:lnTo>
                    <a:pt x="165" y="779"/>
                  </a:lnTo>
                  <a:lnTo>
                    <a:pt x="172" y="784"/>
                  </a:lnTo>
                  <a:lnTo>
                    <a:pt x="179" y="789"/>
                  </a:lnTo>
                  <a:lnTo>
                    <a:pt x="184" y="795"/>
                  </a:lnTo>
                  <a:lnTo>
                    <a:pt x="189" y="801"/>
                  </a:lnTo>
                  <a:lnTo>
                    <a:pt x="195" y="808"/>
                  </a:lnTo>
                  <a:lnTo>
                    <a:pt x="203" y="821"/>
                  </a:lnTo>
                  <a:lnTo>
                    <a:pt x="214" y="834"/>
                  </a:lnTo>
                  <a:lnTo>
                    <a:pt x="220" y="840"/>
                  </a:lnTo>
                  <a:lnTo>
                    <a:pt x="226" y="845"/>
                  </a:lnTo>
                  <a:lnTo>
                    <a:pt x="234" y="849"/>
                  </a:lnTo>
                  <a:lnTo>
                    <a:pt x="243" y="852"/>
                  </a:lnTo>
                  <a:lnTo>
                    <a:pt x="250" y="835"/>
                  </a:lnTo>
                  <a:lnTo>
                    <a:pt x="258" y="817"/>
                  </a:lnTo>
                  <a:lnTo>
                    <a:pt x="263" y="798"/>
                  </a:lnTo>
                  <a:lnTo>
                    <a:pt x="268" y="778"/>
                  </a:lnTo>
                  <a:lnTo>
                    <a:pt x="277" y="738"/>
                  </a:lnTo>
                  <a:lnTo>
                    <a:pt x="287" y="699"/>
                  </a:lnTo>
                  <a:lnTo>
                    <a:pt x="294" y="680"/>
                  </a:lnTo>
                  <a:lnTo>
                    <a:pt x="301" y="664"/>
                  </a:lnTo>
                  <a:lnTo>
                    <a:pt x="306" y="655"/>
                  </a:lnTo>
                  <a:lnTo>
                    <a:pt x="310" y="647"/>
                  </a:lnTo>
                  <a:lnTo>
                    <a:pt x="317" y="639"/>
                  </a:lnTo>
                  <a:lnTo>
                    <a:pt x="323" y="633"/>
                  </a:lnTo>
                  <a:lnTo>
                    <a:pt x="329" y="627"/>
                  </a:lnTo>
                  <a:lnTo>
                    <a:pt x="337" y="620"/>
                  </a:lnTo>
                  <a:lnTo>
                    <a:pt x="345" y="615"/>
                  </a:lnTo>
                  <a:lnTo>
                    <a:pt x="354" y="611"/>
                  </a:lnTo>
                  <a:lnTo>
                    <a:pt x="364" y="607"/>
                  </a:lnTo>
                  <a:lnTo>
                    <a:pt x="375" y="604"/>
                  </a:lnTo>
                  <a:lnTo>
                    <a:pt x="385" y="601"/>
                  </a:lnTo>
                  <a:lnTo>
                    <a:pt x="398" y="599"/>
                  </a:lnTo>
                  <a:lnTo>
                    <a:pt x="396" y="593"/>
                  </a:lnTo>
                  <a:lnTo>
                    <a:pt x="394" y="587"/>
                  </a:lnTo>
                  <a:lnTo>
                    <a:pt x="390" y="581"/>
                  </a:lnTo>
                  <a:lnTo>
                    <a:pt x="386" y="577"/>
                  </a:lnTo>
                  <a:lnTo>
                    <a:pt x="377" y="570"/>
                  </a:lnTo>
                  <a:lnTo>
                    <a:pt x="366" y="562"/>
                  </a:lnTo>
                  <a:lnTo>
                    <a:pt x="357" y="556"/>
                  </a:lnTo>
                  <a:lnTo>
                    <a:pt x="348" y="547"/>
                  </a:lnTo>
                  <a:lnTo>
                    <a:pt x="345" y="542"/>
                  </a:lnTo>
                  <a:lnTo>
                    <a:pt x="342" y="536"/>
                  </a:lnTo>
                  <a:lnTo>
                    <a:pt x="341" y="530"/>
                  </a:lnTo>
                  <a:lnTo>
                    <a:pt x="340" y="521"/>
                  </a:lnTo>
                  <a:lnTo>
                    <a:pt x="345" y="515"/>
                  </a:lnTo>
                  <a:lnTo>
                    <a:pt x="349" y="508"/>
                  </a:lnTo>
                  <a:lnTo>
                    <a:pt x="353" y="500"/>
                  </a:lnTo>
                  <a:lnTo>
                    <a:pt x="354" y="493"/>
                  </a:lnTo>
                  <a:lnTo>
                    <a:pt x="356" y="476"/>
                  </a:lnTo>
                  <a:lnTo>
                    <a:pt x="356" y="459"/>
                  </a:lnTo>
                  <a:lnTo>
                    <a:pt x="356" y="451"/>
                  </a:lnTo>
                  <a:lnTo>
                    <a:pt x="357" y="441"/>
                  </a:lnTo>
                  <a:lnTo>
                    <a:pt x="358" y="433"/>
                  </a:lnTo>
                  <a:lnTo>
                    <a:pt x="360" y="424"/>
                  </a:lnTo>
                  <a:lnTo>
                    <a:pt x="362" y="417"/>
                  </a:lnTo>
                  <a:lnTo>
                    <a:pt x="366" y="410"/>
                  </a:lnTo>
                  <a:lnTo>
                    <a:pt x="371" y="402"/>
                  </a:lnTo>
                  <a:lnTo>
                    <a:pt x="379" y="395"/>
                  </a:lnTo>
                  <a:lnTo>
                    <a:pt x="392" y="402"/>
                  </a:lnTo>
                  <a:lnTo>
                    <a:pt x="405" y="409"/>
                  </a:lnTo>
                  <a:lnTo>
                    <a:pt x="418" y="414"/>
                  </a:lnTo>
                  <a:lnTo>
                    <a:pt x="430" y="418"/>
                  </a:lnTo>
                  <a:lnTo>
                    <a:pt x="444" y="422"/>
                  </a:lnTo>
                  <a:lnTo>
                    <a:pt x="457" y="426"/>
                  </a:lnTo>
                  <a:lnTo>
                    <a:pt x="469" y="429"/>
                  </a:lnTo>
                  <a:lnTo>
                    <a:pt x="482" y="430"/>
                  </a:lnTo>
                  <a:lnTo>
                    <a:pt x="495" y="430"/>
                  </a:lnTo>
                  <a:lnTo>
                    <a:pt x="507" y="430"/>
                  </a:lnTo>
                  <a:lnTo>
                    <a:pt x="520" y="429"/>
                  </a:lnTo>
                  <a:lnTo>
                    <a:pt x="532" y="426"/>
                  </a:lnTo>
                  <a:lnTo>
                    <a:pt x="544" y="422"/>
                  </a:lnTo>
                  <a:lnTo>
                    <a:pt x="557" y="418"/>
                  </a:lnTo>
                  <a:lnTo>
                    <a:pt x="569" y="412"/>
                  </a:lnTo>
                  <a:lnTo>
                    <a:pt x="582" y="406"/>
                  </a:lnTo>
                  <a:lnTo>
                    <a:pt x="598" y="416"/>
                  </a:lnTo>
                  <a:lnTo>
                    <a:pt x="613" y="429"/>
                  </a:lnTo>
                  <a:lnTo>
                    <a:pt x="626" y="441"/>
                  </a:lnTo>
                  <a:lnTo>
                    <a:pt x="641" y="454"/>
                  </a:lnTo>
                  <a:lnTo>
                    <a:pt x="658" y="455"/>
                  </a:lnTo>
                  <a:lnTo>
                    <a:pt x="673" y="454"/>
                  </a:lnTo>
                  <a:lnTo>
                    <a:pt x="686" y="452"/>
                  </a:lnTo>
                  <a:lnTo>
                    <a:pt x="699" y="449"/>
                  </a:lnTo>
                  <a:lnTo>
                    <a:pt x="712" y="446"/>
                  </a:lnTo>
                  <a:lnTo>
                    <a:pt x="725" y="443"/>
                  </a:lnTo>
                  <a:lnTo>
                    <a:pt x="740" y="442"/>
                  </a:lnTo>
                  <a:lnTo>
                    <a:pt x="757" y="445"/>
                  </a:lnTo>
                  <a:lnTo>
                    <a:pt x="763" y="451"/>
                  </a:lnTo>
                  <a:lnTo>
                    <a:pt x="766" y="457"/>
                  </a:lnTo>
                  <a:lnTo>
                    <a:pt x="770" y="463"/>
                  </a:lnTo>
                  <a:lnTo>
                    <a:pt x="771" y="470"/>
                  </a:lnTo>
                  <a:lnTo>
                    <a:pt x="771" y="476"/>
                  </a:lnTo>
                  <a:lnTo>
                    <a:pt x="771" y="482"/>
                  </a:lnTo>
                  <a:lnTo>
                    <a:pt x="770" y="488"/>
                  </a:lnTo>
                  <a:lnTo>
                    <a:pt x="767" y="494"/>
                  </a:lnTo>
                  <a:lnTo>
                    <a:pt x="764" y="506"/>
                  </a:lnTo>
                  <a:lnTo>
                    <a:pt x="762" y="516"/>
                  </a:lnTo>
                  <a:lnTo>
                    <a:pt x="762" y="522"/>
                  </a:lnTo>
                  <a:lnTo>
                    <a:pt x="762" y="529"/>
                  </a:lnTo>
                  <a:lnTo>
                    <a:pt x="764" y="535"/>
                  </a:lnTo>
                  <a:lnTo>
                    <a:pt x="766" y="541"/>
                  </a:lnTo>
                  <a:lnTo>
                    <a:pt x="786" y="539"/>
                  </a:lnTo>
                  <a:lnTo>
                    <a:pt x="803" y="536"/>
                  </a:lnTo>
                  <a:lnTo>
                    <a:pt x="819" y="532"/>
                  </a:lnTo>
                  <a:lnTo>
                    <a:pt x="834" y="526"/>
                  </a:lnTo>
                  <a:lnTo>
                    <a:pt x="846" y="518"/>
                  </a:lnTo>
                  <a:lnTo>
                    <a:pt x="859" y="510"/>
                  </a:lnTo>
                  <a:lnTo>
                    <a:pt x="871" y="500"/>
                  </a:lnTo>
                  <a:lnTo>
                    <a:pt x="882" y="491"/>
                  </a:lnTo>
                  <a:lnTo>
                    <a:pt x="904" y="472"/>
                  </a:lnTo>
                  <a:lnTo>
                    <a:pt x="926" y="453"/>
                  </a:lnTo>
                  <a:lnTo>
                    <a:pt x="938" y="445"/>
                  </a:lnTo>
                  <a:lnTo>
                    <a:pt x="952" y="437"/>
                  </a:lnTo>
                  <a:lnTo>
                    <a:pt x="965" y="430"/>
                  </a:lnTo>
                  <a:lnTo>
                    <a:pt x="980" y="424"/>
                  </a:lnTo>
                  <a:lnTo>
                    <a:pt x="963" y="411"/>
                  </a:lnTo>
                  <a:lnTo>
                    <a:pt x="945" y="395"/>
                  </a:lnTo>
                  <a:lnTo>
                    <a:pt x="937" y="386"/>
                  </a:lnTo>
                  <a:lnTo>
                    <a:pt x="930" y="377"/>
                  </a:lnTo>
                  <a:lnTo>
                    <a:pt x="922" y="368"/>
                  </a:lnTo>
                  <a:lnTo>
                    <a:pt x="915" y="357"/>
                  </a:lnTo>
                  <a:lnTo>
                    <a:pt x="910" y="347"/>
                  </a:lnTo>
                  <a:lnTo>
                    <a:pt x="904" y="336"/>
                  </a:lnTo>
                  <a:lnTo>
                    <a:pt x="901" y="324"/>
                  </a:lnTo>
                  <a:lnTo>
                    <a:pt x="898" y="313"/>
                  </a:lnTo>
                  <a:lnTo>
                    <a:pt x="897" y="300"/>
                  </a:lnTo>
                  <a:lnTo>
                    <a:pt x="897" y="287"/>
                  </a:lnTo>
                  <a:lnTo>
                    <a:pt x="899" y="274"/>
                  </a:lnTo>
                  <a:lnTo>
                    <a:pt x="903" y="259"/>
                  </a:lnTo>
                  <a:lnTo>
                    <a:pt x="889" y="259"/>
                  </a:lnTo>
                  <a:lnTo>
                    <a:pt x="875" y="257"/>
                  </a:lnTo>
                  <a:lnTo>
                    <a:pt x="863" y="255"/>
                  </a:lnTo>
                  <a:lnTo>
                    <a:pt x="852" y="253"/>
                  </a:lnTo>
                  <a:lnTo>
                    <a:pt x="841" y="252"/>
                  </a:lnTo>
                  <a:lnTo>
                    <a:pt x="830" y="252"/>
                  </a:lnTo>
                  <a:lnTo>
                    <a:pt x="824" y="253"/>
                  </a:lnTo>
                  <a:lnTo>
                    <a:pt x="818" y="254"/>
                  </a:lnTo>
                  <a:lnTo>
                    <a:pt x="812" y="256"/>
                  </a:lnTo>
                  <a:lnTo>
                    <a:pt x="805" y="259"/>
                  </a:lnTo>
                  <a:lnTo>
                    <a:pt x="805" y="251"/>
                  </a:lnTo>
                  <a:lnTo>
                    <a:pt x="803" y="242"/>
                  </a:lnTo>
                  <a:lnTo>
                    <a:pt x="800" y="236"/>
                  </a:lnTo>
                  <a:lnTo>
                    <a:pt x="796" y="231"/>
                  </a:lnTo>
                  <a:lnTo>
                    <a:pt x="785" y="222"/>
                  </a:lnTo>
                  <a:lnTo>
                    <a:pt x="774" y="214"/>
                  </a:lnTo>
                  <a:lnTo>
                    <a:pt x="768" y="210"/>
                  </a:lnTo>
                  <a:lnTo>
                    <a:pt x="763" y="205"/>
                  </a:lnTo>
                  <a:lnTo>
                    <a:pt x="759" y="199"/>
                  </a:lnTo>
                  <a:lnTo>
                    <a:pt x="756" y="193"/>
                  </a:lnTo>
                  <a:lnTo>
                    <a:pt x="754" y="185"/>
                  </a:lnTo>
                  <a:lnTo>
                    <a:pt x="753" y="176"/>
                  </a:lnTo>
                  <a:lnTo>
                    <a:pt x="754" y="165"/>
                  </a:lnTo>
                  <a:lnTo>
                    <a:pt x="757" y="153"/>
                  </a:lnTo>
                  <a:lnTo>
                    <a:pt x="722" y="161"/>
                  </a:lnTo>
                  <a:lnTo>
                    <a:pt x="688" y="170"/>
                  </a:lnTo>
                  <a:lnTo>
                    <a:pt x="656" y="177"/>
                  </a:lnTo>
                  <a:lnTo>
                    <a:pt x="624" y="185"/>
                  </a:lnTo>
                  <a:lnTo>
                    <a:pt x="593" y="194"/>
                  </a:lnTo>
                  <a:lnTo>
                    <a:pt x="559" y="202"/>
                  </a:lnTo>
                  <a:lnTo>
                    <a:pt x="524" y="211"/>
                  </a:lnTo>
                  <a:lnTo>
                    <a:pt x="485" y="221"/>
                  </a:lnTo>
                  <a:lnTo>
                    <a:pt x="473" y="211"/>
                  </a:lnTo>
                  <a:lnTo>
                    <a:pt x="463" y="200"/>
                  </a:lnTo>
                  <a:lnTo>
                    <a:pt x="454" y="189"/>
                  </a:lnTo>
                  <a:lnTo>
                    <a:pt x="447" y="177"/>
                  </a:lnTo>
                  <a:lnTo>
                    <a:pt x="441" y="164"/>
                  </a:lnTo>
                  <a:lnTo>
                    <a:pt x="436" y="152"/>
                  </a:lnTo>
                  <a:lnTo>
                    <a:pt x="432" y="138"/>
                  </a:lnTo>
                  <a:lnTo>
                    <a:pt x="428" y="124"/>
                  </a:lnTo>
                  <a:lnTo>
                    <a:pt x="420" y="98"/>
                  </a:lnTo>
                  <a:lnTo>
                    <a:pt x="412" y="72"/>
                  </a:lnTo>
                  <a:lnTo>
                    <a:pt x="405" y="59"/>
                  </a:lnTo>
                  <a:lnTo>
                    <a:pt x="398" y="48"/>
                  </a:lnTo>
                  <a:lnTo>
                    <a:pt x="389" y="37"/>
                  </a:lnTo>
                  <a:lnTo>
                    <a:pt x="379" y="26"/>
                  </a:lnTo>
                  <a:lnTo>
                    <a:pt x="374" y="30"/>
                  </a:lnTo>
                  <a:lnTo>
                    <a:pt x="369" y="32"/>
                  </a:lnTo>
                  <a:lnTo>
                    <a:pt x="364" y="33"/>
                  </a:lnTo>
                  <a:lnTo>
                    <a:pt x="360" y="34"/>
                  </a:lnTo>
                  <a:lnTo>
                    <a:pt x="351" y="34"/>
                  </a:lnTo>
                  <a:lnTo>
                    <a:pt x="343" y="32"/>
                  </a:lnTo>
                  <a:lnTo>
                    <a:pt x="336" y="28"/>
                  </a:lnTo>
                  <a:lnTo>
                    <a:pt x="328" y="23"/>
                  </a:lnTo>
                  <a:lnTo>
                    <a:pt x="322" y="18"/>
                  </a:lnTo>
                  <a:lnTo>
                    <a:pt x="315" y="13"/>
                  </a:lnTo>
                  <a:lnTo>
                    <a:pt x="308" y="8"/>
                  </a:lnTo>
                  <a:lnTo>
                    <a:pt x="302" y="3"/>
                  </a:lnTo>
                  <a:lnTo>
                    <a:pt x="296" y="1"/>
                  </a:lnTo>
                  <a:lnTo>
                    <a:pt x="289" y="0"/>
                  </a:lnTo>
                  <a:lnTo>
                    <a:pt x="286" y="1"/>
                  </a:lnTo>
                  <a:lnTo>
                    <a:pt x="283" y="2"/>
                  </a:lnTo>
                  <a:lnTo>
                    <a:pt x="280" y="4"/>
                  </a:lnTo>
                  <a:lnTo>
                    <a:pt x="277" y="6"/>
                  </a:lnTo>
                  <a:lnTo>
                    <a:pt x="269" y="15"/>
                  </a:lnTo>
                  <a:lnTo>
                    <a:pt x="262" y="26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390" name="Morsø"/>
            <p:cNvSpPr>
              <a:spLocks/>
            </p:cNvSpPr>
            <p:nvPr/>
          </p:nvSpPr>
          <p:spPr bwMode="auto">
            <a:xfrm>
              <a:off x="852488" y="3260725"/>
              <a:ext cx="317500" cy="411163"/>
            </a:xfrm>
            <a:custGeom>
              <a:avLst/>
              <a:gdLst>
                <a:gd name="T0" fmla="*/ 165 w 602"/>
                <a:gd name="T1" fmla="*/ 18 h 776"/>
                <a:gd name="T2" fmla="*/ 154 w 602"/>
                <a:gd name="T3" fmla="*/ 47 h 776"/>
                <a:gd name="T4" fmla="*/ 126 w 602"/>
                <a:gd name="T5" fmla="*/ 60 h 776"/>
                <a:gd name="T6" fmla="*/ 74 w 602"/>
                <a:gd name="T7" fmla="*/ 68 h 776"/>
                <a:gd name="T8" fmla="*/ 69 w 602"/>
                <a:gd name="T9" fmla="*/ 76 h 776"/>
                <a:gd name="T10" fmla="*/ 70 w 602"/>
                <a:gd name="T11" fmla="*/ 91 h 776"/>
                <a:gd name="T12" fmla="*/ 67 w 602"/>
                <a:gd name="T13" fmla="*/ 110 h 776"/>
                <a:gd name="T14" fmla="*/ 69 w 602"/>
                <a:gd name="T15" fmla="*/ 114 h 776"/>
                <a:gd name="T16" fmla="*/ 58 w 602"/>
                <a:gd name="T17" fmla="*/ 115 h 776"/>
                <a:gd name="T18" fmla="*/ 53 w 602"/>
                <a:gd name="T19" fmla="*/ 119 h 776"/>
                <a:gd name="T20" fmla="*/ 69 w 602"/>
                <a:gd name="T21" fmla="*/ 128 h 776"/>
                <a:gd name="T22" fmla="*/ 80 w 602"/>
                <a:gd name="T23" fmla="*/ 135 h 776"/>
                <a:gd name="T24" fmla="*/ 68 w 602"/>
                <a:gd name="T25" fmla="*/ 146 h 776"/>
                <a:gd name="T26" fmla="*/ 44 w 602"/>
                <a:gd name="T27" fmla="*/ 152 h 776"/>
                <a:gd name="T28" fmla="*/ 22 w 602"/>
                <a:gd name="T29" fmla="*/ 160 h 776"/>
                <a:gd name="T30" fmla="*/ 27 w 602"/>
                <a:gd name="T31" fmla="*/ 179 h 776"/>
                <a:gd name="T32" fmla="*/ 15 w 602"/>
                <a:gd name="T33" fmla="*/ 184 h 776"/>
                <a:gd name="T34" fmla="*/ 5 w 602"/>
                <a:gd name="T35" fmla="*/ 193 h 776"/>
                <a:gd name="T36" fmla="*/ 0 w 602"/>
                <a:gd name="T37" fmla="*/ 206 h 776"/>
                <a:gd name="T38" fmla="*/ 6 w 602"/>
                <a:gd name="T39" fmla="*/ 210 h 776"/>
                <a:gd name="T40" fmla="*/ 16 w 602"/>
                <a:gd name="T41" fmla="*/ 199 h 776"/>
                <a:gd name="T42" fmla="*/ 26 w 602"/>
                <a:gd name="T43" fmla="*/ 200 h 776"/>
                <a:gd name="T44" fmla="*/ 29 w 602"/>
                <a:gd name="T45" fmla="*/ 211 h 776"/>
                <a:gd name="T46" fmla="*/ 25 w 602"/>
                <a:gd name="T47" fmla="*/ 221 h 776"/>
                <a:gd name="T48" fmla="*/ 29 w 602"/>
                <a:gd name="T49" fmla="*/ 226 h 776"/>
                <a:gd name="T50" fmla="*/ 37 w 602"/>
                <a:gd name="T51" fmla="*/ 228 h 776"/>
                <a:gd name="T52" fmla="*/ 42 w 602"/>
                <a:gd name="T53" fmla="*/ 223 h 776"/>
                <a:gd name="T54" fmla="*/ 37 w 602"/>
                <a:gd name="T55" fmla="*/ 212 h 776"/>
                <a:gd name="T56" fmla="*/ 38 w 602"/>
                <a:gd name="T57" fmla="*/ 206 h 776"/>
                <a:gd name="T58" fmla="*/ 46 w 602"/>
                <a:gd name="T59" fmla="*/ 213 h 776"/>
                <a:gd name="T60" fmla="*/ 52 w 602"/>
                <a:gd name="T61" fmla="*/ 217 h 776"/>
                <a:gd name="T62" fmla="*/ 56 w 602"/>
                <a:gd name="T63" fmla="*/ 216 h 776"/>
                <a:gd name="T64" fmla="*/ 53 w 602"/>
                <a:gd name="T65" fmla="*/ 225 h 776"/>
                <a:gd name="T66" fmla="*/ 62 w 602"/>
                <a:gd name="T67" fmla="*/ 237 h 776"/>
                <a:gd name="T68" fmla="*/ 61 w 602"/>
                <a:gd name="T69" fmla="*/ 243 h 776"/>
                <a:gd name="T70" fmla="*/ 60 w 602"/>
                <a:gd name="T71" fmla="*/ 248 h 776"/>
                <a:gd name="T72" fmla="*/ 63 w 602"/>
                <a:gd name="T73" fmla="*/ 250 h 776"/>
                <a:gd name="T74" fmla="*/ 67 w 602"/>
                <a:gd name="T75" fmla="*/ 258 h 776"/>
                <a:gd name="T76" fmla="*/ 101 w 602"/>
                <a:gd name="T77" fmla="*/ 250 h 776"/>
                <a:gd name="T78" fmla="*/ 132 w 602"/>
                <a:gd name="T79" fmla="*/ 235 h 776"/>
                <a:gd name="T80" fmla="*/ 137 w 602"/>
                <a:gd name="T81" fmla="*/ 217 h 776"/>
                <a:gd name="T82" fmla="*/ 157 w 602"/>
                <a:gd name="T83" fmla="*/ 195 h 776"/>
                <a:gd name="T84" fmla="*/ 167 w 602"/>
                <a:gd name="T85" fmla="*/ 177 h 776"/>
                <a:gd name="T86" fmla="*/ 171 w 602"/>
                <a:gd name="T87" fmla="*/ 157 h 776"/>
                <a:gd name="T88" fmla="*/ 180 w 602"/>
                <a:gd name="T89" fmla="*/ 152 h 776"/>
                <a:gd name="T90" fmla="*/ 180 w 602"/>
                <a:gd name="T91" fmla="*/ 142 h 776"/>
                <a:gd name="T92" fmla="*/ 162 w 602"/>
                <a:gd name="T93" fmla="*/ 102 h 776"/>
                <a:gd name="T94" fmla="*/ 162 w 602"/>
                <a:gd name="T95" fmla="*/ 78 h 776"/>
                <a:gd name="T96" fmla="*/ 168 w 602"/>
                <a:gd name="T97" fmla="*/ 68 h 776"/>
                <a:gd name="T98" fmla="*/ 188 w 602"/>
                <a:gd name="T99" fmla="*/ 80 h 776"/>
                <a:gd name="T100" fmla="*/ 196 w 602"/>
                <a:gd name="T101" fmla="*/ 60 h 776"/>
                <a:gd name="T102" fmla="*/ 200 w 602"/>
                <a:gd name="T103" fmla="*/ 6 h 776"/>
                <a:gd name="T104" fmla="*/ 195 w 602"/>
                <a:gd name="T105" fmla="*/ 7 h 776"/>
                <a:gd name="T106" fmla="*/ 185 w 602"/>
                <a:gd name="T107" fmla="*/ 12 h 776"/>
                <a:gd name="T108" fmla="*/ 174 w 602"/>
                <a:gd name="T109" fmla="*/ 9 h 77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0" t="0" r="r" b="b"/>
              <a:pathLst>
                <a:path w="602" h="776">
                  <a:moveTo>
                    <a:pt x="514" y="19"/>
                  </a:moveTo>
                  <a:lnTo>
                    <a:pt x="509" y="27"/>
                  </a:lnTo>
                  <a:lnTo>
                    <a:pt x="505" y="36"/>
                  </a:lnTo>
                  <a:lnTo>
                    <a:pt x="501" y="45"/>
                  </a:lnTo>
                  <a:lnTo>
                    <a:pt x="497" y="55"/>
                  </a:lnTo>
                  <a:lnTo>
                    <a:pt x="489" y="74"/>
                  </a:lnTo>
                  <a:lnTo>
                    <a:pt x="483" y="94"/>
                  </a:lnTo>
                  <a:lnTo>
                    <a:pt x="477" y="114"/>
                  </a:lnTo>
                  <a:lnTo>
                    <a:pt x="468" y="133"/>
                  </a:lnTo>
                  <a:lnTo>
                    <a:pt x="464" y="142"/>
                  </a:lnTo>
                  <a:lnTo>
                    <a:pt x="459" y="151"/>
                  </a:lnTo>
                  <a:lnTo>
                    <a:pt x="453" y="158"/>
                  </a:lnTo>
                  <a:lnTo>
                    <a:pt x="447" y="165"/>
                  </a:lnTo>
                  <a:lnTo>
                    <a:pt x="413" y="174"/>
                  </a:lnTo>
                  <a:lnTo>
                    <a:pt x="380" y="180"/>
                  </a:lnTo>
                  <a:lnTo>
                    <a:pt x="347" y="185"/>
                  </a:lnTo>
                  <a:lnTo>
                    <a:pt x="314" y="190"/>
                  </a:lnTo>
                  <a:lnTo>
                    <a:pt x="283" y="195"/>
                  </a:lnTo>
                  <a:lnTo>
                    <a:pt x="252" y="200"/>
                  </a:lnTo>
                  <a:lnTo>
                    <a:pt x="223" y="205"/>
                  </a:lnTo>
                  <a:lnTo>
                    <a:pt x="194" y="214"/>
                  </a:lnTo>
                  <a:lnTo>
                    <a:pt x="200" y="217"/>
                  </a:lnTo>
                  <a:lnTo>
                    <a:pt x="203" y="220"/>
                  </a:lnTo>
                  <a:lnTo>
                    <a:pt x="206" y="224"/>
                  </a:lnTo>
                  <a:lnTo>
                    <a:pt x="209" y="227"/>
                  </a:lnTo>
                  <a:lnTo>
                    <a:pt x="212" y="236"/>
                  </a:lnTo>
                  <a:lnTo>
                    <a:pt x="213" y="245"/>
                  </a:lnTo>
                  <a:lnTo>
                    <a:pt x="213" y="254"/>
                  </a:lnTo>
                  <a:lnTo>
                    <a:pt x="212" y="263"/>
                  </a:lnTo>
                  <a:lnTo>
                    <a:pt x="210" y="273"/>
                  </a:lnTo>
                  <a:lnTo>
                    <a:pt x="208" y="282"/>
                  </a:lnTo>
                  <a:lnTo>
                    <a:pt x="203" y="300"/>
                  </a:lnTo>
                  <a:lnTo>
                    <a:pt x="201" y="317"/>
                  </a:lnTo>
                  <a:lnTo>
                    <a:pt x="201" y="323"/>
                  </a:lnTo>
                  <a:lnTo>
                    <a:pt x="203" y="330"/>
                  </a:lnTo>
                  <a:lnTo>
                    <a:pt x="205" y="333"/>
                  </a:lnTo>
                  <a:lnTo>
                    <a:pt x="207" y="336"/>
                  </a:lnTo>
                  <a:lnTo>
                    <a:pt x="210" y="338"/>
                  </a:lnTo>
                  <a:lnTo>
                    <a:pt x="214" y="340"/>
                  </a:lnTo>
                  <a:lnTo>
                    <a:pt x="209" y="342"/>
                  </a:lnTo>
                  <a:lnTo>
                    <a:pt x="205" y="344"/>
                  </a:lnTo>
                  <a:lnTo>
                    <a:pt x="200" y="345"/>
                  </a:lnTo>
                  <a:lnTo>
                    <a:pt x="195" y="345"/>
                  </a:lnTo>
                  <a:lnTo>
                    <a:pt x="186" y="346"/>
                  </a:lnTo>
                  <a:lnTo>
                    <a:pt x="176" y="346"/>
                  </a:lnTo>
                  <a:lnTo>
                    <a:pt x="173" y="347"/>
                  </a:lnTo>
                  <a:lnTo>
                    <a:pt x="169" y="349"/>
                  </a:lnTo>
                  <a:lnTo>
                    <a:pt x="166" y="351"/>
                  </a:lnTo>
                  <a:lnTo>
                    <a:pt x="163" y="354"/>
                  </a:lnTo>
                  <a:lnTo>
                    <a:pt x="161" y="358"/>
                  </a:lnTo>
                  <a:lnTo>
                    <a:pt x="159" y="363"/>
                  </a:lnTo>
                  <a:lnTo>
                    <a:pt x="156" y="370"/>
                  </a:lnTo>
                  <a:lnTo>
                    <a:pt x="155" y="378"/>
                  </a:lnTo>
                  <a:lnTo>
                    <a:pt x="183" y="381"/>
                  </a:lnTo>
                  <a:lnTo>
                    <a:pt x="208" y="384"/>
                  </a:lnTo>
                  <a:lnTo>
                    <a:pt x="220" y="387"/>
                  </a:lnTo>
                  <a:lnTo>
                    <a:pt x="229" y="393"/>
                  </a:lnTo>
                  <a:lnTo>
                    <a:pt x="233" y="395"/>
                  </a:lnTo>
                  <a:lnTo>
                    <a:pt x="238" y="399"/>
                  </a:lnTo>
                  <a:lnTo>
                    <a:pt x="241" y="403"/>
                  </a:lnTo>
                  <a:lnTo>
                    <a:pt x="243" y="407"/>
                  </a:lnTo>
                  <a:lnTo>
                    <a:pt x="235" y="417"/>
                  </a:lnTo>
                  <a:lnTo>
                    <a:pt x="226" y="425"/>
                  </a:lnTo>
                  <a:lnTo>
                    <a:pt x="215" y="432"/>
                  </a:lnTo>
                  <a:lnTo>
                    <a:pt x="205" y="438"/>
                  </a:lnTo>
                  <a:lnTo>
                    <a:pt x="194" y="442"/>
                  </a:lnTo>
                  <a:lnTo>
                    <a:pt x="183" y="445"/>
                  </a:lnTo>
                  <a:lnTo>
                    <a:pt x="170" y="449"/>
                  </a:lnTo>
                  <a:lnTo>
                    <a:pt x="157" y="451"/>
                  </a:lnTo>
                  <a:lnTo>
                    <a:pt x="132" y="454"/>
                  </a:lnTo>
                  <a:lnTo>
                    <a:pt x="107" y="455"/>
                  </a:lnTo>
                  <a:lnTo>
                    <a:pt x="82" y="455"/>
                  </a:lnTo>
                  <a:lnTo>
                    <a:pt x="58" y="456"/>
                  </a:lnTo>
                  <a:lnTo>
                    <a:pt x="61" y="469"/>
                  </a:lnTo>
                  <a:lnTo>
                    <a:pt x="65" y="479"/>
                  </a:lnTo>
                  <a:lnTo>
                    <a:pt x="68" y="490"/>
                  </a:lnTo>
                  <a:lnTo>
                    <a:pt x="72" y="500"/>
                  </a:lnTo>
                  <a:lnTo>
                    <a:pt x="76" y="512"/>
                  </a:lnTo>
                  <a:lnTo>
                    <a:pt x="78" y="523"/>
                  </a:lnTo>
                  <a:lnTo>
                    <a:pt x="80" y="537"/>
                  </a:lnTo>
                  <a:lnTo>
                    <a:pt x="78" y="553"/>
                  </a:lnTo>
                  <a:lnTo>
                    <a:pt x="70" y="550"/>
                  </a:lnTo>
                  <a:lnTo>
                    <a:pt x="62" y="549"/>
                  </a:lnTo>
                  <a:lnTo>
                    <a:pt x="54" y="549"/>
                  </a:lnTo>
                  <a:lnTo>
                    <a:pt x="46" y="551"/>
                  </a:lnTo>
                  <a:lnTo>
                    <a:pt x="40" y="555"/>
                  </a:lnTo>
                  <a:lnTo>
                    <a:pt x="32" y="559"/>
                  </a:lnTo>
                  <a:lnTo>
                    <a:pt x="26" y="565"/>
                  </a:lnTo>
                  <a:lnTo>
                    <a:pt x="21" y="572"/>
                  </a:lnTo>
                  <a:lnTo>
                    <a:pt x="15" y="579"/>
                  </a:lnTo>
                  <a:lnTo>
                    <a:pt x="11" y="587"/>
                  </a:lnTo>
                  <a:lnTo>
                    <a:pt x="7" y="594"/>
                  </a:lnTo>
                  <a:lnTo>
                    <a:pt x="4" y="602"/>
                  </a:lnTo>
                  <a:lnTo>
                    <a:pt x="2" y="610"/>
                  </a:lnTo>
                  <a:lnTo>
                    <a:pt x="1" y="617"/>
                  </a:lnTo>
                  <a:lnTo>
                    <a:pt x="0" y="624"/>
                  </a:lnTo>
                  <a:lnTo>
                    <a:pt x="1" y="631"/>
                  </a:lnTo>
                  <a:lnTo>
                    <a:pt x="7" y="631"/>
                  </a:lnTo>
                  <a:lnTo>
                    <a:pt x="13" y="630"/>
                  </a:lnTo>
                  <a:lnTo>
                    <a:pt x="17" y="628"/>
                  </a:lnTo>
                  <a:lnTo>
                    <a:pt x="22" y="625"/>
                  </a:lnTo>
                  <a:lnTo>
                    <a:pt x="29" y="619"/>
                  </a:lnTo>
                  <a:lnTo>
                    <a:pt x="34" y="612"/>
                  </a:lnTo>
                  <a:lnTo>
                    <a:pt x="41" y="603"/>
                  </a:lnTo>
                  <a:lnTo>
                    <a:pt x="47" y="597"/>
                  </a:lnTo>
                  <a:lnTo>
                    <a:pt x="51" y="595"/>
                  </a:lnTo>
                  <a:lnTo>
                    <a:pt x="56" y="593"/>
                  </a:lnTo>
                  <a:lnTo>
                    <a:pt x="62" y="592"/>
                  </a:lnTo>
                  <a:lnTo>
                    <a:pt x="68" y="592"/>
                  </a:lnTo>
                  <a:lnTo>
                    <a:pt x="77" y="598"/>
                  </a:lnTo>
                  <a:lnTo>
                    <a:pt x="84" y="604"/>
                  </a:lnTo>
                  <a:lnTo>
                    <a:pt x="87" y="611"/>
                  </a:lnTo>
                  <a:lnTo>
                    <a:pt x="89" y="618"/>
                  </a:lnTo>
                  <a:lnTo>
                    <a:pt x="88" y="624"/>
                  </a:lnTo>
                  <a:lnTo>
                    <a:pt x="86" y="631"/>
                  </a:lnTo>
                  <a:lnTo>
                    <a:pt x="84" y="637"/>
                  </a:lnTo>
                  <a:lnTo>
                    <a:pt x="81" y="643"/>
                  </a:lnTo>
                  <a:lnTo>
                    <a:pt x="78" y="650"/>
                  </a:lnTo>
                  <a:lnTo>
                    <a:pt x="76" y="655"/>
                  </a:lnTo>
                  <a:lnTo>
                    <a:pt x="75" y="661"/>
                  </a:lnTo>
                  <a:lnTo>
                    <a:pt x="76" y="668"/>
                  </a:lnTo>
                  <a:lnTo>
                    <a:pt x="78" y="670"/>
                  </a:lnTo>
                  <a:lnTo>
                    <a:pt x="80" y="673"/>
                  </a:lnTo>
                  <a:lnTo>
                    <a:pt x="83" y="676"/>
                  </a:lnTo>
                  <a:lnTo>
                    <a:pt x="86" y="678"/>
                  </a:lnTo>
                  <a:lnTo>
                    <a:pt x="94" y="683"/>
                  </a:lnTo>
                  <a:lnTo>
                    <a:pt x="107" y="689"/>
                  </a:lnTo>
                  <a:lnTo>
                    <a:pt x="108" y="687"/>
                  </a:lnTo>
                  <a:lnTo>
                    <a:pt x="110" y="684"/>
                  </a:lnTo>
                  <a:lnTo>
                    <a:pt x="111" y="682"/>
                  </a:lnTo>
                  <a:lnTo>
                    <a:pt x="113" y="681"/>
                  </a:lnTo>
                  <a:lnTo>
                    <a:pt x="120" y="679"/>
                  </a:lnTo>
                  <a:lnTo>
                    <a:pt x="127" y="679"/>
                  </a:lnTo>
                  <a:lnTo>
                    <a:pt x="127" y="674"/>
                  </a:lnTo>
                  <a:lnTo>
                    <a:pt x="125" y="669"/>
                  </a:lnTo>
                  <a:lnTo>
                    <a:pt x="124" y="663"/>
                  </a:lnTo>
                  <a:lnTo>
                    <a:pt x="122" y="658"/>
                  </a:lnTo>
                  <a:lnTo>
                    <a:pt x="116" y="649"/>
                  </a:lnTo>
                  <a:lnTo>
                    <a:pt x="112" y="639"/>
                  </a:lnTo>
                  <a:lnTo>
                    <a:pt x="110" y="635"/>
                  </a:lnTo>
                  <a:lnTo>
                    <a:pt x="109" y="631"/>
                  </a:lnTo>
                  <a:lnTo>
                    <a:pt x="109" y="627"/>
                  </a:lnTo>
                  <a:lnTo>
                    <a:pt x="110" y="623"/>
                  </a:lnTo>
                  <a:lnTo>
                    <a:pt x="111" y="620"/>
                  </a:lnTo>
                  <a:lnTo>
                    <a:pt x="115" y="617"/>
                  </a:lnTo>
                  <a:lnTo>
                    <a:pt x="120" y="614"/>
                  </a:lnTo>
                  <a:lnTo>
                    <a:pt x="127" y="612"/>
                  </a:lnTo>
                  <a:lnTo>
                    <a:pt x="129" y="620"/>
                  </a:lnTo>
                  <a:lnTo>
                    <a:pt x="132" y="630"/>
                  </a:lnTo>
                  <a:lnTo>
                    <a:pt x="137" y="638"/>
                  </a:lnTo>
                  <a:lnTo>
                    <a:pt x="143" y="645"/>
                  </a:lnTo>
                  <a:lnTo>
                    <a:pt x="146" y="648"/>
                  </a:lnTo>
                  <a:lnTo>
                    <a:pt x="149" y="650"/>
                  </a:lnTo>
                  <a:lnTo>
                    <a:pt x="153" y="651"/>
                  </a:lnTo>
                  <a:lnTo>
                    <a:pt x="156" y="651"/>
                  </a:lnTo>
                  <a:lnTo>
                    <a:pt x="161" y="650"/>
                  </a:lnTo>
                  <a:lnTo>
                    <a:pt x="166" y="649"/>
                  </a:lnTo>
                  <a:lnTo>
                    <a:pt x="170" y="645"/>
                  </a:lnTo>
                  <a:lnTo>
                    <a:pt x="175" y="640"/>
                  </a:lnTo>
                  <a:lnTo>
                    <a:pt x="168" y="647"/>
                  </a:lnTo>
                  <a:lnTo>
                    <a:pt x="163" y="653"/>
                  </a:lnTo>
                  <a:lnTo>
                    <a:pt x="160" y="658"/>
                  </a:lnTo>
                  <a:lnTo>
                    <a:pt x="159" y="663"/>
                  </a:lnTo>
                  <a:lnTo>
                    <a:pt x="159" y="669"/>
                  </a:lnTo>
                  <a:lnTo>
                    <a:pt x="161" y="673"/>
                  </a:lnTo>
                  <a:lnTo>
                    <a:pt x="163" y="678"/>
                  </a:lnTo>
                  <a:lnTo>
                    <a:pt x="166" y="682"/>
                  </a:lnTo>
                  <a:lnTo>
                    <a:pt x="174" y="692"/>
                  </a:lnTo>
                  <a:lnTo>
                    <a:pt x="183" y="702"/>
                  </a:lnTo>
                  <a:lnTo>
                    <a:pt x="187" y="709"/>
                  </a:lnTo>
                  <a:lnTo>
                    <a:pt x="190" y="714"/>
                  </a:lnTo>
                  <a:lnTo>
                    <a:pt x="193" y="721"/>
                  </a:lnTo>
                  <a:lnTo>
                    <a:pt x="194" y="728"/>
                  </a:lnTo>
                  <a:lnTo>
                    <a:pt x="189" y="728"/>
                  </a:lnTo>
                  <a:lnTo>
                    <a:pt x="184" y="729"/>
                  </a:lnTo>
                  <a:lnTo>
                    <a:pt x="181" y="731"/>
                  </a:lnTo>
                  <a:lnTo>
                    <a:pt x="177" y="734"/>
                  </a:lnTo>
                  <a:lnTo>
                    <a:pt x="176" y="737"/>
                  </a:lnTo>
                  <a:lnTo>
                    <a:pt x="177" y="741"/>
                  </a:lnTo>
                  <a:lnTo>
                    <a:pt x="180" y="744"/>
                  </a:lnTo>
                  <a:lnTo>
                    <a:pt x="185" y="748"/>
                  </a:lnTo>
                  <a:lnTo>
                    <a:pt x="188" y="742"/>
                  </a:lnTo>
                  <a:lnTo>
                    <a:pt x="189" y="741"/>
                  </a:lnTo>
                  <a:lnTo>
                    <a:pt x="190" y="744"/>
                  </a:lnTo>
                  <a:lnTo>
                    <a:pt x="191" y="750"/>
                  </a:lnTo>
                  <a:lnTo>
                    <a:pt x="191" y="757"/>
                  </a:lnTo>
                  <a:lnTo>
                    <a:pt x="193" y="764"/>
                  </a:lnTo>
                  <a:lnTo>
                    <a:pt x="195" y="768"/>
                  </a:lnTo>
                  <a:lnTo>
                    <a:pt x="197" y="771"/>
                  </a:lnTo>
                  <a:lnTo>
                    <a:pt x="201" y="774"/>
                  </a:lnTo>
                  <a:lnTo>
                    <a:pt x="205" y="776"/>
                  </a:lnTo>
                  <a:lnTo>
                    <a:pt x="228" y="769"/>
                  </a:lnTo>
                  <a:lnTo>
                    <a:pt x="252" y="761"/>
                  </a:lnTo>
                  <a:lnTo>
                    <a:pt x="278" y="755"/>
                  </a:lnTo>
                  <a:lnTo>
                    <a:pt x="303" y="749"/>
                  </a:lnTo>
                  <a:lnTo>
                    <a:pt x="328" y="742"/>
                  </a:lnTo>
                  <a:lnTo>
                    <a:pt x="352" y="736"/>
                  </a:lnTo>
                  <a:lnTo>
                    <a:pt x="376" y="728"/>
                  </a:lnTo>
                  <a:lnTo>
                    <a:pt x="399" y="718"/>
                  </a:lnTo>
                  <a:lnTo>
                    <a:pt x="397" y="704"/>
                  </a:lnTo>
                  <a:lnTo>
                    <a:pt x="397" y="692"/>
                  </a:lnTo>
                  <a:lnTo>
                    <a:pt x="398" y="680"/>
                  </a:lnTo>
                  <a:lnTo>
                    <a:pt x="402" y="670"/>
                  </a:lnTo>
                  <a:lnTo>
                    <a:pt x="407" y="659"/>
                  </a:lnTo>
                  <a:lnTo>
                    <a:pt x="413" y="650"/>
                  </a:lnTo>
                  <a:lnTo>
                    <a:pt x="421" y="640"/>
                  </a:lnTo>
                  <a:lnTo>
                    <a:pt x="429" y="631"/>
                  </a:lnTo>
                  <a:lnTo>
                    <a:pt x="447" y="613"/>
                  </a:lnTo>
                  <a:lnTo>
                    <a:pt x="465" y="595"/>
                  </a:lnTo>
                  <a:lnTo>
                    <a:pt x="473" y="585"/>
                  </a:lnTo>
                  <a:lnTo>
                    <a:pt x="482" y="575"/>
                  </a:lnTo>
                  <a:lnTo>
                    <a:pt x="489" y="564"/>
                  </a:lnTo>
                  <a:lnTo>
                    <a:pt x="495" y="553"/>
                  </a:lnTo>
                  <a:lnTo>
                    <a:pt x="500" y="541"/>
                  </a:lnTo>
                  <a:lnTo>
                    <a:pt x="503" y="529"/>
                  </a:lnTo>
                  <a:lnTo>
                    <a:pt x="505" y="516"/>
                  </a:lnTo>
                  <a:lnTo>
                    <a:pt x="507" y="502"/>
                  </a:lnTo>
                  <a:lnTo>
                    <a:pt x="509" y="489"/>
                  </a:lnTo>
                  <a:lnTo>
                    <a:pt x="512" y="477"/>
                  </a:lnTo>
                  <a:lnTo>
                    <a:pt x="514" y="471"/>
                  </a:lnTo>
                  <a:lnTo>
                    <a:pt x="518" y="465"/>
                  </a:lnTo>
                  <a:lnTo>
                    <a:pt x="521" y="460"/>
                  </a:lnTo>
                  <a:lnTo>
                    <a:pt x="525" y="456"/>
                  </a:lnTo>
                  <a:lnTo>
                    <a:pt x="533" y="456"/>
                  </a:lnTo>
                  <a:lnTo>
                    <a:pt x="543" y="455"/>
                  </a:lnTo>
                  <a:lnTo>
                    <a:pt x="547" y="454"/>
                  </a:lnTo>
                  <a:lnTo>
                    <a:pt x="550" y="453"/>
                  </a:lnTo>
                  <a:lnTo>
                    <a:pt x="552" y="450"/>
                  </a:lnTo>
                  <a:lnTo>
                    <a:pt x="553" y="446"/>
                  </a:lnTo>
                  <a:lnTo>
                    <a:pt x="541" y="425"/>
                  </a:lnTo>
                  <a:lnTo>
                    <a:pt x="528" y="404"/>
                  </a:lnTo>
                  <a:lnTo>
                    <a:pt x="517" y="381"/>
                  </a:lnTo>
                  <a:lnTo>
                    <a:pt x="507" y="358"/>
                  </a:lnTo>
                  <a:lnTo>
                    <a:pt x="498" y="333"/>
                  </a:lnTo>
                  <a:lnTo>
                    <a:pt x="489" y="307"/>
                  </a:lnTo>
                  <a:lnTo>
                    <a:pt x="482" y="280"/>
                  </a:lnTo>
                  <a:lnTo>
                    <a:pt x="477" y="253"/>
                  </a:lnTo>
                  <a:lnTo>
                    <a:pt x="481" y="247"/>
                  </a:lnTo>
                  <a:lnTo>
                    <a:pt x="485" y="241"/>
                  </a:lnTo>
                  <a:lnTo>
                    <a:pt x="488" y="235"/>
                  </a:lnTo>
                  <a:lnTo>
                    <a:pt x="491" y="228"/>
                  </a:lnTo>
                  <a:lnTo>
                    <a:pt x="493" y="221"/>
                  </a:lnTo>
                  <a:lnTo>
                    <a:pt x="497" y="215"/>
                  </a:lnTo>
                  <a:lnTo>
                    <a:pt x="501" y="208"/>
                  </a:lnTo>
                  <a:lnTo>
                    <a:pt x="505" y="204"/>
                  </a:lnTo>
                  <a:lnTo>
                    <a:pt x="528" y="214"/>
                  </a:lnTo>
                  <a:lnTo>
                    <a:pt x="545" y="221"/>
                  </a:lnTo>
                  <a:lnTo>
                    <a:pt x="552" y="225"/>
                  </a:lnTo>
                  <a:lnTo>
                    <a:pt x="559" y="232"/>
                  </a:lnTo>
                  <a:lnTo>
                    <a:pt x="566" y="240"/>
                  </a:lnTo>
                  <a:lnTo>
                    <a:pt x="573" y="253"/>
                  </a:lnTo>
                  <a:lnTo>
                    <a:pt x="579" y="236"/>
                  </a:lnTo>
                  <a:lnTo>
                    <a:pt x="584" y="218"/>
                  </a:lnTo>
                  <a:lnTo>
                    <a:pt x="588" y="200"/>
                  </a:lnTo>
                  <a:lnTo>
                    <a:pt x="591" y="181"/>
                  </a:lnTo>
                  <a:lnTo>
                    <a:pt x="597" y="144"/>
                  </a:lnTo>
                  <a:lnTo>
                    <a:pt x="600" y="107"/>
                  </a:lnTo>
                  <a:lnTo>
                    <a:pt x="601" y="74"/>
                  </a:lnTo>
                  <a:lnTo>
                    <a:pt x="601" y="43"/>
                  </a:lnTo>
                  <a:lnTo>
                    <a:pt x="602" y="19"/>
                  </a:lnTo>
                  <a:lnTo>
                    <a:pt x="602" y="0"/>
                  </a:lnTo>
                  <a:lnTo>
                    <a:pt x="600" y="5"/>
                  </a:lnTo>
                  <a:lnTo>
                    <a:pt x="596" y="12"/>
                  </a:lnTo>
                  <a:lnTo>
                    <a:pt x="591" y="16"/>
                  </a:lnTo>
                  <a:lnTo>
                    <a:pt x="586" y="21"/>
                  </a:lnTo>
                  <a:lnTo>
                    <a:pt x="581" y="25"/>
                  </a:lnTo>
                  <a:lnTo>
                    <a:pt x="574" y="28"/>
                  </a:lnTo>
                  <a:lnTo>
                    <a:pt x="568" y="32"/>
                  </a:lnTo>
                  <a:lnTo>
                    <a:pt x="562" y="34"/>
                  </a:lnTo>
                  <a:lnTo>
                    <a:pt x="556" y="35"/>
                  </a:lnTo>
                  <a:lnTo>
                    <a:pt x="549" y="36"/>
                  </a:lnTo>
                  <a:lnTo>
                    <a:pt x="542" y="35"/>
                  </a:lnTo>
                  <a:lnTo>
                    <a:pt x="536" y="34"/>
                  </a:lnTo>
                  <a:lnTo>
                    <a:pt x="530" y="32"/>
                  </a:lnTo>
                  <a:lnTo>
                    <a:pt x="524" y="28"/>
                  </a:lnTo>
                  <a:lnTo>
                    <a:pt x="520" y="24"/>
                  </a:lnTo>
                  <a:lnTo>
                    <a:pt x="514" y="19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391" name="Morsø kant"/>
            <p:cNvSpPr>
              <a:spLocks/>
            </p:cNvSpPr>
            <p:nvPr/>
          </p:nvSpPr>
          <p:spPr bwMode="auto">
            <a:xfrm>
              <a:off x="852488" y="3260725"/>
              <a:ext cx="317500" cy="411163"/>
            </a:xfrm>
            <a:custGeom>
              <a:avLst/>
              <a:gdLst>
                <a:gd name="T0" fmla="*/ 165 w 602"/>
                <a:gd name="T1" fmla="*/ 18 h 776"/>
                <a:gd name="T2" fmla="*/ 154 w 602"/>
                <a:gd name="T3" fmla="*/ 47 h 776"/>
                <a:gd name="T4" fmla="*/ 126 w 602"/>
                <a:gd name="T5" fmla="*/ 60 h 776"/>
                <a:gd name="T6" fmla="*/ 74 w 602"/>
                <a:gd name="T7" fmla="*/ 68 h 776"/>
                <a:gd name="T8" fmla="*/ 69 w 602"/>
                <a:gd name="T9" fmla="*/ 76 h 776"/>
                <a:gd name="T10" fmla="*/ 70 w 602"/>
                <a:gd name="T11" fmla="*/ 91 h 776"/>
                <a:gd name="T12" fmla="*/ 67 w 602"/>
                <a:gd name="T13" fmla="*/ 110 h 776"/>
                <a:gd name="T14" fmla="*/ 69 w 602"/>
                <a:gd name="T15" fmla="*/ 114 h 776"/>
                <a:gd name="T16" fmla="*/ 58 w 602"/>
                <a:gd name="T17" fmla="*/ 115 h 776"/>
                <a:gd name="T18" fmla="*/ 53 w 602"/>
                <a:gd name="T19" fmla="*/ 119 h 776"/>
                <a:gd name="T20" fmla="*/ 69 w 602"/>
                <a:gd name="T21" fmla="*/ 128 h 776"/>
                <a:gd name="T22" fmla="*/ 80 w 602"/>
                <a:gd name="T23" fmla="*/ 135 h 776"/>
                <a:gd name="T24" fmla="*/ 68 w 602"/>
                <a:gd name="T25" fmla="*/ 146 h 776"/>
                <a:gd name="T26" fmla="*/ 44 w 602"/>
                <a:gd name="T27" fmla="*/ 152 h 776"/>
                <a:gd name="T28" fmla="*/ 22 w 602"/>
                <a:gd name="T29" fmla="*/ 160 h 776"/>
                <a:gd name="T30" fmla="*/ 27 w 602"/>
                <a:gd name="T31" fmla="*/ 179 h 776"/>
                <a:gd name="T32" fmla="*/ 15 w 602"/>
                <a:gd name="T33" fmla="*/ 184 h 776"/>
                <a:gd name="T34" fmla="*/ 5 w 602"/>
                <a:gd name="T35" fmla="*/ 193 h 776"/>
                <a:gd name="T36" fmla="*/ 0 w 602"/>
                <a:gd name="T37" fmla="*/ 206 h 776"/>
                <a:gd name="T38" fmla="*/ 6 w 602"/>
                <a:gd name="T39" fmla="*/ 210 h 776"/>
                <a:gd name="T40" fmla="*/ 16 w 602"/>
                <a:gd name="T41" fmla="*/ 199 h 776"/>
                <a:gd name="T42" fmla="*/ 26 w 602"/>
                <a:gd name="T43" fmla="*/ 200 h 776"/>
                <a:gd name="T44" fmla="*/ 29 w 602"/>
                <a:gd name="T45" fmla="*/ 211 h 776"/>
                <a:gd name="T46" fmla="*/ 25 w 602"/>
                <a:gd name="T47" fmla="*/ 221 h 776"/>
                <a:gd name="T48" fmla="*/ 29 w 602"/>
                <a:gd name="T49" fmla="*/ 226 h 776"/>
                <a:gd name="T50" fmla="*/ 37 w 602"/>
                <a:gd name="T51" fmla="*/ 228 h 776"/>
                <a:gd name="T52" fmla="*/ 42 w 602"/>
                <a:gd name="T53" fmla="*/ 223 h 776"/>
                <a:gd name="T54" fmla="*/ 37 w 602"/>
                <a:gd name="T55" fmla="*/ 212 h 776"/>
                <a:gd name="T56" fmla="*/ 38 w 602"/>
                <a:gd name="T57" fmla="*/ 206 h 776"/>
                <a:gd name="T58" fmla="*/ 46 w 602"/>
                <a:gd name="T59" fmla="*/ 213 h 776"/>
                <a:gd name="T60" fmla="*/ 52 w 602"/>
                <a:gd name="T61" fmla="*/ 217 h 776"/>
                <a:gd name="T62" fmla="*/ 56 w 602"/>
                <a:gd name="T63" fmla="*/ 216 h 776"/>
                <a:gd name="T64" fmla="*/ 53 w 602"/>
                <a:gd name="T65" fmla="*/ 225 h 776"/>
                <a:gd name="T66" fmla="*/ 62 w 602"/>
                <a:gd name="T67" fmla="*/ 237 h 776"/>
                <a:gd name="T68" fmla="*/ 61 w 602"/>
                <a:gd name="T69" fmla="*/ 243 h 776"/>
                <a:gd name="T70" fmla="*/ 60 w 602"/>
                <a:gd name="T71" fmla="*/ 248 h 776"/>
                <a:gd name="T72" fmla="*/ 63 w 602"/>
                <a:gd name="T73" fmla="*/ 250 h 776"/>
                <a:gd name="T74" fmla="*/ 67 w 602"/>
                <a:gd name="T75" fmla="*/ 258 h 776"/>
                <a:gd name="T76" fmla="*/ 101 w 602"/>
                <a:gd name="T77" fmla="*/ 250 h 776"/>
                <a:gd name="T78" fmla="*/ 132 w 602"/>
                <a:gd name="T79" fmla="*/ 235 h 776"/>
                <a:gd name="T80" fmla="*/ 137 w 602"/>
                <a:gd name="T81" fmla="*/ 217 h 776"/>
                <a:gd name="T82" fmla="*/ 157 w 602"/>
                <a:gd name="T83" fmla="*/ 195 h 776"/>
                <a:gd name="T84" fmla="*/ 167 w 602"/>
                <a:gd name="T85" fmla="*/ 177 h 776"/>
                <a:gd name="T86" fmla="*/ 171 w 602"/>
                <a:gd name="T87" fmla="*/ 157 h 776"/>
                <a:gd name="T88" fmla="*/ 180 w 602"/>
                <a:gd name="T89" fmla="*/ 152 h 776"/>
                <a:gd name="T90" fmla="*/ 180 w 602"/>
                <a:gd name="T91" fmla="*/ 142 h 776"/>
                <a:gd name="T92" fmla="*/ 162 w 602"/>
                <a:gd name="T93" fmla="*/ 102 h 776"/>
                <a:gd name="T94" fmla="*/ 162 w 602"/>
                <a:gd name="T95" fmla="*/ 78 h 776"/>
                <a:gd name="T96" fmla="*/ 168 w 602"/>
                <a:gd name="T97" fmla="*/ 68 h 776"/>
                <a:gd name="T98" fmla="*/ 188 w 602"/>
                <a:gd name="T99" fmla="*/ 80 h 776"/>
                <a:gd name="T100" fmla="*/ 196 w 602"/>
                <a:gd name="T101" fmla="*/ 60 h 776"/>
                <a:gd name="T102" fmla="*/ 200 w 602"/>
                <a:gd name="T103" fmla="*/ 6 h 776"/>
                <a:gd name="T104" fmla="*/ 195 w 602"/>
                <a:gd name="T105" fmla="*/ 7 h 776"/>
                <a:gd name="T106" fmla="*/ 185 w 602"/>
                <a:gd name="T107" fmla="*/ 12 h 776"/>
                <a:gd name="T108" fmla="*/ 174 w 602"/>
                <a:gd name="T109" fmla="*/ 9 h 77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0" t="0" r="r" b="b"/>
              <a:pathLst>
                <a:path w="602" h="776">
                  <a:moveTo>
                    <a:pt x="514" y="19"/>
                  </a:moveTo>
                  <a:lnTo>
                    <a:pt x="509" y="27"/>
                  </a:lnTo>
                  <a:lnTo>
                    <a:pt x="505" y="36"/>
                  </a:lnTo>
                  <a:lnTo>
                    <a:pt x="501" y="45"/>
                  </a:lnTo>
                  <a:lnTo>
                    <a:pt x="497" y="55"/>
                  </a:lnTo>
                  <a:lnTo>
                    <a:pt x="489" y="74"/>
                  </a:lnTo>
                  <a:lnTo>
                    <a:pt x="483" y="94"/>
                  </a:lnTo>
                  <a:lnTo>
                    <a:pt x="477" y="114"/>
                  </a:lnTo>
                  <a:lnTo>
                    <a:pt x="468" y="133"/>
                  </a:lnTo>
                  <a:lnTo>
                    <a:pt x="464" y="142"/>
                  </a:lnTo>
                  <a:lnTo>
                    <a:pt x="459" y="151"/>
                  </a:lnTo>
                  <a:lnTo>
                    <a:pt x="453" y="158"/>
                  </a:lnTo>
                  <a:lnTo>
                    <a:pt x="447" y="165"/>
                  </a:lnTo>
                  <a:lnTo>
                    <a:pt x="413" y="174"/>
                  </a:lnTo>
                  <a:lnTo>
                    <a:pt x="380" y="180"/>
                  </a:lnTo>
                  <a:lnTo>
                    <a:pt x="347" y="185"/>
                  </a:lnTo>
                  <a:lnTo>
                    <a:pt x="314" y="190"/>
                  </a:lnTo>
                  <a:lnTo>
                    <a:pt x="283" y="195"/>
                  </a:lnTo>
                  <a:lnTo>
                    <a:pt x="252" y="200"/>
                  </a:lnTo>
                  <a:lnTo>
                    <a:pt x="223" y="205"/>
                  </a:lnTo>
                  <a:lnTo>
                    <a:pt x="194" y="214"/>
                  </a:lnTo>
                  <a:lnTo>
                    <a:pt x="200" y="217"/>
                  </a:lnTo>
                  <a:lnTo>
                    <a:pt x="203" y="220"/>
                  </a:lnTo>
                  <a:lnTo>
                    <a:pt x="206" y="224"/>
                  </a:lnTo>
                  <a:lnTo>
                    <a:pt x="209" y="227"/>
                  </a:lnTo>
                  <a:lnTo>
                    <a:pt x="212" y="236"/>
                  </a:lnTo>
                  <a:lnTo>
                    <a:pt x="213" y="245"/>
                  </a:lnTo>
                  <a:lnTo>
                    <a:pt x="213" y="254"/>
                  </a:lnTo>
                  <a:lnTo>
                    <a:pt x="212" y="263"/>
                  </a:lnTo>
                  <a:lnTo>
                    <a:pt x="210" y="273"/>
                  </a:lnTo>
                  <a:lnTo>
                    <a:pt x="208" y="282"/>
                  </a:lnTo>
                  <a:lnTo>
                    <a:pt x="203" y="300"/>
                  </a:lnTo>
                  <a:lnTo>
                    <a:pt x="201" y="317"/>
                  </a:lnTo>
                  <a:lnTo>
                    <a:pt x="201" y="323"/>
                  </a:lnTo>
                  <a:lnTo>
                    <a:pt x="203" y="330"/>
                  </a:lnTo>
                  <a:lnTo>
                    <a:pt x="205" y="333"/>
                  </a:lnTo>
                  <a:lnTo>
                    <a:pt x="207" y="336"/>
                  </a:lnTo>
                  <a:lnTo>
                    <a:pt x="210" y="338"/>
                  </a:lnTo>
                  <a:lnTo>
                    <a:pt x="214" y="340"/>
                  </a:lnTo>
                  <a:lnTo>
                    <a:pt x="209" y="342"/>
                  </a:lnTo>
                  <a:lnTo>
                    <a:pt x="205" y="344"/>
                  </a:lnTo>
                  <a:lnTo>
                    <a:pt x="200" y="345"/>
                  </a:lnTo>
                  <a:lnTo>
                    <a:pt x="195" y="345"/>
                  </a:lnTo>
                  <a:lnTo>
                    <a:pt x="186" y="346"/>
                  </a:lnTo>
                  <a:lnTo>
                    <a:pt x="176" y="346"/>
                  </a:lnTo>
                  <a:lnTo>
                    <a:pt x="173" y="347"/>
                  </a:lnTo>
                  <a:lnTo>
                    <a:pt x="169" y="349"/>
                  </a:lnTo>
                  <a:lnTo>
                    <a:pt x="166" y="351"/>
                  </a:lnTo>
                  <a:lnTo>
                    <a:pt x="163" y="354"/>
                  </a:lnTo>
                  <a:lnTo>
                    <a:pt x="161" y="358"/>
                  </a:lnTo>
                  <a:lnTo>
                    <a:pt x="159" y="363"/>
                  </a:lnTo>
                  <a:lnTo>
                    <a:pt x="156" y="370"/>
                  </a:lnTo>
                  <a:lnTo>
                    <a:pt x="155" y="378"/>
                  </a:lnTo>
                  <a:lnTo>
                    <a:pt x="183" y="381"/>
                  </a:lnTo>
                  <a:lnTo>
                    <a:pt x="208" y="384"/>
                  </a:lnTo>
                  <a:lnTo>
                    <a:pt x="220" y="387"/>
                  </a:lnTo>
                  <a:lnTo>
                    <a:pt x="229" y="393"/>
                  </a:lnTo>
                  <a:lnTo>
                    <a:pt x="233" y="395"/>
                  </a:lnTo>
                  <a:lnTo>
                    <a:pt x="238" y="399"/>
                  </a:lnTo>
                  <a:lnTo>
                    <a:pt x="241" y="403"/>
                  </a:lnTo>
                  <a:lnTo>
                    <a:pt x="243" y="407"/>
                  </a:lnTo>
                  <a:lnTo>
                    <a:pt x="235" y="417"/>
                  </a:lnTo>
                  <a:lnTo>
                    <a:pt x="226" y="425"/>
                  </a:lnTo>
                  <a:lnTo>
                    <a:pt x="215" y="432"/>
                  </a:lnTo>
                  <a:lnTo>
                    <a:pt x="205" y="438"/>
                  </a:lnTo>
                  <a:lnTo>
                    <a:pt x="194" y="442"/>
                  </a:lnTo>
                  <a:lnTo>
                    <a:pt x="183" y="445"/>
                  </a:lnTo>
                  <a:lnTo>
                    <a:pt x="170" y="449"/>
                  </a:lnTo>
                  <a:lnTo>
                    <a:pt x="157" y="451"/>
                  </a:lnTo>
                  <a:lnTo>
                    <a:pt x="132" y="454"/>
                  </a:lnTo>
                  <a:lnTo>
                    <a:pt x="107" y="455"/>
                  </a:lnTo>
                  <a:lnTo>
                    <a:pt x="82" y="455"/>
                  </a:lnTo>
                  <a:lnTo>
                    <a:pt x="58" y="456"/>
                  </a:lnTo>
                  <a:lnTo>
                    <a:pt x="61" y="469"/>
                  </a:lnTo>
                  <a:lnTo>
                    <a:pt x="65" y="479"/>
                  </a:lnTo>
                  <a:lnTo>
                    <a:pt x="68" y="490"/>
                  </a:lnTo>
                  <a:lnTo>
                    <a:pt x="72" y="500"/>
                  </a:lnTo>
                  <a:lnTo>
                    <a:pt x="76" y="512"/>
                  </a:lnTo>
                  <a:lnTo>
                    <a:pt x="78" y="523"/>
                  </a:lnTo>
                  <a:lnTo>
                    <a:pt x="80" y="537"/>
                  </a:lnTo>
                  <a:lnTo>
                    <a:pt x="78" y="553"/>
                  </a:lnTo>
                  <a:lnTo>
                    <a:pt x="70" y="550"/>
                  </a:lnTo>
                  <a:lnTo>
                    <a:pt x="62" y="549"/>
                  </a:lnTo>
                  <a:lnTo>
                    <a:pt x="54" y="549"/>
                  </a:lnTo>
                  <a:lnTo>
                    <a:pt x="46" y="551"/>
                  </a:lnTo>
                  <a:lnTo>
                    <a:pt x="40" y="555"/>
                  </a:lnTo>
                  <a:lnTo>
                    <a:pt x="32" y="559"/>
                  </a:lnTo>
                  <a:lnTo>
                    <a:pt x="26" y="565"/>
                  </a:lnTo>
                  <a:lnTo>
                    <a:pt x="21" y="572"/>
                  </a:lnTo>
                  <a:lnTo>
                    <a:pt x="15" y="579"/>
                  </a:lnTo>
                  <a:lnTo>
                    <a:pt x="11" y="587"/>
                  </a:lnTo>
                  <a:lnTo>
                    <a:pt x="7" y="594"/>
                  </a:lnTo>
                  <a:lnTo>
                    <a:pt x="4" y="602"/>
                  </a:lnTo>
                  <a:lnTo>
                    <a:pt x="2" y="610"/>
                  </a:lnTo>
                  <a:lnTo>
                    <a:pt x="1" y="617"/>
                  </a:lnTo>
                  <a:lnTo>
                    <a:pt x="0" y="624"/>
                  </a:lnTo>
                  <a:lnTo>
                    <a:pt x="1" y="631"/>
                  </a:lnTo>
                  <a:lnTo>
                    <a:pt x="7" y="631"/>
                  </a:lnTo>
                  <a:lnTo>
                    <a:pt x="13" y="630"/>
                  </a:lnTo>
                  <a:lnTo>
                    <a:pt x="17" y="628"/>
                  </a:lnTo>
                  <a:lnTo>
                    <a:pt x="22" y="625"/>
                  </a:lnTo>
                  <a:lnTo>
                    <a:pt x="29" y="619"/>
                  </a:lnTo>
                  <a:lnTo>
                    <a:pt x="34" y="612"/>
                  </a:lnTo>
                  <a:lnTo>
                    <a:pt x="41" y="603"/>
                  </a:lnTo>
                  <a:lnTo>
                    <a:pt x="47" y="597"/>
                  </a:lnTo>
                  <a:lnTo>
                    <a:pt x="51" y="595"/>
                  </a:lnTo>
                  <a:lnTo>
                    <a:pt x="56" y="593"/>
                  </a:lnTo>
                  <a:lnTo>
                    <a:pt x="62" y="592"/>
                  </a:lnTo>
                  <a:lnTo>
                    <a:pt x="68" y="592"/>
                  </a:lnTo>
                  <a:lnTo>
                    <a:pt x="77" y="598"/>
                  </a:lnTo>
                  <a:lnTo>
                    <a:pt x="84" y="604"/>
                  </a:lnTo>
                  <a:lnTo>
                    <a:pt x="87" y="611"/>
                  </a:lnTo>
                  <a:lnTo>
                    <a:pt x="89" y="618"/>
                  </a:lnTo>
                  <a:lnTo>
                    <a:pt x="88" y="624"/>
                  </a:lnTo>
                  <a:lnTo>
                    <a:pt x="86" y="631"/>
                  </a:lnTo>
                  <a:lnTo>
                    <a:pt x="84" y="637"/>
                  </a:lnTo>
                  <a:lnTo>
                    <a:pt x="81" y="643"/>
                  </a:lnTo>
                  <a:lnTo>
                    <a:pt x="78" y="650"/>
                  </a:lnTo>
                  <a:lnTo>
                    <a:pt x="76" y="655"/>
                  </a:lnTo>
                  <a:lnTo>
                    <a:pt x="75" y="661"/>
                  </a:lnTo>
                  <a:lnTo>
                    <a:pt x="76" y="668"/>
                  </a:lnTo>
                  <a:lnTo>
                    <a:pt x="78" y="670"/>
                  </a:lnTo>
                  <a:lnTo>
                    <a:pt x="80" y="673"/>
                  </a:lnTo>
                  <a:lnTo>
                    <a:pt x="83" y="676"/>
                  </a:lnTo>
                  <a:lnTo>
                    <a:pt x="86" y="678"/>
                  </a:lnTo>
                  <a:lnTo>
                    <a:pt x="94" y="683"/>
                  </a:lnTo>
                  <a:lnTo>
                    <a:pt x="107" y="689"/>
                  </a:lnTo>
                  <a:lnTo>
                    <a:pt x="108" y="687"/>
                  </a:lnTo>
                  <a:lnTo>
                    <a:pt x="110" y="684"/>
                  </a:lnTo>
                  <a:lnTo>
                    <a:pt x="111" y="682"/>
                  </a:lnTo>
                  <a:lnTo>
                    <a:pt x="113" y="681"/>
                  </a:lnTo>
                  <a:lnTo>
                    <a:pt x="120" y="679"/>
                  </a:lnTo>
                  <a:lnTo>
                    <a:pt x="127" y="679"/>
                  </a:lnTo>
                  <a:lnTo>
                    <a:pt x="127" y="674"/>
                  </a:lnTo>
                  <a:lnTo>
                    <a:pt x="125" y="669"/>
                  </a:lnTo>
                  <a:lnTo>
                    <a:pt x="124" y="663"/>
                  </a:lnTo>
                  <a:lnTo>
                    <a:pt x="122" y="658"/>
                  </a:lnTo>
                  <a:lnTo>
                    <a:pt x="116" y="649"/>
                  </a:lnTo>
                  <a:lnTo>
                    <a:pt x="112" y="639"/>
                  </a:lnTo>
                  <a:lnTo>
                    <a:pt x="110" y="635"/>
                  </a:lnTo>
                  <a:lnTo>
                    <a:pt x="109" y="631"/>
                  </a:lnTo>
                  <a:lnTo>
                    <a:pt x="109" y="627"/>
                  </a:lnTo>
                  <a:lnTo>
                    <a:pt x="110" y="623"/>
                  </a:lnTo>
                  <a:lnTo>
                    <a:pt x="111" y="620"/>
                  </a:lnTo>
                  <a:lnTo>
                    <a:pt x="115" y="617"/>
                  </a:lnTo>
                  <a:lnTo>
                    <a:pt x="120" y="614"/>
                  </a:lnTo>
                  <a:lnTo>
                    <a:pt x="127" y="612"/>
                  </a:lnTo>
                  <a:lnTo>
                    <a:pt x="129" y="620"/>
                  </a:lnTo>
                  <a:lnTo>
                    <a:pt x="132" y="630"/>
                  </a:lnTo>
                  <a:lnTo>
                    <a:pt x="137" y="638"/>
                  </a:lnTo>
                  <a:lnTo>
                    <a:pt x="143" y="645"/>
                  </a:lnTo>
                  <a:lnTo>
                    <a:pt x="146" y="648"/>
                  </a:lnTo>
                  <a:lnTo>
                    <a:pt x="149" y="650"/>
                  </a:lnTo>
                  <a:lnTo>
                    <a:pt x="153" y="651"/>
                  </a:lnTo>
                  <a:lnTo>
                    <a:pt x="156" y="651"/>
                  </a:lnTo>
                  <a:lnTo>
                    <a:pt x="161" y="650"/>
                  </a:lnTo>
                  <a:lnTo>
                    <a:pt x="166" y="649"/>
                  </a:lnTo>
                  <a:lnTo>
                    <a:pt x="170" y="645"/>
                  </a:lnTo>
                  <a:lnTo>
                    <a:pt x="175" y="640"/>
                  </a:lnTo>
                  <a:lnTo>
                    <a:pt x="168" y="647"/>
                  </a:lnTo>
                  <a:lnTo>
                    <a:pt x="163" y="653"/>
                  </a:lnTo>
                  <a:lnTo>
                    <a:pt x="160" y="658"/>
                  </a:lnTo>
                  <a:lnTo>
                    <a:pt x="159" y="663"/>
                  </a:lnTo>
                  <a:lnTo>
                    <a:pt x="159" y="669"/>
                  </a:lnTo>
                  <a:lnTo>
                    <a:pt x="161" y="673"/>
                  </a:lnTo>
                  <a:lnTo>
                    <a:pt x="163" y="678"/>
                  </a:lnTo>
                  <a:lnTo>
                    <a:pt x="166" y="682"/>
                  </a:lnTo>
                  <a:lnTo>
                    <a:pt x="174" y="692"/>
                  </a:lnTo>
                  <a:lnTo>
                    <a:pt x="183" y="702"/>
                  </a:lnTo>
                  <a:lnTo>
                    <a:pt x="187" y="709"/>
                  </a:lnTo>
                  <a:lnTo>
                    <a:pt x="190" y="714"/>
                  </a:lnTo>
                  <a:lnTo>
                    <a:pt x="193" y="721"/>
                  </a:lnTo>
                  <a:lnTo>
                    <a:pt x="194" y="728"/>
                  </a:lnTo>
                  <a:lnTo>
                    <a:pt x="189" y="728"/>
                  </a:lnTo>
                  <a:lnTo>
                    <a:pt x="184" y="729"/>
                  </a:lnTo>
                  <a:lnTo>
                    <a:pt x="181" y="731"/>
                  </a:lnTo>
                  <a:lnTo>
                    <a:pt x="177" y="734"/>
                  </a:lnTo>
                  <a:lnTo>
                    <a:pt x="176" y="737"/>
                  </a:lnTo>
                  <a:lnTo>
                    <a:pt x="177" y="741"/>
                  </a:lnTo>
                  <a:lnTo>
                    <a:pt x="180" y="744"/>
                  </a:lnTo>
                  <a:lnTo>
                    <a:pt x="185" y="748"/>
                  </a:lnTo>
                  <a:lnTo>
                    <a:pt x="188" y="742"/>
                  </a:lnTo>
                  <a:lnTo>
                    <a:pt x="189" y="741"/>
                  </a:lnTo>
                  <a:lnTo>
                    <a:pt x="190" y="744"/>
                  </a:lnTo>
                  <a:lnTo>
                    <a:pt x="191" y="750"/>
                  </a:lnTo>
                  <a:lnTo>
                    <a:pt x="191" y="757"/>
                  </a:lnTo>
                  <a:lnTo>
                    <a:pt x="193" y="764"/>
                  </a:lnTo>
                  <a:lnTo>
                    <a:pt x="195" y="768"/>
                  </a:lnTo>
                  <a:lnTo>
                    <a:pt x="197" y="771"/>
                  </a:lnTo>
                  <a:lnTo>
                    <a:pt x="201" y="774"/>
                  </a:lnTo>
                  <a:lnTo>
                    <a:pt x="205" y="776"/>
                  </a:lnTo>
                  <a:lnTo>
                    <a:pt x="228" y="769"/>
                  </a:lnTo>
                  <a:lnTo>
                    <a:pt x="252" y="761"/>
                  </a:lnTo>
                  <a:lnTo>
                    <a:pt x="278" y="755"/>
                  </a:lnTo>
                  <a:lnTo>
                    <a:pt x="303" y="749"/>
                  </a:lnTo>
                  <a:lnTo>
                    <a:pt x="328" y="742"/>
                  </a:lnTo>
                  <a:lnTo>
                    <a:pt x="352" y="736"/>
                  </a:lnTo>
                  <a:lnTo>
                    <a:pt x="376" y="728"/>
                  </a:lnTo>
                  <a:lnTo>
                    <a:pt x="399" y="718"/>
                  </a:lnTo>
                  <a:lnTo>
                    <a:pt x="397" y="704"/>
                  </a:lnTo>
                  <a:lnTo>
                    <a:pt x="397" y="692"/>
                  </a:lnTo>
                  <a:lnTo>
                    <a:pt x="398" y="680"/>
                  </a:lnTo>
                  <a:lnTo>
                    <a:pt x="402" y="670"/>
                  </a:lnTo>
                  <a:lnTo>
                    <a:pt x="407" y="659"/>
                  </a:lnTo>
                  <a:lnTo>
                    <a:pt x="413" y="650"/>
                  </a:lnTo>
                  <a:lnTo>
                    <a:pt x="421" y="640"/>
                  </a:lnTo>
                  <a:lnTo>
                    <a:pt x="429" y="631"/>
                  </a:lnTo>
                  <a:lnTo>
                    <a:pt x="447" y="613"/>
                  </a:lnTo>
                  <a:lnTo>
                    <a:pt x="465" y="595"/>
                  </a:lnTo>
                  <a:lnTo>
                    <a:pt x="473" y="585"/>
                  </a:lnTo>
                  <a:lnTo>
                    <a:pt x="482" y="575"/>
                  </a:lnTo>
                  <a:lnTo>
                    <a:pt x="489" y="564"/>
                  </a:lnTo>
                  <a:lnTo>
                    <a:pt x="495" y="553"/>
                  </a:lnTo>
                  <a:lnTo>
                    <a:pt x="500" y="541"/>
                  </a:lnTo>
                  <a:lnTo>
                    <a:pt x="503" y="529"/>
                  </a:lnTo>
                  <a:lnTo>
                    <a:pt x="505" y="516"/>
                  </a:lnTo>
                  <a:lnTo>
                    <a:pt x="507" y="502"/>
                  </a:lnTo>
                  <a:lnTo>
                    <a:pt x="509" y="489"/>
                  </a:lnTo>
                  <a:lnTo>
                    <a:pt x="512" y="477"/>
                  </a:lnTo>
                  <a:lnTo>
                    <a:pt x="514" y="471"/>
                  </a:lnTo>
                  <a:lnTo>
                    <a:pt x="518" y="465"/>
                  </a:lnTo>
                  <a:lnTo>
                    <a:pt x="521" y="460"/>
                  </a:lnTo>
                  <a:lnTo>
                    <a:pt x="525" y="456"/>
                  </a:lnTo>
                  <a:lnTo>
                    <a:pt x="533" y="456"/>
                  </a:lnTo>
                  <a:lnTo>
                    <a:pt x="543" y="455"/>
                  </a:lnTo>
                  <a:lnTo>
                    <a:pt x="547" y="454"/>
                  </a:lnTo>
                  <a:lnTo>
                    <a:pt x="550" y="453"/>
                  </a:lnTo>
                  <a:lnTo>
                    <a:pt x="552" y="450"/>
                  </a:lnTo>
                  <a:lnTo>
                    <a:pt x="553" y="446"/>
                  </a:lnTo>
                  <a:lnTo>
                    <a:pt x="541" y="425"/>
                  </a:lnTo>
                  <a:lnTo>
                    <a:pt x="528" y="404"/>
                  </a:lnTo>
                  <a:lnTo>
                    <a:pt x="517" y="381"/>
                  </a:lnTo>
                  <a:lnTo>
                    <a:pt x="507" y="358"/>
                  </a:lnTo>
                  <a:lnTo>
                    <a:pt x="498" y="333"/>
                  </a:lnTo>
                  <a:lnTo>
                    <a:pt x="489" y="307"/>
                  </a:lnTo>
                  <a:lnTo>
                    <a:pt x="482" y="280"/>
                  </a:lnTo>
                  <a:lnTo>
                    <a:pt x="477" y="253"/>
                  </a:lnTo>
                  <a:lnTo>
                    <a:pt x="481" y="247"/>
                  </a:lnTo>
                  <a:lnTo>
                    <a:pt x="485" y="241"/>
                  </a:lnTo>
                  <a:lnTo>
                    <a:pt x="488" y="235"/>
                  </a:lnTo>
                  <a:lnTo>
                    <a:pt x="491" y="228"/>
                  </a:lnTo>
                  <a:lnTo>
                    <a:pt x="493" y="221"/>
                  </a:lnTo>
                  <a:lnTo>
                    <a:pt x="497" y="215"/>
                  </a:lnTo>
                  <a:lnTo>
                    <a:pt x="501" y="208"/>
                  </a:lnTo>
                  <a:lnTo>
                    <a:pt x="505" y="204"/>
                  </a:lnTo>
                  <a:lnTo>
                    <a:pt x="528" y="214"/>
                  </a:lnTo>
                  <a:lnTo>
                    <a:pt x="545" y="221"/>
                  </a:lnTo>
                  <a:lnTo>
                    <a:pt x="552" y="225"/>
                  </a:lnTo>
                  <a:lnTo>
                    <a:pt x="559" y="232"/>
                  </a:lnTo>
                  <a:lnTo>
                    <a:pt x="566" y="240"/>
                  </a:lnTo>
                  <a:lnTo>
                    <a:pt x="573" y="253"/>
                  </a:lnTo>
                  <a:lnTo>
                    <a:pt x="579" y="236"/>
                  </a:lnTo>
                  <a:lnTo>
                    <a:pt x="584" y="218"/>
                  </a:lnTo>
                  <a:lnTo>
                    <a:pt x="588" y="200"/>
                  </a:lnTo>
                  <a:lnTo>
                    <a:pt x="591" y="181"/>
                  </a:lnTo>
                  <a:lnTo>
                    <a:pt x="597" y="144"/>
                  </a:lnTo>
                  <a:lnTo>
                    <a:pt x="600" y="107"/>
                  </a:lnTo>
                  <a:lnTo>
                    <a:pt x="601" y="74"/>
                  </a:lnTo>
                  <a:lnTo>
                    <a:pt x="601" y="43"/>
                  </a:lnTo>
                  <a:lnTo>
                    <a:pt x="602" y="19"/>
                  </a:lnTo>
                  <a:lnTo>
                    <a:pt x="602" y="0"/>
                  </a:lnTo>
                  <a:lnTo>
                    <a:pt x="600" y="5"/>
                  </a:lnTo>
                  <a:lnTo>
                    <a:pt x="596" y="12"/>
                  </a:lnTo>
                  <a:lnTo>
                    <a:pt x="591" y="16"/>
                  </a:lnTo>
                  <a:lnTo>
                    <a:pt x="586" y="21"/>
                  </a:lnTo>
                  <a:lnTo>
                    <a:pt x="581" y="25"/>
                  </a:lnTo>
                  <a:lnTo>
                    <a:pt x="574" y="28"/>
                  </a:lnTo>
                  <a:lnTo>
                    <a:pt x="568" y="32"/>
                  </a:lnTo>
                  <a:lnTo>
                    <a:pt x="562" y="34"/>
                  </a:lnTo>
                  <a:lnTo>
                    <a:pt x="556" y="35"/>
                  </a:lnTo>
                  <a:lnTo>
                    <a:pt x="549" y="36"/>
                  </a:lnTo>
                  <a:lnTo>
                    <a:pt x="542" y="35"/>
                  </a:lnTo>
                  <a:lnTo>
                    <a:pt x="536" y="34"/>
                  </a:lnTo>
                  <a:lnTo>
                    <a:pt x="530" y="32"/>
                  </a:lnTo>
                  <a:lnTo>
                    <a:pt x="524" y="28"/>
                  </a:lnTo>
                  <a:lnTo>
                    <a:pt x="520" y="24"/>
                  </a:lnTo>
                  <a:lnTo>
                    <a:pt x="514" y="19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392" name="Vesthimmerland"/>
            <p:cNvGrpSpPr/>
            <p:nvPr/>
          </p:nvGrpSpPr>
          <p:grpSpPr>
            <a:xfrm>
              <a:off x="1289050" y="3163888"/>
              <a:ext cx="441325" cy="560388"/>
              <a:chOff x="1289050" y="3163888"/>
              <a:chExt cx="441325" cy="560388"/>
            </a:xfrm>
            <a:grpFill/>
          </p:grpSpPr>
          <p:grpSp>
            <p:nvGrpSpPr>
              <p:cNvPr id="397" name="Vesthimmerland"/>
              <p:cNvGrpSpPr/>
              <p:nvPr/>
            </p:nvGrpSpPr>
            <p:grpSpPr>
              <a:xfrm>
                <a:off x="1355725" y="3163888"/>
                <a:ext cx="374650" cy="560388"/>
                <a:chOff x="1355725" y="3163888"/>
                <a:chExt cx="374650" cy="560388"/>
              </a:xfrm>
              <a:grpFill/>
            </p:grpSpPr>
            <p:sp>
              <p:nvSpPr>
                <p:cNvPr id="400" name="Vesthimmerland"/>
                <p:cNvSpPr>
                  <a:spLocks/>
                </p:cNvSpPr>
                <p:nvPr/>
              </p:nvSpPr>
              <p:spPr bwMode="auto">
                <a:xfrm>
                  <a:off x="1371600" y="3163888"/>
                  <a:ext cx="87312" cy="34925"/>
                </a:xfrm>
                <a:custGeom>
                  <a:avLst/>
                  <a:gdLst>
                    <a:gd name="T0" fmla="*/ 0 w 165"/>
                    <a:gd name="T1" fmla="*/ 3 h 68"/>
                    <a:gd name="T2" fmla="*/ 0 w 165"/>
                    <a:gd name="T3" fmla="*/ 5 h 68"/>
                    <a:gd name="T4" fmla="*/ 1 w 165"/>
                    <a:gd name="T5" fmla="*/ 6 h 68"/>
                    <a:gd name="T6" fmla="*/ 2 w 165"/>
                    <a:gd name="T7" fmla="*/ 7 h 68"/>
                    <a:gd name="T8" fmla="*/ 3 w 165"/>
                    <a:gd name="T9" fmla="*/ 8 h 68"/>
                    <a:gd name="T10" fmla="*/ 5 w 165"/>
                    <a:gd name="T11" fmla="*/ 10 h 68"/>
                    <a:gd name="T12" fmla="*/ 8 w 165"/>
                    <a:gd name="T13" fmla="*/ 11 h 68"/>
                    <a:gd name="T14" fmla="*/ 14 w 165"/>
                    <a:gd name="T15" fmla="*/ 13 h 68"/>
                    <a:gd name="T16" fmla="*/ 19 w 165"/>
                    <a:gd name="T17" fmla="*/ 16 h 68"/>
                    <a:gd name="T18" fmla="*/ 22 w 165"/>
                    <a:gd name="T19" fmla="*/ 14 h 68"/>
                    <a:gd name="T20" fmla="*/ 24 w 165"/>
                    <a:gd name="T21" fmla="*/ 13 h 68"/>
                    <a:gd name="T22" fmla="*/ 27 w 165"/>
                    <a:gd name="T23" fmla="*/ 11 h 68"/>
                    <a:gd name="T24" fmla="*/ 30 w 165"/>
                    <a:gd name="T25" fmla="*/ 10 h 68"/>
                    <a:gd name="T26" fmla="*/ 36 w 165"/>
                    <a:gd name="T27" fmla="*/ 8 h 68"/>
                    <a:gd name="T28" fmla="*/ 42 w 165"/>
                    <a:gd name="T29" fmla="*/ 6 h 68"/>
                    <a:gd name="T30" fmla="*/ 43 w 165"/>
                    <a:gd name="T31" fmla="*/ 7 h 68"/>
                    <a:gd name="T32" fmla="*/ 43 w 165"/>
                    <a:gd name="T33" fmla="*/ 8 h 68"/>
                    <a:gd name="T34" fmla="*/ 44 w 165"/>
                    <a:gd name="T35" fmla="*/ 9 h 68"/>
                    <a:gd name="T36" fmla="*/ 44 w 165"/>
                    <a:gd name="T37" fmla="*/ 11 h 68"/>
                    <a:gd name="T38" fmla="*/ 45 w 165"/>
                    <a:gd name="T39" fmla="*/ 14 h 68"/>
                    <a:gd name="T40" fmla="*/ 46 w 165"/>
                    <a:gd name="T41" fmla="*/ 17 h 68"/>
                    <a:gd name="T42" fmla="*/ 46 w 165"/>
                    <a:gd name="T43" fmla="*/ 18 h 68"/>
                    <a:gd name="T44" fmla="*/ 47 w 165"/>
                    <a:gd name="T45" fmla="*/ 19 h 68"/>
                    <a:gd name="T46" fmla="*/ 48 w 165"/>
                    <a:gd name="T47" fmla="*/ 20 h 68"/>
                    <a:gd name="T48" fmla="*/ 48 w 165"/>
                    <a:gd name="T49" fmla="*/ 21 h 68"/>
                    <a:gd name="T50" fmla="*/ 50 w 165"/>
                    <a:gd name="T51" fmla="*/ 22 h 68"/>
                    <a:gd name="T52" fmla="*/ 51 w 165"/>
                    <a:gd name="T53" fmla="*/ 22 h 68"/>
                    <a:gd name="T54" fmla="*/ 53 w 165"/>
                    <a:gd name="T55" fmla="*/ 22 h 68"/>
                    <a:gd name="T56" fmla="*/ 55 w 165"/>
                    <a:gd name="T57" fmla="*/ 22 h 68"/>
                    <a:gd name="T58" fmla="*/ 55 w 165"/>
                    <a:gd name="T59" fmla="*/ 20 h 68"/>
                    <a:gd name="T60" fmla="*/ 55 w 165"/>
                    <a:gd name="T61" fmla="*/ 19 h 68"/>
                    <a:gd name="T62" fmla="*/ 54 w 165"/>
                    <a:gd name="T63" fmla="*/ 17 h 68"/>
                    <a:gd name="T64" fmla="*/ 54 w 165"/>
                    <a:gd name="T65" fmla="*/ 16 h 68"/>
                    <a:gd name="T66" fmla="*/ 53 w 165"/>
                    <a:gd name="T67" fmla="*/ 14 h 68"/>
                    <a:gd name="T68" fmla="*/ 51 w 165"/>
                    <a:gd name="T69" fmla="*/ 12 h 68"/>
                    <a:gd name="T70" fmla="*/ 50 w 165"/>
                    <a:gd name="T71" fmla="*/ 9 h 68"/>
                    <a:gd name="T72" fmla="*/ 49 w 165"/>
                    <a:gd name="T73" fmla="*/ 7 h 68"/>
                    <a:gd name="T74" fmla="*/ 48 w 165"/>
                    <a:gd name="T75" fmla="*/ 6 h 68"/>
                    <a:gd name="T76" fmla="*/ 48 w 165"/>
                    <a:gd name="T77" fmla="*/ 4 h 68"/>
                    <a:gd name="T78" fmla="*/ 48 w 165"/>
                    <a:gd name="T79" fmla="*/ 2 h 68"/>
                    <a:gd name="T80" fmla="*/ 48 w 165"/>
                    <a:gd name="T81" fmla="*/ 0 h 68"/>
                    <a:gd name="T82" fmla="*/ 44 w 165"/>
                    <a:gd name="T83" fmla="*/ 0 h 68"/>
                    <a:gd name="T84" fmla="*/ 40 w 165"/>
                    <a:gd name="T85" fmla="*/ 1 h 68"/>
                    <a:gd name="T86" fmla="*/ 36 w 165"/>
                    <a:gd name="T87" fmla="*/ 2 h 68"/>
                    <a:gd name="T88" fmla="*/ 33 w 165"/>
                    <a:gd name="T89" fmla="*/ 2 h 68"/>
                    <a:gd name="T90" fmla="*/ 28 w 165"/>
                    <a:gd name="T91" fmla="*/ 4 h 68"/>
                    <a:gd name="T92" fmla="*/ 23 w 165"/>
                    <a:gd name="T93" fmla="*/ 6 h 68"/>
                    <a:gd name="T94" fmla="*/ 21 w 165"/>
                    <a:gd name="T95" fmla="*/ 6 h 68"/>
                    <a:gd name="T96" fmla="*/ 19 w 165"/>
                    <a:gd name="T97" fmla="*/ 6 h 68"/>
                    <a:gd name="T98" fmla="*/ 16 w 165"/>
                    <a:gd name="T99" fmla="*/ 7 h 68"/>
                    <a:gd name="T100" fmla="*/ 13 w 165"/>
                    <a:gd name="T101" fmla="*/ 6 h 68"/>
                    <a:gd name="T102" fmla="*/ 11 w 165"/>
                    <a:gd name="T103" fmla="*/ 6 h 68"/>
                    <a:gd name="T104" fmla="*/ 7 w 165"/>
                    <a:gd name="T105" fmla="*/ 6 h 68"/>
                    <a:gd name="T106" fmla="*/ 4 w 165"/>
                    <a:gd name="T107" fmla="*/ 4 h 68"/>
                    <a:gd name="T108" fmla="*/ 0 w 165"/>
                    <a:gd name="T109" fmla="*/ 3 h 68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</a:gdLst>
                  <a:ahLst/>
                  <a:cxnLst>
                    <a:cxn ang="T110">
                      <a:pos x="T0" y="T1"/>
                    </a:cxn>
                    <a:cxn ang="T111">
                      <a:pos x="T2" y="T3"/>
                    </a:cxn>
                    <a:cxn ang="T112">
                      <a:pos x="T4" y="T5"/>
                    </a:cxn>
                    <a:cxn ang="T113">
                      <a:pos x="T6" y="T7"/>
                    </a:cxn>
                    <a:cxn ang="T114">
                      <a:pos x="T8" y="T9"/>
                    </a:cxn>
                    <a:cxn ang="T115">
                      <a:pos x="T10" y="T11"/>
                    </a:cxn>
                    <a:cxn ang="T116">
                      <a:pos x="T12" y="T13"/>
                    </a:cxn>
                    <a:cxn ang="T117">
                      <a:pos x="T14" y="T15"/>
                    </a:cxn>
                    <a:cxn ang="T118">
                      <a:pos x="T16" y="T17"/>
                    </a:cxn>
                    <a:cxn ang="T119">
                      <a:pos x="T18" y="T19"/>
                    </a:cxn>
                    <a:cxn ang="T120">
                      <a:pos x="T20" y="T21"/>
                    </a:cxn>
                    <a:cxn ang="T121">
                      <a:pos x="T22" y="T23"/>
                    </a:cxn>
                    <a:cxn ang="T122">
                      <a:pos x="T24" y="T25"/>
                    </a:cxn>
                    <a:cxn ang="T123">
                      <a:pos x="T26" y="T27"/>
                    </a:cxn>
                    <a:cxn ang="T124">
                      <a:pos x="T28" y="T29"/>
                    </a:cxn>
                    <a:cxn ang="T125">
                      <a:pos x="T30" y="T31"/>
                    </a:cxn>
                    <a:cxn ang="T126">
                      <a:pos x="T32" y="T33"/>
                    </a:cxn>
                    <a:cxn ang="T127">
                      <a:pos x="T34" y="T35"/>
                    </a:cxn>
                    <a:cxn ang="T128">
                      <a:pos x="T36" y="T37"/>
                    </a:cxn>
                    <a:cxn ang="T129">
                      <a:pos x="T38" y="T39"/>
                    </a:cxn>
                    <a:cxn ang="T130">
                      <a:pos x="T40" y="T41"/>
                    </a:cxn>
                    <a:cxn ang="T131">
                      <a:pos x="T42" y="T43"/>
                    </a:cxn>
                    <a:cxn ang="T132">
                      <a:pos x="T44" y="T45"/>
                    </a:cxn>
                    <a:cxn ang="T133">
                      <a:pos x="T46" y="T47"/>
                    </a:cxn>
                    <a:cxn ang="T134">
                      <a:pos x="T48" y="T49"/>
                    </a:cxn>
                    <a:cxn ang="T135">
                      <a:pos x="T50" y="T51"/>
                    </a:cxn>
                    <a:cxn ang="T136">
                      <a:pos x="T52" y="T53"/>
                    </a:cxn>
                    <a:cxn ang="T137">
                      <a:pos x="T54" y="T55"/>
                    </a:cxn>
                    <a:cxn ang="T138">
                      <a:pos x="T56" y="T57"/>
                    </a:cxn>
                    <a:cxn ang="T139">
                      <a:pos x="T58" y="T59"/>
                    </a:cxn>
                    <a:cxn ang="T140">
                      <a:pos x="T60" y="T61"/>
                    </a:cxn>
                    <a:cxn ang="T141">
                      <a:pos x="T62" y="T63"/>
                    </a:cxn>
                    <a:cxn ang="T142">
                      <a:pos x="T64" y="T65"/>
                    </a:cxn>
                    <a:cxn ang="T143">
                      <a:pos x="T66" y="T67"/>
                    </a:cxn>
                    <a:cxn ang="T144">
                      <a:pos x="T68" y="T69"/>
                    </a:cxn>
                    <a:cxn ang="T145">
                      <a:pos x="T70" y="T71"/>
                    </a:cxn>
                    <a:cxn ang="T146">
                      <a:pos x="T72" y="T73"/>
                    </a:cxn>
                    <a:cxn ang="T147">
                      <a:pos x="T74" y="T75"/>
                    </a:cxn>
                    <a:cxn ang="T148">
                      <a:pos x="T76" y="T77"/>
                    </a:cxn>
                    <a:cxn ang="T149">
                      <a:pos x="T78" y="T79"/>
                    </a:cxn>
                    <a:cxn ang="T150">
                      <a:pos x="T80" y="T81"/>
                    </a:cxn>
                    <a:cxn ang="T151">
                      <a:pos x="T82" y="T83"/>
                    </a:cxn>
                    <a:cxn ang="T152">
                      <a:pos x="T84" y="T85"/>
                    </a:cxn>
                    <a:cxn ang="T153">
                      <a:pos x="T86" y="T87"/>
                    </a:cxn>
                    <a:cxn ang="T154">
                      <a:pos x="T88" y="T89"/>
                    </a:cxn>
                    <a:cxn ang="T155">
                      <a:pos x="T90" y="T91"/>
                    </a:cxn>
                    <a:cxn ang="T156">
                      <a:pos x="T92" y="T93"/>
                    </a:cxn>
                    <a:cxn ang="T157">
                      <a:pos x="T94" y="T95"/>
                    </a:cxn>
                    <a:cxn ang="T158">
                      <a:pos x="T96" y="T97"/>
                    </a:cxn>
                    <a:cxn ang="T159">
                      <a:pos x="T98" y="T99"/>
                    </a:cxn>
                    <a:cxn ang="T160">
                      <a:pos x="T100" y="T101"/>
                    </a:cxn>
                    <a:cxn ang="T161">
                      <a:pos x="T102" y="T103"/>
                    </a:cxn>
                    <a:cxn ang="T162">
                      <a:pos x="T104" y="T105"/>
                    </a:cxn>
                    <a:cxn ang="T163">
                      <a:pos x="T106" y="T107"/>
                    </a:cxn>
                    <a:cxn ang="T164">
                      <a:pos x="T108" y="T109"/>
                    </a:cxn>
                  </a:cxnLst>
                  <a:rect l="0" t="0" r="r" b="b"/>
                  <a:pathLst>
                    <a:path w="165" h="68">
                      <a:moveTo>
                        <a:pt x="0" y="9"/>
                      </a:moveTo>
                      <a:lnTo>
                        <a:pt x="1" y="14"/>
                      </a:lnTo>
                      <a:lnTo>
                        <a:pt x="3" y="19"/>
                      </a:lnTo>
                      <a:lnTo>
                        <a:pt x="5" y="22"/>
                      </a:lnTo>
                      <a:lnTo>
                        <a:pt x="8" y="25"/>
                      </a:lnTo>
                      <a:lnTo>
                        <a:pt x="15" y="31"/>
                      </a:lnTo>
                      <a:lnTo>
                        <a:pt x="23" y="34"/>
                      </a:lnTo>
                      <a:lnTo>
                        <a:pt x="41" y="41"/>
                      </a:lnTo>
                      <a:lnTo>
                        <a:pt x="58" y="48"/>
                      </a:lnTo>
                      <a:lnTo>
                        <a:pt x="65" y="43"/>
                      </a:lnTo>
                      <a:lnTo>
                        <a:pt x="73" y="39"/>
                      </a:lnTo>
                      <a:lnTo>
                        <a:pt x="81" y="34"/>
                      </a:lnTo>
                      <a:lnTo>
                        <a:pt x="89" y="31"/>
                      </a:lnTo>
                      <a:lnTo>
                        <a:pt x="107" y="24"/>
                      </a:lnTo>
                      <a:lnTo>
                        <a:pt x="126" y="19"/>
                      </a:lnTo>
                      <a:lnTo>
                        <a:pt x="128" y="22"/>
                      </a:lnTo>
                      <a:lnTo>
                        <a:pt x="130" y="25"/>
                      </a:lnTo>
                      <a:lnTo>
                        <a:pt x="132" y="29"/>
                      </a:lnTo>
                      <a:lnTo>
                        <a:pt x="133" y="33"/>
                      </a:lnTo>
                      <a:lnTo>
                        <a:pt x="135" y="43"/>
                      </a:lnTo>
                      <a:lnTo>
                        <a:pt x="138" y="51"/>
                      </a:lnTo>
                      <a:lnTo>
                        <a:pt x="139" y="56"/>
                      </a:lnTo>
                      <a:lnTo>
                        <a:pt x="141" y="59"/>
                      </a:lnTo>
                      <a:lnTo>
                        <a:pt x="143" y="62"/>
                      </a:lnTo>
                      <a:lnTo>
                        <a:pt x="145" y="65"/>
                      </a:lnTo>
                      <a:lnTo>
                        <a:pt x="149" y="67"/>
                      </a:lnTo>
                      <a:lnTo>
                        <a:pt x="154" y="68"/>
                      </a:lnTo>
                      <a:lnTo>
                        <a:pt x="159" y="68"/>
                      </a:lnTo>
                      <a:lnTo>
                        <a:pt x="165" y="67"/>
                      </a:lnTo>
                      <a:lnTo>
                        <a:pt x="165" y="62"/>
                      </a:lnTo>
                      <a:lnTo>
                        <a:pt x="164" y="58"/>
                      </a:lnTo>
                      <a:lnTo>
                        <a:pt x="163" y="52"/>
                      </a:lnTo>
                      <a:lnTo>
                        <a:pt x="161" y="49"/>
                      </a:lnTo>
                      <a:lnTo>
                        <a:pt x="158" y="42"/>
                      </a:lnTo>
                      <a:lnTo>
                        <a:pt x="154" y="36"/>
                      </a:lnTo>
                      <a:lnTo>
                        <a:pt x="149" y="28"/>
                      </a:lnTo>
                      <a:lnTo>
                        <a:pt x="146" y="21"/>
                      </a:lnTo>
                      <a:lnTo>
                        <a:pt x="145" y="17"/>
                      </a:lnTo>
                      <a:lnTo>
                        <a:pt x="144" y="11"/>
                      </a:lnTo>
                      <a:lnTo>
                        <a:pt x="144" y="6"/>
                      </a:lnTo>
                      <a:lnTo>
                        <a:pt x="145" y="0"/>
                      </a:lnTo>
                      <a:lnTo>
                        <a:pt x="133" y="1"/>
                      </a:lnTo>
                      <a:lnTo>
                        <a:pt x="120" y="3"/>
                      </a:lnTo>
                      <a:lnTo>
                        <a:pt x="109" y="5"/>
                      </a:lnTo>
                      <a:lnTo>
                        <a:pt x="100" y="7"/>
                      </a:lnTo>
                      <a:lnTo>
                        <a:pt x="84" y="12"/>
                      </a:lnTo>
                      <a:lnTo>
                        <a:pt x="69" y="17"/>
                      </a:lnTo>
                      <a:lnTo>
                        <a:pt x="63" y="19"/>
                      </a:lnTo>
                      <a:lnTo>
                        <a:pt x="56" y="20"/>
                      </a:lnTo>
                      <a:lnTo>
                        <a:pt x="48" y="21"/>
                      </a:lnTo>
                      <a:lnTo>
                        <a:pt x="40" y="20"/>
                      </a:lnTo>
                      <a:lnTo>
                        <a:pt x="32" y="19"/>
                      </a:lnTo>
                      <a:lnTo>
                        <a:pt x="22" y="17"/>
                      </a:lnTo>
                      <a:lnTo>
                        <a:pt x="12" y="13"/>
                      </a:lnTo>
                      <a:lnTo>
                        <a:pt x="0" y="9"/>
                      </a:lnTo>
                      <a:close/>
                    </a:path>
                  </a:pathLst>
                </a:custGeom>
                <a:grpFill/>
                <a:ln>
                  <a:solidFill>
                    <a:srgbClr val="006961"/>
                  </a:solidFill>
                </a:ln>
              </p:spPr>
              <p:txBody>
                <a:bodyPr/>
                <a:lstStyle/>
                <a:p>
                  <a:endParaRPr lang="te-IN"/>
                </a:p>
              </p:txBody>
            </p:sp>
            <p:sp>
              <p:nvSpPr>
                <p:cNvPr id="401" name="Vesthimmerland kant"/>
                <p:cNvSpPr>
                  <a:spLocks/>
                </p:cNvSpPr>
                <p:nvPr/>
              </p:nvSpPr>
              <p:spPr bwMode="auto">
                <a:xfrm>
                  <a:off x="1371600" y="3163888"/>
                  <a:ext cx="87312" cy="34925"/>
                </a:xfrm>
                <a:custGeom>
                  <a:avLst/>
                  <a:gdLst>
                    <a:gd name="T0" fmla="*/ 48 w 165"/>
                    <a:gd name="T1" fmla="*/ 0 h 68"/>
                    <a:gd name="T2" fmla="*/ 48 w 165"/>
                    <a:gd name="T3" fmla="*/ 2 h 68"/>
                    <a:gd name="T4" fmla="*/ 48 w 165"/>
                    <a:gd name="T5" fmla="*/ 4 h 68"/>
                    <a:gd name="T6" fmla="*/ 48 w 165"/>
                    <a:gd name="T7" fmla="*/ 6 h 68"/>
                    <a:gd name="T8" fmla="*/ 49 w 165"/>
                    <a:gd name="T9" fmla="*/ 7 h 68"/>
                    <a:gd name="T10" fmla="*/ 50 w 165"/>
                    <a:gd name="T11" fmla="*/ 9 h 68"/>
                    <a:gd name="T12" fmla="*/ 51 w 165"/>
                    <a:gd name="T13" fmla="*/ 12 h 68"/>
                    <a:gd name="T14" fmla="*/ 53 w 165"/>
                    <a:gd name="T15" fmla="*/ 14 h 68"/>
                    <a:gd name="T16" fmla="*/ 54 w 165"/>
                    <a:gd name="T17" fmla="*/ 16 h 68"/>
                    <a:gd name="T18" fmla="*/ 54 w 165"/>
                    <a:gd name="T19" fmla="*/ 17 h 68"/>
                    <a:gd name="T20" fmla="*/ 55 w 165"/>
                    <a:gd name="T21" fmla="*/ 19 h 68"/>
                    <a:gd name="T22" fmla="*/ 55 w 165"/>
                    <a:gd name="T23" fmla="*/ 20 h 68"/>
                    <a:gd name="T24" fmla="*/ 55 w 165"/>
                    <a:gd name="T25" fmla="*/ 22 h 68"/>
                    <a:gd name="T26" fmla="*/ 53 w 165"/>
                    <a:gd name="T27" fmla="*/ 22 h 68"/>
                    <a:gd name="T28" fmla="*/ 51 w 165"/>
                    <a:gd name="T29" fmla="*/ 22 h 68"/>
                    <a:gd name="T30" fmla="*/ 50 w 165"/>
                    <a:gd name="T31" fmla="*/ 22 h 68"/>
                    <a:gd name="T32" fmla="*/ 48 w 165"/>
                    <a:gd name="T33" fmla="*/ 21 h 68"/>
                    <a:gd name="T34" fmla="*/ 48 w 165"/>
                    <a:gd name="T35" fmla="*/ 20 h 68"/>
                    <a:gd name="T36" fmla="*/ 47 w 165"/>
                    <a:gd name="T37" fmla="*/ 19 h 68"/>
                    <a:gd name="T38" fmla="*/ 46 w 165"/>
                    <a:gd name="T39" fmla="*/ 18 h 68"/>
                    <a:gd name="T40" fmla="*/ 46 w 165"/>
                    <a:gd name="T41" fmla="*/ 17 h 68"/>
                    <a:gd name="T42" fmla="*/ 45 w 165"/>
                    <a:gd name="T43" fmla="*/ 14 h 68"/>
                    <a:gd name="T44" fmla="*/ 44 w 165"/>
                    <a:gd name="T45" fmla="*/ 11 h 68"/>
                    <a:gd name="T46" fmla="*/ 44 w 165"/>
                    <a:gd name="T47" fmla="*/ 9 h 68"/>
                    <a:gd name="T48" fmla="*/ 43 w 165"/>
                    <a:gd name="T49" fmla="*/ 8 h 68"/>
                    <a:gd name="T50" fmla="*/ 43 w 165"/>
                    <a:gd name="T51" fmla="*/ 7 h 68"/>
                    <a:gd name="T52" fmla="*/ 42 w 165"/>
                    <a:gd name="T53" fmla="*/ 6 h 68"/>
                    <a:gd name="T54" fmla="*/ 36 w 165"/>
                    <a:gd name="T55" fmla="*/ 8 h 68"/>
                    <a:gd name="T56" fmla="*/ 30 w 165"/>
                    <a:gd name="T57" fmla="*/ 10 h 68"/>
                    <a:gd name="T58" fmla="*/ 27 w 165"/>
                    <a:gd name="T59" fmla="*/ 11 h 68"/>
                    <a:gd name="T60" fmla="*/ 24 w 165"/>
                    <a:gd name="T61" fmla="*/ 13 h 68"/>
                    <a:gd name="T62" fmla="*/ 22 w 165"/>
                    <a:gd name="T63" fmla="*/ 14 h 68"/>
                    <a:gd name="T64" fmla="*/ 19 w 165"/>
                    <a:gd name="T65" fmla="*/ 16 h 68"/>
                    <a:gd name="T66" fmla="*/ 14 w 165"/>
                    <a:gd name="T67" fmla="*/ 13 h 68"/>
                    <a:gd name="T68" fmla="*/ 8 w 165"/>
                    <a:gd name="T69" fmla="*/ 11 h 68"/>
                    <a:gd name="T70" fmla="*/ 5 w 165"/>
                    <a:gd name="T71" fmla="*/ 10 h 68"/>
                    <a:gd name="T72" fmla="*/ 3 w 165"/>
                    <a:gd name="T73" fmla="*/ 8 h 68"/>
                    <a:gd name="T74" fmla="*/ 2 w 165"/>
                    <a:gd name="T75" fmla="*/ 7 h 68"/>
                    <a:gd name="T76" fmla="*/ 1 w 165"/>
                    <a:gd name="T77" fmla="*/ 6 h 68"/>
                    <a:gd name="T78" fmla="*/ 0 w 165"/>
                    <a:gd name="T79" fmla="*/ 5 h 68"/>
                    <a:gd name="T80" fmla="*/ 0 w 165"/>
                    <a:gd name="T81" fmla="*/ 3 h 68"/>
                    <a:gd name="T82" fmla="*/ 4 w 165"/>
                    <a:gd name="T83" fmla="*/ 4 h 68"/>
                    <a:gd name="T84" fmla="*/ 7 w 165"/>
                    <a:gd name="T85" fmla="*/ 6 h 68"/>
                    <a:gd name="T86" fmla="*/ 11 w 165"/>
                    <a:gd name="T87" fmla="*/ 6 h 68"/>
                    <a:gd name="T88" fmla="*/ 13 w 165"/>
                    <a:gd name="T89" fmla="*/ 6 h 68"/>
                    <a:gd name="T90" fmla="*/ 16 w 165"/>
                    <a:gd name="T91" fmla="*/ 7 h 68"/>
                    <a:gd name="T92" fmla="*/ 19 w 165"/>
                    <a:gd name="T93" fmla="*/ 6 h 68"/>
                    <a:gd name="T94" fmla="*/ 21 w 165"/>
                    <a:gd name="T95" fmla="*/ 6 h 68"/>
                    <a:gd name="T96" fmla="*/ 23 w 165"/>
                    <a:gd name="T97" fmla="*/ 6 h 68"/>
                    <a:gd name="T98" fmla="*/ 28 w 165"/>
                    <a:gd name="T99" fmla="*/ 4 h 68"/>
                    <a:gd name="T100" fmla="*/ 33 w 165"/>
                    <a:gd name="T101" fmla="*/ 2 h 68"/>
                    <a:gd name="T102" fmla="*/ 36 w 165"/>
                    <a:gd name="T103" fmla="*/ 2 h 68"/>
                    <a:gd name="T104" fmla="*/ 40 w 165"/>
                    <a:gd name="T105" fmla="*/ 1 h 68"/>
                    <a:gd name="T106" fmla="*/ 44 w 165"/>
                    <a:gd name="T107" fmla="*/ 0 h 68"/>
                    <a:gd name="T108" fmla="*/ 48 w 165"/>
                    <a:gd name="T109" fmla="*/ 0 h 68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</a:gdLst>
                  <a:ahLst/>
                  <a:cxnLst>
                    <a:cxn ang="T110">
                      <a:pos x="T0" y="T1"/>
                    </a:cxn>
                    <a:cxn ang="T111">
                      <a:pos x="T2" y="T3"/>
                    </a:cxn>
                    <a:cxn ang="T112">
                      <a:pos x="T4" y="T5"/>
                    </a:cxn>
                    <a:cxn ang="T113">
                      <a:pos x="T6" y="T7"/>
                    </a:cxn>
                    <a:cxn ang="T114">
                      <a:pos x="T8" y="T9"/>
                    </a:cxn>
                    <a:cxn ang="T115">
                      <a:pos x="T10" y="T11"/>
                    </a:cxn>
                    <a:cxn ang="T116">
                      <a:pos x="T12" y="T13"/>
                    </a:cxn>
                    <a:cxn ang="T117">
                      <a:pos x="T14" y="T15"/>
                    </a:cxn>
                    <a:cxn ang="T118">
                      <a:pos x="T16" y="T17"/>
                    </a:cxn>
                    <a:cxn ang="T119">
                      <a:pos x="T18" y="T19"/>
                    </a:cxn>
                    <a:cxn ang="T120">
                      <a:pos x="T20" y="T21"/>
                    </a:cxn>
                    <a:cxn ang="T121">
                      <a:pos x="T22" y="T23"/>
                    </a:cxn>
                    <a:cxn ang="T122">
                      <a:pos x="T24" y="T25"/>
                    </a:cxn>
                    <a:cxn ang="T123">
                      <a:pos x="T26" y="T27"/>
                    </a:cxn>
                    <a:cxn ang="T124">
                      <a:pos x="T28" y="T29"/>
                    </a:cxn>
                    <a:cxn ang="T125">
                      <a:pos x="T30" y="T31"/>
                    </a:cxn>
                    <a:cxn ang="T126">
                      <a:pos x="T32" y="T33"/>
                    </a:cxn>
                    <a:cxn ang="T127">
                      <a:pos x="T34" y="T35"/>
                    </a:cxn>
                    <a:cxn ang="T128">
                      <a:pos x="T36" y="T37"/>
                    </a:cxn>
                    <a:cxn ang="T129">
                      <a:pos x="T38" y="T39"/>
                    </a:cxn>
                    <a:cxn ang="T130">
                      <a:pos x="T40" y="T41"/>
                    </a:cxn>
                    <a:cxn ang="T131">
                      <a:pos x="T42" y="T43"/>
                    </a:cxn>
                    <a:cxn ang="T132">
                      <a:pos x="T44" y="T45"/>
                    </a:cxn>
                    <a:cxn ang="T133">
                      <a:pos x="T46" y="T47"/>
                    </a:cxn>
                    <a:cxn ang="T134">
                      <a:pos x="T48" y="T49"/>
                    </a:cxn>
                    <a:cxn ang="T135">
                      <a:pos x="T50" y="T51"/>
                    </a:cxn>
                    <a:cxn ang="T136">
                      <a:pos x="T52" y="T53"/>
                    </a:cxn>
                    <a:cxn ang="T137">
                      <a:pos x="T54" y="T55"/>
                    </a:cxn>
                    <a:cxn ang="T138">
                      <a:pos x="T56" y="T57"/>
                    </a:cxn>
                    <a:cxn ang="T139">
                      <a:pos x="T58" y="T59"/>
                    </a:cxn>
                    <a:cxn ang="T140">
                      <a:pos x="T60" y="T61"/>
                    </a:cxn>
                    <a:cxn ang="T141">
                      <a:pos x="T62" y="T63"/>
                    </a:cxn>
                    <a:cxn ang="T142">
                      <a:pos x="T64" y="T65"/>
                    </a:cxn>
                    <a:cxn ang="T143">
                      <a:pos x="T66" y="T67"/>
                    </a:cxn>
                    <a:cxn ang="T144">
                      <a:pos x="T68" y="T69"/>
                    </a:cxn>
                    <a:cxn ang="T145">
                      <a:pos x="T70" y="T71"/>
                    </a:cxn>
                    <a:cxn ang="T146">
                      <a:pos x="T72" y="T73"/>
                    </a:cxn>
                    <a:cxn ang="T147">
                      <a:pos x="T74" y="T75"/>
                    </a:cxn>
                    <a:cxn ang="T148">
                      <a:pos x="T76" y="T77"/>
                    </a:cxn>
                    <a:cxn ang="T149">
                      <a:pos x="T78" y="T79"/>
                    </a:cxn>
                    <a:cxn ang="T150">
                      <a:pos x="T80" y="T81"/>
                    </a:cxn>
                    <a:cxn ang="T151">
                      <a:pos x="T82" y="T83"/>
                    </a:cxn>
                    <a:cxn ang="T152">
                      <a:pos x="T84" y="T85"/>
                    </a:cxn>
                    <a:cxn ang="T153">
                      <a:pos x="T86" y="T87"/>
                    </a:cxn>
                    <a:cxn ang="T154">
                      <a:pos x="T88" y="T89"/>
                    </a:cxn>
                    <a:cxn ang="T155">
                      <a:pos x="T90" y="T91"/>
                    </a:cxn>
                    <a:cxn ang="T156">
                      <a:pos x="T92" y="T93"/>
                    </a:cxn>
                    <a:cxn ang="T157">
                      <a:pos x="T94" y="T95"/>
                    </a:cxn>
                    <a:cxn ang="T158">
                      <a:pos x="T96" y="T97"/>
                    </a:cxn>
                    <a:cxn ang="T159">
                      <a:pos x="T98" y="T99"/>
                    </a:cxn>
                    <a:cxn ang="T160">
                      <a:pos x="T100" y="T101"/>
                    </a:cxn>
                    <a:cxn ang="T161">
                      <a:pos x="T102" y="T103"/>
                    </a:cxn>
                    <a:cxn ang="T162">
                      <a:pos x="T104" y="T105"/>
                    </a:cxn>
                    <a:cxn ang="T163">
                      <a:pos x="T106" y="T107"/>
                    </a:cxn>
                    <a:cxn ang="T164">
                      <a:pos x="T108" y="T109"/>
                    </a:cxn>
                  </a:cxnLst>
                  <a:rect l="0" t="0" r="r" b="b"/>
                  <a:pathLst>
                    <a:path w="165" h="68">
                      <a:moveTo>
                        <a:pt x="145" y="0"/>
                      </a:moveTo>
                      <a:lnTo>
                        <a:pt x="144" y="6"/>
                      </a:lnTo>
                      <a:lnTo>
                        <a:pt x="144" y="11"/>
                      </a:lnTo>
                      <a:lnTo>
                        <a:pt x="145" y="17"/>
                      </a:lnTo>
                      <a:lnTo>
                        <a:pt x="146" y="21"/>
                      </a:lnTo>
                      <a:lnTo>
                        <a:pt x="149" y="28"/>
                      </a:lnTo>
                      <a:lnTo>
                        <a:pt x="154" y="36"/>
                      </a:lnTo>
                      <a:lnTo>
                        <a:pt x="158" y="42"/>
                      </a:lnTo>
                      <a:lnTo>
                        <a:pt x="161" y="49"/>
                      </a:lnTo>
                      <a:lnTo>
                        <a:pt x="163" y="52"/>
                      </a:lnTo>
                      <a:lnTo>
                        <a:pt x="164" y="58"/>
                      </a:lnTo>
                      <a:lnTo>
                        <a:pt x="165" y="62"/>
                      </a:lnTo>
                      <a:lnTo>
                        <a:pt x="165" y="67"/>
                      </a:lnTo>
                      <a:lnTo>
                        <a:pt x="159" y="68"/>
                      </a:lnTo>
                      <a:lnTo>
                        <a:pt x="154" y="68"/>
                      </a:lnTo>
                      <a:lnTo>
                        <a:pt x="149" y="67"/>
                      </a:lnTo>
                      <a:lnTo>
                        <a:pt x="145" y="65"/>
                      </a:lnTo>
                      <a:lnTo>
                        <a:pt x="143" y="62"/>
                      </a:lnTo>
                      <a:lnTo>
                        <a:pt x="141" y="59"/>
                      </a:lnTo>
                      <a:lnTo>
                        <a:pt x="139" y="56"/>
                      </a:lnTo>
                      <a:lnTo>
                        <a:pt x="138" y="51"/>
                      </a:lnTo>
                      <a:lnTo>
                        <a:pt x="135" y="43"/>
                      </a:lnTo>
                      <a:lnTo>
                        <a:pt x="133" y="33"/>
                      </a:lnTo>
                      <a:lnTo>
                        <a:pt x="132" y="29"/>
                      </a:lnTo>
                      <a:lnTo>
                        <a:pt x="130" y="25"/>
                      </a:lnTo>
                      <a:lnTo>
                        <a:pt x="128" y="22"/>
                      </a:lnTo>
                      <a:lnTo>
                        <a:pt x="126" y="19"/>
                      </a:lnTo>
                      <a:lnTo>
                        <a:pt x="107" y="24"/>
                      </a:lnTo>
                      <a:lnTo>
                        <a:pt x="89" y="31"/>
                      </a:lnTo>
                      <a:lnTo>
                        <a:pt x="81" y="34"/>
                      </a:lnTo>
                      <a:lnTo>
                        <a:pt x="73" y="39"/>
                      </a:lnTo>
                      <a:lnTo>
                        <a:pt x="65" y="43"/>
                      </a:lnTo>
                      <a:lnTo>
                        <a:pt x="58" y="48"/>
                      </a:lnTo>
                      <a:lnTo>
                        <a:pt x="41" y="41"/>
                      </a:lnTo>
                      <a:lnTo>
                        <a:pt x="23" y="34"/>
                      </a:lnTo>
                      <a:lnTo>
                        <a:pt x="15" y="31"/>
                      </a:lnTo>
                      <a:lnTo>
                        <a:pt x="8" y="25"/>
                      </a:lnTo>
                      <a:lnTo>
                        <a:pt x="5" y="22"/>
                      </a:lnTo>
                      <a:lnTo>
                        <a:pt x="3" y="19"/>
                      </a:lnTo>
                      <a:lnTo>
                        <a:pt x="1" y="14"/>
                      </a:lnTo>
                      <a:lnTo>
                        <a:pt x="0" y="9"/>
                      </a:lnTo>
                      <a:lnTo>
                        <a:pt x="12" y="13"/>
                      </a:lnTo>
                      <a:lnTo>
                        <a:pt x="22" y="17"/>
                      </a:lnTo>
                      <a:lnTo>
                        <a:pt x="32" y="19"/>
                      </a:lnTo>
                      <a:lnTo>
                        <a:pt x="40" y="20"/>
                      </a:lnTo>
                      <a:lnTo>
                        <a:pt x="48" y="21"/>
                      </a:lnTo>
                      <a:lnTo>
                        <a:pt x="56" y="20"/>
                      </a:lnTo>
                      <a:lnTo>
                        <a:pt x="63" y="19"/>
                      </a:lnTo>
                      <a:lnTo>
                        <a:pt x="69" y="17"/>
                      </a:lnTo>
                      <a:lnTo>
                        <a:pt x="84" y="12"/>
                      </a:lnTo>
                      <a:lnTo>
                        <a:pt x="100" y="7"/>
                      </a:lnTo>
                      <a:lnTo>
                        <a:pt x="109" y="5"/>
                      </a:lnTo>
                      <a:lnTo>
                        <a:pt x="120" y="3"/>
                      </a:lnTo>
                      <a:lnTo>
                        <a:pt x="133" y="1"/>
                      </a:lnTo>
                      <a:lnTo>
                        <a:pt x="145" y="0"/>
                      </a:lnTo>
                      <a:close/>
                    </a:path>
                  </a:pathLst>
                </a:custGeom>
                <a:grpFill/>
                <a:ln w="6350">
                  <a:solidFill>
                    <a:srgbClr val="006961"/>
                  </a:solidFill>
                  <a:prstDash val="solid"/>
                  <a:round/>
                  <a:headEnd/>
                  <a:tailEnd/>
                </a:ln>
                <a:extLst/>
              </p:spPr>
              <p:txBody>
                <a:bodyPr/>
                <a:lstStyle/>
                <a:p>
                  <a:endParaRPr lang="te-IN"/>
                </a:p>
              </p:txBody>
            </p:sp>
            <p:sp>
              <p:nvSpPr>
                <p:cNvPr id="402" name="Vesthimmerland"/>
                <p:cNvSpPr>
                  <a:spLocks/>
                </p:cNvSpPr>
                <p:nvPr/>
              </p:nvSpPr>
              <p:spPr bwMode="auto">
                <a:xfrm>
                  <a:off x="1355725" y="3198813"/>
                  <a:ext cx="374650" cy="525463"/>
                </a:xfrm>
                <a:custGeom>
                  <a:avLst/>
                  <a:gdLst>
                    <a:gd name="T0" fmla="*/ 64 w 709"/>
                    <a:gd name="T1" fmla="*/ 29 h 992"/>
                    <a:gd name="T2" fmla="*/ 50 w 709"/>
                    <a:gd name="T3" fmla="*/ 37 h 992"/>
                    <a:gd name="T4" fmla="*/ 38 w 709"/>
                    <a:gd name="T5" fmla="*/ 41 h 992"/>
                    <a:gd name="T6" fmla="*/ 16 w 709"/>
                    <a:gd name="T7" fmla="*/ 73 h 992"/>
                    <a:gd name="T8" fmla="*/ 4 w 709"/>
                    <a:gd name="T9" fmla="*/ 101 h 992"/>
                    <a:gd name="T10" fmla="*/ 24 w 709"/>
                    <a:gd name="T11" fmla="*/ 123 h 992"/>
                    <a:gd name="T12" fmla="*/ 24 w 709"/>
                    <a:gd name="T13" fmla="*/ 147 h 992"/>
                    <a:gd name="T14" fmla="*/ 10 w 709"/>
                    <a:gd name="T15" fmla="*/ 172 h 992"/>
                    <a:gd name="T16" fmla="*/ 15 w 709"/>
                    <a:gd name="T17" fmla="*/ 197 h 992"/>
                    <a:gd name="T18" fmla="*/ 14 w 709"/>
                    <a:gd name="T19" fmla="*/ 212 h 992"/>
                    <a:gd name="T20" fmla="*/ 34 w 709"/>
                    <a:gd name="T21" fmla="*/ 221 h 992"/>
                    <a:gd name="T22" fmla="*/ 41 w 709"/>
                    <a:gd name="T23" fmla="*/ 235 h 992"/>
                    <a:gd name="T24" fmla="*/ 31 w 709"/>
                    <a:gd name="T25" fmla="*/ 257 h 992"/>
                    <a:gd name="T26" fmla="*/ 1 w 709"/>
                    <a:gd name="T27" fmla="*/ 295 h 992"/>
                    <a:gd name="T28" fmla="*/ 7 w 709"/>
                    <a:gd name="T29" fmla="*/ 300 h 992"/>
                    <a:gd name="T30" fmla="*/ 19 w 709"/>
                    <a:gd name="T31" fmla="*/ 297 h 992"/>
                    <a:gd name="T32" fmla="*/ 57 w 709"/>
                    <a:gd name="T33" fmla="*/ 275 h 992"/>
                    <a:gd name="T34" fmla="*/ 74 w 709"/>
                    <a:gd name="T35" fmla="*/ 281 h 992"/>
                    <a:gd name="T36" fmla="*/ 83 w 709"/>
                    <a:gd name="T37" fmla="*/ 300 h 992"/>
                    <a:gd name="T38" fmla="*/ 92 w 709"/>
                    <a:gd name="T39" fmla="*/ 295 h 992"/>
                    <a:gd name="T40" fmla="*/ 109 w 709"/>
                    <a:gd name="T41" fmla="*/ 301 h 992"/>
                    <a:gd name="T42" fmla="*/ 118 w 709"/>
                    <a:gd name="T43" fmla="*/ 304 h 992"/>
                    <a:gd name="T44" fmla="*/ 129 w 709"/>
                    <a:gd name="T45" fmla="*/ 316 h 992"/>
                    <a:gd name="T46" fmla="*/ 143 w 709"/>
                    <a:gd name="T47" fmla="*/ 316 h 992"/>
                    <a:gd name="T48" fmla="*/ 156 w 709"/>
                    <a:gd name="T49" fmla="*/ 312 h 992"/>
                    <a:gd name="T50" fmla="*/ 188 w 709"/>
                    <a:gd name="T51" fmla="*/ 326 h 992"/>
                    <a:gd name="T52" fmla="*/ 217 w 709"/>
                    <a:gd name="T53" fmla="*/ 331 h 992"/>
                    <a:gd name="T54" fmla="*/ 223 w 709"/>
                    <a:gd name="T55" fmla="*/ 318 h 992"/>
                    <a:gd name="T56" fmla="*/ 234 w 709"/>
                    <a:gd name="T57" fmla="*/ 307 h 992"/>
                    <a:gd name="T58" fmla="*/ 233 w 709"/>
                    <a:gd name="T59" fmla="*/ 298 h 992"/>
                    <a:gd name="T60" fmla="*/ 218 w 709"/>
                    <a:gd name="T61" fmla="*/ 293 h 992"/>
                    <a:gd name="T62" fmla="*/ 221 w 709"/>
                    <a:gd name="T63" fmla="*/ 284 h 992"/>
                    <a:gd name="T64" fmla="*/ 221 w 709"/>
                    <a:gd name="T65" fmla="*/ 272 h 992"/>
                    <a:gd name="T66" fmla="*/ 210 w 709"/>
                    <a:gd name="T67" fmla="*/ 266 h 992"/>
                    <a:gd name="T68" fmla="*/ 193 w 709"/>
                    <a:gd name="T69" fmla="*/ 244 h 992"/>
                    <a:gd name="T70" fmla="*/ 174 w 709"/>
                    <a:gd name="T71" fmla="*/ 234 h 992"/>
                    <a:gd name="T72" fmla="*/ 177 w 709"/>
                    <a:gd name="T73" fmla="*/ 223 h 992"/>
                    <a:gd name="T74" fmla="*/ 197 w 709"/>
                    <a:gd name="T75" fmla="*/ 192 h 992"/>
                    <a:gd name="T76" fmla="*/ 211 w 709"/>
                    <a:gd name="T77" fmla="*/ 179 h 992"/>
                    <a:gd name="T78" fmla="*/ 221 w 709"/>
                    <a:gd name="T79" fmla="*/ 176 h 992"/>
                    <a:gd name="T80" fmla="*/ 220 w 709"/>
                    <a:gd name="T81" fmla="*/ 157 h 992"/>
                    <a:gd name="T82" fmla="*/ 225 w 709"/>
                    <a:gd name="T83" fmla="*/ 127 h 992"/>
                    <a:gd name="T84" fmla="*/ 208 w 709"/>
                    <a:gd name="T85" fmla="*/ 109 h 992"/>
                    <a:gd name="T86" fmla="*/ 190 w 709"/>
                    <a:gd name="T87" fmla="*/ 114 h 992"/>
                    <a:gd name="T88" fmla="*/ 173 w 709"/>
                    <a:gd name="T89" fmla="*/ 111 h 992"/>
                    <a:gd name="T90" fmla="*/ 167 w 709"/>
                    <a:gd name="T91" fmla="*/ 94 h 992"/>
                    <a:gd name="T92" fmla="*/ 170 w 709"/>
                    <a:gd name="T93" fmla="*/ 72 h 992"/>
                    <a:gd name="T94" fmla="*/ 160 w 709"/>
                    <a:gd name="T95" fmla="*/ 69 h 992"/>
                    <a:gd name="T96" fmla="*/ 150 w 709"/>
                    <a:gd name="T97" fmla="*/ 76 h 992"/>
                    <a:gd name="T98" fmla="*/ 143 w 709"/>
                    <a:gd name="T99" fmla="*/ 81 h 992"/>
                    <a:gd name="T100" fmla="*/ 122 w 709"/>
                    <a:gd name="T101" fmla="*/ 68 h 992"/>
                    <a:gd name="T102" fmla="*/ 113 w 709"/>
                    <a:gd name="T103" fmla="*/ 32 h 992"/>
                    <a:gd name="T104" fmla="*/ 92 w 709"/>
                    <a:gd name="T105" fmla="*/ 4 h 992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0" t="0" r="r" b="b"/>
                  <a:pathLst>
                    <a:path w="709" h="992">
                      <a:moveTo>
                        <a:pt x="195" y="39"/>
                      </a:moveTo>
                      <a:lnTo>
                        <a:pt x="197" y="51"/>
                      </a:lnTo>
                      <a:lnTo>
                        <a:pt x="197" y="61"/>
                      </a:lnTo>
                      <a:lnTo>
                        <a:pt x="196" y="71"/>
                      </a:lnTo>
                      <a:lnTo>
                        <a:pt x="194" y="79"/>
                      </a:lnTo>
                      <a:lnTo>
                        <a:pt x="191" y="86"/>
                      </a:lnTo>
                      <a:lnTo>
                        <a:pt x="186" y="93"/>
                      </a:lnTo>
                      <a:lnTo>
                        <a:pt x="179" y="98"/>
                      </a:lnTo>
                      <a:lnTo>
                        <a:pt x="173" y="102"/>
                      </a:lnTo>
                      <a:lnTo>
                        <a:pt x="167" y="106"/>
                      </a:lnTo>
                      <a:lnTo>
                        <a:pt x="159" y="109"/>
                      </a:lnTo>
                      <a:lnTo>
                        <a:pt x="151" y="111"/>
                      </a:lnTo>
                      <a:lnTo>
                        <a:pt x="144" y="112"/>
                      </a:lnTo>
                      <a:lnTo>
                        <a:pt x="136" y="112"/>
                      </a:lnTo>
                      <a:lnTo>
                        <a:pt x="129" y="111"/>
                      </a:lnTo>
                      <a:lnTo>
                        <a:pt x="123" y="110"/>
                      </a:lnTo>
                      <a:lnTo>
                        <a:pt x="117" y="108"/>
                      </a:lnTo>
                      <a:lnTo>
                        <a:pt x="113" y="123"/>
                      </a:lnTo>
                      <a:lnTo>
                        <a:pt x="107" y="137"/>
                      </a:lnTo>
                      <a:lnTo>
                        <a:pt x="100" y="151"/>
                      </a:lnTo>
                      <a:lnTo>
                        <a:pt x="93" y="163"/>
                      </a:lnTo>
                      <a:lnTo>
                        <a:pt x="75" y="185"/>
                      </a:lnTo>
                      <a:lnTo>
                        <a:pt x="57" y="208"/>
                      </a:lnTo>
                      <a:lnTo>
                        <a:pt x="49" y="219"/>
                      </a:lnTo>
                      <a:lnTo>
                        <a:pt x="40" y="231"/>
                      </a:lnTo>
                      <a:lnTo>
                        <a:pt x="32" y="242"/>
                      </a:lnTo>
                      <a:lnTo>
                        <a:pt x="26" y="256"/>
                      </a:lnTo>
                      <a:lnTo>
                        <a:pt x="19" y="270"/>
                      </a:lnTo>
                      <a:lnTo>
                        <a:pt x="15" y="285"/>
                      </a:lnTo>
                      <a:lnTo>
                        <a:pt x="12" y="302"/>
                      </a:lnTo>
                      <a:lnTo>
                        <a:pt x="10" y="321"/>
                      </a:lnTo>
                      <a:lnTo>
                        <a:pt x="29" y="333"/>
                      </a:lnTo>
                      <a:lnTo>
                        <a:pt x="49" y="345"/>
                      </a:lnTo>
                      <a:lnTo>
                        <a:pt x="57" y="353"/>
                      </a:lnTo>
                      <a:lnTo>
                        <a:pt x="66" y="360"/>
                      </a:lnTo>
                      <a:lnTo>
                        <a:pt x="73" y="369"/>
                      </a:lnTo>
                      <a:lnTo>
                        <a:pt x="78" y="379"/>
                      </a:lnTo>
                      <a:lnTo>
                        <a:pt x="79" y="393"/>
                      </a:lnTo>
                      <a:lnTo>
                        <a:pt x="78" y="407"/>
                      </a:lnTo>
                      <a:lnTo>
                        <a:pt x="77" y="418"/>
                      </a:lnTo>
                      <a:lnTo>
                        <a:pt x="75" y="430"/>
                      </a:lnTo>
                      <a:lnTo>
                        <a:pt x="72" y="440"/>
                      </a:lnTo>
                      <a:lnTo>
                        <a:pt x="69" y="450"/>
                      </a:lnTo>
                      <a:lnTo>
                        <a:pt x="65" y="458"/>
                      </a:lnTo>
                      <a:lnTo>
                        <a:pt x="59" y="468"/>
                      </a:lnTo>
                      <a:lnTo>
                        <a:pt x="50" y="483"/>
                      </a:lnTo>
                      <a:lnTo>
                        <a:pt x="39" y="500"/>
                      </a:lnTo>
                      <a:lnTo>
                        <a:pt x="29" y="516"/>
                      </a:lnTo>
                      <a:lnTo>
                        <a:pt x="20" y="534"/>
                      </a:lnTo>
                      <a:lnTo>
                        <a:pt x="27" y="546"/>
                      </a:lnTo>
                      <a:lnTo>
                        <a:pt x="34" y="557"/>
                      </a:lnTo>
                      <a:lnTo>
                        <a:pt x="39" y="570"/>
                      </a:lnTo>
                      <a:lnTo>
                        <a:pt x="45" y="583"/>
                      </a:lnTo>
                      <a:lnTo>
                        <a:pt x="46" y="590"/>
                      </a:lnTo>
                      <a:lnTo>
                        <a:pt x="47" y="597"/>
                      </a:lnTo>
                      <a:lnTo>
                        <a:pt x="48" y="605"/>
                      </a:lnTo>
                      <a:lnTo>
                        <a:pt x="48" y="612"/>
                      </a:lnTo>
                      <a:lnTo>
                        <a:pt x="47" y="619"/>
                      </a:lnTo>
                      <a:lnTo>
                        <a:pt x="46" y="627"/>
                      </a:lnTo>
                      <a:lnTo>
                        <a:pt x="43" y="634"/>
                      </a:lnTo>
                      <a:lnTo>
                        <a:pt x="39" y="641"/>
                      </a:lnTo>
                      <a:lnTo>
                        <a:pt x="56" y="643"/>
                      </a:lnTo>
                      <a:lnTo>
                        <a:pt x="71" y="647"/>
                      </a:lnTo>
                      <a:lnTo>
                        <a:pt x="84" y="651"/>
                      </a:lnTo>
                      <a:lnTo>
                        <a:pt x="94" y="656"/>
                      </a:lnTo>
                      <a:lnTo>
                        <a:pt x="103" y="661"/>
                      </a:lnTo>
                      <a:lnTo>
                        <a:pt x="110" y="667"/>
                      </a:lnTo>
                      <a:lnTo>
                        <a:pt x="115" y="674"/>
                      </a:lnTo>
                      <a:lnTo>
                        <a:pt x="119" y="680"/>
                      </a:lnTo>
                      <a:lnTo>
                        <a:pt x="122" y="688"/>
                      </a:lnTo>
                      <a:lnTo>
                        <a:pt x="123" y="696"/>
                      </a:lnTo>
                      <a:lnTo>
                        <a:pt x="123" y="705"/>
                      </a:lnTo>
                      <a:lnTo>
                        <a:pt x="122" y="713"/>
                      </a:lnTo>
                      <a:lnTo>
                        <a:pt x="118" y="721"/>
                      </a:lnTo>
                      <a:lnTo>
                        <a:pt x="115" y="731"/>
                      </a:lnTo>
                      <a:lnTo>
                        <a:pt x="111" y="739"/>
                      </a:lnTo>
                      <a:lnTo>
                        <a:pt x="106" y="749"/>
                      </a:lnTo>
                      <a:lnTo>
                        <a:pt x="93" y="769"/>
                      </a:lnTo>
                      <a:lnTo>
                        <a:pt x="79" y="788"/>
                      </a:lnTo>
                      <a:lnTo>
                        <a:pt x="65" y="807"/>
                      </a:lnTo>
                      <a:lnTo>
                        <a:pt x="49" y="825"/>
                      </a:lnTo>
                      <a:lnTo>
                        <a:pt x="20" y="857"/>
                      </a:lnTo>
                      <a:lnTo>
                        <a:pt x="0" y="884"/>
                      </a:lnTo>
                      <a:lnTo>
                        <a:pt x="4" y="884"/>
                      </a:lnTo>
                      <a:lnTo>
                        <a:pt x="7" y="885"/>
                      </a:lnTo>
                      <a:lnTo>
                        <a:pt x="9" y="886"/>
                      </a:lnTo>
                      <a:lnTo>
                        <a:pt x="11" y="888"/>
                      </a:lnTo>
                      <a:lnTo>
                        <a:pt x="14" y="892"/>
                      </a:lnTo>
                      <a:lnTo>
                        <a:pt x="17" y="896"/>
                      </a:lnTo>
                      <a:lnTo>
                        <a:pt x="20" y="900"/>
                      </a:lnTo>
                      <a:lnTo>
                        <a:pt x="25" y="904"/>
                      </a:lnTo>
                      <a:lnTo>
                        <a:pt x="28" y="904"/>
                      </a:lnTo>
                      <a:lnTo>
                        <a:pt x="31" y="905"/>
                      </a:lnTo>
                      <a:lnTo>
                        <a:pt x="35" y="904"/>
                      </a:lnTo>
                      <a:lnTo>
                        <a:pt x="39" y="904"/>
                      </a:lnTo>
                      <a:lnTo>
                        <a:pt x="56" y="889"/>
                      </a:lnTo>
                      <a:lnTo>
                        <a:pt x="73" y="876"/>
                      </a:lnTo>
                      <a:lnTo>
                        <a:pt x="91" y="864"/>
                      </a:lnTo>
                      <a:lnTo>
                        <a:pt x="110" y="852"/>
                      </a:lnTo>
                      <a:lnTo>
                        <a:pt x="130" y="841"/>
                      </a:lnTo>
                      <a:lnTo>
                        <a:pt x="151" y="832"/>
                      </a:lnTo>
                      <a:lnTo>
                        <a:pt x="172" y="824"/>
                      </a:lnTo>
                      <a:lnTo>
                        <a:pt x="195" y="816"/>
                      </a:lnTo>
                      <a:lnTo>
                        <a:pt x="202" y="818"/>
                      </a:lnTo>
                      <a:lnTo>
                        <a:pt x="207" y="821"/>
                      </a:lnTo>
                      <a:lnTo>
                        <a:pt x="212" y="826"/>
                      </a:lnTo>
                      <a:lnTo>
                        <a:pt x="216" y="831"/>
                      </a:lnTo>
                      <a:lnTo>
                        <a:pt x="223" y="843"/>
                      </a:lnTo>
                      <a:lnTo>
                        <a:pt x="228" y="855"/>
                      </a:lnTo>
                      <a:lnTo>
                        <a:pt x="233" y="869"/>
                      </a:lnTo>
                      <a:lnTo>
                        <a:pt x="237" y="881"/>
                      </a:lnTo>
                      <a:lnTo>
                        <a:pt x="241" y="888"/>
                      </a:lnTo>
                      <a:lnTo>
                        <a:pt x="244" y="894"/>
                      </a:lnTo>
                      <a:lnTo>
                        <a:pt x="248" y="898"/>
                      </a:lnTo>
                      <a:lnTo>
                        <a:pt x="253" y="904"/>
                      </a:lnTo>
                      <a:lnTo>
                        <a:pt x="257" y="894"/>
                      </a:lnTo>
                      <a:lnTo>
                        <a:pt x="263" y="889"/>
                      </a:lnTo>
                      <a:lnTo>
                        <a:pt x="267" y="885"/>
                      </a:lnTo>
                      <a:lnTo>
                        <a:pt x="272" y="884"/>
                      </a:lnTo>
                      <a:lnTo>
                        <a:pt x="277" y="884"/>
                      </a:lnTo>
                      <a:lnTo>
                        <a:pt x="284" y="885"/>
                      </a:lnTo>
                      <a:lnTo>
                        <a:pt x="289" y="887"/>
                      </a:lnTo>
                      <a:lnTo>
                        <a:pt x="295" y="890"/>
                      </a:lnTo>
                      <a:lnTo>
                        <a:pt x="308" y="896"/>
                      </a:lnTo>
                      <a:lnTo>
                        <a:pt x="322" y="900"/>
                      </a:lnTo>
                      <a:lnTo>
                        <a:pt x="328" y="901"/>
                      </a:lnTo>
                      <a:lnTo>
                        <a:pt x="335" y="900"/>
                      </a:lnTo>
                      <a:lnTo>
                        <a:pt x="343" y="898"/>
                      </a:lnTo>
                      <a:lnTo>
                        <a:pt x="350" y="893"/>
                      </a:lnTo>
                      <a:lnTo>
                        <a:pt x="350" y="899"/>
                      </a:lnTo>
                      <a:lnTo>
                        <a:pt x="351" y="906"/>
                      </a:lnTo>
                      <a:lnTo>
                        <a:pt x="353" y="911"/>
                      </a:lnTo>
                      <a:lnTo>
                        <a:pt x="356" y="917"/>
                      </a:lnTo>
                      <a:lnTo>
                        <a:pt x="360" y="923"/>
                      </a:lnTo>
                      <a:lnTo>
                        <a:pt x="364" y="927"/>
                      </a:lnTo>
                      <a:lnTo>
                        <a:pt x="369" y="932"/>
                      </a:lnTo>
                      <a:lnTo>
                        <a:pt x="374" y="937"/>
                      </a:lnTo>
                      <a:lnTo>
                        <a:pt x="387" y="946"/>
                      </a:lnTo>
                      <a:lnTo>
                        <a:pt x="400" y="954"/>
                      </a:lnTo>
                      <a:lnTo>
                        <a:pt x="413" y="963"/>
                      </a:lnTo>
                      <a:lnTo>
                        <a:pt x="428" y="971"/>
                      </a:lnTo>
                      <a:lnTo>
                        <a:pt x="427" y="961"/>
                      </a:lnTo>
                      <a:lnTo>
                        <a:pt x="428" y="954"/>
                      </a:lnTo>
                      <a:lnTo>
                        <a:pt x="429" y="947"/>
                      </a:lnTo>
                      <a:lnTo>
                        <a:pt x="431" y="941"/>
                      </a:lnTo>
                      <a:lnTo>
                        <a:pt x="435" y="936"/>
                      </a:lnTo>
                      <a:lnTo>
                        <a:pt x="441" y="933"/>
                      </a:lnTo>
                      <a:lnTo>
                        <a:pt x="448" y="932"/>
                      </a:lnTo>
                      <a:lnTo>
                        <a:pt x="456" y="932"/>
                      </a:lnTo>
                      <a:lnTo>
                        <a:pt x="470" y="935"/>
                      </a:lnTo>
                      <a:lnTo>
                        <a:pt x="483" y="939"/>
                      </a:lnTo>
                      <a:lnTo>
                        <a:pt x="495" y="945"/>
                      </a:lnTo>
                      <a:lnTo>
                        <a:pt x="507" y="950"/>
                      </a:lnTo>
                      <a:lnTo>
                        <a:pt x="530" y="960"/>
                      </a:lnTo>
                      <a:lnTo>
                        <a:pt x="553" y="972"/>
                      </a:lnTo>
                      <a:lnTo>
                        <a:pt x="565" y="977"/>
                      </a:lnTo>
                      <a:lnTo>
                        <a:pt x="577" y="981"/>
                      </a:lnTo>
                      <a:lnTo>
                        <a:pt x="590" y="986"/>
                      </a:lnTo>
                      <a:lnTo>
                        <a:pt x="604" y="989"/>
                      </a:lnTo>
                      <a:lnTo>
                        <a:pt x="619" y="991"/>
                      </a:lnTo>
                      <a:lnTo>
                        <a:pt x="634" y="992"/>
                      </a:lnTo>
                      <a:lnTo>
                        <a:pt x="652" y="992"/>
                      </a:lnTo>
                      <a:lnTo>
                        <a:pt x="670" y="990"/>
                      </a:lnTo>
                      <a:lnTo>
                        <a:pt x="668" y="980"/>
                      </a:lnTo>
                      <a:lnTo>
                        <a:pt x="667" y="972"/>
                      </a:lnTo>
                      <a:lnTo>
                        <a:pt x="667" y="964"/>
                      </a:lnTo>
                      <a:lnTo>
                        <a:pt x="669" y="957"/>
                      </a:lnTo>
                      <a:lnTo>
                        <a:pt x="671" y="952"/>
                      </a:lnTo>
                      <a:lnTo>
                        <a:pt x="673" y="947"/>
                      </a:lnTo>
                      <a:lnTo>
                        <a:pt x="678" y="941"/>
                      </a:lnTo>
                      <a:lnTo>
                        <a:pt x="681" y="938"/>
                      </a:lnTo>
                      <a:lnTo>
                        <a:pt x="689" y="931"/>
                      </a:lnTo>
                      <a:lnTo>
                        <a:pt x="698" y="923"/>
                      </a:lnTo>
                      <a:lnTo>
                        <a:pt x="702" y="919"/>
                      </a:lnTo>
                      <a:lnTo>
                        <a:pt x="705" y="914"/>
                      </a:lnTo>
                      <a:lnTo>
                        <a:pt x="707" y="909"/>
                      </a:lnTo>
                      <a:lnTo>
                        <a:pt x="709" y="904"/>
                      </a:lnTo>
                      <a:lnTo>
                        <a:pt x="706" y="899"/>
                      </a:lnTo>
                      <a:lnTo>
                        <a:pt x="703" y="897"/>
                      </a:lnTo>
                      <a:lnTo>
                        <a:pt x="700" y="894"/>
                      </a:lnTo>
                      <a:lnTo>
                        <a:pt x="695" y="893"/>
                      </a:lnTo>
                      <a:lnTo>
                        <a:pt x="686" y="890"/>
                      </a:lnTo>
                      <a:lnTo>
                        <a:pt x="676" y="887"/>
                      </a:lnTo>
                      <a:lnTo>
                        <a:pt x="668" y="884"/>
                      </a:lnTo>
                      <a:lnTo>
                        <a:pt x="660" y="879"/>
                      </a:lnTo>
                      <a:lnTo>
                        <a:pt x="656" y="877"/>
                      </a:lnTo>
                      <a:lnTo>
                        <a:pt x="654" y="873"/>
                      </a:lnTo>
                      <a:lnTo>
                        <a:pt x="652" y="869"/>
                      </a:lnTo>
                      <a:lnTo>
                        <a:pt x="651" y="865"/>
                      </a:lnTo>
                      <a:lnTo>
                        <a:pt x="656" y="860"/>
                      </a:lnTo>
                      <a:lnTo>
                        <a:pt x="661" y="856"/>
                      </a:lnTo>
                      <a:lnTo>
                        <a:pt x="664" y="852"/>
                      </a:lnTo>
                      <a:lnTo>
                        <a:pt x="667" y="846"/>
                      </a:lnTo>
                      <a:lnTo>
                        <a:pt x="669" y="839"/>
                      </a:lnTo>
                      <a:lnTo>
                        <a:pt x="670" y="832"/>
                      </a:lnTo>
                      <a:lnTo>
                        <a:pt x="670" y="825"/>
                      </a:lnTo>
                      <a:lnTo>
                        <a:pt x="670" y="816"/>
                      </a:lnTo>
                      <a:lnTo>
                        <a:pt x="663" y="815"/>
                      </a:lnTo>
                      <a:lnTo>
                        <a:pt x="656" y="813"/>
                      </a:lnTo>
                      <a:lnTo>
                        <a:pt x="650" y="811"/>
                      </a:lnTo>
                      <a:lnTo>
                        <a:pt x="644" y="808"/>
                      </a:lnTo>
                      <a:lnTo>
                        <a:pt x="640" y="805"/>
                      </a:lnTo>
                      <a:lnTo>
                        <a:pt x="634" y="800"/>
                      </a:lnTo>
                      <a:lnTo>
                        <a:pt x="631" y="796"/>
                      </a:lnTo>
                      <a:lnTo>
                        <a:pt x="627" y="791"/>
                      </a:lnTo>
                      <a:lnTo>
                        <a:pt x="622" y="779"/>
                      </a:lnTo>
                      <a:lnTo>
                        <a:pt x="617" y="767"/>
                      </a:lnTo>
                      <a:lnTo>
                        <a:pt x="614" y="753"/>
                      </a:lnTo>
                      <a:lnTo>
                        <a:pt x="612" y="738"/>
                      </a:lnTo>
                      <a:lnTo>
                        <a:pt x="581" y="731"/>
                      </a:lnTo>
                      <a:lnTo>
                        <a:pt x="550" y="722"/>
                      </a:lnTo>
                      <a:lnTo>
                        <a:pt x="544" y="719"/>
                      </a:lnTo>
                      <a:lnTo>
                        <a:pt x="537" y="716"/>
                      </a:lnTo>
                      <a:lnTo>
                        <a:pt x="531" y="712"/>
                      </a:lnTo>
                      <a:lnTo>
                        <a:pt x="526" y="708"/>
                      </a:lnTo>
                      <a:lnTo>
                        <a:pt x="522" y="702"/>
                      </a:lnTo>
                      <a:lnTo>
                        <a:pt x="519" y="696"/>
                      </a:lnTo>
                      <a:lnTo>
                        <a:pt x="516" y="689"/>
                      </a:lnTo>
                      <a:lnTo>
                        <a:pt x="515" y="680"/>
                      </a:lnTo>
                      <a:lnTo>
                        <a:pt x="522" y="676"/>
                      </a:lnTo>
                      <a:lnTo>
                        <a:pt x="527" y="673"/>
                      </a:lnTo>
                      <a:lnTo>
                        <a:pt x="533" y="669"/>
                      </a:lnTo>
                      <a:lnTo>
                        <a:pt x="537" y="663"/>
                      </a:lnTo>
                      <a:lnTo>
                        <a:pt x="547" y="653"/>
                      </a:lnTo>
                      <a:lnTo>
                        <a:pt x="555" y="641"/>
                      </a:lnTo>
                      <a:lnTo>
                        <a:pt x="570" y="615"/>
                      </a:lnTo>
                      <a:lnTo>
                        <a:pt x="584" y="588"/>
                      </a:lnTo>
                      <a:lnTo>
                        <a:pt x="591" y="575"/>
                      </a:lnTo>
                      <a:lnTo>
                        <a:pt x="599" y="563"/>
                      </a:lnTo>
                      <a:lnTo>
                        <a:pt x="607" y="553"/>
                      </a:lnTo>
                      <a:lnTo>
                        <a:pt x="616" y="545"/>
                      </a:lnTo>
                      <a:lnTo>
                        <a:pt x="622" y="540"/>
                      </a:lnTo>
                      <a:lnTo>
                        <a:pt x="628" y="537"/>
                      </a:lnTo>
                      <a:lnTo>
                        <a:pt x="633" y="535"/>
                      </a:lnTo>
                      <a:lnTo>
                        <a:pt x="640" y="534"/>
                      </a:lnTo>
                      <a:lnTo>
                        <a:pt x="647" y="533"/>
                      </a:lnTo>
                      <a:lnTo>
                        <a:pt x="654" y="532"/>
                      </a:lnTo>
                      <a:lnTo>
                        <a:pt x="662" y="533"/>
                      </a:lnTo>
                      <a:lnTo>
                        <a:pt x="670" y="534"/>
                      </a:lnTo>
                      <a:lnTo>
                        <a:pt x="664" y="527"/>
                      </a:lnTo>
                      <a:lnTo>
                        <a:pt x="660" y="518"/>
                      </a:lnTo>
                      <a:lnTo>
                        <a:pt x="656" y="509"/>
                      </a:lnTo>
                      <a:lnTo>
                        <a:pt x="655" y="499"/>
                      </a:lnTo>
                      <a:lnTo>
                        <a:pt x="655" y="491"/>
                      </a:lnTo>
                      <a:lnTo>
                        <a:pt x="658" y="480"/>
                      </a:lnTo>
                      <a:lnTo>
                        <a:pt x="660" y="471"/>
                      </a:lnTo>
                      <a:lnTo>
                        <a:pt x="663" y="461"/>
                      </a:lnTo>
                      <a:lnTo>
                        <a:pt x="682" y="423"/>
                      </a:lnTo>
                      <a:lnTo>
                        <a:pt x="700" y="389"/>
                      </a:lnTo>
                      <a:lnTo>
                        <a:pt x="691" y="387"/>
                      </a:lnTo>
                      <a:lnTo>
                        <a:pt x="683" y="384"/>
                      </a:lnTo>
                      <a:lnTo>
                        <a:pt x="676" y="380"/>
                      </a:lnTo>
                      <a:lnTo>
                        <a:pt x="671" y="376"/>
                      </a:lnTo>
                      <a:lnTo>
                        <a:pt x="661" y="365"/>
                      </a:lnTo>
                      <a:lnTo>
                        <a:pt x="652" y="354"/>
                      </a:lnTo>
                      <a:lnTo>
                        <a:pt x="643" y="342"/>
                      </a:lnTo>
                      <a:lnTo>
                        <a:pt x="632" y="332"/>
                      </a:lnTo>
                      <a:lnTo>
                        <a:pt x="626" y="328"/>
                      </a:lnTo>
                      <a:lnTo>
                        <a:pt x="620" y="324"/>
                      </a:lnTo>
                      <a:lnTo>
                        <a:pt x="611" y="322"/>
                      </a:lnTo>
                      <a:lnTo>
                        <a:pt x="603" y="321"/>
                      </a:lnTo>
                      <a:lnTo>
                        <a:pt x="589" y="329"/>
                      </a:lnTo>
                      <a:lnTo>
                        <a:pt x="576" y="339"/>
                      </a:lnTo>
                      <a:lnTo>
                        <a:pt x="570" y="343"/>
                      </a:lnTo>
                      <a:lnTo>
                        <a:pt x="563" y="347"/>
                      </a:lnTo>
                      <a:lnTo>
                        <a:pt x="554" y="349"/>
                      </a:lnTo>
                      <a:lnTo>
                        <a:pt x="544" y="350"/>
                      </a:lnTo>
                      <a:lnTo>
                        <a:pt x="534" y="345"/>
                      </a:lnTo>
                      <a:lnTo>
                        <a:pt x="526" y="340"/>
                      </a:lnTo>
                      <a:lnTo>
                        <a:pt x="520" y="334"/>
                      </a:lnTo>
                      <a:lnTo>
                        <a:pt x="513" y="327"/>
                      </a:lnTo>
                      <a:lnTo>
                        <a:pt x="509" y="319"/>
                      </a:lnTo>
                      <a:lnTo>
                        <a:pt x="506" y="311"/>
                      </a:lnTo>
                      <a:lnTo>
                        <a:pt x="503" y="302"/>
                      </a:lnTo>
                      <a:lnTo>
                        <a:pt x="502" y="293"/>
                      </a:lnTo>
                      <a:lnTo>
                        <a:pt x="501" y="283"/>
                      </a:lnTo>
                      <a:lnTo>
                        <a:pt x="502" y="274"/>
                      </a:lnTo>
                      <a:lnTo>
                        <a:pt x="503" y="263"/>
                      </a:lnTo>
                      <a:lnTo>
                        <a:pt x="504" y="254"/>
                      </a:lnTo>
                      <a:lnTo>
                        <a:pt x="509" y="233"/>
                      </a:lnTo>
                      <a:lnTo>
                        <a:pt x="515" y="214"/>
                      </a:lnTo>
                      <a:lnTo>
                        <a:pt x="510" y="215"/>
                      </a:lnTo>
                      <a:lnTo>
                        <a:pt x="505" y="215"/>
                      </a:lnTo>
                      <a:lnTo>
                        <a:pt x="502" y="215"/>
                      </a:lnTo>
                      <a:lnTo>
                        <a:pt x="497" y="215"/>
                      </a:lnTo>
                      <a:lnTo>
                        <a:pt x="491" y="212"/>
                      </a:lnTo>
                      <a:lnTo>
                        <a:pt x="486" y="210"/>
                      </a:lnTo>
                      <a:lnTo>
                        <a:pt x="481" y="206"/>
                      </a:lnTo>
                      <a:lnTo>
                        <a:pt x="474" y="203"/>
                      </a:lnTo>
                      <a:lnTo>
                        <a:pt x="467" y="203"/>
                      </a:lnTo>
                      <a:lnTo>
                        <a:pt x="456" y="204"/>
                      </a:lnTo>
                      <a:lnTo>
                        <a:pt x="456" y="215"/>
                      </a:lnTo>
                      <a:lnTo>
                        <a:pt x="454" y="223"/>
                      </a:lnTo>
                      <a:lnTo>
                        <a:pt x="452" y="228"/>
                      </a:lnTo>
                      <a:lnTo>
                        <a:pt x="450" y="232"/>
                      </a:lnTo>
                      <a:lnTo>
                        <a:pt x="448" y="235"/>
                      </a:lnTo>
                      <a:lnTo>
                        <a:pt x="445" y="237"/>
                      </a:lnTo>
                      <a:lnTo>
                        <a:pt x="441" y="240"/>
                      </a:lnTo>
                      <a:lnTo>
                        <a:pt x="435" y="241"/>
                      </a:lnTo>
                      <a:lnTo>
                        <a:pt x="430" y="243"/>
                      </a:lnTo>
                      <a:lnTo>
                        <a:pt x="424" y="244"/>
                      </a:lnTo>
                      <a:lnTo>
                        <a:pt x="408" y="244"/>
                      </a:lnTo>
                      <a:lnTo>
                        <a:pt x="389" y="243"/>
                      </a:lnTo>
                      <a:lnTo>
                        <a:pt x="381" y="231"/>
                      </a:lnTo>
                      <a:lnTo>
                        <a:pt x="374" y="217"/>
                      </a:lnTo>
                      <a:lnTo>
                        <a:pt x="368" y="203"/>
                      </a:lnTo>
                      <a:lnTo>
                        <a:pt x="362" y="189"/>
                      </a:lnTo>
                      <a:lnTo>
                        <a:pt x="357" y="174"/>
                      </a:lnTo>
                      <a:lnTo>
                        <a:pt x="353" y="158"/>
                      </a:lnTo>
                      <a:lnTo>
                        <a:pt x="349" y="143"/>
                      </a:lnTo>
                      <a:lnTo>
                        <a:pt x="346" y="128"/>
                      </a:lnTo>
                      <a:lnTo>
                        <a:pt x="340" y="95"/>
                      </a:lnTo>
                      <a:lnTo>
                        <a:pt x="336" y="63"/>
                      </a:lnTo>
                      <a:lnTo>
                        <a:pt x="333" y="32"/>
                      </a:lnTo>
                      <a:lnTo>
                        <a:pt x="331" y="0"/>
                      </a:lnTo>
                      <a:lnTo>
                        <a:pt x="312" y="3"/>
                      </a:lnTo>
                      <a:lnTo>
                        <a:pt x="294" y="7"/>
                      </a:lnTo>
                      <a:lnTo>
                        <a:pt x="276" y="12"/>
                      </a:lnTo>
                      <a:lnTo>
                        <a:pt x="261" y="18"/>
                      </a:lnTo>
                      <a:lnTo>
                        <a:pt x="228" y="29"/>
                      </a:lnTo>
                      <a:lnTo>
                        <a:pt x="195" y="39"/>
                      </a:lnTo>
                      <a:close/>
                    </a:path>
                  </a:pathLst>
                </a:custGeom>
                <a:grpFill/>
                <a:ln>
                  <a:solidFill>
                    <a:srgbClr val="006961"/>
                  </a:solidFill>
                </a:ln>
              </p:spPr>
              <p:txBody>
                <a:bodyPr/>
                <a:lstStyle/>
                <a:p>
                  <a:endParaRPr lang="te-IN"/>
                </a:p>
              </p:txBody>
            </p:sp>
            <p:sp>
              <p:nvSpPr>
                <p:cNvPr id="403" name="Vesthimmerland kant"/>
                <p:cNvSpPr>
                  <a:spLocks/>
                </p:cNvSpPr>
                <p:nvPr/>
              </p:nvSpPr>
              <p:spPr bwMode="auto">
                <a:xfrm>
                  <a:off x="1355725" y="3198813"/>
                  <a:ext cx="374650" cy="525463"/>
                </a:xfrm>
                <a:custGeom>
                  <a:avLst/>
                  <a:gdLst>
                    <a:gd name="T0" fmla="*/ 64 w 709"/>
                    <a:gd name="T1" fmla="*/ 29 h 992"/>
                    <a:gd name="T2" fmla="*/ 50 w 709"/>
                    <a:gd name="T3" fmla="*/ 37 h 992"/>
                    <a:gd name="T4" fmla="*/ 38 w 709"/>
                    <a:gd name="T5" fmla="*/ 41 h 992"/>
                    <a:gd name="T6" fmla="*/ 16 w 709"/>
                    <a:gd name="T7" fmla="*/ 73 h 992"/>
                    <a:gd name="T8" fmla="*/ 4 w 709"/>
                    <a:gd name="T9" fmla="*/ 101 h 992"/>
                    <a:gd name="T10" fmla="*/ 24 w 709"/>
                    <a:gd name="T11" fmla="*/ 123 h 992"/>
                    <a:gd name="T12" fmla="*/ 24 w 709"/>
                    <a:gd name="T13" fmla="*/ 147 h 992"/>
                    <a:gd name="T14" fmla="*/ 10 w 709"/>
                    <a:gd name="T15" fmla="*/ 172 h 992"/>
                    <a:gd name="T16" fmla="*/ 15 w 709"/>
                    <a:gd name="T17" fmla="*/ 197 h 992"/>
                    <a:gd name="T18" fmla="*/ 14 w 709"/>
                    <a:gd name="T19" fmla="*/ 212 h 992"/>
                    <a:gd name="T20" fmla="*/ 34 w 709"/>
                    <a:gd name="T21" fmla="*/ 221 h 992"/>
                    <a:gd name="T22" fmla="*/ 41 w 709"/>
                    <a:gd name="T23" fmla="*/ 235 h 992"/>
                    <a:gd name="T24" fmla="*/ 31 w 709"/>
                    <a:gd name="T25" fmla="*/ 257 h 992"/>
                    <a:gd name="T26" fmla="*/ 1 w 709"/>
                    <a:gd name="T27" fmla="*/ 295 h 992"/>
                    <a:gd name="T28" fmla="*/ 7 w 709"/>
                    <a:gd name="T29" fmla="*/ 300 h 992"/>
                    <a:gd name="T30" fmla="*/ 19 w 709"/>
                    <a:gd name="T31" fmla="*/ 297 h 992"/>
                    <a:gd name="T32" fmla="*/ 57 w 709"/>
                    <a:gd name="T33" fmla="*/ 275 h 992"/>
                    <a:gd name="T34" fmla="*/ 74 w 709"/>
                    <a:gd name="T35" fmla="*/ 281 h 992"/>
                    <a:gd name="T36" fmla="*/ 83 w 709"/>
                    <a:gd name="T37" fmla="*/ 300 h 992"/>
                    <a:gd name="T38" fmla="*/ 92 w 709"/>
                    <a:gd name="T39" fmla="*/ 295 h 992"/>
                    <a:gd name="T40" fmla="*/ 109 w 709"/>
                    <a:gd name="T41" fmla="*/ 301 h 992"/>
                    <a:gd name="T42" fmla="*/ 118 w 709"/>
                    <a:gd name="T43" fmla="*/ 304 h 992"/>
                    <a:gd name="T44" fmla="*/ 129 w 709"/>
                    <a:gd name="T45" fmla="*/ 316 h 992"/>
                    <a:gd name="T46" fmla="*/ 143 w 709"/>
                    <a:gd name="T47" fmla="*/ 316 h 992"/>
                    <a:gd name="T48" fmla="*/ 156 w 709"/>
                    <a:gd name="T49" fmla="*/ 312 h 992"/>
                    <a:gd name="T50" fmla="*/ 188 w 709"/>
                    <a:gd name="T51" fmla="*/ 326 h 992"/>
                    <a:gd name="T52" fmla="*/ 217 w 709"/>
                    <a:gd name="T53" fmla="*/ 331 h 992"/>
                    <a:gd name="T54" fmla="*/ 223 w 709"/>
                    <a:gd name="T55" fmla="*/ 318 h 992"/>
                    <a:gd name="T56" fmla="*/ 234 w 709"/>
                    <a:gd name="T57" fmla="*/ 307 h 992"/>
                    <a:gd name="T58" fmla="*/ 233 w 709"/>
                    <a:gd name="T59" fmla="*/ 298 h 992"/>
                    <a:gd name="T60" fmla="*/ 218 w 709"/>
                    <a:gd name="T61" fmla="*/ 293 h 992"/>
                    <a:gd name="T62" fmla="*/ 221 w 709"/>
                    <a:gd name="T63" fmla="*/ 284 h 992"/>
                    <a:gd name="T64" fmla="*/ 221 w 709"/>
                    <a:gd name="T65" fmla="*/ 272 h 992"/>
                    <a:gd name="T66" fmla="*/ 210 w 709"/>
                    <a:gd name="T67" fmla="*/ 266 h 992"/>
                    <a:gd name="T68" fmla="*/ 193 w 709"/>
                    <a:gd name="T69" fmla="*/ 244 h 992"/>
                    <a:gd name="T70" fmla="*/ 174 w 709"/>
                    <a:gd name="T71" fmla="*/ 234 h 992"/>
                    <a:gd name="T72" fmla="*/ 177 w 709"/>
                    <a:gd name="T73" fmla="*/ 223 h 992"/>
                    <a:gd name="T74" fmla="*/ 197 w 709"/>
                    <a:gd name="T75" fmla="*/ 192 h 992"/>
                    <a:gd name="T76" fmla="*/ 211 w 709"/>
                    <a:gd name="T77" fmla="*/ 179 h 992"/>
                    <a:gd name="T78" fmla="*/ 221 w 709"/>
                    <a:gd name="T79" fmla="*/ 176 h 992"/>
                    <a:gd name="T80" fmla="*/ 220 w 709"/>
                    <a:gd name="T81" fmla="*/ 157 h 992"/>
                    <a:gd name="T82" fmla="*/ 225 w 709"/>
                    <a:gd name="T83" fmla="*/ 127 h 992"/>
                    <a:gd name="T84" fmla="*/ 208 w 709"/>
                    <a:gd name="T85" fmla="*/ 109 h 992"/>
                    <a:gd name="T86" fmla="*/ 190 w 709"/>
                    <a:gd name="T87" fmla="*/ 114 h 992"/>
                    <a:gd name="T88" fmla="*/ 173 w 709"/>
                    <a:gd name="T89" fmla="*/ 111 h 992"/>
                    <a:gd name="T90" fmla="*/ 167 w 709"/>
                    <a:gd name="T91" fmla="*/ 94 h 992"/>
                    <a:gd name="T92" fmla="*/ 170 w 709"/>
                    <a:gd name="T93" fmla="*/ 72 h 992"/>
                    <a:gd name="T94" fmla="*/ 160 w 709"/>
                    <a:gd name="T95" fmla="*/ 69 h 992"/>
                    <a:gd name="T96" fmla="*/ 150 w 709"/>
                    <a:gd name="T97" fmla="*/ 76 h 992"/>
                    <a:gd name="T98" fmla="*/ 143 w 709"/>
                    <a:gd name="T99" fmla="*/ 81 h 992"/>
                    <a:gd name="T100" fmla="*/ 122 w 709"/>
                    <a:gd name="T101" fmla="*/ 68 h 992"/>
                    <a:gd name="T102" fmla="*/ 113 w 709"/>
                    <a:gd name="T103" fmla="*/ 32 h 992"/>
                    <a:gd name="T104" fmla="*/ 92 w 709"/>
                    <a:gd name="T105" fmla="*/ 4 h 992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0" t="0" r="r" b="b"/>
                  <a:pathLst>
                    <a:path w="709" h="992">
                      <a:moveTo>
                        <a:pt x="195" y="39"/>
                      </a:moveTo>
                      <a:lnTo>
                        <a:pt x="197" y="51"/>
                      </a:lnTo>
                      <a:lnTo>
                        <a:pt x="197" y="61"/>
                      </a:lnTo>
                      <a:lnTo>
                        <a:pt x="196" y="71"/>
                      </a:lnTo>
                      <a:lnTo>
                        <a:pt x="194" y="79"/>
                      </a:lnTo>
                      <a:lnTo>
                        <a:pt x="191" y="86"/>
                      </a:lnTo>
                      <a:lnTo>
                        <a:pt x="186" y="93"/>
                      </a:lnTo>
                      <a:lnTo>
                        <a:pt x="179" y="98"/>
                      </a:lnTo>
                      <a:lnTo>
                        <a:pt x="173" y="102"/>
                      </a:lnTo>
                      <a:lnTo>
                        <a:pt x="167" y="106"/>
                      </a:lnTo>
                      <a:lnTo>
                        <a:pt x="159" y="109"/>
                      </a:lnTo>
                      <a:lnTo>
                        <a:pt x="151" y="111"/>
                      </a:lnTo>
                      <a:lnTo>
                        <a:pt x="144" y="112"/>
                      </a:lnTo>
                      <a:lnTo>
                        <a:pt x="136" y="112"/>
                      </a:lnTo>
                      <a:lnTo>
                        <a:pt x="129" y="111"/>
                      </a:lnTo>
                      <a:lnTo>
                        <a:pt x="123" y="110"/>
                      </a:lnTo>
                      <a:lnTo>
                        <a:pt x="117" y="108"/>
                      </a:lnTo>
                      <a:lnTo>
                        <a:pt x="113" y="123"/>
                      </a:lnTo>
                      <a:lnTo>
                        <a:pt x="107" y="137"/>
                      </a:lnTo>
                      <a:lnTo>
                        <a:pt x="100" y="151"/>
                      </a:lnTo>
                      <a:lnTo>
                        <a:pt x="93" y="163"/>
                      </a:lnTo>
                      <a:lnTo>
                        <a:pt x="75" y="185"/>
                      </a:lnTo>
                      <a:lnTo>
                        <a:pt x="57" y="208"/>
                      </a:lnTo>
                      <a:lnTo>
                        <a:pt x="49" y="219"/>
                      </a:lnTo>
                      <a:lnTo>
                        <a:pt x="40" y="231"/>
                      </a:lnTo>
                      <a:lnTo>
                        <a:pt x="32" y="242"/>
                      </a:lnTo>
                      <a:lnTo>
                        <a:pt x="26" y="256"/>
                      </a:lnTo>
                      <a:lnTo>
                        <a:pt x="19" y="270"/>
                      </a:lnTo>
                      <a:lnTo>
                        <a:pt x="15" y="285"/>
                      </a:lnTo>
                      <a:lnTo>
                        <a:pt x="12" y="302"/>
                      </a:lnTo>
                      <a:lnTo>
                        <a:pt x="10" y="321"/>
                      </a:lnTo>
                      <a:lnTo>
                        <a:pt x="29" y="333"/>
                      </a:lnTo>
                      <a:lnTo>
                        <a:pt x="49" y="345"/>
                      </a:lnTo>
                      <a:lnTo>
                        <a:pt x="57" y="353"/>
                      </a:lnTo>
                      <a:lnTo>
                        <a:pt x="66" y="360"/>
                      </a:lnTo>
                      <a:lnTo>
                        <a:pt x="73" y="369"/>
                      </a:lnTo>
                      <a:lnTo>
                        <a:pt x="78" y="379"/>
                      </a:lnTo>
                      <a:lnTo>
                        <a:pt x="79" y="393"/>
                      </a:lnTo>
                      <a:lnTo>
                        <a:pt x="78" y="407"/>
                      </a:lnTo>
                      <a:lnTo>
                        <a:pt x="77" y="418"/>
                      </a:lnTo>
                      <a:lnTo>
                        <a:pt x="75" y="430"/>
                      </a:lnTo>
                      <a:lnTo>
                        <a:pt x="72" y="440"/>
                      </a:lnTo>
                      <a:lnTo>
                        <a:pt x="69" y="450"/>
                      </a:lnTo>
                      <a:lnTo>
                        <a:pt x="65" y="458"/>
                      </a:lnTo>
                      <a:lnTo>
                        <a:pt x="59" y="468"/>
                      </a:lnTo>
                      <a:lnTo>
                        <a:pt x="50" y="483"/>
                      </a:lnTo>
                      <a:lnTo>
                        <a:pt x="39" y="500"/>
                      </a:lnTo>
                      <a:lnTo>
                        <a:pt x="29" y="516"/>
                      </a:lnTo>
                      <a:lnTo>
                        <a:pt x="20" y="534"/>
                      </a:lnTo>
                      <a:lnTo>
                        <a:pt x="27" y="546"/>
                      </a:lnTo>
                      <a:lnTo>
                        <a:pt x="34" y="557"/>
                      </a:lnTo>
                      <a:lnTo>
                        <a:pt x="39" y="570"/>
                      </a:lnTo>
                      <a:lnTo>
                        <a:pt x="45" y="583"/>
                      </a:lnTo>
                      <a:lnTo>
                        <a:pt x="46" y="590"/>
                      </a:lnTo>
                      <a:lnTo>
                        <a:pt x="47" y="597"/>
                      </a:lnTo>
                      <a:lnTo>
                        <a:pt x="48" y="605"/>
                      </a:lnTo>
                      <a:lnTo>
                        <a:pt x="48" y="612"/>
                      </a:lnTo>
                      <a:lnTo>
                        <a:pt x="47" y="619"/>
                      </a:lnTo>
                      <a:lnTo>
                        <a:pt x="46" y="627"/>
                      </a:lnTo>
                      <a:lnTo>
                        <a:pt x="43" y="634"/>
                      </a:lnTo>
                      <a:lnTo>
                        <a:pt x="39" y="641"/>
                      </a:lnTo>
                      <a:lnTo>
                        <a:pt x="56" y="643"/>
                      </a:lnTo>
                      <a:lnTo>
                        <a:pt x="71" y="647"/>
                      </a:lnTo>
                      <a:lnTo>
                        <a:pt x="84" y="651"/>
                      </a:lnTo>
                      <a:lnTo>
                        <a:pt x="94" y="656"/>
                      </a:lnTo>
                      <a:lnTo>
                        <a:pt x="103" y="661"/>
                      </a:lnTo>
                      <a:lnTo>
                        <a:pt x="110" y="667"/>
                      </a:lnTo>
                      <a:lnTo>
                        <a:pt x="115" y="674"/>
                      </a:lnTo>
                      <a:lnTo>
                        <a:pt x="119" y="680"/>
                      </a:lnTo>
                      <a:lnTo>
                        <a:pt x="122" y="688"/>
                      </a:lnTo>
                      <a:lnTo>
                        <a:pt x="123" y="696"/>
                      </a:lnTo>
                      <a:lnTo>
                        <a:pt x="123" y="705"/>
                      </a:lnTo>
                      <a:lnTo>
                        <a:pt x="122" y="713"/>
                      </a:lnTo>
                      <a:lnTo>
                        <a:pt x="118" y="721"/>
                      </a:lnTo>
                      <a:lnTo>
                        <a:pt x="115" y="731"/>
                      </a:lnTo>
                      <a:lnTo>
                        <a:pt x="111" y="739"/>
                      </a:lnTo>
                      <a:lnTo>
                        <a:pt x="106" y="749"/>
                      </a:lnTo>
                      <a:lnTo>
                        <a:pt x="93" y="769"/>
                      </a:lnTo>
                      <a:lnTo>
                        <a:pt x="79" y="788"/>
                      </a:lnTo>
                      <a:lnTo>
                        <a:pt x="65" y="807"/>
                      </a:lnTo>
                      <a:lnTo>
                        <a:pt x="49" y="825"/>
                      </a:lnTo>
                      <a:lnTo>
                        <a:pt x="20" y="857"/>
                      </a:lnTo>
                      <a:lnTo>
                        <a:pt x="0" y="884"/>
                      </a:lnTo>
                      <a:lnTo>
                        <a:pt x="4" y="884"/>
                      </a:lnTo>
                      <a:lnTo>
                        <a:pt x="7" y="885"/>
                      </a:lnTo>
                      <a:lnTo>
                        <a:pt x="9" y="886"/>
                      </a:lnTo>
                      <a:lnTo>
                        <a:pt x="11" y="888"/>
                      </a:lnTo>
                      <a:lnTo>
                        <a:pt x="14" y="892"/>
                      </a:lnTo>
                      <a:lnTo>
                        <a:pt x="17" y="896"/>
                      </a:lnTo>
                      <a:lnTo>
                        <a:pt x="20" y="900"/>
                      </a:lnTo>
                      <a:lnTo>
                        <a:pt x="25" y="904"/>
                      </a:lnTo>
                      <a:lnTo>
                        <a:pt x="28" y="904"/>
                      </a:lnTo>
                      <a:lnTo>
                        <a:pt x="31" y="905"/>
                      </a:lnTo>
                      <a:lnTo>
                        <a:pt x="35" y="904"/>
                      </a:lnTo>
                      <a:lnTo>
                        <a:pt x="39" y="904"/>
                      </a:lnTo>
                      <a:lnTo>
                        <a:pt x="56" y="889"/>
                      </a:lnTo>
                      <a:lnTo>
                        <a:pt x="73" y="876"/>
                      </a:lnTo>
                      <a:lnTo>
                        <a:pt x="91" y="864"/>
                      </a:lnTo>
                      <a:lnTo>
                        <a:pt x="110" y="852"/>
                      </a:lnTo>
                      <a:lnTo>
                        <a:pt x="130" y="841"/>
                      </a:lnTo>
                      <a:lnTo>
                        <a:pt x="151" y="832"/>
                      </a:lnTo>
                      <a:lnTo>
                        <a:pt x="172" y="824"/>
                      </a:lnTo>
                      <a:lnTo>
                        <a:pt x="195" y="816"/>
                      </a:lnTo>
                      <a:lnTo>
                        <a:pt x="202" y="818"/>
                      </a:lnTo>
                      <a:lnTo>
                        <a:pt x="207" y="821"/>
                      </a:lnTo>
                      <a:lnTo>
                        <a:pt x="212" y="826"/>
                      </a:lnTo>
                      <a:lnTo>
                        <a:pt x="216" y="831"/>
                      </a:lnTo>
                      <a:lnTo>
                        <a:pt x="223" y="843"/>
                      </a:lnTo>
                      <a:lnTo>
                        <a:pt x="228" y="855"/>
                      </a:lnTo>
                      <a:lnTo>
                        <a:pt x="233" y="869"/>
                      </a:lnTo>
                      <a:lnTo>
                        <a:pt x="237" y="881"/>
                      </a:lnTo>
                      <a:lnTo>
                        <a:pt x="241" y="888"/>
                      </a:lnTo>
                      <a:lnTo>
                        <a:pt x="244" y="894"/>
                      </a:lnTo>
                      <a:lnTo>
                        <a:pt x="248" y="898"/>
                      </a:lnTo>
                      <a:lnTo>
                        <a:pt x="253" y="904"/>
                      </a:lnTo>
                      <a:lnTo>
                        <a:pt x="257" y="894"/>
                      </a:lnTo>
                      <a:lnTo>
                        <a:pt x="263" y="889"/>
                      </a:lnTo>
                      <a:lnTo>
                        <a:pt x="267" y="885"/>
                      </a:lnTo>
                      <a:lnTo>
                        <a:pt x="272" y="884"/>
                      </a:lnTo>
                      <a:lnTo>
                        <a:pt x="277" y="884"/>
                      </a:lnTo>
                      <a:lnTo>
                        <a:pt x="284" y="885"/>
                      </a:lnTo>
                      <a:lnTo>
                        <a:pt x="289" y="887"/>
                      </a:lnTo>
                      <a:lnTo>
                        <a:pt x="295" y="890"/>
                      </a:lnTo>
                      <a:lnTo>
                        <a:pt x="308" y="896"/>
                      </a:lnTo>
                      <a:lnTo>
                        <a:pt x="322" y="900"/>
                      </a:lnTo>
                      <a:lnTo>
                        <a:pt x="328" y="901"/>
                      </a:lnTo>
                      <a:lnTo>
                        <a:pt x="335" y="900"/>
                      </a:lnTo>
                      <a:lnTo>
                        <a:pt x="343" y="898"/>
                      </a:lnTo>
                      <a:lnTo>
                        <a:pt x="350" y="893"/>
                      </a:lnTo>
                      <a:lnTo>
                        <a:pt x="350" y="899"/>
                      </a:lnTo>
                      <a:lnTo>
                        <a:pt x="351" y="906"/>
                      </a:lnTo>
                      <a:lnTo>
                        <a:pt x="353" y="911"/>
                      </a:lnTo>
                      <a:lnTo>
                        <a:pt x="356" y="917"/>
                      </a:lnTo>
                      <a:lnTo>
                        <a:pt x="360" y="923"/>
                      </a:lnTo>
                      <a:lnTo>
                        <a:pt x="364" y="927"/>
                      </a:lnTo>
                      <a:lnTo>
                        <a:pt x="369" y="932"/>
                      </a:lnTo>
                      <a:lnTo>
                        <a:pt x="374" y="937"/>
                      </a:lnTo>
                      <a:lnTo>
                        <a:pt x="387" y="946"/>
                      </a:lnTo>
                      <a:lnTo>
                        <a:pt x="400" y="954"/>
                      </a:lnTo>
                      <a:lnTo>
                        <a:pt x="413" y="963"/>
                      </a:lnTo>
                      <a:lnTo>
                        <a:pt x="428" y="971"/>
                      </a:lnTo>
                      <a:lnTo>
                        <a:pt x="427" y="961"/>
                      </a:lnTo>
                      <a:lnTo>
                        <a:pt x="428" y="954"/>
                      </a:lnTo>
                      <a:lnTo>
                        <a:pt x="429" y="947"/>
                      </a:lnTo>
                      <a:lnTo>
                        <a:pt x="431" y="941"/>
                      </a:lnTo>
                      <a:lnTo>
                        <a:pt x="435" y="936"/>
                      </a:lnTo>
                      <a:lnTo>
                        <a:pt x="441" y="933"/>
                      </a:lnTo>
                      <a:lnTo>
                        <a:pt x="448" y="932"/>
                      </a:lnTo>
                      <a:lnTo>
                        <a:pt x="456" y="932"/>
                      </a:lnTo>
                      <a:lnTo>
                        <a:pt x="470" y="935"/>
                      </a:lnTo>
                      <a:lnTo>
                        <a:pt x="483" y="939"/>
                      </a:lnTo>
                      <a:lnTo>
                        <a:pt x="495" y="945"/>
                      </a:lnTo>
                      <a:lnTo>
                        <a:pt x="507" y="950"/>
                      </a:lnTo>
                      <a:lnTo>
                        <a:pt x="530" y="960"/>
                      </a:lnTo>
                      <a:lnTo>
                        <a:pt x="553" y="972"/>
                      </a:lnTo>
                      <a:lnTo>
                        <a:pt x="565" y="977"/>
                      </a:lnTo>
                      <a:lnTo>
                        <a:pt x="577" y="981"/>
                      </a:lnTo>
                      <a:lnTo>
                        <a:pt x="590" y="986"/>
                      </a:lnTo>
                      <a:lnTo>
                        <a:pt x="604" y="989"/>
                      </a:lnTo>
                      <a:lnTo>
                        <a:pt x="619" y="991"/>
                      </a:lnTo>
                      <a:lnTo>
                        <a:pt x="634" y="992"/>
                      </a:lnTo>
                      <a:lnTo>
                        <a:pt x="652" y="992"/>
                      </a:lnTo>
                      <a:lnTo>
                        <a:pt x="670" y="990"/>
                      </a:lnTo>
                      <a:lnTo>
                        <a:pt x="668" y="980"/>
                      </a:lnTo>
                      <a:lnTo>
                        <a:pt x="667" y="972"/>
                      </a:lnTo>
                      <a:lnTo>
                        <a:pt x="667" y="964"/>
                      </a:lnTo>
                      <a:lnTo>
                        <a:pt x="669" y="957"/>
                      </a:lnTo>
                      <a:lnTo>
                        <a:pt x="671" y="952"/>
                      </a:lnTo>
                      <a:lnTo>
                        <a:pt x="673" y="947"/>
                      </a:lnTo>
                      <a:lnTo>
                        <a:pt x="678" y="941"/>
                      </a:lnTo>
                      <a:lnTo>
                        <a:pt x="681" y="938"/>
                      </a:lnTo>
                      <a:lnTo>
                        <a:pt x="689" y="931"/>
                      </a:lnTo>
                      <a:lnTo>
                        <a:pt x="698" y="923"/>
                      </a:lnTo>
                      <a:lnTo>
                        <a:pt x="702" y="919"/>
                      </a:lnTo>
                      <a:lnTo>
                        <a:pt x="705" y="914"/>
                      </a:lnTo>
                      <a:lnTo>
                        <a:pt x="707" y="909"/>
                      </a:lnTo>
                      <a:lnTo>
                        <a:pt x="709" y="904"/>
                      </a:lnTo>
                      <a:lnTo>
                        <a:pt x="706" y="899"/>
                      </a:lnTo>
                      <a:lnTo>
                        <a:pt x="703" y="897"/>
                      </a:lnTo>
                      <a:lnTo>
                        <a:pt x="700" y="894"/>
                      </a:lnTo>
                      <a:lnTo>
                        <a:pt x="695" y="893"/>
                      </a:lnTo>
                      <a:lnTo>
                        <a:pt x="686" y="890"/>
                      </a:lnTo>
                      <a:lnTo>
                        <a:pt x="676" y="887"/>
                      </a:lnTo>
                      <a:lnTo>
                        <a:pt x="668" y="884"/>
                      </a:lnTo>
                      <a:lnTo>
                        <a:pt x="660" y="879"/>
                      </a:lnTo>
                      <a:lnTo>
                        <a:pt x="656" y="877"/>
                      </a:lnTo>
                      <a:lnTo>
                        <a:pt x="654" y="873"/>
                      </a:lnTo>
                      <a:lnTo>
                        <a:pt x="652" y="869"/>
                      </a:lnTo>
                      <a:lnTo>
                        <a:pt x="651" y="865"/>
                      </a:lnTo>
                      <a:lnTo>
                        <a:pt x="656" y="860"/>
                      </a:lnTo>
                      <a:lnTo>
                        <a:pt x="661" y="856"/>
                      </a:lnTo>
                      <a:lnTo>
                        <a:pt x="664" y="852"/>
                      </a:lnTo>
                      <a:lnTo>
                        <a:pt x="667" y="846"/>
                      </a:lnTo>
                      <a:lnTo>
                        <a:pt x="669" y="839"/>
                      </a:lnTo>
                      <a:lnTo>
                        <a:pt x="670" y="832"/>
                      </a:lnTo>
                      <a:lnTo>
                        <a:pt x="670" y="825"/>
                      </a:lnTo>
                      <a:lnTo>
                        <a:pt x="670" y="816"/>
                      </a:lnTo>
                      <a:lnTo>
                        <a:pt x="663" y="815"/>
                      </a:lnTo>
                      <a:lnTo>
                        <a:pt x="656" y="813"/>
                      </a:lnTo>
                      <a:lnTo>
                        <a:pt x="650" y="811"/>
                      </a:lnTo>
                      <a:lnTo>
                        <a:pt x="644" y="808"/>
                      </a:lnTo>
                      <a:lnTo>
                        <a:pt x="640" y="805"/>
                      </a:lnTo>
                      <a:lnTo>
                        <a:pt x="634" y="800"/>
                      </a:lnTo>
                      <a:lnTo>
                        <a:pt x="631" y="796"/>
                      </a:lnTo>
                      <a:lnTo>
                        <a:pt x="627" y="791"/>
                      </a:lnTo>
                      <a:lnTo>
                        <a:pt x="622" y="779"/>
                      </a:lnTo>
                      <a:lnTo>
                        <a:pt x="617" y="767"/>
                      </a:lnTo>
                      <a:lnTo>
                        <a:pt x="614" y="753"/>
                      </a:lnTo>
                      <a:lnTo>
                        <a:pt x="612" y="738"/>
                      </a:lnTo>
                      <a:lnTo>
                        <a:pt x="581" y="731"/>
                      </a:lnTo>
                      <a:lnTo>
                        <a:pt x="550" y="722"/>
                      </a:lnTo>
                      <a:lnTo>
                        <a:pt x="544" y="719"/>
                      </a:lnTo>
                      <a:lnTo>
                        <a:pt x="537" y="716"/>
                      </a:lnTo>
                      <a:lnTo>
                        <a:pt x="531" y="712"/>
                      </a:lnTo>
                      <a:lnTo>
                        <a:pt x="526" y="708"/>
                      </a:lnTo>
                      <a:lnTo>
                        <a:pt x="522" y="702"/>
                      </a:lnTo>
                      <a:lnTo>
                        <a:pt x="519" y="696"/>
                      </a:lnTo>
                      <a:lnTo>
                        <a:pt x="516" y="689"/>
                      </a:lnTo>
                      <a:lnTo>
                        <a:pt x="515" y="680"/>
                      </a:lnTo>
                      <a:lnTo>
                        <a:pt x="522" y="676"/>
                      </a:lnTo>
                      <a:lnTo>
                        <a:pt x="527" y="673"/>
                      </a:lnTo>
                      <a:lnTo>
                        <a:pt x="533" y="669"/>
                      </a:lnTo>
                      <a:lnTo>
                        <a:pt x="537" y="663"/>
                      </a:lnTo>
                      <a:lnTo>
                        <a:pt x="547" y="653"/>
                      </a:lnTo>
                      <a:lnTo>
                        <a:pt x="555" y="641"/>
                      </a:lnTo>
                      <a:lnTo>
                        <a:pt x="570" y="615"/>
                      </a:lnTo>
                      <a:lnTo>
                        <a:pt x="584" y="588"/>
                      </a:lnTo>
                      <a:lnTo>
                        <a:pt x="591" y="575"/>
                      </a:lnTo>
                      <a:lnTo>
                        <a:pt x="599" y="563"/>
                      </a:lnTo>
                      <a:lnTo>
                        <a:pt x="607" y="553"/>
                      </a:lnTo>
                      <a:lnTo>
                        <a:pt x="616" y="545"/>
                      </a:lnTo>
                      <a:lnTo>
                        <a:pt x="622" y="540"/>
                      </a:lnTo>
                      <a:lnTo>
                        <a:pt x="628" y="537"/>
                      </a:lnTo>
                      <a:lnTo>
                        <a:pt x="633" y="535"/>
                      </a:lnTo>
                      <a:lnTo>
                        <a:pt x="640" y="534"/>
                      </a:lnTo>
                      <a:lnTo>
                        <a:pt x="647" y="533"/>
                      </a:lnTo>
                      <a:lnTo>
                        <a:pt x="654" y="532"/>
                      </a:lnTo>
                      <a:lnTo>
                        <a:pt x="662" y="533"/>
                      </a:lnTo>
                      <a:lnTo>
                        <a:pt x="670" y="534"/>
                      </a:lnTo>
                      <a:lnTo>
                        <a:pt x="664" y="527"/>
                      </a:lnTo>
                      <a:lnTo>
                        <a:pt x="660" y="518"/>
                      </a:lnTo>
                      <a:lnTo>
                        <a:pt x="656" y="509"/>
                      </a:lnTo>
                      <a:lnTo>
                        <a:pt x="655" y="499"/>
                      </a:lnTo>
                      <a:lnTo>
                        <a:pt x="655" y="491"/>
                      </a:lnTo>
                      <a:lnTo>
                        <a:pt x="658" y="480"/>
                      </a:lnTo>
                      <a:lnTo>
                        <a:pt x="660" y="471"/>
                      </a:lnTo>
                      <a:lnTo>
                        <a:pt x="663" y="461"/>
                      </a:lnTo>
                      <a:lnTo>
                        <a:pt x="682" y="423"/>
                      </a:lnTo>
                      <a:lnTo>
                        <a:pt x="700" y="389"/>
                      </a:lnTo>
                      <a:lnTo>
                        <a:pt x="691" y="387"/>
                      </a:lnTo>
                      <a:lnTo>
                        <a:pt x="683" y="384"/>
                      </a:lnTo>
                      <a:lnTo>
                        <a:pt x="676" y="380"/>
                      </a:lnTo>
                      <a:lnTo>
                        <a:pt x="671" y="376"/>
                      </a:lnTo>
                      <a:lnTo>
                        <a:pt x="661" y="365"/>
                      </a:lnTo>
                      <a:lnTo>
                        <a:pt x="652" y="354"/>
                      </a:lnTo>
                      <a:lnTo>
                        <a:pt x="643" y="342"/>
                      </a:lnTo>
                      <a:lnTo>
                        <a:pt x="632" y="332"/>
                      </a:lnTo>
                      <a:lnTo>
                        <a:pt x="626" y="328"/>
                      </a:lnTo>
                      <a:lnTo>
                        <a:pt x="620" y="324"/>
                      </a:lnTo>
                      <a:lnTo>
                        <a:pt x="611" y="322"/>
                      </a:lnTo>
                      <a:lnTo>
                        <a:pt x="603" y="321"/>
                      </a:lnTo>
                      <a:lnTo>
                        <a:pt x="589" y="329"/>
                      </a:lnTo>
                      <a:lnTo>
                        <a:pt x="576" y="339"/>
                      </a:lnTo>
                      <a:lnTo>
                        <a:pt x="570" y="343"/>
                      </a:lnTo>
                      <a:lnTo>
                        <a:pt x="563" y="347"/>
                      </a:lnTo>
                      <a:lnTo>
                        <a:pt x="554" y="349"/>
                      </a:lnTo>
                      <a:lnTo>
                        <a:pt x="544" y="350"/>
                      </a:lnTo>
                      <a:lnTo>
                        <a:pt x="534" y="345"/>
                      </a:lnTo>
                      <a:lnTo>
                        <a:pt x="526" y="340"/>
                      </a:lnTo>
                      <a:lnTo>
                        <a:pt x="520" y="334"/>
                      </a:lnTo>
                      <a:lnTo>
                        <a:pt x="513" y="327"/>
                      </a:lnTo>
                      <a:lnTo>
                        <a:pt x="509" y="319"/>
                      </a:lnTo>
                      <a:lnTo>
                        <a:pt x="506" y="311"/>
                      </a:lnTo>
                      <a:lnTo>
                        <a:pt x="503" y="302"/>
                      </a:lnTo>
                      <a:lnTo>
                        <a:pt x="502" y="293"/>
                      </a:lnTo>
                      <a:lnTo>
                        <a:pt x="501" y="283"/>
                      </a:lnTo>
                      <a:lnTo>
                        <a:pt x="502" y="274"/>
                      </a:lnTo>
                      <a:lnTo>
                        <a:pt x="503" y="263"/>
                      </a:lnTo>
                      <a:lnTo>
                        <a:pt x="504" y="254"/>
                      </a:lnTo>
                      <a:lnTo>
                        <a:pt x="509" y="233"/>
                      </a:lnTo>
                      <a:lnTo>
                        <a:pt x="515" y="214"/>
                      </a:lnTo>
                      <a:lnTo>
                        <a:pt x="510" y="215"/>
                      </a:lnTo>
                      <a:lnTo>
                        <a:pt x="505" y="215"/>
                      </a:lnTo>
                      <a:lnTo>
                        <a:pt x="502" y="215"/>
                      </a:lnTo>
                      <a:lnTo>
                        <a:pt x="497" y="215"/>
                      </a:lnTo>
                      <a:lnTo>
                        <a:pt x="491" y="212"/>
                      </a:lnTo>
                      <a:lnTo>
                        <a:pt x="486" y="210"/>
                      </a:lnTo>
                      <a:lnTo>
                        <a:pt x="481" y="206"/>
                      </a:lnTo>
                      <a:lnTo>
                        <a:pt x="474" y="203"/>
                      </a:lnTo>
                      <a:lnTo>
                        <a:pt x="467" y="203"/>
                      </a:lnTo>
                      <a:lnTo>
                        <a:pt x="456" y="204"/>
                      </a:lnTo>
                      <a:lnTo>
                        <a:pt x="456" y="215"/>
                      </a:lnTo>
                      <a:lnTo>
                        <a:pt x="454" y="223"/>
                      </a:lnTo>
                      <a:lnTo>
                        <a:pt x="452" y="228"/>
                      </a:lnTo>
                      <a:lnTo>
                        <a:pt x="450" y="232"/>
                      </a:lnTo>
                      <a:lnTo>
                        <a:pt x="448" y="235"/>
                      </a:lnTo>
                      <a:lnTo>
                        <a:pt x="445" y="237"/>
                      </a:lnTo>
                      <a:lnTo>
                        <a:pt x="441" y="240"/>
                      </a:lnTo>
                      <a:lnTo>
                        <a:pt x="435" y="241"/>
                      </a:lnTo>
                      <a:lnTo>
                        <a:pt x="430" y="243"/>
                      </a:lnTo>
                      <a:lnTo>
                        <a:pt x="424" y="244"/>
                      </a:lnTo>
                      <a:lnTo>
                        <a:pt x="408" y="244"/>
                      </a:lnTo>
                      <a:lnTo>
                        <a:pt x="389" y="243"/>
                      </a:lnTo>
                      <a:lnTo>
                        <a:pt x="381" y="231"/>
                      </a:lnTo>
                      <a:lnTo>
                        <a:pt x="374" y="217"/>
                      </a:lnTo>
                      <a:lnTo>
                        <a:pt x="368" y="203"/>
                      </a:lnTo>
                      <a:lnTo>
                        <a:pt x="362" y="189"/>
                      </a:lnTo>
                      <a:lnTo>
                        <a:pt x="357" y="174"/>
                      </a:lnTo>
                      <a:lnTo>
                        <a:pt x="353" y="158"/>
                      </a:lnTo>
                      <a:lnTo>
                        <a:pt x="349" y="143"/>
                      </a:lnTo>
                      <a:lnTo>
                        <a:pt x="346" y="128"/>
                      </a:lnTo>
                      <a:lnTo>
                        <a:pt x="340" y="95"/>
                      </a:lnTo>
                      <a:lnTo>
                        <a:pt x="336" y="63"/>
                      </a:lnTo>
                      <a:lnTo>
                        <a:pt x="333" y="32"/>
                      </a:lnTo>
                      <a:lnTo>
                        <a:pt x="331" y="0"/>
                      </a:lnTo>
                      <a:lnTo>
                        <a:pt x="312" y="3"/>
                      </a:lnTo>
                      <a:lnTo>
                        <a:pt x="294" y="7"/>
                      </a:lnTo>
                      <a:lnTo>
                        <a:pt x="276" y="12"/>
                      </a:lnTo>
                      <a:lnTo>
                        <a:pt x="261" y="18"/>
                      </a:lnTo>
                      <a:lnTo>
                        <a:pt x="228" y="29"/>
                      </a:lnTo>
                      <a:lnTo>
                        <a:pt x="195" y="39"/>
                      </a:lnTo>
                      <a:close/>
                    </a:path>
                  </a:pathLst>
                </a:custGeom>
                <a:grpFill/>
                <a:ln w="6350">
                  <a:solidFill>
                    <a:srgbClr val="006961"/>
                  </a:solidFill>
                  <a:prstDash val="solid"/>
                  <a:round/>
                  <a:headEnd/>
                  <a:tailEnd/>
                </a:ln>
                <a:extLst/>
              </p:spPr>
              <p:txBody>
                <a:bodyPr/>
                <a:lstStyle/>
                <a:p>
                  <a:endParaRPr lang="te-IN"/>
                </a:p>
              </p:txBody>
            </p:sp>
          </p:grpSp>
          <p:sp>
            <p:nvSpPr>
              <p:cNvPr id="398" name="Vesthimmerland 3"/>
              <p:cNvSpPr>
                <a:spLocks/>
              </p:cNvSpPr>
              <p:nvPr/>
            </p:nvSpPr>
            <p:spPr bwMode="auto">
              <a:xfrm>
                <a:off x="1289050" y="3343275"/>
                <a:ext cx="25400" cy="39688"/>
              </a:xfrm>
              <a:custGeom>
                <a:avLst/>
                <a:gdLst>
                  <a:gd name="T0" fmla="*/ 16 w 49"/>
                  <a:gd name="T1" fmla="*/ 22 h 76"/>
                  <a:gd name="T2" fmla="*/ 15 w 49"/>
                  <a:gd name="T3" fmla="*/ 20 h 76"/>
                  <a:gd name="T4" fmla="*/ 14 w 49"/>
                  <a:gd name="T5" fmla="*/ 17 h 76"/>
                  <a:gd name="T6" fmla="*/ 14 w 49"/>
                  <a:gd name="T7" fmla="*/ 15 h 76"/>
                  <a:gd name="T8" fmla="*/ 13 w 49"/>
                  <a:gd name="T9" fmla="*/ 13 h 76"/>
                  <a:gd name="T10" fmla="*/ 13 w 49"/>
                  <a:gd name="T11" fmla="*/ 10 h 76"/>
                  <a:gd name="T12" fmla="*/ 12 w 49"/>
                  <a:gd name="T13" fmla="*/ 7 h 76"/>
                  <a:gd name="T14" fmla="*/ 11 w 49"/>
                  <a:gd name="T15" fmla="*/ 4 h 76"/>
                  <a:gd name="T16" fmla="*/ 10 w 49"/>
                  <a:gd name="T17" fmla="*/ 0 h 76"/>
                  <a:gd name="T18" fmla="*/ 8 w 49"/>
                  <a:gd name="T19" fmla="*/ 0 h 76"/>
                  <a:gd name="T20" fmla="*/ 7 w 49"/>
                  <a:gd name="T21" fmla="*/ 0 h 76"/>
                  <a:gd name="T22" fmla="*/ 5 w 49"/>
                  <a:gd name="T23" fmla="*/ 0 h 76"/>
                  <a:gd name="T24" fmla="*/ 4 w 49"/>
                  <a:gd name="T25" fmla="*/ 1 h 76"/>
                  <a:gd name="T26" fmla="*/ 3 w 49"/>
                  <a:gd name="T27" fmla="*/ 1 h 76"/>
                  <a:gd name="T28" fmla="*/ 2 w 49"/>
                  <a:gd name="T29" fmla="*/ 2 h 76"/>
                  <a:gd name="T30" fmla="*/ 1 w 49"/>
                  <a:gd name="T31" fmla="*/ 3 h 76"/>
                  <a:gd name="T32" fmla="*/ 1 w 49"/>
                  <a:gd name="T33" fmla="*/ 4 h 76"/>
                  <a:gd name="T34" fmla="*/ 0 w 49"/>
                  <a:gd name="T35" fmla="*/ 7 h 76"/>
                  <a:gd name="T36" fmla="*/ 0 w 49"/>
                  <a:gd name="T37" fmla="*/ 10 h 76"/>
                  <a:gd name="T38" fmla="*/ 0 w 49"/>
                  <a:gd name="T39" fmla="*/ 13 h 76"/>
                  <a:gd name="T40" fmla="*/ 0 w 49"/>
                  <a:gd name="T41" fmla="*/ 16 h 76"/>
                  <a:gd name="T42" fmla="*/ 2 w 49"/>
                  <a:gd name="T43" fmla="*/ 15 h 76"/>
                  <a:gd name="T44" fmla="*/ 4 w 49"/>
                  <a:gd name="T45" fmla="*/ 15 h 76"/>
                  <a:gd name="T46" fmla="*/ 5 w 49"/>
                  <a:gd name="T47" fmla="*/ 16 h 76"/>
                  <a:gd name="T48" fmla="*/ 6 w 49"/>
                  <a:gd name="T49" fmla="*/ 17 h 76"/>
                  <a:gd name="T50" fmla="*/ 8 w 49"/>
                  <a:gd name="T51" fmla="*/ 19 h 76"/>
                  <a:gd name="T52" fmla="*/ 10 w 49"/>
                  <a:gd name="T53" fmla="*/ 21 h 76"/>
                  <a:gd name="T54" fmla="*/ 12 w 49"/>
                  <a:gd name="T55" fmla="*/ 23 h 76"/>
                  <a:gd name="T56" fmla="*/ 13 w 49"/>
                  <a:gd name="T57" fmla="*/ 25 h 76"/>
                  <a:gd name="T58" fmla="*/ 14 w 49"/>
                  <a:gd name="T59" fmla="*/ 25 h 76"/>
                  <a:gd name="T60" fmla="*/ 14 w 49"/>
                  <a:gd name="T61" fmla="*/ 25 h 76"/>
                  <a:gd name="T62" fmla="*/ 15 w 49"/>
                  <a:gd name="T63" fmla="*/ 24 h 76"/>
                  <a:gd name="T64" fmla="*/ 16 w 49"/>
                  <a:gd name="T65" fmla="*/ 22 h 7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49" h="76">
                    <a:moveTo>
                      <a:pt x="49" y="68"/>
                    </a:moveTo>
                    <a:lnTo>
                      <a:pt x="45" y="61"/>
                    </a:lnTo>
                    <a:lnTo>
                      <a:pt x="43" y="53"/>
                    </a:lnTo>
                    <a:lnTo>
                      <a:pt x="42" y="46"/>
                    </a:lnTo>
                    <a:lnTo>
                      <a:pt x="41" y="39"/>
                    </a:lnTo>
                    <a:lnTo>
                      <a:pt x="39" y="30"/>
                    </a:lnTo>
                    <a:lnTo>
                      <a:pt x="38" y="22"/>
                    </a:lnTo>
                    <a:lnTo>
                      <a:pt x="35" y="11"/>
                    </a:lnTo>
                    <a:lnTo>
                      <a:pt x="30" y="0"/>
                    </a:lnTo>
                    <a:lnTo>
                      <a:pt x="24" y="0"/>
                    </a:lnTo>
                    <a:lnTo>
                      <a:pt x="20" y="0"/>
                    </a:lnTo>
                    <a:lnTo>
                      <a:pt x="16" y="1"/>
                    </a:lnTo>
                    <a:lnTo>
                      <a:pt x="12" y="2"/>
                    </a:lnTo>
                    <a:lnTo>
                      <a:pt x="10" y="4"/>
                    </a:lnTo>
                    <a:lnTo>
                      <a:pt x="6" y="6"/>
                    </a:lnTo>
                    <a:lnTo>
                      <a:pt x="4" y="9"/>
                    </a:lnTo>
                    <a:lnTo>
                      <a:pt x="3" y="12"/>
                    </a:lnTo>
                    <a:lnTo>
                      <a:pt x="1" y="20"/>
                    </a:lnTo>
                    <a:lnTo>
                      <a:pt x="0" y="29"/>
                    </a:lnTo>
                    <a:lnTo>
                      <a:pt x="0" y="39"/>
                    </a:lnTo>
                    <a:lnTo>
                      <a:pt x="0" y="49"/>
                    </a:lnTo>
                    <a:lnTo>
                      <a:pt x="5" y="47"/>
                    </a:lnTo>
                    <a:lnTo>
                      <a:pt x="11" y="47"/>
                    </a:lnTo>
                    <a:lnTo>
                      <a:pt x="15" y="49"/>
                    </a:lnTo>
                    <a:lnTo>
                      <a:pt x="18" y="51"/>
                    </a:lnTo>
                    <a:lnTo>
                      <a:pt x="25" y="58"/>
                    </a:lnTo>
                    <a:lnTo>
                      <a:pt x="31" y="64"/>
                    </a:lnTo>
                    <a:lnTo>
                      <a:pt x="36" y="71"/>
                    </a:lnTo>
                    <a:lnTo>
                      <a:pt x="40" y="75"/>
                    </a:lnTo>
                    <a:lnTo>
                      <a:pt x="42" y="76"/>
                    </a:lnTo>
                    <a:lnTo>
                      <a:pt x="44" y="75"/>
                    </a:lnTo>
                    <a:lnTo>
                      <a:pt x="46" y="72"/>
                    </a:lnTo>
                    <a:lnTo>
                      <a:pt x="49" y="68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399" name="Vesthimmerland kant 3"/>
              <p:cNvSpPr>
                <a:spLocks/>
              </p:cNvSpPr>
              <p:nvPr/>
            </p:nvSpPr>
            <p:spPr bwMode="auto">
              <a:xfrm>
                <a:off x="1289050" y="3343275"/>
                <a:ext cx="25400" cy="39688"/>
              </a:xfrm>
              <a:custGeom>
                <a:avLst/>
                <a:gdLst>
                  <a:gd name="T0" fmla="*/ 0 w 49"/>
                  <a:gd name="T1" fmla="*/ 16 h 76"/>
                  <a:gd name="T2" fmla="*/ 0 w 49"/>
                  <a:gd name="T3" fmla="*/ 13 h 76"/>
                  <a:gd name="T4" fmla="*/ 0 w 49"/>
                  <a:gd name="T5" fmla="*/ 10 h 76"/>
                  <a:gd name="T6" fmla="*/ 0 w 49"/>
                  <a:gd name="T7" fmla="*/ 7 h 76"/>
                  <a:gd name="T8" fmla="*/ 1 w 49"/>
                  <a:gd name="T9" fmla="*/ 4 h 76"/>
                  <a:gd name="T10" fmla="*/ 1 w 49"/>
                  <a:gd name="T11" fmla="*/ 3 h 76"/>
                  <a:gd name="T12" fmla="*/ 2 w 49"/>
                  <a:gd name="T13" fmla="*/ 2 h 76"/>
                  <a:gd name="T14" fmla="*/ 3 w 49"/>
                  <a:gd name="T15" fmla="*/ 1 h 76"/>
                  <a:gd name="T16" fmla="*/ 4 w 49"/>
                  <a:gd name="T17" fmla="*/ 1 h 76"/>
                  <a:gd name="T18" fmla="*/ 5 w 49"/>
                  <a:gd name="T19" fmla="*/ 0 h 76"/>
                  <a:gd name="T20" fmla="*/ 7 w 49"/>
                  <a:gd name="T21" fmla="*/ 0 h 76"/>
                  <a:gd name="T22" fmla="*/ 8 w 49"/>
                  <a:gd name="T23" fmla="*/ 0 h 76"/>
                  <a:gd name="T24" fmla="*/ 10 w 49"/>
                  <a:gd name="T25" fmla="*/ 0 h 76"/>
                  <a:gd name="T26" fmla="*/ 11 w 49"/>
                  <a:gd name="T27" fmla="*/ 4 h 76"/>
                  <a:gd name="T28" fmla="*/ 12 w 49"/>
                  <a:gd name="T29" fmla="*/ 7 h 76"/>
                  <a:gd name="T30" fmla="*/ 13 w 49"/>
                  <a:gd name="T31" fmla="*/ 10 h 76"/>
                  <a:gd name="T32" fmla="*/ 13 w 49"/>
                  <a:gd name="T33" fmla="*/ 13 h 76"/>
                  <a:gd name="T34" fmla="*/ 14 w 49"/>
                  <a:gd name="T35" fmla="*/ 15 h 76"/>
                  <a:gd name="T36" fmla="*/ 14 w 49"/>
                  <a:gd name="T37" fmla="*/ 17 h 76"/>
                  <a:gd name="T38" fmla="*/ 15 w 49"/>
                  <a:gd name="T39" fmla="*/ 20 h 76"/>
                  <a:gd name="T40" fmla="*/ 16 w 49"/>
                  <a:gd name="T41" fmla="*/ 22 h 76"/>
                  <a:gd name="T42" fmla="*/ 15 w 49"/>
                  <a:gd name="T43" fmla="*/ 24 h 76"/>
                  <a:gd name="T44" fmla="*/ 14 w 49"/>
                  <a:gd name="T45" fmla="*/ 25 h 76"/>
                  <a:gd name="T46" fmla="*/ 14 w 49"/>
                  <a:gd name="T47" fmla="*/ 25 h 76"/>
                  <a:gd name="T48" fmla="*/ 13 w 49"/>
                  <a:gd name="T49" fmla="*/ 25 h 76"/>
                  <a:gd name="T50" fmla="*/ 12 w 49"/>
                  <a:gd name="T51" fmla="*/ 23 h 76"/>
                  <a:gd name="T52" fmla="*/ 10 w 49"/>
                  <a:gd name="T53" fmla="*/ 21 h 76"/>
                  <a:gd name="T54" fmla="*/ 8 w 49"/>
                  <a:gd name="T55" fmla="*/ 19 h 76"/>
                  <a:gd name="T56" fmla="*/ 6 w 49"/>
                  <a:gd name="T57" fmla="*/ 17 h 76"/>
                  <a:gd name="T58" fmla="*/ 5 w 49"/>
                  <a:gd name="T59" fmla="*/ 16 h 76"/>
                  <a:gd name="T60" fmla="*/ 4 w 49"/>
                  <a:gd name="T61" fmla="*/ 15 h 76"/>
                  <a:gd name="T62" fmla="*/ 2 w 49"/>
                  <a:gd name="T63" fmla="*/ 15 h 76"/>
                  <a:gd name="T64" fmla="*/ 0 w 49"/>
                  <a:gd name="T65" fmla="*/ 16 h 7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49" h="76">
                    <a:moveTo>
                      <a:pt x="0" y="49"/>
                    </a:moveTo>
                    <a:lnTo>
                      <a:pt x="0" y="39"/>
                    </a:lnTo>
                    <a:lnTo>
                      <a:pt x="0" y="29"/>
                    </a:lnTo>
                    <a:lnTo>
                      <a:pt x="1" y="20"/>
                    </a:lnTo>
                    <a:lnTo>
                      <a:pt x="3" y="12"/>
                    </a:lnTo>
                    <a:lnTo>
                      <a:pt x="4" y="9"/>
                    </a:lnTo>
                    <a:lnTo>
                      <a:pt x="6" y="6"/>
                    </a:lnTo>
                    <a:lnTo>
                      <a:pt x="10" y="4"/>
                    </a:lnTo>
                    <a:lnTo>
                      <a:pt x="12" y="2"/>
                    </a:lnTo>
                    <a:lnTo>
                      <a:pt x="16" y="1"/>
                    </a:lnTo>
                    <a:lnTo>
                      <a:pt x="20" y="0"/>
                    </a:lnTo>
                    <a:lnTo>
                      <a:pt x="24" y="0"/>
                    </a:lnTo>
                    <a:lnTo>
                      <a:pt x="30" y="0"/>
                    </a:lnTo>
                    <a:lnTo>
                      <a:pt x="35" y="11"/>
                    </a:lnTo>
                    <a:lnTo>
                      <a:pt x="38" y="22"/>
                    </a:lnTo>
                    <a:lnTo>
                      <a:pt x="39" y="30"/>
                    </a:lnTo>
                    <a:lnTo>
                      <a:pt x="41" y="39"/>
                    </a:lnTo>
                    <a:lnTo>
                      <a:pt x="42" y="46"/>
                    </a:lnTo>
                    <a:lnTo>
                      <a:pt x="43" y="53"/>
                    </a:lnTo>
                    <a:lnTo>
                      <a:pt x="45" y="61"/>
                    </a:lnTo>
                    <a:lnTo>
                      <a:pt x="49" y="68"/>
                    </a:lnTo>
                    <a:lnTo>
                      <a:pt x="46" y="72"/>
                    </a:lnTo>
                    <a:lnTo>
                      <a:pt x="44" y="75"/>
                    </a:lnTo>
                    <a:lnTo>
                      <a:pt x="42" y="76"/>
                    </a:lnTo>
                    <a:lnTo>
                      <a:pt x="40" y="75"/>
                    </a:lnTo>
                    <a:lnTo>
                      <a:pt x="36" y="71"/>
                    </a:lnTo>
                    <a:lnTo>
                      <a:pt x="31" y="64"/>
                    </a:lnTo>
                    <a:lnTo>
                      <a:pt x="25" y="58"/>
                    </a:lnTo>
                    <a:lnTo>
                      <a:pt x="18" y="51"/>
                    </a:lnTo>
                    <a:lnTo>
                      <a:pt x="15" y="49"/>
                    </a:lnTo>
                    <a:lnTo>
                      <a:pt x="11" y="47"/>
                    </a:lnTo>
                    <a:lnTo>
                      <a:pt x="5" y="47"/>
                    </a:lnTo>
                    <a:lnTo>
                      <a:pt x="0" y="49"/>
                    </a:lnTo>
                    <a:close/>
                  </a:path>
                </a:pathLst>
              </a:custGeom>
              <a:grpFill/>
              <a:ln w="6350">
                <a:solidFill>
                  <a:srgbClr val="006961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393" name="Mariagerfjord"/>
            <p:cNvSpPr>
              <a:spLocks/>
            </p:cNvSpPr>
            <p:nvPr/>
          </p:nvSpPr>
          <p:spPr bwMode="auto">
            <a:xfrm>
              <a:off x="1720850" y="3405188"/>
              <a:ext cx="538162" cy="420688"/>
            </a:xfrm>
            <a:custGeom>
              <a:avLst/>
              <a:gdLst>
                <a:gd name="T0" fmla="*/ 256 w 1018"/>
                <a:gd name="T1" fmla="*/ 124 h 796"/>
                <a:gd name="T2" fmla="*/ 270 w 1018"/>
                <a:gd name="T3" fmla="*/ 133 h 796"/>
                <a:gd name="T4" fmla="*/ 283 w 1018"/>
                <a:gd name="T5" fmla="*/ 122 h 796"/>
                <a:gd name="T6" fmla="*/ 298 w 1018"/>
                <a:gd name="T7" fmla="*/ 124 h 796"/>
                <a:gd name="T8" fmla="*/ 335 w 1018"/>
                <a:gd name="T9" fmla="*/ 129 h 796"/>
                <a:gd name="T10" fmla="*/ 324 w 1018"/>
                <a:gd name="T11" fmla="*/ 86 h 796"/>
                <a:gd name="T12" fmla="*/ 308 w 1018"/>
                <a:gd name="T13" fmla="*/ 20 h 796"/>
                <a:gd name="T14" fmla="*/ 292 w 1018"/>
                <a:gd name="T15" fmla="*/ 1 h 796"/>
                <a:gd name="T16" fmla="*/ 277 w 1018"/>
                <a:gd name="T17" fmla="*/ 5 h 796"/>
                <a:gd name="T18" fmla="*/ 284 w 1018"/>
                <a:gd name="T19" fmla="*/ 15 h 796"/>
                <a:gd name="T20" fmla="*/ 286 w 1018"/>
                <a:gd name="T21" fmla="*/ 32 h 796"/>
                <a:gd name="T22" fmla="*/ 287 w 1018"/>
                <a:gd name="T23" fmla="*/ 54 h 796"/>
                <a:gd name="T24" fmla="*/ 278 w 1018"/>
                <a:gd name="T25" fmla="*/ 56 h 796"/>
                <a:gd name="T26" fmla="*/ 256 w 1018"/>
                <a:gd name="T27" fmla="*/ 67 h 796"/>
                <a:gd name="T28" fmla="*/ 233 w 1018"/>
                <a:gd name="T29" fmla="*/ 85 h 796"/>
                <a:gd name="T30" fmla="*/ 202 w 1018"/>
                <a:gd name="T31" fmla="*/ 89 h 796"/>
                <a:gd name="T32" fmla="*/ 198 w 1018"/>
                <a:gd name="T33" fmla="*/ 77 h 796"/>
                <a:gd name="T34" fmla="*/ 119 w 1018"/>
                <a:gd name="T35" fmla="*/ 54 h 796"/>
                <a:gd name="T36" fmla="*/ 76 w 1018"/>
                <a:gd name="T37" fmla="*/ 50 h 796"/>
                <a:gd name="T38" fmla="*/ 77 w 1018"/>
                <a:gd name="T39" fmla="*/ 71 h 796"/>
                <a:gd name="T40" fmla="*/ 80 w 1018"/>
                <a:gd name="T41" fmla="*/ 88 h 796"/>
                <a:gd name="T42" fmla="*/ 84 w 1018"/>
                <a:gd name="T43" fmla="*/ 111 h 796"/>
                <a:gd name="T44" fmla="*/ 70 w 1018"/>
                <a:gd name="T45" fmla="*/ 113 h 796"/>
                <a:gd name="T46" fmla="*/ 56 w 1018"/>
                <a:gd name="T47" fmla="*/ 128 h 796"/>
                <a:gd name="T48" fmla="*/ 44 w 1018"/>
                <a:gd name="T49" fmla="*/ 178 h 796"/>
                <a:gd name="T50" fmla="*/ 32 w 1018"/>
                <a:gd name="T51" fmla="*/ 192 h 796"/>
                <a:gd name="T52" fmla="*/ 20 w 1018"/>
                <a:gd name="T53" fmla="*/ 187 h 796"/>
                <a:gd name="T54" fmla="*/ 6 w 1018"/>
                <a:gd name="T55" fmla="*/ 183 h 796"/>
                <a:gd name="T56" fmla="*/ 19 w 1018"/>
                <a:gd name="T57" fmla="*/ 201 h 796"/>
                <a:gd name="T58" fmla="*/ 26 w 1018"/>
                <a:gd name="T59" fmla="*/ 216 h 796"/>
                <a:gd name="T60" fmla="*/ 14 w 1018"/>
                <a:gd name="T61" fmla="*/ 230 h 796"/>
                <a:gd name="T62" fmla="*/ 30 w 1018"/>
                <a:gd name="T63" fmla="*/ 235 h 796"/>
                <a:gd name="T64" fmla="*/ 53 w 1018"/>
                <a:gd name="T65" fmla="*/ 249 h 796"/>
                <a:gd name="T66" fmla="*/ 65 w 1018"/>
                <a:gd name="T67" fmla="*/ 263 h 796"/>
                <a:gd name="T68" fmla="*/ 88 w 1018"/>
                <a:gd name="T69" fmla="*/ 260 h 796"/>
                <a:gd name="T70" fmla="*/ 119 w 1018"/>
                <a:gd name="T71" fmla="*/ 262 h 796"/>
                <a:gd name="T72" fmla="*/ 124 w 1018"/>
                <a:gd name="T73" fmla="*/ 249 h 796"/>
                <a:gd name="T74" fmla="*/ 150 w 1018"/>
                <a:gd name="T75" fmla="*/ 242 h 796"/>
                <a:gd name="T76" fmla="*/ 161 w 1018"/>
                <a:gd name="T77" fmla="*/ 231 h 796"/>
                <a:gd name="T78" fmla="*/ 193 w 1018"/>
                <a:gd name="T79" fmla="*/ 225 h 796"/>
                <a:gd name="T80" fmla="*/ 229 w 1018"/>
                <a:gd name="T81" fmla="*/ 202 h 796"/>
                <a:gd name="T82" fmla="*/ 249 w 1018"/>
                <a:gd name="T83" fmla="*/ 179 h 796"/>
                <a:gd name="T84" fmla="*/ 259 w 1018"/>
                <a:gd name="T85" fmla="*/ 165 h 796"/>
                <a:gd name="T86" fmla="*/ 273 w 1018"/>
                <a:gd name="T87" fmla="*/ 152 h 796"/>
                <a:gd name="T88" fmla="*/ 260 w 1018"/>
                <a:gd name="T89" fmla="*/ 135 h 796"/>
                <a:gd name="T90" fmla="*/ 234 w 1018"/>
                <a:gd name="T91" fmla="*/ 136 h 796"/>
                <a:gd name="T92" fmla="*/ 220 w 1018"/>
                <a:gd name="T93" fmla="*/ 150 h 796"/>
                <a:gd name="T94" fmla="*/ 202 w 1018"/>
                <a:gd name="T95" fmla="*/ 148 h 796"/>
                <a:gd name="T96" fmla="*/ 184 w 1018"/>
                <a:gd name="T97" fmla="*/ 168 h 796"/>
                <a:gd name="T98" fmla="*/ 128 w 1018"/>
                <a:gd name="T99" fmla="*/ 188 h 796"/>
                <a:gd name="T100" fmla="*/ 100 w 1018"/>
                <a:gd name="T101" fmla="*/ 189 h 796"/>
                <a:gd name="T102" fmla="*/ 153 w 1018"/>
                <a:gd name="T103" fmla="*/ 173 h 796"/>
                <a:gd name="T104" fmla="*/ 192 w 1018"/>
                <a:gd name="T105" fmla="*/ 143 h 796"/>
                <a:gd name="T106" fmla="*/ 210 w 1018"/>
                <a:gd name="T107" fmla="*/ 138 h 796"/>
                <a:gd name="T108" fmla="*/ 228 w 1018"/>
                <a:gd name="T109" fmla="*/ 133 h 796"/>
                <a:gd name="T110" fmla="*/ 242 w 1018"/>
                <a:gd name="T111" fmla="*/ 122 h 79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018" h="796">
                  <a:moveTo>
                    <a:pt x="776" y="359"/>
                  </a:moveTo>
                  <a:lnTo>
                    <a:pt x="773" y="359"/>
                  </a:lnTo>
                  <a:lnTo>
                    <a:pt x="772" y="360"/>
                  </a:lnTo>
                  <a:lnTo>
                    <a:pt x="770" y="361"/>
                  </a:lnTo>
                  <a:lnTo>
                    <a:pt x="769" y="362"/>
                  </a:lnTo>
                  <a:lnTo>
                    <a:pt x="768" y="366"/>
                  </a:lnTo>
                  <a:lnTo>
                    <a:pt x="769" y="371"/>
                  </a:lnTo>
                  <a:lnTo>
                    <a:pt x="771" y="378"/>
                  </a:lnTo>
                  <a:lnTo>
                    <a:pt x="775" y="384"/>
                  </a:lnTo>
                  <a:lnTo>
                    <a:pt x="779" y="391"/>
                  </a:lnTo>
                  <a:lnTo>
                    <a:pt x="786" y="398"/>
                  </a:lnTo>
                  <a:lnTo>
                    <a:pt x="795" y="400"/>
                  </a:lnTo>
                  <a:lnTo>
                    <a:pt x="804" y="400"/>
                  </a:lnTo>
                  <a:lnTo>
                    <a:pt x="811" y="399"/>
                  </a:lnTo>
                  <a:lnTo>
                    <a:pt x="816" y="397"/>
                  </a:lnTo>
                  <a:lnTo>
                    <a:pt x="821" y="395"/>
                  </a:lnTo>
                  <a:lnTo>
                    <a:pt x="827" y="391"/>
                  </a:lnTo>
                  <a:lnTo>
                    <a:pt x="831" y="387"/>
                  </a:lnTo>
                  <a:lnTo>
                    <a:pt x="834" y="383"/>
                  </a:lnTo>
                  <a:lnTo>
                    <a:pt x="841" y="375"/>
                  </a:lnTo>
                  <a:lnTo>
                    <a:pt x="850" y="367"/>
                  </a:lnTo>
                  <a:lnTo>
                    <a:pt x="854" y="364"/>
                  </a:lnTo>
                  <a:lnTo>
                    <a:pt x="859" y="361"/>
                  </a:lnTo>
                  <a:lnTo>
                    <a:pt x="866" y="360"/>
                  </a:lnTo>
                  <a:lnTo>
                    <a:pt x="873" y="359"/>
                  </a:lnTo>
                  <a:lnTo>
                    <a:pt x="879" y="365"/>
                  </a:lnTo>
                  <a:lnTo>
                    <a:pt x="886" y="369"/>
                  </a:lnTo>
                  <a:lnTo>
                    <a:pt x="894" y="372"/>
                  </a:lnTo>
                  <a:lnTo>
                    <a:pt x="903" y="376"/>
                  </a:lnTo>
                  <a:lnTo>
                    <a:pt x="923" y="378"/>
                  </a:lnTo>
                  <a:lnTo>
                    <a:pt x="945" y="380"/>
                  </a:lnTo>
                  <a:lnTo>
                    <a:pt x="967" y="381"/>
                  </a:lnTo>
                  <a:lnTo>
                    <a:pt x="987" y="383"/>
                  </a:lnTo>
                  <a:lnTo>
                    <a:pt x="996" y="385"/>
                  </a:lnTo>
                  <a:lnTo>
                    <a:pt x="1005" y="388"/>
                  </a:lnTo>
                  <a:lnTo>
                    <a:pt x="1012" y="392"/>
                  </a:lnTo>
                  <a:lnTo>
                    <a:pt x="1018" y="398"/>
                  </a:lnTo>
                  <a:lnTo>
                    <a:pt x="1013" y="372"/>
                  </a:lnTo>
                  <a:lnTo>
                    <a:pt x="1006" y="348"/>
                  </a:lnTo>
                  <a:lnTo>
                    <a:pt x="998" y="325"/>
                  </a:lnTo>
                  <a:lnTo>
                    <a:pt x="991" y="302"/>
                  </a:lnTo>
                  <a:lnTo>
                    <a:pt x="974" y="257"/>
                  </a:lnTo>
                  <a:lnTo>
                    <a:pt x="958" y="211"/>
                  </a:lnTo>
                  <a:lnTo>
                    <a:pt x="950" y="188"/>
                  </a:lnTo>
                  <a:lnTo>
                    <a:pt x="944" y="164"/>
                  </a:lnTo>
                  <a:lnTo>
                    <a:pt x="937" y="140"/>
                  </a:lnTo>
                  <a:lnTo>
                    <a:pt x="931" y="113"/>
                  </a:lnTo>
                  <a:lnTo>
                    <a:pt x="927" y="87"/>
                  </a:lnTo>
                  <a:lnTo>
                    <a:pt x="924" y="60"/>
                  </a:lnTo>
                  <a:lnTo>
                    <a:pt x="922" y="30"/>
                  </a:lnTo>
                  <a:lnTo>
                    <a:pt x="922" y="0"/>
                  </a:lnTo>
                  <a:lnTo>
                    <a:pt x="914" y="2"/>
                  </a:lnTo>
                  <a:lnTo>
                    <a:pt x="907" y="4"/>
                  </a:lnTo>
                  <a:lnTo>
                    <a:pt x="899" y="5"/>
                  </a:lnTo>
                  <a:lnTo>
                    <a:pt x="892" y="5"/>
                  </a:lnTo>
                  <a:lnTo>
                    <a:pt x="877" y="4"/>
                  </a:lnTo>
                  <a:lnTo>
                    <a:pt x="864" y="3"/>
                  </a:lnTo>
                  <a:lnTo>
                    <a:pt x="858" y="3"/>
                  </a:lnTo>
                  <a:lnTo>
                    <a:pt x="852" y="3"/>
                  </a:lnTo>
                  <a:lnTo>
                    <a:pt x="847" y="5"/>
                  </a:lnTo>
                  <a:lnTo>
                    <a:pt x="841" y="7"/>
                  </a:lnTo>
                  <a:lnTo>
                    <a:pt x="836" y="10"/>
                  </a:lnTo>
                  <a:lnTo>
                    <a:pt x="832" y="14"/>
                  </a:lnTo>
                  <a:lnTo>
                    <a:pt x="828" y="21"/>
                  </a:lnTo>
                  <a:lnTo>
                    <a:pt x="825" y="29"/>
                  </a:lnTo>
                  <a:lnTo>
                    <a:pt x="832" y="31"/>
                  </a:lnTo>
                  <a:lnTo>
                    <a:pt x="838" y="33"/>
                  </a:lnTo>
                  <a:lnTo>
                    <a:pt x="844" y="37"/>
                  </a:lnTo>
                  <a:lnTo>
                    <a:pt x="848" y="41"/>
                  </a:lnTo>
                  <a:lnTo>
                    <a:pt x="852" y="44"/>
                  </a:lnTo>
                  <a:lnTo>
                    <a:pt x="855" y="48"/>
                  </a:lnTo>
                  <a:lnTo>
                    <a:pt x="857" y="52"/>
                  </a:lnTo>
                  <a:lnTo>
                    <a:pt x="859" y="57"/>
                  </a:lnTo>
                  <a:lnTo>
                    <a:pt x="862" y="66"/>
                  </a:lnTo>
                  <a:lnTo>
                    <a:pt x="862" y="75"/>
                  </a:lnTo>
                  <a:lnTo>
                    <a:pt x="862" y="86"/>
                  </a:lnTo>
                  <a:lnTo>
                    <a:pt x="859" y="97"/>
                  </a:lnTo>
                  <a:lnTo>
                    <a:pt x="857" y="108"/>
                  </a:lnTo>
                  <a:lnTo>
                    <a:pt x="856" y="119"/>
                  </a:lnTo>
                  <a:lnTo>
                    <a:pt x="854" y="129"/>
                  </a:lnTo>
                  <a:lnTo>
                    <a:pt x="854" y="140"/>
                  </a:lnTo>
                  <a:lnTo>
                    <a:pt x="855" y="150"/>
                  </a:lnTo>
                  <a:lnTo>
                    <a:pt x="859" y="159"/>
                  </a:lnTo>
                  <a:lnTo>
                    <a:pt x="862" y="163"/>
                  </a:lnTo>
                  <a:lnTo>
                    <a:pt x="865" y="167"/>
                  </a:lnTo>
                  <a:lnTo>
                    <a:pt x="869" y="171"/>
                  </a:lnTo>
                  <a:lnTo>
                    <a:pt x="873" y="174"/>
                  </a:lnTo>
                  <a:lnTo>
                    <a:pt x="863" y="174"/>
                  </a:lnTo>
                  <a:lnTo>
                    <a:pt x="853" y="172"/>
                  </a:lnTo>
                  <a:lnTo>
                    <a:pt x="845" y="170"/>
                  </a:lnTo>
                  <a:lnTo>
                    <a:pt x="836" y="167"/>
                  </a:lnTo>
                  <a:lnTo>
                    <a:pt x="828" y="165"/>
                  </a:lnTo>
                  <a:lnTo>
                    <a:pt x="818" y="163"/>
                  </a:lnTo>
                  <a:lnTo>
                    <a:pt x="808" y="163"/>
                  </a:lnTo>
                  <a:lnTo>
                    <a:pt x="795" y="165"/>
                  </a:lnTo>
                  <a:lnTo>
                    <a:pt x="787" y="178"/>
                  </a:lnTo>
                  <a:lnTo>
                    <a:pt x="778" y="189"/>
                  </a:lnTo>
                  <a:lnTo>
                    <a:pt x="770" y="201"/>
                  </a:lnTo>
                  <a:lnTo>
                    <a:pt x="761" y="211"/>
                  </a:lnTo>
                  <a:lnTo>
                    <a:pt x="752" y="220"/>
                  </a:lnTo>
                  <a:lnTo>
                    <a:pt x="744" y="228"/>
                  </a:lnTo>
                  <a:lnTo>
                    <a:pt x="733" y="237"/>
                  </a:lnTo>
                  <a:lnTo>
                    <a:pt x="724" y="243"/>
                  </a:lnTo>
                  <a:lnTo>
                    <a:pt x="712" y="249"/>
                  </a:lnTo>
                  <a:lnTo>
                    <a:pt x="700" y="254"/>
                  </a:lnTo>
                  <a:lnTo>
                    <a:pt x="689" y="259"/>
                  </a:lnTo>
                  <a:lnTo>
                    <a:pt x="675" y="263"/>
                  </a:lnTo>
                  <a:lnTo>
                    <a:pt x="661" y="266"/>
                  </a:lnTo>
                  <a:lnTo>
                    <a:pt x="646" y="268"/>
                  </a:lnTo>
                  <a:lnTo>
                    <a:pt x="629" y="270"/>
                  </a:lnTo>
                  <a:lnTo>
                    <a:pt x="611" y="271"/>
                  </a:lnTo>
                  <a:lnTo>
                    <a:pt x="607" y="266"/>
                  </a:lnTo>
                  <a:lnTo>
                    <a:pt x="602" y="261"/>
                  </a:lnTo>
                  <a:lnTo>
                    <a:pt x="600" y="256"/>
                  </a:lnTo>
                  <a:lnTo>
                    <a:pt x="598" y="250"/>
                  </a:lnTo>
                  <a:lnTo>
                    <a:pt x="597" y="245"/>
                  </a:lnTo>
                  <a:lnTo>
                    <a:pt x="596" y="240"/>
                  </a:lnTo>
                  <a:lnTo>
                    <a:pt x="596" y="234"/>
                  </a:lnTo>
                  <a:lnTo>
                    <a:pt x="596" y="230"/>
                  </a:lnTo>
                  <a:lnTo>
                    <a:pt x="602" y="208"/>
                  </a:lnTo>
                  <a:lnTo>
                    <a:pt x="611" y="184"/>
                  </a:lnTo>
                  <a:lnTo>
                    <a:pt x="559" y="181"/>
                  </a:lnTo>
                  <a:lnTo>
                    <a:pt x="508" y="177"/>
                  </a:lnTo>
                  <a:lnTo>
                    <a:pt x="456" y="172"/>
                  </a:lnTo>
                  <a:lnTo>
                    <a:pt x="406" y="167"/>
                  </a:lnTo>
                  <a:lnTo>
                    <a:pt x="357" y="161"/>
                  </a:lnTo>
                  <a:lnTo>
                    <a:pt x="311" y="154"/>
                  </a:lnTo>
                  <a:lnTo>
                    <a:pt x="290" y="150"/>
                  </a:lnTo>
                  <a:lnTo>
                    <a:pt x="270" y="146"/>
                  </a:lnTo>
                  <a:lnTo>
                    <a:pt x="251" y="141"/>
                  </a:lnTo>
                  <a:lnTo>
                    <a:pt x="233" y="135"/>
                  </a:lnTo>
                  <a:lnTo>
                    <a:pt x="230" y="143"/>
                  </a:lnTo>
                  <a:lnTo>
                    <a:pt x="228" y="149"/>
                  </a:lnTo>
                  <a:lnTo>
                    <a:pt x="227" y="157"/>
                  </a:lnTo>
                  <a:lnTo>
                    <a:pt x="225" y="164"/>
                  </a:lnTo>
                  <a:lnTo>
                    <a:pt x="228" y="179"/>
                  </a:lnTo>
                  <a:lnTo>
                    <a:pt x="229" y="192"/>
                  </a:lnTo>
                  <a:lnTo>
                    <a:pt x="230" y="200"/>
                  </a:lnTo>
                  <a:lnTo>
                    <a:pt x="231" y="207"/>
                  </a:lnTo>
                  <a:lnTo>
                    <a:pt x="230" y="213"/>
                  </a:lnTo>
                  <a:lnTo>
                    <a:pt x="230" y="220"/>
                  </a:lnTo>
                  <a:lnTo>
                    <a:pt x="228" y="226"/>
                  </a:lnTo>
                  <a:lnTo>
                    <a:pt x="224" y="231"/>
                  </a:lnTo>
                  <a:lnTo>
                    <a:pt x="219" y="238"/>
                  </a:lnTo>
                  <a:lnTo>
                    <a:pt x="213" y="242"/>
                  </a:lnTo>
                  <a:lnTo>
                    <a:pt x="227" y="253"/>
                  </a:lnTo>
                  <a:lnTo>
                    <a:pt x="241" y="263"/>
                  </a:lnTo>
                  <a:lnTo>
                    <a:pt x="256" y="272"/>
                  </a:lnTo>
                  <a:lnTo>
                    <a:pt x="272" y="281"/>
                  </a:lnTo>
                  <a:lnTo>
                    <a:pt x="271" y="292"/>
                  </a:lnTo>
                  <a:lnTo>
                    <a:pt x="269" y="303"/>
                  </a:lnTo>
                  <a:lnTo>
                    <a:pt x="266" y="311"/>
                  </a:lnTo>
                  <a:lnTo>
                    <a:pt x="261" y="320"/>
                  </a:lnTo>
                  <a:lnTo>
                    <a:pt x="252" y="333"/>
                  </a:lnTo>
                  <a:lnTo>
                    <a:pt x="242" y="349"/>
                  </a:lnTo>
                  <a:lnTo>
                    <a:pt x="238" y="346"/>
                  </a:lnTo>
                  <a:lnTo>
                    <a:pt x="233" y="344"/>
                  </a:lnTo>
                  <a:lnTo>
                    <a:pt x="228" y="342"/>
                  </a:lnTo>
                  <a:lnTo>
                    <a:pt x="222" y="340"/>
                  </a:lnTo>
                  <a:lnTo>
                    <a:pt x="216" y="339"/>
                  </a:lnTo>
                  <a:lnTo>
                    <a:pt x="210" y="339"/>
                  </a:lnTo>
                  <a:lnTo>
                    <a:pt x="202" y="339"/>
                  </a:lnTo>
                  <a:lnTo>
                    <a:pt x="194" y="340"/>
                  </a:lnTo>
                  <a:lnTo>
                    <a:pt x="189" y="346"/>
                  </a:lnTo>
                  <a:lnTo>
                    <a:pt x="183" y="353"/>
                  </a:lnTo>
                  <a:lnTo>
                    <a:pt x="178" y="361"/>
                  </a:lnTo>
                  <a:lnTo>
                    <a:pt x="175" y="369"/>
                  </a:lnTo>
                  <a:lnTo>
                    <a:pt x="168" y="385"/>
                  </a:lnTo>
                  <a:lnTo>
                    <a:pt x="162" y="401"/>
                  </a:lnTo>
                  <a:lnTo>
                    <a:pt x="155" y="436"/>
                  </a:lnTo>
                  <a:lnTo>
                    <a:pt x="149" y="469"/>
                  </a:lnTo>
                  <a:lnTo>
                    <a:pt x="145" y="486"/>
                  </a:lnTo>
                  <a:lnTo>
                    <a:pt x="141" y="503"/>
                  </a:lnTo>
                  <a:lnTo>
                    <a:pt x="137" y="519"/>
                  </a:lnTo>
                  <a:lnTo>
                    <a:pt x="131" y="534"/>
                  </a:lnTo>
                  <a:lnTo>
                    <a:pt x="128" y="541"/>
                  </a:lnTo>
                  <a:lnTo>
                    <a:pt x="123" y="547"/>
                  </a:lnTo>
                  <a:lnTo>
                    <a:pt x="119" y="554"/>
                  </a:lnTo>
                  <a:lnTo>
                    <a:pt x="114" y="560"/>
                  </a:lnTo>
                  <a:lnTo>
                    <a:pt x="108" y="566"/>
                  </a:lnTo>
                  <a:lnTo>
                    <a:pt x="101" y="571"/>
                  </a:lnTo>
                  <a:lnTo>
                    <a:pt x="95" y="577"/>
                  </a:lnTo>
                  <a:lnTo>
                    <a:pt x="88" y="582"/>
                  </a:lnTo>
                  <a:lnTo>
                    <a:pt x="81" y="582"/>
                  </a:lnTo>
                  <a:lnTo>
                    <a:pt x="77" y="580"/>
                  </a:lnTo>
                  <a:lnTo>
                    <a:pt x="73" y="578"/>
                  </a:lnTo>
                  <a:lnTo>
                    <a:pt x="70" y="576"/>
                  </a:lnTo>
                  <a:lnTo>
                    <a:pt x="63" y="569"/>
                  </a:lnTo>
                  <a:lnTo>
                    <a:pt x="59" y="562"/>
                  </a:lnTo>
                  <a:lnTo>
                    <a:pt x="54" y="555"/>
                  </a:lnTo>
                  <a:lnTo>
                    <a:pt x="49" y="548"/>
                  </a:lnTo>
                  <a:lnTo>
                    <a:pt x="44" y="546"/>
                  </a:lnTo>
                  <a:lnTo>
                    <a:pt x="40" y="544"/>
                  </a:lnTo>
                  <a:lnTo>
                    <a:pt x="35" y="543"/>
                  </a:lnTo>
                  <a:lnTo>
                    <a:pt x="29" y="543"/>
                  </a:lnTo>
                  <a:lnTo>
                    <a:pt x="18" y="549"/>
                  </a:lnTo>
                  <a:lnTo>
                    <a:pt x="9" y="557"/>
                  </a:lnTo>
                  <a:lnTo>
                    <a:pt x="4" y="561"/>
                  </a:lnTo>
                  <a:lnTo>
                    <a:pt x="1" y="567"/>
                  </a:lnTo>
                  <a:lnTo>
                    <a:pt x="0" y="574"/>
                  </a:lnTo>
                  <a:lnTo>
                    <a:pt x="0" y="582"/>
                  </a:lnTo>
                  <a:lnTo>
                    <a:pt x="28" y="592"/>
                  </a:lnTo>
                  <a:lnTo>
                    <a:pt x="56" y="603"/>
                  </a:lnTo>
                  <a:lnTo>
                    <a:pt x="62" y="607"/>
                  </a:lnTo>
                  <a:lnTo>
                    <a:pt x="68" y="611"/>
                  </a:lnTo>
                  <a:lnTo>
                    <a:pt x="72" y="617"/>
                  </a:lnTo>
                  <a:lnTo>
                    <a:pt x="76" y="623"/>
                  </a:lnTo>
                  <a:lnTo>
                    <a:pt x="78" y="630"/>
                  </a:lnTo>
                  <a:lnTo>
                    <a:pt x="79" y="639"/>
                  </a:lnTo>
                  <a:lnTo>
                    <a:pt x="79" y="648"/>
                  </a:lnTo>
                  <a:lnTo>
                    <a:pt x="77" y="660"/>
                  </a:lnTo>
                  <a:lnTo>
                    <a:pt x="68" y="660"/>
                  </a:lnTo>
                  <a:lnTo>
                    <a:pt x="58" y="660"/>
                  </a:lnTo>
                  <a:lnTo>
                    <a:pt x="49" y="660"/>
                  </a:lnTo>
                  <a:lnTo>
                    <a:pt x="38" y="660"/>
                  </a:lnTo>
                  <a:lnTo>
                    <a:pt x="40" y="680"/>
                  </a:lnTo>
                  <a:lnTo>
                    <a:pt x="43" y="690"/>
                  </a:lnTo>
                  <a:lnTo>
                    <a:pt x="43" y="696"/>
                  </a:lnTo>
                  <a:lnTo>
                    <a:pt x="43" y="701"/>
                  </a:lnTo>
                  <a:lnTo>
                    <a:pt x="41" y="708"/>
                  </a:lnTo>
                  <a:lnTo>
                    <a:pt x="38" y="718"/>
                  </a:lnTo>
                  <a:lnTo>
                    <a:pt x="57" y="713"/>
                  </a:lnTo>
                  <a:lnTo>
                    <a:pt x="78" y="709"/>
                  </a:lnTo>
                  <a:lnTo>
                    <a:pt x="89" y="707"/>
                  </a:lnTo>
                  <a:lnTo>
                    <a:pt x="101" y="707"/>
                  </a:lnTo>
                  <a:lnTo>
                    <a:pt x="113" y="707"/>
                  </a:lnTo>
                  <a:lnTo>
                    <a:pt x="125" y="708"/>
                  </a:lnTo>
                  <a:lnTo>
                    <a:pt x="133" y="720"/>
                  </a:lnTo>
                  <a:lnTo>
                    <a:pt x="141" y="729"/>
                  </a:lnTo>
                  <a:lnTo>
                    <a:pt x="150" y="740"/>
                  </a:lnTo>
                  <a:lnTo>
                    <a:pt x="158" y="749"/>
                  </a:lnTo>
                  <a:lnTo>
                    <a:pt x="165" y="759"/>
                  </a:lnTo>
                  <a:lnTo>
                    <a:pt x="173" y="770"/>
                  </a:lnTo>
                  <a:lnTo>
                    <a:pt x="177" y="776"/>
                  </a:lnTo>
                  <a:lnTo>
                    <a:pt x="179" y="782"/>
                  </a:lnTo>
                  <a:lnTo>
                    <a:pt x="182" y="788"/>
                  </a:lnTo>
                  <a:lnTo>
                    <a:pt x="184" y="796"/>
                  </a:lnTo>
                  <a:lnTo>
                    <a:pt x="195" y="789"/>
                  </a:lnTo>
                  <a:lnTo>
                    <a:pt x="205" y="784"/>
                  </a:lnTo>
                  <a:lnTo>
                    <a:pt x="215" y="781"/>
                  </a:lnTo>
                  <a:lnTo>
                    <a:pt x="225" y="779"/>
                  </a:lnTo>
                  <a:lnTo>
                    <a:pt x="235" y="779"/>
                  </a:lnTo>
                  <a:lnTo>
                    <a:pt x="244" y="779"/>
                  </a:lnTo>
                  <a:lnTo>
                    <a:pt x="255" y="781"/>
                  </a:lnTo>
                  <a:lnTo>
                    <a:pt x="264" y="782"/>
                  </a:lnTo>
                  <a:lnTo>
                    <a:pt x="286" y="787"/>
                  </a:lnTo>
                  <a:lnTo>
                    <a:pt x="308" y="793"/>
                  </a:lnTo>
                  <a:lnTo>
                    <a:pt x="319" y="795"/>
                  </a:lnTo>
                  <a:lnTo>
                    <a:pt x="332" y="796"/>
                  </a:lnTo>
                  <a:lnTo>
                    <a:pt x="346" y="796"/>
                  </a:lnTo>
                  <a:lnTo>
                    <a:pt x="359" y="796"/>
                  </a:lnTo>
                  <a:lnTo>
                    <a:pt x="358" y="787"/>
                  </a:lnTo>
                  <a:lnTo>
                    <a:pt x="358" y="779"/>
                  </a:lnTo>
                  <a:lnTo>
                    <a:pt x="359" y="773"/>
                  </a:lnTo>
                  <a:lnTo>
                    <a:pt x="360" y="766"/>
                  </a:lnTo>
                  <a:lnTo>
                    <a:pt x="362" y="761"/>
                  </a:lnTo>
                  <a:lnTo>
                    <a:pt x="366" y="757"/>
                  </a:lnTo>
                  <a:lnTo>
                    <a:pt x="369" y="753"/>
                  </a:lnTo>
                  <a:lnTo>
                    <a:pt x="373" y="749"/>
                  </a:lnTo>
                  <a:lnTo>
                    <a:pt x="381" y="744"/>
                  </a:lnTo>
                  <a:lnTo>
                    <a:pt x="392" y="740"/>
                  </a:lnTo>
                  <a:lnTo>
                    <a:pt x="402" y="737"/>
                  </a:lnTo>
                  <a:lnTo>
                    <a:pt x="414" y="735"/>
                  </a:lnTo>
                  <a:lnTo>
                    <a:pt x="427" y="733"/>
                  </a:lnTo>
                  <a:lnTo>
                    <a:pt x="438" y="730"/>
                  </a:lnTo>
                  <a:lnTo>
                    <a:pt x="450" y="727"/>
                  </a:lnTo>
                  <a:lnTo>
                    <a:pt x="460" y="722"/>
                  </a:lnTo>
                  <a:lnTo>
                    <a:pt x="465" y="719"/>
                  </a:lnTo>
                  <a:lnTo>
                    <a:pt x="469" y="716"/>
                  </a:lnTo>
                  <a:lnTo>
                    <a:pt x="473" y="711"/>
                  </a:lnTo>
                  <a:lnTo>
                    <a:pt x="476" y="706"/>
                  </a:lnTo>
                  <a:lnTo>
                    <a:pt x="479" y="701"/>
                  </a:lnTo>
                  <a:lnTo>
                    <a:pt x="482" y="695"/>
                  </a:lnTo>
                  <a:lnTo>
                    <a:pt x="483" y="687"/>
                  </a:lnTo>
                  <a:lnTo>
                    <a:pt x="485" y="679"/>
                  </a:lnTo>
                  <a:lnTo>
                    <a:pt x="505" y="681"/>
                  </a:lnTo>
                  <a:lnTo>
                    <a:pt x="523" y="682"/>
                  </a:lnTo>
                  <a:lnTo>
                    <a:pt x="543" y="681"/>
                  </a:lnTo>
                  <a:lnTo>
                    <a:pt x="562" y="679"/>
                  </a:lnTo>
                  <a:lnTo>
                    <a:pt x="580" y="675"/>
                  </a:lnTo>
                  <a:lnTo>
                    <a:pt x="598" y="668"/>
                  </a:lnTo>
                  <a:lnTo>
                    <a:pt x="615" y="662"/>
                  </a:lnTo>
                  <a:lnTo>
                    <a:pt x="632" y="654"/>
                  </a:lnTo>
                  <a:lnTo>
                    <a:pt x="647" y="644"/>
                  </a:lnTo>
                  <a:lnTo>
                    <a:pt x="661" y="633"/>
                  </a:lnTo>
                  <a:lnTo>
                    <a:pt x="674" y="620"/>
                  </a:lnTo>
                  <a:lnTo>
                    <a:pt x="687" y="607"/>
                  </a:lnTo>
                  <a:lnTo>
                    <a:pt x="696" y="592"/>
                  </a:lnTo>
                  <a:lnTo>
                    <a:pt x="706" y="577"/>
                  </a:lnTo>
                  <a:lnTo>
                    <a:pt x="713" y="561"/>
                  </a:lnTo>
                  <a:lnTo>
                    <a:pt x="718" y="543"/>
                  </a:lnTo>
                  <a:lnTo>
                    <a:pt x="731" y="544"/>
                  </a:lnTo>
                  <a:lnTo>
                    <a:pt x="741" y="542"/>
                  </a:lnTo>
                  <a:lnTo>
                    <a:pt x="749" y="539"/>
                  </a:lnTo>
                  <a:lnTo>
                    <a:pt x="755" y="535"/>
                  </a:lnTo>
                  <a:lnTo>
                    <a:pt x="760" y="529"/>
                  </a:lnTo>
                  <a:lnTo>
                    <a:pt x="765" y="523"/>
                  </a:lnTo>
                  <a:lnTo>
                    <a:pt x="768" y="517"/>
                  </a:lnTo>
                  <a:lnTo>
                    <a:pt x="771" y="509"/>
                  </a:lnTo>
                  <a:lnTo>
                    <a:pt x="774" y="502"/>
                  </a:lnTo>
                  <a:lnTo>
                    <a:pt x="777" y="495"/>
                  </a:lnTo>
                  <a:lnTo>
                    <a:pt x="781" y="487"/>
                  </a:lnTo>
                  <a:lnTo>
                    <a:pt x="786" y="481"/>
                  </a:lnTo>
                  <a:lnTo>
                    <a:pt x="793" y="475"/>
                  </a:lnTo>
                  <a:lnTo>
                    <a:pt x="801" y="470"/>
                  </a:lnTo>
                  <a:lnTo>
                    <a:pt x="812" y="467"/>
                  </a:lnTo>
                  <a:lnTo>
                    <a:pt x="825" y="465"/>
                  </a:lnTo>
                  <a:lnTo>
                    <a:pt x="821" y="456"/>
                  </a:lnTo>
                  <a:lnTo>
                    <a:pt x="818" y="447"/>
                  </a:lnTo>
                  <a:lnTo>
                    <a:pt x="813" y="439"/>
                  </a:lnTo>
                  <a:lnTo>
                    <a:pt x="808" y="431"/>
                  </a:lnTo>
                  <a:lnTo>
                    <a:pt x="803" y="424"/>
                  </a:lnTo>
                  <a:lnTo>
                    <a:pt x="796" y="418"/>
                  </a:lnTo>
                  <a:lnTo>
                    <a:pt x="789" y="412"/>
                  </a:lnTo>
                  <a:lnTo>
                    <a:pt x="781" y="407"/>
                  </a:lnTo>
                  <a:lnTo>
                    <a:pt x="765" y="398"/>
                  </a:lnTo>
                  <a:lnTo>
                    <a:pt x="747" y="390"/>
                  </a:lnTo>
                  <a:lnTo>
                    <a:pt x="728" y="384"/>
                  </a:lnTo>
                  <a:lnTo>
                    <a:pt x="708" y="379"/>
                  </a:lnTo>
                  <a:lnTo>
                    <a:pt x="708" y="389"/>
                  </a:lnTo>
                  <a:lnTo>
                    <a:pt x="706" y="400"/>
                  </a:lnTo>
                  <a:lnTo>
                    <a:pt x="703" y="409"/>
                  </a:lnTo>
                  <a:lnTo>
                    <a:pt x="699" y="419"/>
                  </a:lnTo>
                  <a:lnTo>
                    <a:pt x="694" y="426"/>
                  </a:lnTo>
                  <a:lnTo>
                    <a:pt x="690" y="433"/>
                  </a:lnTo>
                  <a:lnTo>
                    <a:pt x="684" y="440"/>
                  </a:lnTo>
                  <a:lnTo>
                    <a:pt x="677" y="445"/>
                  </a:lnTo>
                  <a:lnTo>
                    <a:pt x="670" y="449"/>
                  </a:lnTo>
                  <a:lnTo>
                    <a:pt x="662" y="451"/>
                  </a:lnTo>
                  <a:lnTo>
                    <a:pt x="655" y="452"/>
                  </a:lnTo>
                  <a:lnTo>
                    <a:pt x="647" y="452"/>
                  </a:lnTo>
                  <a:lnTo>
                    <a:pt x="638" y="451"/>
                  </a:lnTo>
                  <a:lnTo>
                    <a:pt x="629" y="448"/>
                  </a:lnTo>
                  <a:lnTo>
                    <a:pt x="620" y="443"/>
                  </a:lnTo>
                  <a:lnTo>
                    <a:pt x="611" y="437"/>
                  </a:lnTo>
                  <a:lnTo>
                    <a:pt x="606" y="446"/>
                  </a:lnTo>
                  <a:lnTo>
                    <a:pt x="600" y="456"/>
                  </a:lnTo>
                  <a:lnTo>
                    <a:pt x="593" y="465"/>
                  </a:lnTo>
                  <a:lnTo>
                    <a:pt x="587" y="474"/>
                  </a:lnTo>
                  <a:lnTo>
                    <a:pt x="578" y="482"/>
                  </a:lnTo>
                  <a:lnTo>
                    <a:pt x="570" y="489"/>
                  </a:lnTo>
                  <a:lnTo>
                    <a:pt x="561" y="497"/>
                  </a:lnTo>
                  <a:lnTo>
                    <a:pt x="552" y="504"/>
                  </a:lnTo>
                  <a:lnTo>
                    <a:pt x="532" y="517"/>
                  </a:lnTo>
                  <a:lnTo>
                    <a:pt x="511" y="528"/>
                  </a:lnTo>
                  <a:lnTo>
                    <a:pt x="488" y="539"/>
                  </a:lnTo>
                  <a:lnTo>
                    <a:pt x="463" y="548"/>
                  </a:lnTo>
                  <a:lnTo>
                    <a:pt x="437" y="556"/>
                  </a:lnTo>
                  <a:lnTo>
                    <a:pt x="412" y="562"/>
                  </a:lnTo>
                  <a:lnTo>
                    <a:pt x="384" y="566"/>
                  </a:lnTo>
                  <a:lnTo>
                    <a:pt x="358" y="570"/>
                  </a:lnTo>
                  <a:lnTo>
                    <a:pt x="331" y="572"/>
                  </a:lnTo>
                  <a:lnTo>
                    <a:pt x="304" y="574"/>
                  </a:lnTo>
                  <a:lnTo>
                    <a:pt x="278" y="574"/>
                  </a:lnTo>
                  <a:lnTo>
                    <a:pt x="252" y="572"/>
                  </a:lnTo>
                  <a:lnTo>
                    <a:pt x="276" y="570"/>
                  </a:lnTo>
                  <a:lnTo>
                    <a:pt x="299" y="567"/>
                  </a:lnTo>
                  <a:lnTo>
                    <a:pt x="321" y="563"/>
                  </a:lnTo>
                  <a:lnTo>
                    <a:pt x="342" y="559"/>
                  </a:lnTo>
                  <a:lnTo>
                    <a:pt x="363" y="554"/>
                  </a:lnTo>
                  <a:lnTo>
                    <a:pt x="383" y="547"/>
                  </a:lnTo>
                  <a:lnTo>
                    <a:pt x="403" y="541"/>
                  </a:lnTo>
                  <a:lnTo>
                    <a:pt x="422" y="535"/>
                  </a:lnTo>
                  <a:lnTo>
                    <a:pt x="459" y="519"/>
                  </a:lnTo>
                  <a:lnTo>
                    <a:pt x="495" y="502"/>
                  </a:lnTo>
                  <a:lnTo>
                    <a:pt x="529" y="484"/>
                  </a:lnTo>
                  <a:lnTo>
                    <a:pt x="562" y="465"/>
                  </a:lnTo>
                  <a:lnTo>
                    <a:pt x="565" y="456"/>
                  </a:lnTo>
                  <a:lnTo>
                    <a:pt x="568" y="446"/>
                  </a:lnTo>
                  <a:lnTo>
                    <a:pt x="572" y="438"/>
                  </a:lnTo>
                  <a:lnTo>
                    <a:pt x="576" y="431"/>
                  </a:lnTo>
                  <a:lnTo>
                    <a:pt x="582" y="426"/>
                  </a:lnTo>
                  <a:lnTo>
                    <a:pt x="589" y="422"/>
                  </a:lnTo>
                  <a:lnTo>
                    <a:pt x="596" y="419"/>
                  </a:lnTo>
                  <a:lnTo>
                    <a:pt x="605" y="417"/>
                  </a:lnTo>
                  <a:lnTo>
                    <a:pt x="612" y="415"/>
                  </a:lnTo>
                  <a:lnTo>
                    <a:pt x="620" y="415"/>
                  </a:lnTo>
                  <a:lnTo>
                    <a:pt x="630" y="415"/>
                  </a:lnTo>
                  <a:lnTo>
                    <a:pt x="638" y="416"/>
                  </a:lnTo>
                  <a:lnTo>
                    <a:pt x="647" y="418"/>
                  </a:lnTo>
                  <a:lnTo>
                    <a:pt x="654" y="420"/>
                  </a:lnTo>
                  <a:lnTo>
                    <a:pt x="662" y="423"/>
                  </a:lnTo>
                  <a:lnTo>
                    <a:pt x="670" y="427"/>
                  </a:lnTo>
                  <a:lnTo>
                    <a:pt x="676" y="411"/>
                  </a:lnTo>
                  <a:lnTo>
                    <a:pt x="685" y="398"/>
                  </a:lnTo>
                  <a:lnTo>
                    <a:pt x="689" y="392"/>
                  </a:lnTo>
                  <a:lnTo>
                    <a:pt x="694" y="386"/>
                  </a:lnTo>
                  <a:lnTo>
                    <a:pt x="700" y="381"/>
                  </a:lnTo>
                  <a:lnTo>
                    <a:pt x="707" y="377"/>
                  </a:lnTo>
                  <a:lnTo>
                    <a:pt x="713" y="372"/>
                  </a:lnTo>
                  <a:lnTo>
                    <a:pt x="720" y="368"/>
                  </a:lnTo>
                  <a:lnTo>
                    <a:pt x="728" y="365"/>
                  </a:lnTo>
                  <a:lnTo>
                    <a:pt x="736" y="363"/>
                  </a:lnTo>
                  <a:lnTo>
                    <a:pt x="746" y="361"/>
                  </a:lnTo>
                  <a:lnTo>
                    <a:pt x="755" y="360"/>
                  </a:lnTo>
                  <a:lnTo>
                    <a:pt x="766" y="359"/>
                  </a:lnTo>
                  <a:lnTo>
                    <a:pt x="776" y="359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394" name="Mariagerfjord kant"/>
            <p:cNvSpPr>
              <a:spLocks/>
            </p:cNvSpPr>
            <p:nvPr/>
          </p:nvSpPr>
          <p:spPr bwMode="auto">
            <a:xfrm>
              <a:off x="1720850" y="3405188"/>
              <a:ext cx="538162" cy="420688"/>
            </a:xfrm>
            <a:custGeom>
              <a:avLst/>
              <a:gdLst>
                <a:gd name="T0" fmla="*/ 256 w 1018"/>
                <a:gd name="T1" fmla="*/ 124 h 796"/>
                <a:gd name="T2" fmla="*/ 270 w 1018"/>
                <a:gd name="T3" fmla="*/ 133 h 796"/>
                <a:gd name="T4" fmla="*/ 283 w 1018"/>
                <a:gd name="T5" fmla="*/ 122 h 796"/>
                <a:gd name="T6" fmla="*/ 298 w 1018"/>
                <a:gd name="T7" fmla="*/ 124 h 796"/>
                <a:gd name="T8" fmla="*/ 335 w 1018"/>
                <a:gd name="T9" fmla="*/ 129 h 796"/>
                <a:gd name="T10" fmla="*/ 324 w 1018"/>
                <a:gd name="T11" fmla="*/ 86 h 796"/>
                <a:gd name="T12" fmla="*/ 308 w 1018"/>
                <a:gd name="T13" fmla="*/ 20 h 796"/>
                <a:gd name="T14" fmla="*/ 292 w 1018"/>
                <a:gd name="T15" fmla="*/ 1 h 796"/>
                <a:gd name="T16" fmla="*/ 277 w 1018"/>
                <a:gd name="T17" fmla="*/ 5 h 796"/>
                <a:gd name="T18" fmla="*/ 284 w 1018"/>
                <a:gd name="T19" fmla="*/ 15 h 796"/>
                <a:gd name="T20" fmla="*/ 286 w 1018"/>
                <a:gd name="T21" fmla="*/ 32 h 796"/>
                <a:gd name="T22" fmla="*/ 287 w 1018"/>
                <a:gd name="T23" fmla="*/ 54 h 796"/>
                <a:gd name="T24" fmla="*/ 278 w 1018"/>
                <a:gd name="T25" fmla="*/ 56 h 796"/>
                <a:gd name="T26" fmla="*/ 256 w 1018"/>
                <a:gd name="T27" fmla="*/ 67 h 796"/>
                <a:gd name="T28" fmla="*/ 233 w 1018"/>
                <a:gd name="T29" fmla="*/ 85 h 796"/>
                <a:gd name="T30" fmla="*/ 202 w 1018"/>
                <a:gd name="T31" fmla="*/ 89 h 796"/>
                <a:gd name="T32" fmla="*/ 198 w 1018"/>
                <a:gd name="T33" fmla="*/ 77 h 796"/>
                <a:gd name="T34" fmla="*/ 119 w 1018"/>
                <a:gd name="T35" fmla="*/ 54 h 796"/>
                <a:gd name="T36" fmla="*/ 76 w 1018"/>
                <a:gd name="T37" fmla="*/ 50 h 796"/>
                <a:gd name="T38" fmla="*/ 77 w 1018"/>
                <a:gd name="T39" fmla="*/ 71 h 796"/>
                <a:gd name="T40" fmla="*/ 80 w 1018"/>
                <a:gd name="T41" fmla="*/ 88 h 796"/>
                <a:gd name="T42" fmla="*/ 84 w 1018"/>
                <a:gd name="T43" fmla="*/ 111 h 796"/>
                <a:gd name="T44" fmla="*/ 70 w 1018"/>
                <a:gd name="T45" fmla="*/ 113 h 796"/>
                <a:gd name="T46" fmla="*/ 56 w 1018"/>
                <a:gd name="T47" fmla="*/ 128 h 796"/>
                <a:gd name="T48" fmla="*/ 44 w 1018"/>
                <a:gd name="T49" fmla="*/ 178 h 796"/>
                <a:gd name="T50" fmla="*/ 32 w 1018"/>
                <a:gd name="T51" fmla="*/ 192 h 796"/>
                <a:gd name="T52" fmla="*/ 20 w 1018"/>
                <a:gd name="T53" fmla="*/ 187 h 796"/>
                <a:gd name="T54" fmla="*/ 6 w 1018"/>
                <a:gd name="T55" fmla="*/ 183 h 796"/>
                <a:gd name="T56" fmla="*/ 19 w 1018"/>
                <a:gd name="T57" fmla="*/ 201 h 796"/>
                <a:gd name="T58" fmla="*/ 26 w 1018"/>
                <a:gd name="T59" fmla="*/ 216 h 796"/>
                <a:gd name="T60" fmla="*/ 14 w 1018"/>
                <a:gd name="T61" fmla="*/ 230 h 796"/>
                <a:gd name="T62" fmla="*/ 30 w 1018"/>
                <a:gd name="T63" fmla="*/ 235 h 796"/>
                <a:gd name="T64" fmla="*/ 53 w 1018"/>
                <a:gd name="T65" fmla="*/ 249 h 796"/>
                <a:gd name="T66" fmla="*/ 65 w 1018"/>
                <a:gd name="T67" fmla="*/ 263 h 796"/>
                <a:gd name="T68" fmla="*/ 88 w 1018"/>
                <a:gd name="T69" fmla="*/ 260 h 796"/>
                <a:gd name="T70" fmla="*/ 119 w 1018"/>
                <a:gd name="T71" fmla="*/ 262 h 796"/>
                <a:gd name="T72" fmla="*/ 124 w 1018"/>
                <a:gd name="T73" fmla="*/ 249 h 796"/>
                <a:gd name="T74" fmla="*/ 150 w 1018"/>
                <a:gd name="T75" fmla="*/ 242 h 796"/>
                <a:gd name="T76" fmla="*/ 161 w 1018"/>
                <a:gd name="T77" fmla="*/ 231 h 796"/>
                <a:gd name="T78" fmla="*/ 193 w 1018"/>
                <a:gd name="T79" fmla="*/ 225 h 796"/>
                <a:gd name="T80" fmla="*/ 229 w 1018"/>
                <a:gd name="T81" fmla="*/ 202 h 796"/>
                <a:gd name="T82" fmla="*/ 249 w 1018"/>
                <a:gd name="T83" fmla="*/ 179 h 796"/>
                <a:gd name="T84" fmla="*/ 259 w 1018"/>
                <a:gd name="T85" fmla="*/ 165 h 796"/>
                <a:gd name="T86" fmla="*/ 273 w 1018"/>
                <a:gd name="T87" fmla="*/ 152 h 796"/>
                <a:gd name="T88" fmla="*/ 260 w 1018"/>
                <a:gd name="T89" fmla="*/ 135 h 796"/>
                <a:gd name="T90" fmla="*/ 234 w 1018"/>
                <a:gd name="T91" fmla="*/ 136 h 796"/>
                <a:gd name="T92" fmla="*/ 220 w 1018"/>
                <a:gd name="T93" fmla="*/ 150 h 796"/>
                <a:gd name="T94" fmla="*/ 202 w 1018"/>
                <a:gd name="T95" fmla="*/ 148 h 796"/>
                <a:gd name="T96" fmla="*/ 184 w 1018"/>
                <a:gd name="T97" fmla="*/ 168 h 796"/>
                <a:gd name="T98" fmla="*/ 128 w 1018"/>
                <a:gd name="T99" fmla="*/ 188 h 796"/>
                <a:gd name="T100" fmla="*/ 100 w 1018"/>
                <a:gd name="T101" fmla="*/ 189 h 796"/>
                <a:gd name="T102" fmla="*/ 153 w 1018"/>
                <a:gd name="T103" fmla="*/ 173 h 796"/>
                <a:gd name="T104" fmla="*/ 192 w 1018"/>
                <a:gd name="T105" fmla="*/ 143 h 796"/>
                <a:gd name="T106" fmla="*/ 210 w 1018"/>
                <a:gd name="T107" fmla="*/ 138 h 796"/>
                <a:gd name="T108" fmla="*/ 228 w 1018"/>
                <a:gd name="T109" fmla="*/ 133 h 796"/>
                <a:gd name="T110" fmla="*/ 242 w 1018"/>
                <a:gd name="T111" fmla="*/ 122 h 79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018" h="796">
                  <a:moveTo>
                    <a:pt x="776" y="359"/>
                  </a:moveTo>
                  <a:lnTo>
                    <a:pt x="773" y="359"/>
                  </a:lnTo>
                  <a:lnTo>
                    <a:pt x="772" y="360"/>
                  </a:lnTo>
                  <a:lnTo>
                    <a:pt x="770" y="361"/>
                  </a:lnTo>
                  <a:lnTo>
                    <a:pt x="769" y="362"/>
                  </a:lnTo>
                  <a:lnTo>
                    <a:pt x="768" y="366"/>
                  </a:lnTo>
                  <a:lnTo>
                    <a:pt x="769" y="371"/>
                  </a:lnTo>
                  <a:lnTo>
                    <a:pt x="771" y="378"/>
                  </a:lnTo>
                  <a:lnTo>
                    <a:pt x="775" y="384"/>
                  </a:lnTo>
                  <a:lnTo>
                    <a:pt x="779" y="391"/>
                  </a:lnTo>
                  <a:lnTo>
                    <a:pt x="786" y="398"/>
                  </a:lnTo>
                  <a:lnTo>
                    <a:pt x="795" y="400"/>
                  </a:lnTo>
                  <a:lnTo>
                    <a:pt x="804" y="400"/>
                  </a:lnTo>
                  <a:lnTo>
                    <a:pt x="811" y="399"/>
                  </a:lnTo>
                  <a:lnTo>
                    <a:pt x="816" y="397"/>
                  </a:lnTo>
                  <a:lnTo>
                    <a:pt x="821" y="395"/>
                  </a:lnTo>
                  <a:lnTo>
                    <a:pt x="827" y="391"/>
                  </a:lnTo>
                  <a:lnTo>
                    <a:pt x="831" y="387"/>
                  </a:lnTo>
                  <a:lnTo>
                    <a:pt x="834" y="383"/>
                  </a:lnTo>
                  <a:lnTo>
                    <a:pt x="841" y="375"/>
                  </a:lnTo>
                  <a:lnTo>
                    <a:pt x="850" y="367"/>
                  </a:lnTo>
                  <a:lnTo>
                    <a:pt x="854" y="364"/>
                  </a:lnTo>
                  <a:lnTo>
                    <a:pt x="859" y="361"/>
                  </a:lnTo>
                  <a:lnTo>
                    <a:pt x="866" y="360"/>
                  </a:lnTo>
                  <a:lnTo>
                    <a:pt x="873" y="359"/>
                  </a:lnTo>
                  <a:lnTo>
                    <a:pt x="879" y="365"/>
                  </a:lnTo>
                  <a:lnTo>
                    <a:pt x="886" y="369"/>
                  </a:lnTo>
                  <a:lnTo>
                    <a:pt x="894" y="372"/>
                  </a:lnTo>
                  <a:lnTo>
                    <a:pt x="903" y="376"/>
                  </a:lnTo>
                  <a:lnTo>
                    <a:pt x="923" y="378"/>
                  </a:lnTo>
                  <a:lnTo>
                    <a:pt x="945" y="380"/>
                  </a:lnTo>
                  <a:lnTo>
                    <a:pt x="967" y="381"/>
                  </a:lnTo>
                  <a:lnTo>
                    <a:pt x="987" y="383"/>
                  </a:lnTo>
                  <a:lnTo>
                    <a:pt x="996" y="385"/>
                  </a:lnTo>
                  <a:lnTo>
                    <a:pt x="1005" y="388"/>
                  </a:lnTo>
                  <a:lnTo>
                    <a:pt x="1012" y="392"/>
                  </a:lnTo>
                  <a:lnTo>
                    <a:pt x="1018" y="398"/>
                  </a:lnTo>
                  <a:lnTo>
                    <a:pt x="1013" y="372"/>
                  </a:lnTo>
                  <a:lnTo>
                    <a:pt x="1006" y="348"/>
                  </a:lnTo>
                  <a:lnTo>
                    <a:pt x="998" y="325"/>
                  </a:lnTo>
                  <a:lnTo>
                    <a:pt x="991" y="302"/>
                  </a:lnTo>
                  <a:lnTo>
                    <a:pt x="974" y="257"/>
                  </a:lnTo>
                  <a:lnTo>
                    <a:pt x="958" y="211"/>
                  </a:lnTo>
                  <a:lnTo>
                    <a:pt x="950" y="188"/>
                  </a:lnTo>
                  <a:lnTo>
                    <a:pt x="944" y="164"/>
                  </a:lnTo>
                  <a:lnTo>
                    <a:pt x="937" y="140"/>
                  </a:lnTo>
                  <a:lnTo>
                    <a:pt x="931" y="113"/>
                  </a:lnTo>
                  <a:lnTo>
                    <a:pt x="927" y="87"/>
                  </a:lnTo>
                  <a:lnTo>
                    <a:pt x="924" y="60"/>
                  </a:lnTo>
                  <a:lnTo>
                    <a:pt x="922" y="30"/>
                  </a:lnTo>
                  <a:lnTo>
                    <a:pt x="922" y="0"/>
                  </a:lnTo>
                  <a:lnTo>
                    <a:pt x="914" y="2"/>
                  </a:lnTo>
                  <a:lnTo>
                    <a:pt x="907" y="4"/>
                  </a:lnTo>
                  <a:lnTo>
                    <a:pt x="899" y="5"/>
                  </a:lnTo>
                  <a:lnTo>
                    <a:pt x="892" y="5"/>
                  </a:lnTo>
                  <a:lnTo>
                    <a:pt x="877" y="4"/>
                  </a:lnTo>
                  <a:lnTo>
                    <a:pt x="864" y="3"/>
                  </a:lnTo>
                  <a:lnTo>
                    <a:pt x="858" y="3"/>
                  </a:lnTo>
                  <a:lnTo>
                    <a:pt x="852" y="3"/>
                  </a:lnTo>
                  <a:lnTo>
                    <a:pt x="847" y="5"/>
                  </a:lnTo>
                  <a:lnTo>
                    <a:pt x="841" y="7"/>
                  </a:lnTo>
                  <a:lnTo>
                    <a:pt x="836" y="10"/>
                  </a:lnTo>
                  <a:lnTo>
                    <a:pt x="832" y="14"/>
                  </a:lnTo>
                  <a:lnTo>
                    <a:pt x="828" y="21"/>
                  </a:lnTo>
                  <a:lnTo>
                    <a:pt x="825" y="29"/>
                  </a:lnTo>
                  <a:lnTo>
                    <a:pt x="832" y="31"/>
                  </a:lnTo>
                  <a:lnTo>
                    <a:pt x="838" y="33"/>
                  </a:lnTo>
                  <a:lnTo>
                    <a:pt x="844" y="37"/>
                  </a:lnTo>
                  <a:lnTo>
                    <a:pt x="848" y="41"/>
                  </a:lnTo>
                  <a:lnTo>
                    <a:pt x="852" y="44"/>
                  </a:lnTo>
                  <a:lnTo>
                    <a:pt x="855" y="48"/>
                  </a:lnTo>
                  <a:lnTo>
                    <a:pt x="857" y="52"/>
                  </a:lnTo>
                  <a:lnTo>
                    <a:pt x="859" y="57"/>
                  </a:lnTo>
                  <a:lnTo>
                    <a:pt x="862" y="66"/>
                  </a:lnTo>
                  <a:lnTo>
                    <a:pt x="862" y="75"/>
                  </a:lnTo>
                  <a:lnTo>
                    <a:pt x="862" y="86"/>
                  </a:lnTo>
                  <a:lnTo>
                    <a:pt x="859" y="97"/>
                  </a:lnTo>
                  <a:lnTo>
                    <a:pt x="857" y="108"/>
                  </a:lnTo>
                  <a:lnTo>
                    <a:pt x="856" y="119"/>
                  </a:lnTo>
                  <a:lnTo>
                    <a:pt x="854" y="129"/>
                  </a:lnTo>
                  <a:lnTo>
                    <a:pt x="854" y="140"/>
                  </a:lnTo>
                  <a:lnTo>
                    <a:pt x="855" y="150"/>
                  </a:lnTo>
                  <a:lnTo>
                    <a:pt x="859" y="159"/>
                  </a:lnTo>
                  <a:lnTo>
                    <a:pt x="862" y="163"/>
                  </a:lnTo>
                  <a:lnTo>
                    <a:pt x="865" y="167"/>
                  </a:lnTo>
                  <a:lnTo>
                    <a:pt x="869" y="171"/>
                  </a:lnTo>
                  <a:lnTo>
                    <a:pt x="873" y="174"/>
                  </a:lnTo>
                  <a:lnTo>
                    <a:pt x="863" y="174"/>
                  </a:lnTo>
                  <a:lnTo>
                    <a:pt x="853" y="172"/>
                  </a:lnTo>
                  <a:lnTo>
                    <a:pt x="845" y="170"/>
                  </a:lnTo>
                  <a:lnTo>
                    <a:pt x="836" y="167"/>
                  </a:lnTo>
                  <a:lnTo>
                    <a:pt x="828" y="165"/>
                  </a:lnTo>
                  <a:lnTo>
                    <a:pt x="818" y="163"/>
                  </a:lnTo>
                  <a:lnTo>
                    <a:pt x="808" y="163"/>
                  </a:lnTo>
                  <a:lnTo>
                    <a:pt x="795" y="165"/>
                  </a:lnTo>
                  <a:lnTo>
                    <a:pt x="787" y="178"/>
                  </a:lnTo>
                  <a:lnTo>
                    <a:pt x="778" y="189"/>
                  </a:lnTo>
                  <a:lnTo>
                    <a:pt x="770" y="201"/>
                  </a:lnTo>
                  <a:lnTo>
                    <a:pt x="761" y="211"/>
                  </a:lnTo>
                  <a:lnTo>
                    <a:pt x="752" y="220"/>
                  </a:lnTo>
                  <a:lnTo>
                    <a:pt x="744" y="228"/>
                  </a:lnTo>
                  <a:lnTo>
                    <a:pt x="733" y="237"/>
                  </a:lnTo>
                  <a:lnTo>
                    <a:pt x="724" y="243"/>
                  </a:lnTo>
                  <a:lnTo>
                    <a:pt x="712" y="249"/>
                  </a:lnTo>
                  <a:lnTo>
                    <a:pt x="700" y="254"/>
                  </a:lnTo>
                  <a:lnTo>
                    <a:pt x="689" y="259"/>
                  </a:lnTo>
                  <a:lnTo>
                    <a:pt x="675" y="263"/>
                  </a:lnTo>
                  <a:lnTo>
                    <a:pt x="661" y="266"/>
                  </a:lnTo>
                  <a:lnTo>
                    <a:pt x="646" y="268"/>
                  </a:lnTo>
                  <a:lnTo>
                    <a:pt x="629" y="270"/>
                  </a:lnTo>
                  <a:lnTo>
                    <a:pt x="611" y="271"/>
                  </a:lnTo>
                  <a:lnTo>
                    <a:pt x="607" y="266"/>
                  </a:lnTo>
                  <a:lnTo>
                    <a:pt x="602" y="261"/>
                  </a:lnTo>
                  <a:lnTo>
                    <a:pt x="600" y="256"/>
                  </a:lnTo>
                  <a:lnTo>
                    <a:pt x="598" y="250"/>
                  </a:lnTo>
                  <a:lnTo>
                    <a:pt x="597" y="245"/>
                  </a:lnTo>
                  <a:lnTo>
                    <a:pt x="596" y="240"/>
                  </a:lnTo>
                  <a:lnTo>
                    <a:pt x="596" y="234"/>
                  </a:lnTo>
                  <a:lnTo>
                    <a:pt x="596" y="230"/>
                  </a:lnTo>
                  <a:lnTo>
                    <a:pt x="602" y="208"/>
                  </a:lnTo>
                  <a:lnTo>
                    <a:pt x="611" y="184"/>
                  </a:lnTo>
                  <a:lnTo>
                    <a:pt x="559" y="181"/>
                  </a:lnTo>
                  <a:lnTo>
                    <a:pt x="508" y="177"/>
                  </a:lnTo>
                  <a:lnTo>
                    <a:pt x="456" y="172"/>
                  </a:lnTo>
                  <a:lnTo>
                    <a:pt x="406" y="167"/>
                  </a:lnTo>
                  <a:lnTo>
                    <a:pt x="357" y="161"/>
                  </a:lnTo>
                  <a:lnTo>
                    <a:pt x="311" y="154"/>
                  </a:lnTo>
                  <a:lnTo>
                    <a:pt x="290" y="150"/>
                  </a:lnTo>
                  <a:lnTo>
                    <a:pt x="270" y="146"/>
                  </a:lnTo>
                  <a:lnTo>
                    <a:pt x="251" y="141"/>
                  </a:lnTo>
                  <a:lnTo>
                    <a:pt x="233" y="135"/>
                  </a:lnTo>
                  <a:lnTo>
                    <a:pt x="230" y="143"/>
                  </a:lnTo>
                  <a:lnTo>
                    <a:pt x="228" y="149"/>
                  </a:lnTo>
                  <a:lnTo>
                    <a:pt x="227" y="157"/>
                  </a:lnTo>
                  <a:lnTo>
                    <a:pt x="225" y="164"/>
                  </a:lnTo>
                  <a:lnTo>
                    <a:pt x="228" y="179"/>
                  </a:lnTo>
                  <a:lnTo>
                    <a:pt x="229" y="192"/>
                  </a:lnTo>
                  <a:lnTo>
                    <a:pt x="230" y="200"/>
                  </a:lnTo>
                  <a:lnTo>
                    <a:pt x="231" y="207"/>
                  </a:lnTo>
                  <a:lnTo>
                    <a:pt x="230" y="213"/>
                  </a:lnTo>
                  <a:lnTo>
                    <a:pt x="230" y="220"/>
                  </a:lnTo>
                  <a:lnTo>
                    <a:pt x="228" y="226"/>
                  </a:lnTo>
                  <a:lnTo>
                    <a:pt x="224" y="231"/>
                  </a:lnTo>
                  <a:lnTo>
                    <a:pt x="219" y="238"/>
                  </a:lnTo>
                  <a:lnTo>
                    <a:pt x="213" y="242"/>
                  </a:lnTo>
                  <a:lnTo>
                    <a:pt x="227" y="253"/>
                  </a:lnTo>
                  <a:lnTo>
                    <a:pt x="241" y="263"/>
                  </a:lnTo>
                  <a:lnTo>
                    <a:pt x="256" y="272"/>
                  </a:lnTo>
                  <a:lnTo>
                    <a:pt x="272" y="281"/>
                  </a:lnTo>
                  <a:lnTo>
                    <a:pt x="271" y="292"/>
                  </a:lnTo>
                  <a:lnTo>
                    <a:pt x="269" y="303"/>
                  </a:lnTo>
                  <a:lnTo>
                    <a:pt x="266" y="311"/>
                  </a:lnTo>
                  <a:lnTo>
                    <a:pt x="261" y="320"/>
                  </a:lnTo>
                  <a:lnTo>
                    <a:pt x="252" y="333"/>
                  </a:lnTo>
                  <a:lnTo>
                    <a:pt x="242" y="349"/>
                  </a:lnTo>
                  <a:lnTo>
                    <a:pt x="238" y="346"/>
                  </a:lnTo>
                  <a:lnTo>
                    <a:pt x="233" y="344"/>
                  </a:lnTo>
                  <a:lnTo>
                    <a:pt x="228" y="342"/>
                  </a:lnTo>
                  <a:lnTo>
                    <a:pt x="222" y="340"/>
                  </a:lnTo>
                  <a:lnTo>
                    <a:pt x="216" y="339"/>
                  </a:lnTo>
                  <a:lnTo>
                    <a:pt x="210" y="339"/>
                  </a:lnTo>
                  <a:lnTo>
                    <a:pt x="202" y="339"/>
                  </a:lnTo>
                  <a:lnTo>
                    <a:pt x="194" y="340"/>
                  </a:lnTo>
                  <a:lnTo>
                    <a:pt x="189" y="346"/>
                  </a:lnTo>
                  <a:lnTo>
                    <a:pt x="183" y="353"/>
                  </a:lnTo>
                  <a:lnTo>
                    <a:pt x="178" y="361"/>
                  </a:lnTo>
                  <a:lnTo>
                    <a:pt x="175" y="369"/>
                  </a:lnTo>
                  <a:lnTo>
                    <a:pt x="168" y="385"/>
                  </a:lnTo>
                  <a:lnTo>
                    <a:pt x="162" y="401"/>
                  </a:lnTo>
                  <a:lnTo>
                    <a:pt x="155" y="436"/>
                  </a:lnTo>
                  <a:lnTo>
                    <a:pt x="149" y="469"/>
                  </a:lnTo>
                  <a:lnTo>
                    <a:pt x="145" y="486"/>
                  </a:lnTo>
                  <a:lnTo>
                    <a:pt x="141" y="503"/>
                  </a:lnTo>
                  <a:lnTo>
                    <a:pt x="137" y="519"/>
                  </a:lnTo>
                  <a:lnTo>
                    <a:pt x="131" y="534"/>
                  </a:lnTo>
                  <a:lnTo>
                    <a:pt x="128" y="541"/>
                  </a:lnTo>
                  <a:lnTo>
                    <a:pt x="123" y="547"/>
                  </a:lnTo>
                  <a:lnTo>
                    <a:pt x="119" y="554"/>
                  </a:lnTo>
                  <a:lnTo>
                    <a:pt x="114" y="560"/>
                  </a:lnTo>
                  <a:lnTo>
                    <a:pt x="108" y="566"/>
                  </a:lnTo>
                  <a:lnTo>
                    <a:pt x="101" y="571"/>
                  </a:lnTo>
                  <a:lnTo>
                    <a:pt x="95" y="577"/>
                  </a:lnTo>
                  <a:lnTo>
                    <a:pt x="88" y="582"/>
                  </a:lnTo>
                  <a:lnTo>
                    <a:pt x="81" y="582"/>
                  </a:lnTo>
                  <a:lnTo>
                    <a:pt x="77" y="580"/>
                  </a:lnTo>
                  <a:lnTo>
                    <a:pt x="73" y="578"/>
                  </a:lnTo>
                  <a:lnTo>
                    <a:pt x="70" y="576"/>
                  </a:lnTo>
                  <a:lnTo>
                    <a:pt x="63" y="569"/>
                  </a:lnTo>
                  <a:lnTo>
                    <a:pt x="59" y="562"/>
                  </a:lnTo>
                  <a:lnTo>
                    <a:pt x="54" y="555"/>
                  </a:lnTo>
                  <a:lnTo>
                    <a:pt x="49" y="548"/>
                  </a:lnTo>
                  <a:lnTo>
                    <a:pt x="44" y="546"/>
                  </a:lnTo>
                  <a:lnTo>
                    <a:pt x="40" y="544"/>
                  </a:lnTo>
                  <a:lnTo>
                    <a:pt x="35" y="543"/>
                  </a:lnTo>
                  <a:lnTo>
                    <a:pt x="29" y="543"/>
                  </a:lnTo>
                  <a:lnTo>
                    <a:pt x="18" y="549"/>
                  </a:lnTo>
                  <a:lnTo>
                    <a:pt x="9" y="557"/>
                  </a:lnTo>
                  <a:lnTo>
                    <a:pt x="4" y="561"/>
                  </a:lnTo>
                  <a:lnTo>
                    <a:pt x="1" y="567"/>
                  </a:lnTo>
                  <a:lnTo>
                    <a:pt x="0" y="574"/>
                  </a:lnTo>
                  <a:lnTo>
                    <a:pt x="0" y="582"/>
                  </a:lnTo>
                  <a:lnTo>
                    <a:pt x="28" y="592"/>
                  </a:lnTo>
                  <a:lnTo>
                    <a:pt x="56" y="603"/>
                  </a:lnTo>
                  <a:lnTo>
                    <a:pt x="62" y="607"/>
                  </a:lnTo>
                  <a:lnTo>
                    <a:pt x="68" y="611"/>
                  </a:lnTo>
                  <a:lnTo>
                    <a:pt x="72" y="617"/>
                  </a:lnTo>
                  <a:lnTo>
                    <a:pt x="76" y="623"/>
                  </a:lnTo>
                  <a:lnTo>
                    <a:pt x="78" y="630"/>
                  </a:lnTo>
                  <a:lnTo>
                    <a:pt x="79" y="639"/>
                  </a:lnTo>
                  <a:lnTo>
                    <a:pt x="79" y="648"/>
                  </a:lnTo>
                  <a:lnTo>
                    <a:pt x="77" y="660"/>
                  </a:lnTo>
                  <a:lnTo>
                    <a:pt x="68" y="660"/>
                  </a:lnTo>
                  <a:lnTo>
                    <a:pt x="58" y="660"/>
                  </a:lnTo>
                  <a:lnTo>
                    <a:pt x="49" y="660"/>
                  </a:lnTo>
                  <a:lnTo>
                    <a:pt x="38" y="660"/>
                  </a:lnTo>
                  <a:lnTo>
                    <a:pt x="40" y="680"/>
                  </a:lnTo>
                  <a:lnTo>
                    <a:pt x="43" y="690"/>
                  </a:lnTo>
                  <a:lnTo>
                    <a:pt x="43" y="696"/>
                  </a:lnTo>
                  <a:lnTo>
                    <a:pt x="43" y="701"/>
                  </a:lnTo>
                  <a:lnTo>
                    <a:pt x="41" y="708"/>
                  </a:lnTo>
                  <a:lnTo>
                    <a:pt x="38" y="718"/>
                  </a:lnTo>
                  <a:lnTo>
                    <a:pt x="57" y="713"/>
                  </a:lnTo>
                  <a:lnTo>
                    <a:pt x="78" y="709"/>
                  </a:lnTo>
                  <a:lnTo>
                    <a:pt x="89" y="707"/>
                  </a:lnTo>
                  <a:lnTo>
                    <a:pt x="101" y="707"/>
                  </a:lnTo>
                  <a:lnTo>
                    <a:pt x="113" y="707"/>
                  </a:lnTo>
                  <a:lnTo>
                    <a:pt x="125" y="708"/>
                  </a:lnTo>
                  <a:lnTo>
                    <a:pt x="133" y="720"/>
                  </a:lnTo>
                  <a:lnTo>
                    <a:pt x="141" y="729"/>
                  </a:lnTo>
                  <a:lnTo>
                    <a:pt x="150" y="740"/>
                  </a:lnTo>
                  <a:lnTo>
                    <a:pt x="158" y="749"/>
                  </a:lnTo>
                  <a:lnTo>
                    <a:pt x="165" y="759"/>
                  </a:lnTo>
                  <a:lnTo>
                    <a:pt x="173" y="770"/>
                  </a:lnTo>
                  <a:lnTo>
                    <a:pt x="177" y="776"/>
                  </a:lnTo>
                  <a:lnTo>
                    <a:pt x="179" y="782"/>
                  </a:lnTo>
                  <a:lnTo>
                    <a:pt x="182" y="788"/>
                  </a:lnTo>
                  <a:lnTo>
                    <a:pt x="184" y="796"/>
                  </a:lnTo>
                  <a:lnTo>
                    <a:pt x="195" y="789"/>
                  </a:lnTo>
                  <a:lnTo>
                    <a:pt x="205" y="784"/>
                  </a:lnTo>
                  <a:lnTo>
                    <a:pt x="215" y="781"/>
                  </a:lnTo>
                  <a:lnTo>
                    <a:pt x="225" y="779"/>
                  </a:lnTo>
                  <a:lnTo>
                    <a:pt x="235" y="779"/>
                  </a:lnTo>
                  <a:lnTo>
                    <a:pt x="244" y="779"/>
                  </a:lnTo>
                  <a:lnTo>
                    <a:pt x="255" y="781"/>
                  </a:lnTo>
                  <a:lnTo>
                    <a:pt x="264" y="782"/>
                  </a:lnTo>
                  <a:lnTo>
                    <a:pt x="286" y="787"/>
                  </a:lnTo>
                  <a:lnTo>
                    <a:pt x="308" y="793"/>
                  </a:lnTo>
                  <a:lnTo>
                    <a:pt x="319" y="795"/>
                  </a:lnTo>
                  <a:lnTo>
                    <a:pt x="332" y="796"/>
                  </a:lnTo>
                  <a:lnTo>
                    <a:pt x="346" y="796"/>
                  </a:lnTo>
                  <a:lnTo>
                    <a:pt x="359" y="796"/>
                  </a:lnTo>
                  <a:lnTo>
                    <a:pt x="358" y="787"/>
                  </a:lnTo>
                  <a:lnTo>
                    <a:pt x="358" y="779"/>
                  </a:lnTo>
                  <a:lnTo>
                    <a:pt x="359" y="773"/>
                  </a:lnTo>
                  <a:lnTo>
                    <a:pt x="360" y="766"/>
                  </a:lnTo>
                  <a:lnTo>
                    <a:pt x="362" y="761"/>
                  </a:lnTo>
                  <a:lnTo>
                    <a:pt x="366" y="757"/>
                  </a:lnTo>
                  <a:lnTo>
                    <a:pt x="369" y="753"/>
                  </a:lnTo>
                  <a:lnTo>
                    <a:pt x="373" y="749"/>
                  </a:lnTo>
                  <a:lnTo>
                    <a:pt x="381" y="744"/>
                  </a:lnTo>
                  <a:lnTo>
                    <a:pt x="392" y="740"/>
                  </a:lnTo>
                  <a:lnTo>
                    <a:pt x="402" y="737"/>
                  </a:lnTo>
                  <a:lnTo>
                    <a:pt x="414" y="735"/>
                  </a:lnTo>
                  <a:lnTo>
                    <a:pt x="427" y="733"/>
                  </a:lnTo>
                  <a:lnTo>
                    <a:pt x="438" y="730"/>
                  </a:lnTo>
                  <a:lnTo>
                    <a:pt x="450" y="727"/>
                  </a:lnTo>
                  <a:lnTo>
                    <a:pt x="460" y="722"/>
                  </a:lnTo>
                  <a:lnTo>
                    <a:pt x="465" y="719"/>
                  </a:lnTo>
                  <a:lnTo>
                    <a:pt x="469" y="716"/>
                  </a:lnTo>
                  <a:lnTo>
                    <a:pt x="473" y="711"/>
                  </a:lnTo>
                  <a:lnTo>
                    <a:pt x="476" y="706"/>
                  </a:lnTo>
                  <a:lnTo>
                    <a:pt x="479" y="701"/>
                  </a:lnTo>
                  <a:lnTo>
                    <a:pt x="482" y="695"/>
                  </a:lnTo>
                  <a:lnTo>
                    <a:pt x="483" y="687"/>
                  </a:lnTo>
                  <a:lnTo>
                    <a:pt x="485" y="679"/>
                  </a:lnTo>
                  <a:lnTo>
                    <a:pt x="505" y="681"/>
                  </a:lnTo>
                  <a:lnTo>
                    <a:pt x="523" y="682"/>
                  </a:lnTo>
                  <a:lnTo>
                    <a:pt x="543" y="681"/>
                  </a:lnTo>
                  <a:lnTo>
                    <a:pt x="562" y="679"/>
                  </a:lnTo>
                  <a:lnTo>
                    <a:pt x="580" y="675"/>
                  </a:lnTo>
                  <a:lnTo>
                    <a:pt x="598" y="668"/>
                  </a:lnTo>
                  <a:lnTo>
                    <a:pt x="615" y="662"/>
                  </a:lnTo>
                  <a:lnTo>
                    <a:pt x="632" y="654"/>
                  </a:lnTo>
                  <a:lnTo>
                    <a:pt x="647" y="644"/>
                  </a:lnTo>
                  <a:lnTo>
                    <a:pt x="661" y="633"/>
                  </a:lnTo>
                  <a:lnTo>
                    <a:pt x="674" y="620"/>
                  </a:lnTo>
                  <a:lnTo>
                    <a:pt x="687" y="607"/>
                  </a:lnTo>
                  <a:lnTo>
                    <a:pt x="696" y="592"/>
                  </a:lnTo>
                  <a:lnTo>
                    <a:pt x="706" y="577"/>
                  </a:lnTo>
                  <a:lnTo>
                    <a:pt x="713" y="561"/>
                  </a:lnTo>
                  <a:lnTo>
                    <a:pt x="718" y="543"/>
                  </a:lnTo>
                  <a:lnTo>
                    <a:pt x="731" y="544"/>
                  </a:lnTo>
                  <a:lnTo>
                    <a:pt x="741" y="542"/>
                  </a:lnTo>
                  <a:lnTo>
                    <a:pt x="749" y="539"/>
                  </a:lnTo>
                  <a:lnTo>
                    <a:pt x="755" y="535"/>
                  </a:lnTo>
                  <a:lnTo>
                    <a:pt x="760" y="529"/>
                  </a:lnTo>
                  <a:lnTo>
                    <a:pt x="765" y="523"/>
                  </a:lnTo>
                  <a:lnTo>
                    <a:pt x="768" y="517"/>
                  </a:lnTo>
                  <a:lnTo>
                    <a:pt x="771" y="509"/>
                  </a:lnTo>
                  <a:lnTo>
                    <a:pt x="774" y="502"/>
                  </a:lnTo>
                  <a:lnTo>
                    <a:pt x="777" y="495"/>
                  </a:lnTo>
                  <a:lnTo>
                    <a:pt x="781" y="487"/>
                  </a:lnTo>
                  <a:lnTo>
                    <a:pt x="786" y="481"/>
                  </a:lnTo>
                  <a:lnTo>
                    <a:pt x="793" y="475"/>
                  </a:lnTo>
                  <a:lnTo>
                    <a:pt x="801" y="470"/>
                  </a:lnTo>
                  <a:lnTo>
                    <a:pt x="812" y="467"/>
                  </a:lnTo>
                  <a:lnTo>
                    <a:pt x="825" y="465"/>
                  </a:lnTo>
                  <a:lnTo>
                    <a:pt x="821" y="456"/>
                  </a:lnTo>
                  <a:lnTo>
                    <a:pt x="818" y="447"/>
                  </a:lnTo>
                  <a:lnTo>
                    <a:pt x="813" y="439"/>
                  </a:lnTo>
                  <a:lnTo>
                    <a:pt x="808" y="431"/>
                  </a:lnTo>
                  <a:lnTo>
                    <a:pt x="803" y="424"/>
                  </a:lnTo>
                  <a:lnTo>
                    <a:pt x="796" y="418"/>
                  </a:lnTo>
                  <a:lnTo>
                    <a:pt x="789" y="412"/>
                  </a:lnTo>
                  <a:lnTo>
                    <a:pt x="781" y="407"/>
                  </a:lnTo>
                  <a:lnTo>
                    <a:pt x="765" y="398"/>
                  </a:lnTo>
                  <a:lnTo>
                    <a:pt x="747" y="390"/>
                  </a:lnTo>
                  <a:lnTo>
                    <a:pt x="728" y="384"/>
                  </a:lnTo>
                  <a:lnTo>
                    <a:pt x="708" y="379"/>
                  </a:lnTo>
                  <a:lnTo>
                    <a:pt x="708" y="389"/>
                  </a:lnTo>
                  <a:lnTo>
                    <a:pt x="706" y="400"/>
                  </a:lnTo>
                  <a:lnTo>
                    <a:pt x="703" y="409"/>
                  </a:lnTo>
                  <a:lnTo>
                    <a:pt x="699" y="419"/>
                  </a:lnTo>
                  <a:lnTo>
                    <a:pt x="694" y="426"/>
                  </a:lnTo>
                  <a:lnTo>
                    <a:pt x="690" y="433"/>
                  </a:lnTo>
                  <a:lnTo>
                    <a:pt x="684" y="440"/>
                  </a:lnTo>
                  <a:lnTo>
                    <a:pt x="677" y="445"/>
                  </a:lnTo>
                  <a:lnTo>
                    <a:pt x="670" y="449"/>
                  </a:lnTo>
                  <a:lnTo>
                    <a:pt x="662" y="451"/>
                  </a:lnTo>
                  <a:lnTo>
                    <a:pt x="655" y="452"/>
                  </a:lnTo>
                  <a:lnTo>
                    <a:pt x="647" y="452"/>
                  </a:lnTo>
                  <a:lnTo>
                    <a:pt x="638" y="451"/>
                  </a:lnTo>
                  <a:lnTo>
                    <a:pt x="629" y="448"/>
                  </a:lnTo>
                  <a:lnTo>
                    <a:pt x="620" y="443"/>
                  </a:lnTo>
                  <a:lnTo>
                    <a:pt x="611" y="437"/>
                  </a:lnTo>
                  <a:lnTo>
                    <a:pt x="606" y="446"/>
                  </a:lnTo>
                  <a:lnTo>
                    <a:pt x="600" y="456"/>
                  </a:lnTo>
                  <a:lnTo>
                    <a:pt x="593" y="465"/>
                  </a:lnTo>
                  <a:lnTo>
                    <a:pt x="587" y="474"/>
                  </a:lnTo>
                  <a:lnTo>
                    <a:pt x="578" y="482"/>
                  </a:lnTo>
                  <a:lnTo>
                    <a:pt x="570" y="489"/>
                  </a:lnTo>
                  <a:lnTo>
                    <a:pt x="561" y="497"/>
                  </a:lnTo>
                  <a:lnTo>
                    <a:pt x="552" y="504"/>
                  </a:lnTo>
                  <a:lnTo>
                    <a:pt x="532" y="517"/>
                  </a:lnTo>
                  <a:lnTo>
                    <a:pt x="511" y="528"/>
                  </a:lnTo>
                  <a:lnTo>
                    <a:pt x="488" y="539"/>
                  </a:lnTo>
                  <a:lnTo>
                    <a:pt x="463" y="548"/>
                  </a:lnTo>
                  <a:lnTo>
                    <a:pt x="437" y="556"/>
                  </a:lnTo>
                  <a:lnTo>
                    <a:pt x="412" y="562"/>
                  </a:lnTo>
                  <a:lnTo>
                    <a:pt x="384" y="566"/>
                  </a:lnTo>
                  <a:lnTo>
                    <a:pt x="358" y="570"/>
                  </a:lnTo>
                  <a:lnTo>
                    <a:pt x="331" y="572"/>
                  </a:lnTo>
                  <a:lnTo>
                    <a:pt x="304" y="574"/>
                  </a:lnTo>
                  <a:lnTo>
                    <a:pt x="278" y="574"/>
                  </a:lnTo>
                  <a:lnTo>
                    <a:pt x="252" y="572"/>
                  </a:lnTo>
                  <a:lnTo>
                    <a:pt x="276" y="570"/>
                  </a:lnTo>
                  <a:lnTo>
                    <a:pt x="299" y="567"/>
                  </a:lnTo>
                  <a:lnTo>
                    <a:pt x="321" y="563"/>
                  </a:lnTo>
                  <a:lnTo>
                    <a:pt x="342" y="559"/>
                  </a:lnTo>
                  <a:lnTo>
                    <a:pt x="363" y="554"/>
                  </a:lnTo>
                  <a:lnTo>
                    <a:pt x="383" y="547"/>
                  </a:lnTo>
                  <a:lnTo>
                    <a:pt x="403" y="541"/>
                  </a:lnTo>
                  <a:lnTo>
                    <a:pt x="422" y="535"/>
                  </a:lnTo>
                  <a:lnTo>
                    <a:pt x="459" y="519"/>
                  </a:lnTo>
                  <a:lnTo>
                    <a:pt x="495" y="502"/>
                  </a:lnTo>
                  <a:lnTo>
                    <a:pt x="529" y="484"/>
                  </a:lnTo>
                  <a:lnTo>
                    <a:pt x="562" y="465"/>
                  </a:lnTo>
                  <a:lnTo>
                    <a:pt x="565" y="456"/>
                  </a:lnTo>
                  <a:lnTo>
                    <a:pt x="568" y="446"/>
                  </a:lnTo>
                  <a:lnTo>
                    <a:pt x="572" y="438"/>
                  </a:lnTo>
                  <a:lnTo>
                    <a:pt x="576" y="431"/>
                  </a:lnTo>
                  <a:lnTo>
                    <a:pt x="582" y="426"/>
                  </a:lnTo>
                  <a:lnTo>
                    <a:pt x="589" y="422"/>
                  </a:lnTo>
                  <a:lnTo>
                    <a:pt x="596" y="419"/>
                  </a:lnTo>
                  <a:lnTo>
                    <a:pt x="605" y="417"/>
                  </a:lnTo>
                  <a:lnTo>
                    <a:pt x="612" y="415"/>
                  </a:lnTo>
                  <a:lnTo>
                    <a:pt x="620" y="415"/>
                  </a:lnTo>
                  <a:lnTo>
                    <a:pt x="630" y="415"/>
                  </a:lnTo>
                  <a:lnTo>
                    <a:pt x="638" y="416"/>
                  </a:lnTo>
                  <a:lnTo>
                    <a:pt x="647" y="418"/>
                  </a:lnTo>
                  <a:lnTo>
                    <a:pt x="654" y="420"/>
                  </a:lnTo>
                  <a:lnTo>
                    <a:pt x="662" y="423"/>
                  </a:lnTo>
                  <a:lnTo>
                    <a:pt x="670" y="427"/>
                  </a:lnTo>
                  <a:lnTo>
                    <a:pt x="676" y="411"/>
                  </a:lnTo>
                  <a:lnTo>
                    <a:pt x="685" y="398"/>
                  </a:lnTo>
                  <a:lnTo>
                    <a:pt x="689" y="392"/>
                  </a:lnTo>
                  <a:lnTo>
                    <a:pt x="694" y="386"/>
                  </a:lnTo>
                  <a:lnTo>
                    <a:pt x="700" y="381"/>
                  </a:lnTo>
                  <a:lnTo>
                    <a:pt x="707" y="377"/>
                  </a:lnTo>
                  <a:lnTo>
                    <a:pt x="713" y="372"/>
                  </a:lnTo>
                  <a:lnTo>
                    <a:pt x="720" y="368"/>
                  </a:lnTo>
                  <a:lnTo>
                    <a:pt x="728" y="365"/>
                  </a:lnTo>
                  <a:lnTo>
                    <a:pt x="736" y="363"/>
                  </a:lnTo>
                  <a:lnTo>
                    <a:pt x="746" y="361"/>
                  </a:lnTo>
                  <a:lnTo>
                    <a:pt x="755" y="360"/>
                  </a:lnTo>
                  <a:lnTo>
                    <a:pt x="766" y="359"/>
                  </a:lnTo>
                  <a:lnTo>
                    <a:pt x="776" y="359"/>
                  </a:lnTo>
                  <a:close/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395" name="Fredrikshavn"/>
            <p:cNvSpPr>
              <a:spLocks/>
            </p:cNvSpPr>
            <p:nvPr/>
          </p:nvSpPr>
          <p:spPr bwMode="auto">
            <a:xfrm>
              <a:off x="2141538" y="2149475"/>
              <a:ext cx="323850" cy="803275"/>
            </a:xfrm>
            <a:custGeom>
              <a:avLst/>
              <a:gdLst>
                <a:gd name="T0" fmla="*/ 164 w 612"/>
                <a:gd name="T1" fmla="*/ 254 h 1519"/>
                <a:gd name="T2" fmla="*/ 126 w 612"/>
                <a:gd name="T3" fmla="*/ 208 h 1519"/>
                <a:gd name="T4" fmla="*/ 109 w 612"/>
                <a:gd name="T5" fmla="*/ 178 h 1519"/>
                <a:gd name="T6" fmla="*/ 104 w 612"/>
                <a:gd name="T7" fmla="*/ 156 h 1519"/>
                <a:gd name="T8" fmla="*/ 106 w 612"/>
                <a:gd name="T9" fmla="*/ 126 h 1519"/>
                <a:gd name="T10" fmla="*/ 116 w 612"/>
                <a:gd name="T11" fmla="*/ 100 h 1519"/>
                <a:gd name="T12" fmla="*/ 140 w 612"/>
                <a:gd name="T13" fmla="*/ 67 h 1519"/>
                <a:gd name="T14" fmla="*/ 181 w 612"/>
                <a:gd name="T15" fmla="*/ 26 h 1519"/>
                <a:gd name="T16" fmla="*/ 196 w 612"/>
                <a:gd name="T17" fmla="*/ 0 h 1519"/>
                <a:gd name="T18" fmla="*/ 176 w 612"/>
                <a:gd name="T19" fmla="*/ 2 h 1519"/>
                <a:gd name="T20" fmla="*/ 158 w 612"/>
                <a:gd name="T21" fmla="*/ 8 h 1519"/>
                <a:gd name="T22" fmla="*/ 128 w 612"/>
                <a:gd name="T23" fmla="*/ 31 h 1519"/>
                <a:gd name="T24" fmla="*/ 83 w 612"/>
                <a:gd name="T25" fmla="*/ 74 h 1519"/>
                <a:gd name="T26" fmla="*/ 41 w 612"/>
                <a:gd name="T27" fmla="*/ 112 h 1519"/>
                <a:gd name="T28" fmla="*/ 52 w 612"/>
                <a:gd name="T29" fmla="*/ 144 h 1519"/>
                <a:gd name="T30" fmla="*/ 58 w 612"/>
                <a:gd name="T31" fmla="*/ 164 h 1519"/>
                <a:gd name="T32" fmla="*/ 62 w 612"/>
                <a:gd name="T33" fmla="*/ 186 h 1519"/>
                <a:gd name="T34" fmla="*/ 85 w 612"/>
                <a:gd name="T35" fmla="*/ 218 h 1519"/>
                <a:gd name="T36" fmla="*/ 104 w 612"/>
                <a:gd name="T37" fmla="*/ 241 h 1519"/>
                <a:gd name="T38" fmla="*/ 85 w 612"/>
                <a:gd name="T39" fmla="*/ 252 h 1519"/>
                <a:gd name="T40" fmla="*/ 71 w 612"/>
                <a:gd name="T41" fmla="*/ 267 h 1519"/>
                <a:gd name="T42" fmla="*/ 54 w 612"/>
                <a:gd name="T43" fmla="*/ 273 h 1519"/>
                <a:gd name="T44" fmla="*/ 55 w 612"/>
                <a:gd name="T45" fmla="*/ 286 h 1519"/>
                <a:gd name="T46" fmla="*/ 64 w 612"/>
                <a:gd name="T47" fmla="*/ 302 h 1519"/>
                <a:gd name="T48" fmla="*/ 69 w 612"/>
                <a:gd name="T49" fmla="*/ 313 h 1519"/>
                <a:gd name="T50" fmla="*/ 84 w 612"/>
                <a:gd name="T51" fmla="*/ 314 h 1519"/>
                <a:gd name="T52" fmla="*/ 93 w 612"/>
                <a:gd name="T53" fmla="*/ 318 h 1519"/>
                <a:gd name="T54" fmla="*/ 82 w 612"/>
                <a:gd name="T55" fmla="*/ 329 h 1519"/>
                <a:gd name="T56" fmla="*/ 62 w 612"/>
                <a:gd name="T57" fmla="*/ 333 h 1519"/>
                <a:gd name="T58" fmla="*/ 34 w 612"/>
                <a:gd name="T59" fmla="*/ 330 h 1519"/>
                <a:gd name="T60" fmla="*/ 19 w 612"/>
                <a:gd name="T61" fmla="*/ 335 h 1519"/>
                <a:gd name="T62" fmla="*/ 14 w 612"/>
                <a:gd name="T63" fmla="*/ 348 h 1519"/>
                <a:gd name="T64" fmla="*/ 0 w 612"/>
                <a:gd name="T65" fmla="*/ 351 h 1519"/>
                <a:gd name="T66" fmla="*/ 1 w 612"/>
                <a:gd name="T67" fmla="*/ 371 h 1519"/>
                <a:gd name="T68" fmla="*/ 10 w 612"/>
                <a:gd name="T69" fmla="*/ 392 h 1519"/>
                <a:gd name="T70" fmla="*/ 13 w 612"/>
                <a:gd name="T71" fmla="*/ 411 h 1519"/>
                <a:gd name="T72" fmla="*/ 10 w 612"/>
                <a:gd name="T73" fmla="*/ 425 h 1519"/>
                <a:gd name="T74" fmla="*/ 14 w 612"/>
                <a:gd name="T75" fmla="*/ 437 h 1519"/>
                <a:gd name="T76" fmla="*/ 40 w 612"/>
                <a:gd name="T77" fmla="*/ 429 h 1519"/>
                <a:gd name="T78" fmla="*/ 72 w 612"/>
                <a:gd name="T79" fmla="*/ 421 h 1519"/>
                <a:gd name="T80" fmla="*/ 92 w 612"/>
                <a:gd name="T81" fmla="*/ 434 h 1519"/>
                <a:gd name="T82" fmla="*/ 91 w 612"/>
                <a:gd name="T83" fmla="*/ 450 h 1519"/>
                <a:gd name="T84" fmla="*/ 105 w 612"/>
                <a:gd name="T85" fmla="*/ 466 h 1519"/>
                <a:gd name="T86" fmla="*/ 111 w 612"/>
                <a:gd name="T87" fmla="*/ 484 h 1519"/>
                <a:gd name="T88" fmla="*/ 122 w 612"/>
                <a:gd name="T89" fmla="*/ 502 h 1519"/>
                <a:gd name="T90" fmla="*/ 148 w 612"/>
                <a:gd name="T91" fmla="*/ 478 h 1519"/>
                <a:gd name="T92" fmla="*/ 169 w 612"/>
                <a:gd name="T93" fmla="*/ 461 h 1519"/>
                <a:gd name="T94" fmla="*/ 161 w 612"/>
                <a:gd name="T95" fmla="*/ 389 h 1519"/>
                <a:gd name="T96" fmla="*/ 152 w 612"/>
                <a:gd name="T97" fmla="*/ 330 h 1519"/>
                <a:gd name="T98" fmla="*/ 160 w 612"/>
                <a:gd name="T99" fmla="*/ 278 h 1519"/>
                <a:gd name="T100" fmla="*/ 166 w 612"/>
                <a:gd name="T101" fmla="*/ 274 h 1519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612" h="1519">
                  <a:moveTo>
                    <a:pt x="515" y="810"/>
                  </a:moveTo>
                  <a:lnTo>
                    <a:pt x="510" y="797"/>
                  </a:lnTo>
                  <a:lnTo>
                    <a:pt x="505" y="786"/>
                  </a:lnTo>
                  <a:lnTo>
                    <a:pt x="498" y="774"/>
                  </a:lnTo>
                  <a:lnTo>
                    <a:pt x="492" y="764"/>
                  </a:lnTo>
                  <a:lnTo>
                    <a:pt x="478" y="742"/>
                  </a:lnTo>
                  <a:lnTo>
                    <a:pt x="462" y="722"/>
                  </a:lnTo>
                  <a:lnTo>
                    <a:pt x="430" y="682"/>
                  </a:lnTo>
                  <a:lnTo>
                    <a:pt x="395" y="643"/>
                  </a:lnTo>
                  <a:lnTo>
                    <a:pt x="379" y="623"/>
                  </a:lnTo>
                  <a:lnTo>
                    <a:pt x="363" y="603"/>
                  </a:lnTo>
                  <a:lnTo>
                    <a:pt x="349" y="582"/>
                  </a:lnTo>
                  <a:lnTo>
                    <a:pt x="337" y="558"/>
                  </a:lnTo>
                  <a:lnTo>
                    <a:pt x="331" y="547"/>
                  </a:lnTo>
                  <a:lnTo>
                    <a:pt x="327" y="534"/>
                  </a:lnTo>
                  <a:lnTo>
                    <a:pt x="322" y="521"/>
                  </a:lnTo>
                  <a:lnTo>
                    <a:pt x="318" y="509"/>
                  </a:lnTo>
                  <a:lnTo>
                    <a:pt x="315" y="495"/>
                  </a:lnTo>
                  <a:lnTo>
                    <a:pt x="313" y="481"/>
                  </a:lnTo>
                  <a:lnTo>
                    <a:pt x="312" y="467"/>
                  </a:lnTo>
                  <a:lnTo>
                    <a:pt x="311" y="451"/>
                  </a:lnTo>
                  <a:lnTo>
                    <a:pt x="312" y="432"/>
                  </a:lnTo>
                  <a:lnTo>
                    <a:pt x="313" y="414"/>
                  </a:lnTo>
                  <a:lnTo>
                    <a:pt x="315" y="397"/>
                  </a:lnTo>
                  <a:lnTo>
                    <a:pt x="319" y="379"/>
                  </a:lnTo>
                  <a:lnTo>
                    <a:pt x="323" y="362"/>
                  </a:lnTo>
                  <a:lnTo>
                    <a:pt x="329" y="347"/>
                  </a:lnTo>
                  <a:lnTo>
                    <a:pt x="335" y="331"/>
                  </a:lnTo>
                  <a:lnTo>
                    <a:pt x="341" y="315"/>
                  </a:lnTo>
                  <a:lnTo>
                    <a:pt x="349" y="299"/>
                  </a:lnTo>
                  <a:lnTo>
                    <a:pt x="357" y="285"/>
                  </a:lnTo>
                  <a:lnTo>
                    <a:pt x="367" y="271"/>
                  </a:lnTo>
                  <a:lnTo>
                    <a:pt x="376" y="256"/>
                  </a:lnTo>
                  <a:lnTo>
                    <a:pt x="396" y="229"/>
                  </a:lnTo>
                  <a:lnTo>
                    <a:pt x="419" y="201"/>
                  </a:lnTo>
                  <a:lnTo>
                    <a:pt x="442" y="176"/>
                  </a:lnTo>
                  <a:lnTo>
                    <a:pt x="468" y="151"/>
                  </a:lnTo>
                  <a:lnTo>
                    <a:pt x="492" y="126"/>
                  </a:lnTo>
                  <a:lnTo>
                    <a:pt x="517" y="101"/>
                  </a:lnTo>
                  <a:lnTo>
                    <a:pt x="542" y="77"/>
                  </a:lnTo>
                  <a:lnTo>
                    <a:pt x="567" y="53"/>
                  </a:lnTo>
                  <a:lnTo>
                    <a:pt x="590" y="29"/>
                  </a:lnTo>
                  <a:lnTo>
                    <a:pt x="612" y="4"/>
                  </a:lnTo>
                  <a:lnTo>
                    <a:pt x="599" y="2"/>
                  </a:lnTo>
                  <a:lnTo>
                    <a:pt x="587" y="1"/>
                  </a:lnTo>
                  <a:lnTo>
                    <a:pt x="574" y="0"/>
                  </a:lnTo>
                  <a:lnTo>
                    <a:pt x="561" y="1"/>
                  </a:lnTo>
                  <a:lnTo>
                    <a:pt x="550" y="1"/>
                  </a:lnTo>
                  <a:lnTo>
                    <a:pt x="538" y="3"/>
                  </a:lnTo>
                  <a:lnTo>
                    <a:pt x="527" y="6"/>
                  </a:lnTo>
                  <a:lnTo>
                    <a:pt x="516" y="9"/>
                  </a:lnTo>
                  <a:lnTo>
                    <a:pt x="506" y="12"/>
                  </a:lnTo>
                  <a:lnTo>
                    <a:pt x="495" y="16"/>
                  </a:lnTo>
                  <a:lnTo>
                    <a:pt x="485" y="20"/>
                  </a:lnTo>
                  <a:lnTo>
                    <a:pt x="474" y="24"/>
                  </a:lnTo>
                  <a:lnTo>
                    <a:pt x="455" y="36"/>
                  </a:lnTo>
                  <a:lnTo>
                    <a:pt x="436" y="49"/>
                  </a:lnTo>
                  <a:lnTo>
                    <a:pt x="418" y="62"/>
                  </a:lnTo>
                  <a:lnTo>
                    <a:pt x="400" y="76"/>
                  </a:lnTo>
                  <a:lnTo>
                    <a:pt x="383" y="92"/>
                  </a:lnTo>
                  <a:lnTo>
                    <a:pt x="367" y="108"/>
                  </a:lnTo>
                  <a:lnTo>
                    <a:pt x="334" y="139"/>
                  </a:lnTo>
                  <a:lnTo>
                    <a:pt x="301" y="170"/>
                  </a:lnTo>
                  <a:lnTo>
                    <a:pt x="274" y="195"/>
                  </a:lnTo>
                  <a:lnTo>
                    <a:pt x="248" y="221"/>
                  </a:lnTo>
                  <a:lnTo>
                    <a:pt x="221" y="247"/>
                  </a:lnTo>
                  <a:lnTo>
                    <a:pt x="197" y="271"/>
                  </a:lnTo>
                  <a:lnTo>
                    <a:pt x="172" y="294"/>
                  </a:lnTo>
                  <a:lnTo>
                    <a:pt x="148" y="316"/>
                  </a:lnTo>
                  <a:lnTo>
                    <a:pt x="123" y="336"/>
                  </a:lnTo>
                  <a:lnTo>
                    <a:pt x="98" y="354"/>
                  </a:lnTo>
                  <a:lnTo>
                    <a:pt x="112" y="374"/>
                  </a:lnTo>
                  <a:lnTo>
                    <a:pt x="127" y="393"/>
                  </a:lnTo>
                  <a:lnTo>
                    <a:pt x="141" y="413"/>
                  </a:lnTo>
                  <a:lnTo>
                    <a:pt x="155" y="433"/>
                  </a:lnTo>
                  <a:lnTo>
                    <a:pt x="160" y="445"/>
                  </a:lnTo>
                  <a:lnTo>
                    <a:pt x="165" y="456"/>
                  </a:lnTo>
                  <a:lnTo>
                    <a:pt x="169" y="468"/>
                  </a:lnTo>
                  <a:lnTo>
                    <a:pt x="172" y="480"/>
                  </a:lnTo>
                  <a:lnTo>
                    <a:pt x="173" y="493"/>
                  </a:lnTo>
                  <a:lnTo>
                    <a:pt x="172" y="508"/>
                  </a:lnTo>
                  <a:lnTo>
                    <a:pt x="170" y="523"/>
                  </a:lnTo>
                  <a:lnTo>
                    <a:pt x="165" y="538"/>
                  </a:lnTo>
                  <a:lnTo>
                    <a:pt x="176" y="549"/>
                  </a:lnTo>
                  <a:lnTo>
                    <a:pt x="187" y="559"/>
                  </a:lnTo>
                  <a:lnTo>
                    <a:pt x="196" y="570"/>
                  </a:lnTo>
                  <a:lnTo>
                    <a:pt x="204" y="582"/>
                  </a:lnTo>
                  <a:lnTo>
                    <a:pt x="222" y="606"/>
                  </a:lnTo>
                  <a:lnTo>
                    <a:pt x="239" y="630"/>
                  </a:lnTo>
                  <a:lnTo>
                    <a:pt x="255" y="655"/>
                  </a:lnTo>
                  <a:lnTo>
                    <a:pt x="272" y="679"/>
                  </a:lnTo>
                  <a:lnTo>
                    <a:pt x="281" y="691"/>
                  </a:lnTo>
                  <a:lnTo>
                    <a:pt x="291" y="702"/>
                  </a:lnTo>
                  <a:lnTo>
                    <a:pt x="300" y="713"/>
                  </a:lnTo>
                  <a:lnTo>
                    <a:pt x="311" y="723"/>
                  </a:lnTo>
                  <a:lnTo>
                    <a:pt x="299" y="725"/>
                  </a:lnTo>
                  <a:lnTo>
                    <a:pt x="289" y="729"/>
                  </a:lnTo>
                  <a:lnTo>
                    <a:pt x="279" y="734"/>
                  </a:lnTo>
                  <a:lnTo>
                    <a:pt x="271" y="741"/>
                  </a:lnTo>
                  <a:lnTo>
                    <a:pt x="256" y="755"/>
                  </a:lnTo>
                  <a:lnTo>
                    <a:pt x="243" y="772"/>
                  </a:lnTo>
                  <a:lnTo>
                    <a:pt x="237" y="779"/>
                  </a:lnTo>
                  <a:lnTo>
                    <a:pt x="230" y="787"/>
                  </a:lnTo>
                  <a:lnTo>
                    <a:pt x="222" y="794"/>
                  </a:lnTo>
                  <a:lnTo>
                    <a:pt x="214" y="801"/>
                  </a:lnTo>
                  <a:lnTo>
                    <a:pt x="203" y="805"/>
                  </a:lnTo>
                  <a:lnTo>
                    <a:pt x="193" y="808"/>
                  </a:lnTo>
                  <a:lnTo>
                    <a:pt x="180" y="810"/>
                  </a:lnTo>
                  <a:lnTo>
                    <a:pt x="165" y="810"/>
                  </a:lnTo>
                  <a:lnTo>
                    <a:pt x="161" y="821"/>
                  </a:lnTo>
                  <a:lnTo>
                    <a:pt x="159" y="830"/>
                  </a:lnTo>
                  <a:lnTo>
                    <a:pt x="159" y="838"/>
                  </a:lnTo>
                  <a:lnTo>
                    <a:pt x="160" y="846"/>
                  </a:lnTo>
                  <a:lnTo>
                    <a:pt x="162" y="852"/>
                  </a:lnTo>
                  <a:lnTo>
                    <a:pt x="165" y="858"/>
                  </a:lnTo>
                  <a:lnTo>
                    <a:pt x="169" y="865"/>
                  </a:lnTo>
                  <a:lnTo>
                    <a:pt x="173" y="871"/>
                  </a:lnTo>
                  <a:lnTo>
                    <a:pt x="181" y="883"/>
                  </a:lnTo>
                  <a:lnTo>
                    <a:pt x="190" y="897"/>
                  </a:lnTo>
                  <a:lnTo>
                    <a:pt x="192" y="906"/>
                  </a:lnTo>
                  <a:lnTo>
                    <a:pt x="194" y="914"/>
                  </a:lnTo>
                  <a:lnTo>
                    <a:pt x="195" y="925"/>
                  </a:lnTo>
                  <a:lnTo>
                    <a:pt x="195" y="936"/>
                  </a:lnTo>
                  <a:lnTo>
                    <a:pt x="199" y="938"/>
                  </a:lnTo>
                  <a:lnTo>
                    <a:pt x="206" y="941"/>
                  </a:lnTo>
                  <a:lnTo>
                    <a:pt x="212" y="942"/>
                  </a:lnTo>
                  <a:lnTo>
                    <a:pt x="218" y="942"/>
                  </a:lnTo>
                  <a:lnTo>
                    <a:pt x="232" y="943"/>
                  </a:lnTo>
                  <a:lnTo>
                    <a:pt x="247" y="943"/>
                  </a:lnTo>
                  <a:lnTo>
                    <a:pt x="253" y="944"/>
                  </a:lnTo>
                  <a:lnTo>
                    <a:pt x="259" y="945"/>
                  </a:lnTo>
                  <a:lnTo>
                    <a:pt x="266" y="946"/>
                  </a:lnTo>
                  <a:lnTo>
                    <a:pt x="271" y="948"/>
                  </a:lnTo>
                  <a:lnTo>
                    <a:pt x="275" y="951"/>
                  </a:lnTo>
                  <a:lnTo>
                    <a:pt x="278" y="954"/>
                  </a:lnTo>
                  <a:lnTo>
                    <a:pt x="280" y="960"/>
                  </a:lnTo>
                  <a:lnTo>
                    <a:pt x="282" y="966"/>
                  </a:lnTo>
                  <a:lnTo>
                    <a:pt x="270" y="974"/>
                  </a:lnTo>
                  <a:lnTo>
                    <a:pt x="258" y="981"/>
                  </a:lnTo>
                  <a:lnTo>
                    <a:pt x="246" y="987"/>
                  </a:lnTo>
                  <a:lnTo>
                    <a:pt x="234" y="991"/>
                  </a:lnTo>
                  <a:lnTo>
                    <a:pt x="222" y="994"/>
                  </a:lnTo>
                  <a:lnTo>
                    <a:pt x="210" y="996"/>
                  </a:lnTo>
                  <a:lnTo>
                    <a:pt x="198" y="999"/>
                  </a:lnTo>
                  <a:lnTo>
                    <a:pt x="185" y="999"/>
                  </a:lnTo>
                  <a:lnTo>
                    <a:pt x="173" y="999"/>
                  </a:lnTo>
                  <a:lnTo>
                    <a:pt x="160" y="999"/>
                  </a:lnTo>
                  <a:lnTo>
                    <a:pt x="147" y="996"/>
                  </a:lnTo>
                  <a:lnTo>
                    <a:pt x="132" y="995"/>
                  </a:lnTo>
                  <a:lnTo>
                    <a:pt x="102" y="990"/>
                  </a:lnTo>
                  <a:lnTo>
                    <a:pt x="69" y="985"/>
                  </a:lnTo>
                  <a:lnTo>
                    <a:pt x="64" y="990"/>
                  </a:lnTo>
                  <a:lnTo>
                    <a:pt x="61" y="995"/>
                  </a:lnTo>
                  <a:lnTo>
                    <a:pt x="59" y="1001"/>
                  </a:lnTo>
                  <a:lnTo>
                    <a:pt x="57" y="1007"/>
                  </a:lnTo>
                  <a:lnTo>
                    <a:pt x="55" y="1019"/>
                  </a:lnTo>
                  <a:lnTo>
                    <a:pt x="51" y="1030"/>
                  </a:lnTo>
                  <a:lnTo>
                    <a:pt x="49" y="1035"/>
                  </a:lnTo>
                  <a:lnTo>
                    <a:pt x="45" y="1040"/>
                  </a:lnTo>
                  <a:lnTo>
                    <a:pt x="41" y="1044"/>
                  </a:lnTo>
                  <a:lnTo>
                    <a:pt x="37" y="1047"/>
                  </a:lnTo>
                  <a:lnTo>
                    <a:pt x="30" y="1050"/>
                  </a:lnTo>
                  <a:lnTo>
                    <a:pt x="22" y="1052"/>
                  </a:lnTo>
                  <a:lnTo>
                    <a:pt x="12" y="1053"/>
                  </a:lnTo>
                  <a:lnTo>
                    <a:pt x="0" y="1053"/>
                  </a:lnTo>
                  <a:lnTo>
                    <a:pt x="0" y="1067"/>
                  </a:lnTo>
                  <a:lnTo>
                    <a:pt x="0" y="1081"/>
                  </a:lnTo>
                  <a:lnTo>
                    <a:pt x="1" y="1093"/>
                  </a:lnTo>
                  <a:lnTo>
                    <a:pt x="2" y="1104"/>
                  </a:lnTo>
                  <a:lnTo>
                    <a:pt x="4" y="1114"/>
                  </a:lnTo>
                  <a:lnTo>
                    <a:pt x="6" y="1125"/>
                  </a:lnTo>
                  <a:lnTo>
                    <a:pt x="9" y="1133"/>
                  </a:lnTo>
                  <a:lnTo>
                    <a:pt x="12" y="1143"/>
                  </a:lnTo>
                  <a:lnTo>
                    <a:pt x="19" y="1161"/>
                  </a:lnTo>
                  <a:lnTo>
                    <a:pt x="29" y="1178"/>
                  </a:lnTo>
                  <a:lnTo>
                    <a:pt x="38" y="1196"/>
                  </a:lnTo>
                  <a:lnTo>
                    <a:pt x="49" y="1218"/>
                  </a:lnTo>
                  <a:lnTo>
                    <a:pt x="44" y="1223"/>
                  </a:lnTo>
                  <a:lnTo>
                    <a:pt x="41" y="1229"/>
                  </a:lnTo>
                  <a:lnTo>
                    <a:pt x="38" y="1235"/>
                  </a:lnTo>
                  <a:lnTo>
                    <a:pt x="35" y="1243"/>
                  </a:lnTo>
                  <a:lnTo>
                    <a:pt x="33" y="1251"/>
                  </a:lnTo>
                  <a:lnTo>
                    <a:pt x="32" y="1260"/>
                  </a:lnTo>
                  <a:lnTo>
                    <a:pt x="31" y="1267"/>
                  </a:lnTo>
                  <a:lnTo>
                    <a:pt x="31" y="1275"/>
                  </a:lnTo>
                  <a:lnTo>
                    <a:pt x="31" y="1284"/>
                  </a:lnTo>
                  <a:lnTo>
                    <a:pt x="33" y="1292"/>
                  </a:lnTo>
                  <a:lnTo>
                    <a:pt x="35" y="1300"/>
                  </a:lnTo>
                  <a:lnTo>
                    <a:pt x="37" y="1306"/>
                  </a:lnTo>
                  <a:lnTo>
                    <a:pt x="41" y="1312"/>
                  </a:lnTo>
                  <a:lnTo>
                    <a:pt x="46" y="1318"/>
                  </a:lnTo>
                  <a:lnTo>
                    <a:pt x="52" y="1322"/>
                  </a:lnTo>
                  <a:lnTo>
                    <a:pt x="59" y="1325"/>
                  </a:lnTo>
                  <a:lnTo>
                    <a:pt x="87" y="1308"/>
                  </a:lnTo>
                  <a:lnTo>
                    <a:pt x="120" y="1287"/>
                  </a:lnTo>
                  <a:lnTo>
                    <a:pt x="155" y="1266"/>
                  </a:lnTo>
                  <a:lnTo>
                    <a:pt x="184" y="1247"/>
                  </a:lnTo>
                  <a:lnTo>
                    <a:pt x="194" y="1253"/>
                  </a:lnTo>
                  <a:lnTo>
                    <a:pt x="204" y="1259"/>
                  </a:lnTo>
                  <a:lnTo>
                    <a:pt x="215" y="1264"/>
                  </a:lnTo>
                  <a:lnTo>
                    <a:pt x="227" y="1269"/>
                  </a:lnTo>
                  <a:lnTo>
                    <a:pt x="250" y="1276"/>
                  </a:lnTo>
                  <a:lnTo>
                    <a:pt x="272" y="1286"/>
                  </a:lnTo>
                  <a:lnTo>
                    <a:pt x="276" y="1295"/>
                  </a:lnTo>
                  <a:lnTo>
                    <a:pt x="277" y="1304"/>
                  </a:lnTo>
                  <a:lnTo>
                    <a:pt x="277" y="1310"/>
                  </a:lnTo>
                  <a:lnTo>
                    <a:pt x="276" y="1317"/>
                  </a:lnTo>
                  <a:lnTo>
                    <a:pt x="271" y="1328"/>
                  </a:lnTo>
                  <a:lnTo>
                    <a:pt x="262" y="1344"/>
                  </a:lnTo>
                  <a:lnTo>
                    <a:pt x="274" y="1352"/>
                  </a:lnTo>
                  <a:lnTo>
                    <a:pt x="284" y="1360"/>
                  </a:lnTo>
                  <a:lnTo>
                    <a:pt x="293" y="1369"/>
                  </a:lnTo>
                  <a:lnTo>
                    <a:pt x="301" y="1379"/>
                  </a:lnTo>
                  <a:lnTo>
                    <a:pt x="308" y="1388"/>
                  </a:lnTo>
                  <a:lnTo>
                    <a:pt x="314" y="1399"/>
                  </a:lnTo>
                  <a:lnTo>
                    <a:pt x="318" y="1409"/>
                  </a:lnTo>
                  <a:lnTo>
                    <a:pt x="322" y="1420"/>
                  </a:lnTo>
                  <a:lnTo>
                    <a:pt x="327" y="1431"/>
                  </a:lnTo>
                  <a:lnTo>
                    <a:pt x="330" y="1443"/>
                  </a:lnTo>
                  <a:lnTo>
                    <a:pt x="332" y="1454"/>
                  </a:lnTo>
                  <a:lnTo>
                    <a:pt x="334" y="1467"/>
                  </a:lnTo>
                  <a:lnTo>
                    <a:pt x="337" y="1492"/>
                  </a:lnTo>
                  <a:lnTo>
                    <a:pt x="340" y="1519"/>
                  </a:lnTo>
                  <a:lnTo>
                    <a:pt x="353" y="1513"/>
                  </a:lnTo>
                  <a:lnTo>
                    <a:pt x="366" y="1506"/>
                  </a:lnTo>
                  <a:lnTo>
                    <a:pt x="377" y="1499"/>
                  </a:lnTo>
                  <a:lnTo>
                    <a:pt x="388" y="1491"/>
                  </a:lnTo>
                  <a:lnTo>
                    <a:pt x="408" y="1473"/>
                  </a:lnTo>
                  <a:lnTo>
                    <a:pt x="427" y="1454"/>
                  </a:lnTo>
                  <a:lnTo>
                    <a:pt x="445" y="1434"/>
                  </a:lnTo>
                  <a:lnTo>
                    <a:pt x="462" y="1415"/>
                  </a:lnTo>
                  <a:lnTo>
                    <a:pt x="473" y="1406"/>
                  </a:lnTo>
                  <a:lnTo>
                    <a:pt x="482" y="1398"/>
                  </a:lnTo>
                  <a:lnTo>
                    <a:pt x="494" y="1390"/>
                  </a:lnTo>
                  <a:lnTo>
                    <a:pt x="506" y="1383"/>
                  </a:lnTo>
                  <a:lnTo>
                    <a:pt x="505" y="1340"/>
                  </a:lnTo>
                  <a:lnTo>
                    <a:pt x="502" y="1301"/>
                  </a:lnTo>
                  <a:lnTo>
                    <a:pt x="499" y="1265"/>
                  </a:lnTo>
                  <a:lnTo>
                    <a:pt x="494" y="1231"/>
                  </a:lnTo>
                  <a:lnTo>
                    <a:pt x="483" y="1169"/>
                  </a:lnTo>
                  <a:lnTo>
                    <a:pt x="472" y="1111"/>
                  </a:lnTo>
                  <a:lnTo>
                    <a:pt x="467" y="1083"/>
                  </a:lnTo>
                  <a:lnTo>
                    <a:pt x="462" y="1053"/>
                  </a:lnTo>
                  <a:lnTo>
                    <a:pt x="459" y="1023"/>
                  </a:lnTo>
                  <a:lnTo>
                    <a:pt x="457" y="991"/>
                  </a:lnTo>
                  <a:lnTo>
                    <a:pt x="456" y="957"/>
                  </a:lnTo>
                  <a:lnTo>
                    <a:pt x="457" y="922"/>
                  </a:lnTo>
                  <a:lnTo>
                    <a:pt x="460" y="882"/>
                  </a:lnTo>
                  <a:lnTo>
                    <a:pt x="467" y="840"/>
                  </a:lnTo>
                  <a:lnTo>
                    <a:pt x="479" y="835"/>
                  </a:lnTo>
                  <a:lnTo>
                    <a:pt x="488" y="833"/>
                  </a:lnTo>
                  <a:lnTo>
                    <a:pt x="492" y="831"/>
                  </a:lnTo>
                  <a:lnTo>
                    <a:pt x="495" y="829"/>
                  </a:lnTo>
                  <a:lnTo>
                    <a:pt x="497" y="826"/>
                  </a:lnTo>
                  <a:lnTo>
                    <a:pt x="499" y="823"/>
                  </a:lnTo>
                  <a:lnTo>
                    <a:pt x="506" y="817"/>
                  </a:lnTo>
                  <a:lnTo>
                    <a:pt x="515" y="810"/>
                  </a:lnTo>
                  <a:close/>
                </a:path>
              </a:pathLst>
            </a:custGeom>
            <a:grpFill/>
            <a:ln>
              <a:solidFill>
                <a:srgbClr val="006961"/>
              </a:solidFill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396" name="Fredrikshavn kant"/>
            <p:cNvSpPr>
              <a:spLocks/>
            </p:cNvSpPr>
            <p:nvPr/>
          </p:nvSpPr>
          <p:spPr bwMode="auto">
            <a:xfrm>
              <a:off x="2141538" y="2149475"/>
              <a:ext cx="323850" cy="803275"/>
            </a:xfrm>
            <a:custGeom>
              <a:avLst/>
              <a:gdLst>
                <a:gd name="T0" fmla="*/ 164 w 612"/>
                <a:gd name="T1" fmla="*/ 254 h 1519"/>
                <a:gd name="T2" fmla="*/ 126 w 612"/>
                <a:gd name="T3" fmla="*/ 208 h 1519"/>
                <a:gd name="T4" fmla="*/ 109 w 612"/>
                <a:gd name="T5" fmla="*/ 178 h 1519"/>
                <a:gd name="T6" fmla="*/ 104 w 612"/>
                <a:gd name="T7" fmla="*/ 156 h 1519"/>
                <a:gd name="T8" fmla="*/ 106 w 612"/>
                <a:gd name="T9" fmla="*/ 126 h 1519"/>
                <a:gd name="T10" fmla="*/ 116 w 612"/>
                <a:gd name="T11" fmla="*/ 100 h 1519"/>
                <a:gd name="T12" fmla="*/ 140 w 612"/>
                <a:gd name="T13" fmla="*/ 67 h 1519"/>
                <a:gd name="T14" fmla="*/ 181 w 612"/>
                <a:gd name="T15" fmla="*/ 26 h 1519"/>
                <a:gd name="T16" fmla="*/ 196 w 612"/>
                <a:gd name="T17" fmla="*/ 0 h 1519"/>
                <a:gd name="T18" fmla="*/ 176 w 612"/>
                <a:gd name="T19" fmla="*/ 2 h 1519"/>
                <a:gd name="T20" fmla="*/ 158 w 612"/>
                <a:gd name="T21" fmla="*/ 8 h 1519"/>
                <a:gd name="T22" fmla="*/ 128 w 612"/>
                <a:gd name="T23" fmla="*/ 31 h 1519"/>
                <a:gd name="T24" fmla="*/ 83 w 612"/>
                <a:gd name="T25" fmla="*/ 74 h 1519"/>
                <a:gd name="T26" fmla="*/ 41 w 612"/>
                <a:gd name="T27" fmla="*/ 112 h 1519"/>
                <a:gd name="T28" fmla="*/ 52 w 612"/>
                <a:gd name="T29" fmla="*/ 144 h 1519"/>
                <a:gd name="T30" fmla="*/ 58 w 612"/>
                <a:gd name="T31" fmla="*/ 164 h 1519"/>
                <a:gd name="T32" fmla="*/ 62 w 612"/>
                <a:gd name="T33" fmla="*/ 186 h 1519"/>
                <a:gd name="T34" fmla="*/ 85 w 612"/>
                <a:gd name="T35" fmla="*/ 218 h 1519"/>
                <a:gd name="T36" fmla="*/ 104 w 612"/>
                <a:gd name="T37" fmla="*/ 241 h 1519"/>
                <a:gd name="T38" fmla="*/ 85 w 612"/>
                <a:gd name="T39" fmla="*/ 252 h 1519"/>
                <a:gd name="T40" fmla="*/ 71 w 612"/>
                <a:gd name="T41" fmla="*/ 267 h 1519"/>
                <a:gd name="T42" fmla="*/ 54 w 612"/>
                <a:gd name="T43" fmla="*/ 273 h 1519"/>
                <a:gd name="T44" fmla="*/ 55 w 612"/>
                <a:gd name="T45" fmla="*/ 286 h 1519"/>
                <a:gd name="T46" fmla="*/ 64 w 612"/>
                <a:gd name="T47" fmla="*/ 302 h 1519"/>
                <a:gd name="T48" fmla="*/ 69 w 612"/>
                <a:gd name="T49" fmla="*/ 313 h 1519"/>
                <a:gd name="T50" fmla="*/ 84 w 612"/>
                <a:gd name="T51" fmla="*/ 314 h 1519"/>
                <a:gd name="T52" fmla="*/ 93 w 612"/>
                <a:gd name="T53" fmla="*/ 318 h 1519"/>
                <a:gd name="T54" fmla="*/ 82 w 612"/>
                <a:gd name="T55" fmla="*/ 329 h 1519"/>
                <a:gd name="T56" fmla="*/ 62 w 612"/>
                <a:gd name="T57" fmla="*/ 333 h 1519"/>
                <a:gd name="T58" fmla="*/ 34 w 612"/>
                <a:gd name="T59" fmla="*/ 330 h 1519"/>
                <a:gd name="T60" fmla="*/ 19 w 612"/>
                <a:gd name="T61" fmla="*/ 335 h 1519"/>
                <a:gd name="T62" fmla="*/ 14 w 612"/>
                <a:gd name="T63" fmla="*/ 348 h 1519"/>
                <a:gd name="T64" fmla="*/ 0 w 612"/>
                <a:gd name="T65" fmla="*/ 351 h 1519"/>
                <a:gd name="T66" fmla="*/ 1 w 612"/>
                <a:gd name="T67" fmla="*/ 371 h 1519"/>
                <a:gd name="T68" fmla="*/ 10 w 612"/>
                <a:gd name="T69" fmla="*/ 392 h 1519"/>
                <a:gd name="T70" fmla="*/ 13 w 612"/>
                <a:gd name="T71" fmla="*/ 411 h 1519"/>
                <a:gd name="T72" fmla="*/ 10 w 612"/>
                <a:gd name="T73" fmla="*/ 425 h 1519"/>
                <a:gd name="T74" fmla="*/ 14 w 612"/>
                <a:gd name="T75" fmla="*/ 437 h 1519"/>
                <a:gd name="T76" fmla="*/ 40 w 612"/>
                <a:gd name="T77" fmla="*/ 429 h 1519"/>
                <a:gd name="T78" fmla="*/ 72 w 612"/>
                <a:gd name="T79" fmla="*/ 421 h 1519"/>
                <a:gd name="T80" fmla="*/ 92 w 612"/>
                <a:gd name="T81" fmla="*/ 434 h 1519"/>
                <a:gd name="T82" fmla="*/ 91 w 612"/>
                <a:gd name="T83" fmla="*/ 450 h 1519"/>
                <a:gd name="T84" fmla="*/ 105 w 612"/>
                <a:gd name="T85" fmla="*/ 466 h 1519"/>
                <a:gd name="T86" fmla="*/ 111 w 612"/>
                <a:gd name="T87" fmla="*/ 484 h 1519"/>
                <a:gd name="T88" fmla="*/ 122 w 612"/>
                <a:gd name="T89" fmla="*/ 502 h 1519"/>
                <a:gd name="T90" fmla="*/ 148 w 612"/>
                <a:gd name="T91" fmla="*/ 478 h 1519"/>
                <a:gd name="T92" fmla="*/ 169 w 612"/>
                <a:gd name="T93" fmla="*/ 461 h 1519"/>
                <a:gd name="T94" fmla="*/ 161 w 612"/>
                <a:gd name="T95" fmla="*/ 389 h 1519"/>
                <a:gd name="T96" fmla="*/ 152 w 612"/>
                <a:gd name="T97" fmla="*/ 330 h 1519"/>
                <a:gd name="T98" fmla="*/ 160 w 612"/>
                <a:gd name="T99" fmla="*/ 278 h 1519"/>
                <a:gd name="T100" fmla="*/ 166 w 612"/>
                <a:gd name="T101" fmla="*/ 274 h 1519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612" h="1519">
                  <a:moveTo>
                    <a:pt x="515" y="810"/>
                  </a:moveTo>
                  <a:lnTo>
                    <a:pt x="510" y="797"/>
                  </a:lnTo>
                  <a:lnTo>
                    <a:pt x="505" y="786"/>
                  </a:lnTo>
                  <a:lnTo>
                    <a:pt x="498" y="774"/>
                  </a:lnTo>
                  <a:lnTo>
                    <a:pt x="492" y="764"/>
                  </a:lnTo>
                  <a:lnTo>
                    <a:pt x="478" y="742"/>
                  </a:lnTo>
                  <a:lnTo>
                    <a:pt x="462" y="722"/>
                  </a:lnTo>
                  <a:lnTo>
                    <a:pt x="430" y="682"/>
                  </a:lnTo>
                  <a:lnTo>
                    <a:pt x="395" y="643"/>
                  </a:lnTo>
                  <a:lnTo>
                    <a:pt x="379" y="623"/>
                  </a:lnTo>
                  <a:lnTo>
                    <a:pt x="363" y="603"/>
                  </a:lnTo>
                  <a:lnTo>
                    <a:pt x="349" y="582"/>
                  </a:lnTo>
                  <a:lnTo>
                    <a:pt x="337" y="558"/>
                  </a:lnTo>
                  <a:lnTo>
                    <a:pt x="331" y="547"/>
                  </a:lnTo>
                  <a:lnTo>
                    <a:pt x="327" y="534"/>
                  </a:lnTo>
                  <a:lnTo>
                    <a:pt x="322" y="521"/>
                  </a:lnTo>
                  <a:lnTo>
                    <a:pt x="318" y="509"/>
                  </a:lnTo>
                  <a:lnTo>
                    <a:pt x="315" y="495"/>
                  </a:lnTo>
                  <a:lnTo>
                    <a:pt x="313" y="481"/>
                  </a:lnTo>
                  <a:lnTo>
                    <a:pt x="312" y="467"/>
                  </a:lnTo>
                  <a:lnTo>
                    <a:pt x="311" y="451"/>
                  </a:lnTo>
                  <a:lnTo>
                    <a:pt x="312" y="432"/>
                  </a:lnTo>
                  <a:lnTo>
                    <a:pt x="313" y="414"/>
                  </a:lnTo>
                  <a:lnTo>
                    <a:pt x="315" y="397"/>
                  </a:lnTo>
                  <a:lnTo>
                    <a:pt x="319" y="379"/>
                  </a:lnTo>
                  <a:lnTo>
                    <a:pt x="323" y="362"/>
                  </a:lnTo>
                  <a:lnTo>
                    <a:pt x="329" y="347"/>
                  </a:lnTo>
                  <a:lnTo>
                    <a:pt x="335" y="331"/>
                  </a:lnTo>
                  <a:lnTo>
                    <a:pt x="341" y="315"/>
                  </a:lnTo>
                  <a:lnTo>
                    <a:pt x="349" y="299"/>
                  </a:lnTo>
                  <a:lnTo>
                    <a:pt x="357" y="285"/>
                  </a:lnTo>
                  <a:lnTo>
                    <a:pt x="367" y="271"/>
                  </a:lnTo>
                  <a:lnTo>
                    <a:pt x="376" y="256"/>
                  </a:lnTo>
                  <a:lnTo>
                    <a:pt x="396" y="229"/>
                  </a:lnTo>
                  <a:lnTo>
                    <a:pt x="419" y="201"/>
                  </a:lnTo>
                  <a:lnTo>
                    <a:pt x="442" y="176"/>
                  </a:lnTo>
                  <a:lnTo>
                    <a:pt x="468" y="151"/>
                  </a:lnTo>
                  <a:lnTo>
                    <a:pt x="492" y="126"/>
                  </a:lnTo>
                  <a:lnTo>
                    <a:pt x="517" y="101"/>
                  </a:lnTo>
                  <a:lnTo>
                    <a:pt x="542" y="77"/>
                  </a:lnTo>
                  <a:lnTo>
                    <a:pt x="567" y="53"/>
                  </a:lnTo>
                  <a:lnTo>
                    <a:pt x="590" y="29"/>
                  </a:lnTo>
                  <a:lnTo>
                    <a:pt x="612" y="4"/>
                  </a:lnTo>
                  <a:lnTo>
                    <a:pt x="599" y="2"/>
                  </a:lnTo>
                  <a:lnTo>
                    <a:pt x="587" y="1"/>
                  </a:lnTo>
                  <a:lnTo>
                    <a:pt x="574" y="0"/>
                  </a:lnTo>
                  <a:lnTo>
                    <a:pt x="561" y="1"/>
                  </a:lnTo>
                  <a:lnTo>
                    <a:pt x="550" y="1"/>
                  </a:lnTo>
                  <a:lnTo>
                    <a:pt x="538" y="3"/>
                  </a:lnTo>
                  <a:lnTo>
                    <a:pt x="527" y="6"/>
                  </a:lnTo>
                  <a:lnTo>
                    <a:pt x="516" y="9"/>
                  </a:lnTo>
                  <a:lnTo>
                    <a:pt x="506" y="12"/>
                  </a:lnTo>
                  <a:lnTo>
                    <a:pt x="495" y="16"/>
                  </a:lnTo>
                  <a:lnTo>
                    <a:pt x="485" y="20"/>
                  </a:lnTo>
                  <a:lnTo>
                    <a:pt x="474" y="24"/>
                  </a:lnTo>
                  <a:lnTo>
                    <a:pt x="455" y="36"/>
                  </a:lnTo>
                  <a:lnTo>
                    <a:pt x="436" y="49"/>
                  </a:lnTo>
                  <a:lnTo>
                    <a:pt x="418" y="62"/>
                  </a:lnTo>
                  <a:lnTo>
                    <a:pt x="400" y="76"/>
                  </a:lnTo>
                  <a:lnTo>
                    <a:pt x="383" y="92"/>
                  </a:lnTo>
                  <a:lnTo>
                    <a:pt x="367" y="108"/>
                  </a:lnTo>
                  <a:lnTo>
                    <a:pt x="334" y="139"/>
                  </a:lnTo>
                  <a:lnTo>
                    <a:pt x="301" y="170"/>
                  </a:lnTo>
                  <a:lnTo>
                    <a:pt x="274" y="195"/>
                  </a:lnTo>
                  <a:lnTo>
                    <a:pt x="248" y="221"/>
                  </a:lnTo>
                  <a:lnTo>
                    <a:pt x="221" y="247"/>
                  </a:lnTo>
                  <a:lnTo>
                    <a:pt x="197" y="271"/>
                  </a:lnTo>
                  <a:lnTo>
                    <a:pt x="172" y="294"/>
                  </a:lnTo>
                  <a:lnTo>
                    <a:pt x="148" y="316"/>
                  </a:lnTo>
                  <a:lnTo>
                    <a:pt x="123" y="336"/>
                  </a:lnTo>
                  <a:lnTo>
                    <a:pt x="98" y="354"/>
                  </a:lnTo>
                  <a:lnTo>
                    <a:pt x="112" y="374"/>
                  </a:lnTo>
                  <a:lnTo>
                    <a:pt x="127" y="393"/>
                  </a:lnTo>
                  <a:lnTo>
                    <a:pt x="141" y="413"/>
                  </a:lnTo>
                  <a:lnTo>
                    <a:pt x="155" y="433"/>
                  </a:lnTo>
                  <a:lnTo>
                    <a:pt x="160" y="445"/>
                  </a:lnTo>
                  <a:lnTo>
                    <a:pt x="165" y="456"/>
                  </a:lnTo>
                  <a:lnTo>
                    <a:pt x="169" y="468"/>
                  </a:lnTo>
                  <a:lnTo>
                    <a:pt x="172" y="480"/>
                  </a:lnTo>
                  <a:lnTo>
                    <a:pt x="173" y="493"/>
                  </a:lnTo>
                  <a:lnTo>
                    <a:pt x="172" y="508"/>
                  </a:lnTo>
                  <a:lnTo>
                    <a:pt x="170" y="523"/>
                  </a:lnTo>
                  <a:lnTo>
                    <a:pt x="165" y="538"/>
                  </a:lnTo>
                  <a:lnTo>
                    <a:pt x="176" y="549"/>
                  </a:lnTo>
                  <a:lnTo>
                    <a:pt x="187" y="559"/>
                  </a:lnTo>
                  <a:lnTo>
                    <a:pt x="196" y="570"/>
                  </a:lnTo>
                  <a:lnTo>
                    <a:pt x="204" y="582"/>
                  </a:lnTo>
                  <a:lnTo>
                    <a:pt x="222" y="606"/>
                  </a:lnTo>
                  <a:lnTo>
                    <a:pt x="239" y="630"/>
                  </a:lnTo>
                  <a:lnTo>
                    <a:pt x="255" y="655"/>
                  </a:lnTo>
                  <a:lnTo>
                    <a:pt x="272" y="679"/>
                  </a:lnTo>
                  <a:lnTo>
                    <a:pt x="281" y="691"/>
                  </a:lnTo>
                  <a:lnTo>
                    <a:pt x="291" y="702"/>
                  </a:lnTo>
                  <a:lnTo>
                    <a:pt x="300" y="713"/>
                  </a:lnTo>
                  <a:lnTo>
                    <a:pt x="311" y="723"/>
                  </a:lnTo>
                  <a:lnTo>
                    <a:pt x="299" y="725"/>
                  </a:lnTo>
                  <a:lnTo>
                    <a:pt x="289" y="729"/>
                  </a:lnTo>
                  <a:lnTo>
                    <a:pt x="279" y="734"/>
                  </a:lnTo>
                  <a:lnTo>
                    <a:pt x="271" y="741"/>
                  </a:lnTo>
                  <a:lnTo>
                    <a:pt x="256" y="755"/>
                  </a:lnTo>
                  <a:lnTo>
                    <a:pt x="243" y="772"/>
                  </a:lnTo>
                  <a:lnTo>
                    <a:pt x="237" y="779"/>
                  </a:lnTo>
                  <a:lnTo>
                    <a:pt x="230" y="787"/>
                  </a:lnTo>
                  <a:lnTo>
                    <a:pt x="222" y="794"/>
                  </a:lnTo>
                  <a:lnTo>
                    <a:pt x="214" y="801"/>
                  </a:lnTo>
                  <a:lnTo>
                    <a:pt x="203" y="805"/>
                  </a:lnTo>
                  <a:lnTo>
                    <a:pt x="193" y="808"/>
                  </a:lnTo>
                  <a:lnTo>
                    <a:pt x="180" y="810"/>
                  </a:lnTo>
                  <a:lnTo>
                    <a:pt x="165" y="810"/>
                  </a:lnTo>
                  <a:lnTo>
                    <a:pt x="161" y="821"/>
                  </a:lnTo>
                  <a:lnTo>
                    <a:pt x="159" y="830"/>
                  </a:lnTo>
                  <a:lnTo>
                    <a:pt x="159" y="838"/>
                  </a:lnTo>
                  <a:lnTo>
                    <a:pt x="160" y="846"/>
                  </a:lnTo>
                  <a:lnTo>
                    <a:pt x="162" y="852"/>
                  </a:lnTo>
                  <a:lnTo>
                    <a:pt x="165" y="858"/>
                  </a:lnTo>
                  <a:lnTo>
                    <a:pt x="169" y="865"/>
                  </a:lnTo>
                  <a:lnTo>
                    <a:pt x="173" y="871"/>
                  </a:lnTo>
                  <a:lnTo>
                    <a:pt x="181" y="883"/>
                  </a:lnTo>
                  <a:lnTo>
                    <a:pt x="190" y="897"/>
                  </a:lnTo>
                  <a:lnTo>
                    <a:pt x="192" y="906"/>
                  </a:lnTo>
                  <a:lnTo>
                    <a:pt x="194" y="914"/>
                  </a:lnTo>
                  <a:lnTo>
                    <a:pt x="195" y="925"/>
                  </a:lnTo>
                  <a:lnTo>
                    <a:pt x="195" y="936"/>
                  </a:lnTo>
                  <a:lnTo>
                    <a:pt x="199" y="938"/>
                  </a:lnTo>
                  <a:lnTo>
                    <a:pt x="206" y="941"/>
                  </a:lnTo>
                  <a:lnTo>
                    <a:pt x="212" y="942"/>
                  </a:lnTo>
                  <a:lnTo>
                    <a:pt x="218" y="942"/>
                  </a:lnTo>
                  <a:lnTo>
                    <a:pt x="232" y="943"/>
                  </a:lnTo>
                  <a:lnTo>
                    <a:pt x="247" y="943"/>
                  </a:lnTo>
                  <a:lnTo>
                    <a:pt x="253" y="944"/>
                  </a:lnTo>
                  <a:lnTo>
                    <a:pt x="259" y="945"/>
                  </a:lnTo>
                  <a:lnTo>
                    <a:pt x="266" y="946"/>
                  </a:lnTo>
                  <a:lnTo>
                    <a:pt x="271" y="948"/>
                  </a:lnTo>
                  <a:lnTo>
                    <a:pt x="275" y="951"/>
                  </a:lnTo>
                  <a:lnTo>
                    <a:pt x="278" y="954"/>
                  </a:lnTo>
                  <a:lnTo>
                    <a:pt x="280" y="960"/>
                  </a:lnTo>
                  <a:lnTo>
                    <a:pt x="282" y="966"/>
                  </a:lnTo>
                  <a:lnTo>
                    <a:pt x="270" y="974"/>
                  </a:lnTo>
                  <a:lnTo>
                    <a:pt x="258" y="981"/>
                  </a:lnTo>
                  <a:lnTo>
                    <a:pt x="246" y="987"/>
                  </a:lnTo>
                  <a:lnTo>
                    <a:pt x="234" y="991"/>
                  </a:lnTo>
                  <a:lnTo>
                    <a:pt x="222" y="994"/>
                  </a:lnTo>
                  <a:lnTo>
                    <a:pt x="210" y="996"/>
                  </a:lnTo>
                  <a:lnTo>
                    <a:pt x="198" y="999"/>
                  </a:lnTo>
                  <a:lnTo>
                    <a:pt x="185" y="999"/>
                  </a:lnTo>
                  <a:lnTo>
                    <a:pt x="173" y="999"/>
                  </a:lnTo>
                  <a:lnTo>
                    <a:pt x="160" y="999"/>
                  </a:lnTo>
                  <a:lnTo>
                    <a:pt x="147" y="996"/>
                  </a:lnTo>
                  <a:lnTo>
                    <a:pt x="132" y="995"/>
                  </a:lnTo>
                  <a:lnTo>
                    <a:pt x="102" y="990"/>
                  </a:lnTo>
                  <a:lnTo>
                    <a:pt x="69" y="985"/>
                  </a:lnTo>
                  <a:lnTo>
                    <a:pt x="64" y="990"/>
                  </a:lnTo>
                  <a:lnTo>
                    <a:pt x="61" y="995"/>
                  </a:lnTo>
                  <a:lnTo>
                    <a:pt x="59" y="1001"/>
                  </a:lnTo>
                  <a:lnTo>
                    <a:pt x="57" y="1007"/>
                  </a:lnTo>
                  <a:lnTo>
                    <a:pt x="55" y="1019"/>
                  </a:lnTo>
                  <a:lnTo>
                    <a:pt x="51" y="1030"/>
                  </a:lnTo>
                  <a:lnTo>
                    <a:pt x="49" y="1035"/>
                  </a:lnTo>
                  <a:lnTo>
                    <a:pt x="45" y="1040"/>
                  </a:lnTo>
                  <a:lnTo>
                    <a:pt x="41" y="1044"/>
                  </a:lnTo>
                  <a:lnTo>
                    <a:pt x="37" y="1047"/>
                  </a:lnTo>
                  <a:lnTo>
                    <a:pt x="30" y="1050"/>
                  </a:lnTo>
                  <a:lnTo>
                    <a:pt x="22" y="1052"/>
                  </a:lnTo>
                  <a:lnTo>
                    <a:pt x="12" y="1053"/>
                  </a:lnTo>
                  <a:lnTo>
                    <a:pt x="0" y="1053"/>
                  </a:lnTo>
                  <a:lnTo>
                    <a:pt x="0" y="1067"/>
                  </a:lnTo>
                  <a:lnTo>
                    <a:pt x="0" y="1081"/>
                  </a:lnTo>
                  <a:lnTo>
                    <a:pt x="1" y="1093"/>
                  </a:lnTo>
                  <a:lnTo>
                    <a:pt x="2" y="1104"/>
                  </a:lnTo>
                  <a:lnTo>
                    <a:pt x="4" y="1114"/>
                  </a:lnTo>
                  <a:lnTo>
                    <a:pt x="6" y="1125"/>
                  </a:lnTo>
                  <a:lnTo>
                    <a:pt x="9" y="1133"/>
                  </a:lnTo>
                  <a:lnTo>
                    <a:pt x="12" y="1143"/>
                  </a:lnTo>
                  <a:lnTo>
                    <a:pt x="19" y="1161"/>
                  </a:lnTo>
                  <a:lnTo>
                    <a:pt x="29" y="1178"/>
                  </a:lnTo>
                  <a:lnTo>
                    <a:pt x="38" y="1196"/>
                  </a:lnTo>
                  <a:lnTo>
                    <a:pt x="49" y="1218"/>
                  </a:lnTo>
                  <a:lnTo>
                    <a:pt x="44" y="1223"/>
                  </a:lnTo>
                  <a:lnTo>
                    <a:pt x="41" y="1229"/>
                  </a:lnTo>
                  <a:lnTo>
                    <a:pt x="38" y="1235"/>
                  </a:lnTo>
                  <a:lnTo>
                    <a:pt x="35" y="1243"/>
                  </a:lnTo>
                  <a:lnTo>
                    <a:pt x="33" y="1251"/>
                  </a:lnTo>
                  <a:lnTo>
                    <a:pt x="32" y="1260"/>
                  </a:lnTo>
                  <a:lnTo>
                    <a:pt x="31" y="1267"/>
                  </a:lnTo>
                  <a:lnTo>
                    <a:pt x="31" y="1275"/>
                  </a:lnTo>
                  <a:lnTo>
                    <a:pt x="31" y="1284"/>
                  </a:lnTo>
                  <a:lnTo>
                    <a:pt x="33" y="1292"/>
                  </a:lnTo>
                  <a:lnTo>
                    <a:pt x="35" y="1300"/>
                  </a:lnTo>
                  <a:lnTo>
                    <a:pt x="37" y="1306"/>
                  </a:lnTo>
                  <a:lnTo>
                    <a:pt x="41" y="1312"/>
                  </a:lnTo>
                  <a:lnTo>
                    <a:pt x="46" y="1318"/>
                  </a:lnTo>
                  <a:lnTo>
                    <a:pt x="52" y="1322"/>
                  </a:lnTo>
                  <a:lnTo>
                    <a:pt x="59" y="1325"/>
                  </a:lnTo>
                  <a:lnTo>
                    <a:pt x="87" y="1308"/>
                  </a:lnTo>
                  <a:lnTo>
                    <a:pt x="120" y="1287"/>
                  </a:lnTo>
                  <a:lnTo>
                    <a:pt x="155" y="1266"/>
                  </a:lnTo>
                  <a:lnTo>
                    <a:pt x="184" y="1247"/>
                  </a:lnTo>
                  <a:lnTo>
                    <a:pt x="194" y="1253"/>
                  </a:lnTo>
                  <a:lnTo>
                    <a:pt x="204" y="1259"/>
                  </a:lnTo>
                  <a:lnTo>
                    <a:pt x="215" y="1264"/>
                  </a:lnTo>
                  <a:lnTo>
                    <a:pt x="227" y="1269"/>
                  </a:lnTo>
                  <a:lnTo>
                    <a:pt x="250" y="1276"/>
                  </a:lnTo>
                  <a:lnTo>
                    <a:pt x="272" y="1286"/>
                  </a:lnTo>
                  <a:lnTo>
                    <a:pt x="276" y="1295"/>
                  </a:lnTo>
                  <a:lnTo>
                    <a:pt x="277" y="1304"/>
                  </a:lnTo>
                  <a:lnTo>
                    <a:pt x="277" y="1310"/>
                  </a:lnTo>
                  <a:lnTo>
                    <a:pt x="276" y="1317"/>
                  </a:lnTo>
                  <a:lnTo>
                    <a:pt x="271" y="1328"/>
                  </a:lnTo>
                  <a:lnTo>
                    <a:pt x="262" y="1344"/>
                  </a:lnTo>
                  <a:lnTo>
                    <a:pt x="274" y="1352"/>
                  </a:lnTo>
                  <a:lnTo>
                    <a:pt x="284" y="1360"/>
                  </a:lnTo>
                  <a:lnTo>
                    <a:pt x="293" y="1369"/>
                  </a:lnTo>
                  <a:lnTo>
                    <a:pt x="301" y="1379"/>
                  </a:lnTo>
                  <a:lnTo>
                    <a:pt x="308" y="1388"/>
                  </a:lnTo>
                  <a:lnTo>
                    <a:pt x="314" y="1399"/>
                  </a:lnTo>
                  <a:lnTo>
                    <a:pt x="318" y="1409"/>
                  </a:lnTo>
                  <a:lnTo>
                    <a:pt x="322" y="1420"/>
                  </a:lnTo>
                  <a:lnTo>
                    <a:pt x="327" y="1431"/>
                  </a:lnTo>
                  <a:lnTo>
                    <a:pt x="330" y="1443"/>
                  </a:lnTo>
                  <a:lnTo>
                    <a:pt x="332" y="1454"/>
                  </a:lnTo>
                  <a:lnTo>
                    <a:pt x="334" y="1467"/>
                  </a:lnTo>
                  <a:lnTo>
                    <a:pt x="337" y="1492"/>
                  </a:lnTo>
                  <a:lnTo>
                    <a:pt x="340" y="1519"/>
                  </a:lnTo>
                  <a:lnTo>
                    <a:pt x="353" y="1513"/>
                  </a:lnTo>
                  <a:lnTo>
                    <a:pt x="366" y="1506"/>
                  </a:lnTo>
                  <a:lnTo>
                    <a:pt x="377" y="1499"/>
                  </a:lnTo>
                  <a:lnTo>
                    <a:pt x="388" y="1491"/>
                  </a:lnTo>
                  <a:lnTo>
                    <a:pt x="408" y="1473"/>
                  </a:lnTo>
                  <a:lnTo>
                    <a:pt x="427" y="1454"/>
                  </a:lnTo>
                  <a:lnTo>
                    <a:pt x="445" y="1434"/>
                  </a:lnTo>
                  <a:lnTo>
                    <a:pt x="462" y="1415"/>
                  </a:lnTo>
                  <a:lnTo>
                    <a:pt x="473" y="1406"/>
                  </a:lnTo>
                  <a:lnTo>
                    <a:pt x="482" y="1398"/>
                  </a:lnTo>
                  <a:lnTo>
                    <a:pt x="494" y="1390"/>
                  </a:lnTo>
                  <a:lnTo>
                    <a:pt x="506" y="1383"/>
                  </a:lnTo>
                  <a:lnTo>
                    <a:pt x="505" y="1340"/>
                  </a:lnTo>
                  <a:lnTo>
                    <a:pt x="502" y="1301"/>
                  </a:lnTo>
                  <a:lnTo>
                    <a:pt x="499" y="1265"/>
                  </a:lnTo>
                  <a:lnTo>
                    <a:pt x="494" y="1231"/>
                  </a:lnTo>
                  <a:lnTo>
                    <a:pt x="483" y="1169"/>
                  </a:lnTo>
                  <a:lnTo>
                    <a:pt x="472" y="1111"/>
                  </a:lnTo>
                  <a:lnTo>
                    <a:pt x="467" y="1083"/>
                  </a:lnTo>
                  <a:lnTo>
                    <a:pt x="462" y="1053"/>
                  </a:lnTo>
                  <a:lnTo>
                    <a:pt x="459" y="1023"/>
                  </a:lnTo>
                  <a:lnTo>
                    <a:pt x="457" y="991"/>
                  </a:lnTo>
                  <a:lnTo>
                    <a:pt x="456" y="957"/>
                  </a:lnTo>
                  <a:lnTo>
                    <a:pt x="457" y="922"/>
                  </a:lnTo>
                  <a:lnTo>
                    <a:pt x="460" y="882"/>
                  </a:lnTo>
                  <a:lnTo>
                    <a:pt x="467" y="840"/>
                  </a:lnTo>
                  <a:lnTo>
                    <a:pt x="479" y="835"/>
                  </a:lnTo>
                  <a:lnTo>
                    <a:pt x="488" y="833"/>
                  </a:lnTo>
                  <a:lnTo>
                    <a:pt x="492" y="831"/>
                  </a:lnTo>
                  <a:lnTo>
                    <a:pt x="495" y="829"/>
                  </a:lnTo>
                  <a:lnTo>
                    <a:pt x="497" y="826"/>
                  </a:lnTo>
                  <a:lnTo>
                    <a:pt x="499" y="823"/>
                  </a:lnTo>
                  <a:lnTo>
                    <a:pt x="506" y="817"/>
                  </a:lnTo>
                  <a:lnTo>
                    <a:pt x="515" y="810"/>
                  </a:lnTo>
                </a:path>
              </a:pathLst>
            </a:custGeom>
            <a:grpFill/>
            <a:ln w="6350">
              <a:solidFill>
                <a:srgbClr val="006961"/>
              </a:solidFill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</p:grpSp>
      <p:sp>
        <p:nvSpPr>
          <p:cNvPr id="414" name="Content Placeholder 931"/>
          <p:cNvSpPr>
            <a:spLocks noGrp="1"/>
          </p:cNvSpPr>
          <p:nvPr>
            <p:ph sz="half" idx="4294967295"/>
          </p:nvPr>
        </p:nvSpPr>
        <p:spPr>
          <a:xfrm>
            <a:off x="5807968" y="2683854"/>
            <a:ext cx="5256584" cy="2729098"/>
          </a:xfrm>
          <a:prstGeom prst="rect">
            <a:avLst/>
          </a:prstGeom>
        </p:spPr>
        <p:txBody>
          <a:bodyPr/>
          <a:lstStyle/>
          <a:p>
            <a:r>
              <a:rPr lang="da-DK" sz="2400" b="1" dirty="0" smtClean="0">
                <a:solidFill>
                  <a:schemeClr val="bg1"/>
                </a:solidFill>
              </a:rPr>
              <a:t>Vi har allerede været på tour rundt i landet</a:t>
            </a:r>
            <a:endParaRPr lang="da-DK" sz="2400" b="1" dirty="0">
              <a:solidFill>
                <a:schemeClr val="bg1"/>
              </a:solidFill>
            </a:endParaRPr>
          </a:p>
          <a:p>
            <a:endParaRPr lang="da-DK" sz="2400" b="1" dirty="0">
              <a:solidFill>
                <a:schemeClr val="bg1"/>
              </a:solidFill>
            </a:endParaRPr>
          </a:p>
          <a:p>
            <a:r>
              <a:rPr lang="da-DK" sz="2400" b="1" dirty="0" smtClean="0">
                <a:solidFill>
                  <a:schemeClr val="bg1"/>
                </a:solidFill>
              </a:rPr>
              <a:t>- </a:t>
            </a:r>
            <a:r>
              <a:rPr lang="da-DK" sz="2400" b="1" dirty="0">
                <a:solidFill>
                  <a:schemeClr val="bg1"/>
                </a:solidFill>
              </a:rPr>
              <a:t>o</a:t>
            </a:r>
            <a:r>
              <a:rPr lang="da-DK" sz="2400" b="1" dirty="0" smtClean="0">
                <a:solidFill>
                  <a:schemeClr val="bg1"/>
                </a:solidFill>
              </a:rPr>
              <a:t>g i 2019 fortsætter vi med en lang række møder og arrangementer</a:t>
            </a:r>
          </a:p>
          <a:p>
            <a:endParaRPr lang="da-DK" b="1" dirty="0" smtClean="0">
              <a:solidFill>
                <a:schemeClr val="bg1"/>
              </a:solidFill>
            </a:endParaRPr>
          </a:p>
          <a:p>
            <a:endParaRPr lang="da-DK" dirty="0">
              <a:solidFill>
                <a:schemeClr val="bg1"/>
              </a:solidFill>
            </a:endParaRPr>
          </a:p>
          <a:p>
            <a:endParaRPr lang="da-DK" dirty="0">
              <a:solidFill>
                <a:schemeClr val="bg1"/>
              </a:solidFill>
            </a:endParaRPr>
          </a:p>
          <a:p>
            <a:endParaRPr lang="da-DK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581871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/>
          <p:cNvSpPr/>
          <p:nvPr/>
        </p:nvSpPr>
        <p:spPr>
          <a:xfrm>
            <a:off x="-6361" y="0"/>
            <a:ext cx="12192000" cy="6857999"/>
          </a:xfrm>
          <a:prstGeom prst="rect">
            <a:avLst/>
          </a:prstGeom>
          <a:solidFill>
            <a:srgbClr val="00696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Tekstfelt 5"/>
          <p:cNvSpPr txBox="1"/>
          <p:nvPr/>
        </p:nvSpPr>
        <p:spPr>
          <a:xfrm>
            <a:off x="1451484" y="5445224"/>
            <a:ext cx="928903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4000" dirty="0" smtClean="0">
                <a:solidFill>
                  <a:schemeClr val="bg1"/>
                </a:solidFill>
              </a:rPr>
              <a:t>Vi </a:t>
            </a:r>
            <a:r>
              <a:rPr lang="en-GB" sz="4000" dirty="0" err="1" smtClean="0">
                <a:solidFill>
                  <a:schemeClr val="bg1"/>
                </a:solidFill>
              </a:rPr>
              <a:t>ser</a:t>
            </a:r>
            <a:r>
              <a:rPr lang="en-GB" sz="4000" dirty="0" smtClean="0">
                <a:solidFill>
                  <a:schemeClr val="bg1"/>
                </a:solidFill>
              </a:rPr>
              <a:t> </a:t>
            </a:r>
            <a:r>
              <a:rPr lang="en-GB" sz="4000" dirty="0" err="1" smtClean="0">
                <a:solidFill>
                  <a:schemeClr val="bg1"/>
                </a:solidFill>
              </a:rPr>
              <a:t>frem</a:t>
            </a:r>
            <a:r>
              <a:rPr lang="en-GB" sz="4000" dirty="0" smtClean="0">
                <a:solidFill>
                  <a:schemeClr val="bg1"/>
                </a:solidFill>
              </a:rPr>
              <a:t> </a:t>
            </a:r>
            <a:r>
              <a:rPr lang="en-GB" sz="4000" dirty="0" err="1" smtClean="0">
                <a:solidFill>
                  <a:schemeClr val="bg1"/>
                </a:solidFill>
              </a:rPr>
              <a:t>til</a:t>
            </a:r>
            <a:r>
              <a:rPr lang="en-GB" sz="4000" dirty="0" smtClean="0">
                <a:solidFill>
                  <a:schemeClr val="bg1"/>
                </a:solidFill>
              </a:rPr>
              <a:t> </a:t>
            </a:r>
            <a:r>
              <a:rPr lang="en-GB" sz="4000" dirty="0" err="1" smtClean="0">
                <a:solidFill>
                  <a:schemeClr val="bg1"/>
                </a:solidFill>
              </a:rPr>
              <a:t>samarbejdet</a:t>
            </a:r>
            <a:r>
              <a:rPr lang="en-GB" sz="4000" dirty="0" smtClean="0">
                <a:solidFill>
                  <a:schemeClr val="bg1"/>
                </a:solidFill>
              </a:rPr>
              <a:t> med  </a:t>
            </a:r>
            <a:r>
              <a:rPr lang="en-GB" sz="4000" dirty="0" err="1" smtClean="0">
                <a:solidFill>
                  <a:schemeClr val="bg1"/>
                </a:solidFill>
              </a:rPr>
              <a:t>jer</a:t>
            </a:r>
            <a:r>
              <a:rPr lang="en-GB" sz="4000" dirty="0" smtClean="0">
                <a:solidFill>
                  <a:schemeClr val="bg1"/>
                </a:solidFill>
              </a:rPr>
              <a:t>!</a:t>
            </a:r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1344" y="1974373"/>
            <a:ext cx="5400000" cy="1687500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2024" y="2668913"/>
            <a:ext cx="5400000" cy="298419"/>
          </a:xfrm>
          <a:prstGeom prst="rect">
            <a:avLst/>
          </a:prstGeom>
        </p:spPr>
      </p:pic>
      <p:cxnSp>
        <p:nvCxnSpPr>
          <p:cNvPr id="11" name="Lige forbindelse 10"/>
          <p:cNvCxnSpPr/>
          <p:nvPr/>
        </p:nvCxnSpPr>
        <p:spPr>
          <a:xfrm>
            <a:off x="5519936" y="2564904"/>
            <a:ext cx="648072" cy="504056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Lige forbindelse 11"/>
          <p:cNvCxnSpPr/>
          <p:nvPr/>
        </p:nvCxnSpPr>
        <p:spPr>
          <a:xfrm flipH="1">
            <a:off x="5519935" y="2566795"/>
            <a:ext cx="648000" cy="502165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385404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ktangel 14"/>
          <p:cNvSpPr/>
          <p:nvPr/>
        </p:nvSpPr>
        <p:spPr>
          <a:xfrm>
            <a:off x="-24680" y="2524851"/>
            <a:ext cx="12316268" cy="4371660"/>
          </a:xfrm>
          <a:prstGeom prst="rect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>
          <a:xfrm>
            <a:off x="541338" y="693738"/>
            <a:ext cx="8074942" cy="940329"/>
          </a:xfrm>
        </p:spPr>
        <p:txBody>
          <a:bodyPr/>
          <a:lstStyle/>
          <a:p>
            <a:r>
              <a:rPr lang="en-GB" dirty="0" err="1" smtClean="0"/>
              <a:t>Forenkling</a:t>
            </a:r>
            <a:r>
              <a:rPr lang="en-GB" dirty="0" smtClean="0"/>
              <a:t> </a:t>
            </a:r>
            <a:r>
              <a:rPr lang="en-GB" dirty="0" err="1" smtClean="0"/>
              <a:t>af</a:t>
            </a:r>
            <a:r>
              <a:rPr lang="en-GB" dirty="0" smtClean="0"/>
              <a:t> </a:t>
            </a:r>
            <a:r>
              <a:rPr lang="en-GB" dirty="0" err="1" smtClean="0"/>
              <a:t>erhvervsfremmesystemet</a:t>
            </a:r>
            <a:r>
              <a:rPr lang="en-GB" dirty="0" smtClean="0"/>
              <a:t> </a:t>
            </a:r>
            <a:br>
              <a:rPr lang="en-GB" dirty="0" smtClean="0"/>
            </a:br>
            <a:r>
              <a:rPr lang="en-GB" dirty="0" smtClean="0"/>
              <a:t>pr. 1. </a:t>
            </a:r>
            <a:r>
              <a:rPr lang="en-GB" dirty="0" err="1" smtClean="0"/>
              <a:t>januar</a:t>
            </a:r>
            <a:r>
              <a:rPr lang="en-GB" dirty="0" smtClean="0"/>
              <a:t> 2019</a:t>
            </a:r>
            <a:endParaRPr lang="en-GB" dirty="0"/>
          </a:p>
        </p:txBody>
      </p:sp>
      <p:sp>
        <p:nvSpPr>
          <p:cNvPr id="18" name="Opadgående pil 17"/>
          <p:cNvSpPr/>
          <p:nvPr/>
        </p:nvSpPr>
        <p:spPr>
          <a:xfrm rot="5400000">
            <a:off x="983092" y="1773157"/>
            <a:ext cx="1728191" cy="4463816"/>
          </a:xfrm>
          <a:prstGeom prst="upArrow">
            <a:avLst>
              <a:gd name="adj1" fmla="val 50000"/>
              <a:gd name="adj2" fmla="val 60614"/>
            </a:avLst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padgående pil 18"/>
          <p:cNvSpPr/>
          <p:nvPr/>
        </p:nvSpPr>
        <p:spPr>
          <a:xfrm rot="16200000">
            <a:off x="9572802" y="3326902"/>
            <a:ext cx="1728000" cy="4464000"/>
          </a:xfrm>
          <a:prstGeom prst="upArrow">
            <a:avLst>
              <a:gd name="adj1" fmla="val 50000"/>
              <a:gd name="adj2" fmla="val 60423"/>
            </a:avLst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20" name="Picture 2" descr="Billedresultat for innovationsfonden logo"/>
          <p:cNvPicPr>
            <a:picLocks noChangeAspect="1" noChangeArrowheads="1"/>
          </p:cNvPicPr>
          <p:nvPr/>
        </p:nvPicPr>
        <p:blipFill>
          <a:blip r:embed="rId3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1344" y="3571235"/>
            <a:ext cx="2880000" cy="9183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Billede 20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74269" y="5553292"/>
            <a:ext cx="2520000" cy="127525"/>
          </a:xfrm>
          <a:prstGeom prst="rect">
            <a:avLst/>
          </a:prstGeom>
        </p:spPr>
      </p:pic>
      <p:sp>
        <p:nvSpPr>
          <p:cNvPr id="26" name="Tekstfelt 25"/>
          <p:cNvSpPr txBox="1"/>
          <p:nvPr/>
        </p:nvSpPr>
        <p:spPr>
          <a:xfrm>
            <a:off x="4439137" y="3356992"/>
            <a:ext cx="3508552" cy="30469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200" dirty="0" smtClean="0">
                <a:solidFill>
                  <a:schemeClr val="bg1"/>
                </a:solidFill>
              </a:rPr>
              <a:t>Bløde penge:</a:t>
            </a:r>
            <a:br>
              <a:rPr lang="da-DK" sz="2200" dirty="0" smtClean="0">
                <a:solidFill>
                  <a:schemeClr val="bg1"/>
                </a:solidFill>
              </a:rPr>
            </a:br>
            <a:r>
              <a:rPr lang="da-DK" sz="2200" dirty="0" smtClean="0">
                <a:solidFill>
                  <a:schemeClr val="bg1"/>
                </a:solidFill>
              </a:rPr>
              <a:t>Tilskudspuljer </a:t>
            </a:r>
            <a:r>
              <a:rPr lang="da-DK" sz="2200" dirty="0">
                <a:solidFill>
                  <a:schemeClr val="bg1"/>
                </a:solidFill>
              </a:rPr>
              <a:t>til innovation og udvikling</a:t>
            </a:r>
          </a:p>
          <a:p>
            <a:endParaRPr lang="da-DK" sz="2200" dirty="0">
              <a:solidFill>
                <a:schemeClr val="bg1"/>
              </a:solidFill>
            </a:endParaRPr>
          </a:p>
          <a:p>
            <a:endParaRPr lang="da-DK" sz="2200" dirty="0">
              <a:solidFill>
                <a:schemeClr val="bg1"/>
              </a:solidFill>
            </a:endParaRPr>
          </a:p>
          <a:p>
            <a:pPr algn="r"/>
            <a:endParaRPr lang="da-DK" sz="2200" dirty="0" smtClean="0">
              <a:solidFill>
                <a:schemeClr val="bg1"/>
              </a:solidFill>
            </a:endParaRPr>
          </a:p>
          <a:p>
            <a:pPr algn="r"/>
            <a:r>
              <a:rPr lang="da-DK" sz="2200" dirty="0" smtClean="0">
                <a:solidFill>
                  <a:schemeClr val="bg1"/>
                </a:solidFill>
              </a:rPr>
              <a:t>Hårde penge: </a:t>
            </a:r>
            <a:br>
              <a:rPr lang="da-DK" sz="2200" dirty="0" smtClean="0">
                <a:solidFill>
                  <a:schemeClr val="bg1"/>
                </a:solidFill>
              </a:rPr>
            </a:br>
            <a:r>
              <a:rPr lang="da-DK" sz="2200" dirty="0" smtClean="0">
                <a:solidFill>
                  <a:schemeClr val="bg1"/>
                </a:solidFill>
              </a:rPr>
              <a:t> Låne- </a:t>
            </a:r>
            <a:r>
              <a:rPr lang="da-DK" sz="2200" dirty="0">
                <a:solidFill>
                  <a:schemeClr val="bg1"/>
                </a:solidFill>
              </a:rPr>
              <a:t>og egenkapitalformidling</a:t>
            </a:r>
            <a:endParaRPr lang="en-GB" sz="2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77455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/>
          <p:cNvSpPr/>
          <p:nvPr/>
        </p:nvSpPr>
        <p:spPr>
          <a:xfrm>
            <a:off x="6096000" y="-8065"/>
            <a:ext cx="6220268" cy="6858000"/>
          </a:xfrm>
          <a:prstGeom prst="rect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>
          <a:xfrm>
            <a:off x="541338" y="693738"/>
            <a:ext cx="8434982" cy="940329"/>
          </a:xfrm>
        </p:spPr>
        <p:txBody>
          <a:bodyPr/>
          <a:lstStyle/>
          <a:p>
            <a:r>
              <a:rPr lang="da-DK" dirty="0">
                <a:latin typeface="Museo Slab 100" panose="02000000000000000000" pitchFamily="50" charset="0"/>
              </a:rPr>
              <a:t>Vi skal sikre </a:t>
            </a: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>sammenhæng </a:t>
            </a:r>
            <a:r>
              <a:rPr lang="da-DK" dirty="0"/>
              <a:t>og enkelhed</a:t>
            </a:r>
          </a:p>
        </p:txBody>
      </p:sp>
      <p:sp>
        <p:nvSpPr>
          <p:cNvPr id="5" name="Pladsholder til indhold 4"/>
          <p:cNvSpPr>
            <a:spLocks noGrp="1"/>
          </p:cNvSpPr>
          <p:nvPr>
            <p:ph sz="quarter" idx="13"/>
          </p:nvPr>
        </p:nvSpPr>
        <p:spPr>
          <a:xfrm>
            <a:off x="554286" y="1959726"/>
            <a:ext cx="4461594" cy="4890209"/>
          </a:xfrm>
        </p:spPr>
        <p:txBody>
          <a:bodyPr/>
          <a:lstStyle/>
          <a:p>
            <a:r>
              <a:rPr lang="da-DK" sz="1600" dirty="0">
                <a:latin typeface="Museo Sans Rounded 300" panose="02000000000000000000" pitchFamily="50" charset="0"/>
              </a:rPr>
              <a:t>Vækstfonden og Innovationsfonden skal i fællesskab yde finansiering i de tidlige faser og sikre </a:t>
            </a:r>
            <a:r>
              <a:rPr lang="da-DK" sz="1600" b="1" dirty="0">
                <a:solidFill>
                  <a:srgbClr val="006961"/>
                </a:solidFill>
                <a:latin typeface="Museo Sans Rounded 300" panose="02000000000000000000" pitchFamily="50" charset="0"/>
              </a:rPr>
              <a:t>sammenhæng</a:t>
            </a:r>
            <a:r>
              <a:rPr lang="da-DK" sz="1600" dirty="0">
                <a:latin typeface="Museo Sans Rounded 300" panose="02000000000000000000" pitchFamily="50" charset="0"/>
              </a:rPr>
              <a:t> og </a:t>
            </a:r>
            <a:r>
              <a:rPr lang="da-DK" sz="1600" b="1" dirty="0">
                <a:solidFill>
                  <a:srgbClr val="006961"/>
                </a:solidFill>
                <a:latin typeface="Museo Sans Rounded 300" panose="02000000000000000000" pitchFamily="50" charset="0"/>
              </a:rPr>
              <a:t>enkelhed</a:t>
            </a:r>
            <a:r>
              <a:rPr lang="da-DK" sz="1600" dirty="0">
                <a:solidFill>
                  <a:srgbClr val="006961"/>
                </a:solidFill>
                <a:latin typeface="Museo Sans Rounded 300" panose="02000000000000000000" pitchFamily="50" charset="0"/>
              </a:rPr>
              <a:t> </a:t>
            </a:r>
            <a:r>
              <a:rPr lang="da-DK" sz="1600" dirty="0">
                <a:latin typeface="Museo Sans Rounded 300" panose="02000000000000000000" pitchFamily="50" charset="0"/>
              </a:rPr>
              <a:t>i systemet. </a:t>
            </a:r>
          </a:p>
          <a:p>
            <a:endParaRPr lang="da-DK" sz="1600" dirty="0">
              <a:latin typeface="Museo Sans Rounded 300" panose="02000000000000000000" pitchFamily="50" charset="0"/>
            </a:endParaRPr>
          </a:p>
          <a:p>
            <a:r>
              <a:rPr lang="da-DK" sz="1600" dirty="0">
                <a:latin typeface="Museo Sans Rounded 300" panose="02000000000000000000" pitchFamily="50" charset="0"/>
              </a:rPr>
              <a:t>Vi skaber </a:t>
            </a:r>
            <a:r>
              <a:rPr lang="da-DK" sz="1600" b="1" dirty="0">
                <a:solidFill>
                  <a:srgbClr val="006961"/>
                </a:solidFill>
                <a:latin typeface="Museo Sans Rounded 300" panose="02000000000000000000" pitchFamily="50" charset="0"/>
              </a:rPr>
              <a:t>sammenhæng</a:t>
            </a:r>
            <a:r>
              <a:rPr lang="da-DK" sz="1600" dirty="0">
                <a:latin typeface="Museo Sans Rounded 300" panose="02000000000000000000" pitchFamily="50" charset="0"/>
              </a:rPr>
              <a:t> ved at bygge bro mellem virksomheder/aktører i de meget tidlige faser og relevante, kommercielle investorer. Broen består af </a:t>
            </a:r>
            <a:r>
              <a:rPr lang="da-DK" sz="1600" dirty="0" smtClean="0">
                <a:latin typeface="Museo Sans Rounded 300" panose="02000000000000000000" pitchFamily="50" charset="0"/>
              </a:rPr>
              <a:t>finansieringsprodukter, </a:t>
            </a:r>
            <a:r>
              <a:rPr lang="da-DK" sz="1600" dirty="0">
                <a:latin typeface="Museo Sans Rounded 300" panose="02000000000000000000" pitchFamily="50" charset="0"/>
              </a:rPr>
              <a:t>men også af </a:t>
            </a:r>
            <a:r>
              <a:rPr lang="da-DK" sz="1600" dirty="0" smtClean="0">
                <a:latin typeface="Museo Sans Rounded 300" panose="02000000000000000000" pitchFamily="50" charset="0"/>
              </a:rPr>
              <a:t>uddannelsesaktiviteter, netværk </a:t>
            </a:r>
            <a:r>
              <a:rPr lang="da-DK" sz="1600" dirty="0">
                <a:latin typeface="Museo Sans Rounded 300" panose="02000000000000000000" pitchFamily="50" charset="0"/>
              </a:rPr>
              <a:t>og deling af viden. </a:t>
            </a:r>
            <a:endParaRPr lang="da-DK" sz="1600" dirty="0" smtClean="0">
              <a:latin typeface="Museo Sans Rounded 300" panose="02000000000000000000" pitchFamily="50" charset="0"/>
            </a:endParaRPr>
          </a:p>
          <a:p>
            <a:endParaRPr lang="da-DK" sz="1600" dirty="0">
              <a:latin typeface="Museo Sans Rounded 300" panose="02000000000000000000" pitchFamily="50" charset="0"/>
            </a:endParaRPr>
          </a:p>
          <a:p>
            <a:r>
              <a:rPr lang="da-DK" sz="1600" dirty="0">
                <a:latin typeface="Museo Sans Rounded 300" panose="02000000000000000000" pitchFamily="50" charset="0"/>
              </a:rPr>
              <a:t>Vi sikrer </a:t>
            </a:r>
            <a:r>
              <a:rPr lang="da-DK" sz="1600" b="1" dirty="0">
                <a:solidFill>
                  <a:srgbClr val="006961"/>
                </a:solidFill>
                <a:latin typeface="Museo Sans Rounded 300" panose="02000000000000000000" pitchFamily="50" charset="0"/>
              </a:rPr>
              <a:t>enkelhed</a:t>
            </a:r>
            <a:r>
              <a:rPr lang="da-DK" sz="1600" dirty="0">
                <a:latin typeface="Museo Sans Rounded 300" panose="02000000000000000000" pitchFamily="50" charset="0"/>
              </a:rPr>
              <a:t> i systemet ved at etablere et stærkt partnerskab </a:t>
            </a:r>
            <a:r>
              <a:rPr lang="da-DK" sz="1600" dirty="0" smtClean="0">
                <a:latin typeface="Museo Sans Rounded 300" panose="02000000000000000000" pitchFamily="50" charset="0"/>
              </a:rPr>
              <a:t>mellem Innovationsfonden og Vækstfonden, </a:t>
            </a:r>
            <a:r>
              <a:rPr lang="da-DK" sz="1600" dirty="0">
                <a:latin typeface="Museo Sans Rounded 300" panose="02000000000000000000" pitchFamily="50" charset="0"/>
              </a:rPr>
              <a:t>så samspillet </a:t>
            </a:r>
            <a:r>
              <a:rPr lang="da-DK" sz="1600" dirty="0" smtClean="0">
                <a:latin typeface="Museo Sans Rounded 300" panose="02000000000000000000" pitchFamily="50" charset="0"/>
              </a:rPr>
              <a:t>er tydeligt. </a:t>
            </a:r>
            <a:endParaRPr lang="da-DK" sz="1600" dirty="0">
              <a:latin typeface="Museo Sans Rounded 300" panose="02000000000000000000" pitchFamily="50" charset="0"/>
            </a:endParaRPr>
          </a:p>
        </p:txBody>
      </p:sp>
      <p:grpSp>
        <p:nvGrpSpPr>
          <p:cNvPr id="28" name="Gruppe 27"/>
          <p:cNvGrpSpPr/>
          <p:nvPr/>
        </p:nvGrpSpPr>
        <p:grpSpPr>
          <a:xfrm>
            <a:off x="6415167" y="2705136"/>
            <a:ext cx="5634742" cy="1828232"/>
            <a:chOff x="1230831" y="1948000"/>
            <a:chExt cx="6581306" cy="2135351"/>
          </a:xfrm>
        </p:grpSpPr>
        <p:sp>
          <p:nvSpPr>
            <p:cNvPr id="29" name="Kombinationstegning 28"/>
            <p:cNvSpPr/>
            <p:nvPr/>
          </p:nvSpPr>
          <p:spPr>
            <a:xfrm rot="7864289">
              <a:off x="3245446" y="2098761"/>
              <a:ext cx="2002849" cy="1966332"/>
            </a:xfrm>
            <a:custGeom>
              <a:avLst/>
              <a:gdLst>
                <a:gd name="connsiteX0" fmla="*/ 0 w 2075241"/>
                <a:gd name="connsiteY0" fmla="*/ 194551 h 2216391"/>
                <a:gd name="connsiteX1" fmla="*/ 1971040 w 2075241"/>
                <a:gd name="connsiteY1" fmla="*/ 194551 h 2216391"/>
                <a:gd name="connsiteX2" fmla="*/ 1625600 w 2075241"/>
                <a:gd name="connsiteY2" fmla="*/ 2216391 h 22163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075241" h="2216391">
                  <a:moveTo>
                    <a:pt x="0" y="194551"/>
                  </a:moveTo>
                  <a:cubicBezTo>
                    <a:pt x="850053" y="26064"/>
                    <a:pt x="1700107" y="-142422"/>
                    <a:pt x="1971040" y="194551"/>
                  </a:cubicBezTo>
                  <a:cubicBezTo>
                    <a:pt x="2241973" y="531524"/>
                    <a:pt x="1933786" y="1373957"/>
                    <a:pt x="1625600" y="2216391"/>
                  </a:cubicBezTo>
                </a:path>
              </a:pathLst>
            </a:custGeom>
            <a:noFill/>
            <a:ln w="28575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grpSp>
          <p:nvGrpSpPr>
            <p:cNvPr id="30" name="Gruppe 29"/>
            <p:cNvGrpSpPr/>
            <p:nvPr/>
          </p:nvGrpSpPr>
          <p:grpSpPr>
            <a:xfrm>
              <a:off x="1230831" y="1948000"/>
              <a:ext cx="6581306" cy="1747668"/>
              <a:chOff x="1230831" y="1948000"/>
              <a:chExt cx="6581306" cy="1747668"/>
            </a:xfrm>
          </p:grpSpPr>
          <p:sp>
            <p:nvSpPr>
              <p:cNvPr id="31" name="Freeform 5"/>
              <p:cNvSpPr>
                <a:spLocks noEditPoints="1"/>
              </p:cNvSpPr>
              <p:nvPr/>
            </p:nvSpPr>
            <p:spPr bwMode="auto">
              <a:xfrm>
                <a:off x="1544266" y="2492895"/>
                <a:ext cx="270177" cy="303551"/>
              </a:xfrm>
              <a:custGeom>
                <a:avLst/>
                <a:gdLst>
                  <a:gd name="T0" fmla="*/ 292 w 340"/>
                  <a:gd name="T1" fmla="*/ 0 h 382"/>
                  <a:gd name="T2" fmla="*/ 292 w 340"/>
                  <a:gd name="T3" fmla="*/ 164 h 382"/>
                  <a:gd name="T4" fmla="*/ 158 w 340"/>
                  <a:gd name="T5" fmla="*/ 43 h 382"/>
                  <a:gd name="T6" fmla="*/ 0 w 340"/>
                  <a:gd name="T7" fmla="*/ 186 h 382"/>
                  <a:gd name="T8" fmla="*/ 0 w 340"/>
                  <a:gd name="T9" fmla="*/ 382 h 382"/>
                  <a:gd name="T10" fmla="*/ 292 w 340"/>
                  <a:gd name="T11" fmla="*/ 382 h 382"/>
                  <a:gd name="T12" fmla="*/ 316 w 340"/>
                  <a:gd name="T13" fmla="*/ 382 h 382"/>
                  <a:gd name="T14" fmla="*/ 340 w 340"/>
                  <a:gd name="T15" fmla="*/ 382 h 382"/>
                  <a:gd name="T16" fmla="*/ 340 w 340"/>
                  <a:gd name="T17" fmla="*/ 0 h 382"/>
                  <a:gd name="T18" fmla="*/ 292 w 340"/>
                  <a:gd name="T19" fmla="*/ 0 h 382"/>
                  <a:gd name="T20" fmla="*/ 195 w 340"/>
                  <a:gd name="T21" fmla="*/ 302 h 382"/>
                  <a:gd name="T22" fmla="*/ 120 w 340"/>
                  <a:gd name="T23" fmla="*/ 302 h 382"/>
                  <a:gd name="T24" fmla="*/ 120 w 340"/>
                  <a:gd name="T25" fmla="*/ 233 h 382"/>
                  <a:gd name="T26" fmla="*/ 195 w 340"/>
                  <a:gd name="T27" fmla="*/ 233 h 382"/>
                  <a:gd name="T28" fmla="*/ 195 w 340"/>
                  <a:gd name="T29" fmla="*/ 302 h 3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340" h="382">
                    <a:moveTo>
                      <a:pt x="292" y="0"/>
                    </a:moveTo>
                    <a:lnTo>
                      <a:pt x="292" y="164"/>
                    </a:lnTo>
                    <a:lnTo>
                      <a:pt x="158" y="43"/>
                    </a:lnTo>
                    <a:lnTo>
                      <a:pt x="0" y="186"/>
                    </a:lnTo>
                    <a:lnTo>
                      <a:pt x="0" y="382"/>
                    </a:lnTo>
                    <a:lnTo>
                      <a:pt x="292" y="382"/>
                    </a:lnTo>
                    <a:lnTo>
                      <a:pt x="316" y="382"/>
                    </a:lnTo>
                    <a:lnTo>
                      <a:pt x="340" y="382"/>
                    </a:lnTo>
                    <a:lnTo>
                      <a:pt x="340" y="0"/>
                    </a:lnTo>
                    <a:lnTo>
                      <a:pt x="292" y="0"/>
                    </a:lnTo>
                    <a:close/>
                    <a:moveTo>
                      <a:pt x="195" y="302"/>
                    </a:moveTo>
                    <a:lnTo>
                      <a:pt x="120" y="302"/>
                    </a:lnTo>
                    <a:lnTo>
                      <a:pt x="120" y="233"/>
                    </a:lnTo>
                    <a:lnTo>
                      <a:pt x="195" y="233"/>
                    </a:lnTo>
                    <a:lnTo>
                      <a:pt x="195" y="302"/>
                    </a:ln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dirty="0"/>
              </a:p>
            </p:txBody>
          </p:sp>
          <p:grpSp>
            <p:nvGrpSpPr>
              <p:cNvPr id="32" name="Group 24"/>
              <p:cNvGrpSpPr>
                <a:grpSpLocks noChangeAspect="1"/>
              </p:cNvGrpSpPr>
              <p:nvPr/>
            </p:nvGrpSpPr>
            <p:grpSpPr bwMode="auto">
              <a:xfrm>
                <a:off x="1845607" y="2191752"/>
                <a:ext cx="608013" cy="609601"/>
                <a:chOff x="3600" y="1176"/>
                <a:chExt cx="383" cy="384"/>
              </a:xfrm>
              <a:solidFill>
                <a:schemeClr val="bg1"/>
              </a:solidFill>
            </p:grpSpPr>
            <p:sp>
              <p:nvSpPr>
                <p:cNvPr id="64" name="Rectangle 25"/>
                <p:cNvSpPr>
                  <a:spLocks noChangeArrowheads="1"/>
                </p:cNvSpPr>
                <p:nvPr/>
              </p:nvSpPr>
              <p:spPr bwMode="auto">
                <a:xfrm>
                  <a:off x="3601" y="1540"/>
                  <a:ext cx="381" cy="20"/>
                </a:xfrm>
                <a:prstGeom prst="rect">
                  <a:avLst/>
                </a:pr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65" name="Rectangle 26"/>
                <p:cNvSpPr>
                  <a:spLocks noChangeArrowheads="1"/>
                </p:cNvSpPr>
                <p:nvPr/>
              </p:nvSpPr>
              <p:spPr bwMode="auto">
                <a:xfrm>
                  <a:off x="3633" y="1521"/>
                  <a:ext cx="317" cy="19"/>
                </a:xfrm>
                <a:prstGeom prst="rect">
                  <a:avLst/>
                </a:pr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66" name="Rectangle 27"/>
                <p:cNvSpPr>
                  <a:spLocks noChangeArrowheads="1"/>
                </p:cNvSpPr>
                <p:nvPr/>
              </p:nvSpPr>
              <p:spPr bwMode="auto">
                <a:xfrm>
                  <a:off x="3633" y="1257"/>
                  <a:ext cx="317" cy="20"/>
                </a:xfrm>
                <a:prstGeom prst="rect">
                  <a:avLst/>
                </a:pr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67" name="Rectangle 28"/>
                <p:cNvSpPr>
                  <a:spLocks noChangeArrowheads="1"/>
                </p:cNvSpPr>
                <p:nvPr/>
              </p:nvSpPr>
              <p:spPr bwMode="auto">
                <a:xfrm>
                  <a:off x="3667" y="1291"/>
                  <a:ext cx="36" cy="216"/>
                </a:xfrm>
                <a:prstGeom prst="rect">
                  <a:avLst/>
                </a:pr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68" name="Rectangle 29"/>
                <p:cNvSpPr>
                  <a:spLocks noChangeArrowheads="1"/>
                </p:cNvSpPr>
                <p:nvPr/>
              </p:nvSpPr>
              <p:spPr bwMode="auto">
                <a:xfrm>
                  <a:off x="3738" y="1291"/>
                  <a:ext cx="36" cy="216"/>
                </a:xfrm>
                <a:prstGeom prst="rect">
                  <a:avLst/>
                </a:pr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69" name="Rectangle 30"/>
                <p:cNvSpPr>
                  <a:spLocks noChangeArrowheads="1"/>
                </p:cNvSpPr>
                <p:nvPr/>
              </p:nvSpPr>
              <p:spPr bwMode="auto">
                <a:xfrm>
                  <a:off x="3809" y="1291"/>
                  <a:ext cx="36" cy="216"/>
                </a:xfrm>
                <a:prstGeom prst="rect">
                  <a:avLst/>
                </a:pr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70" name="Rectangle 31"/>
                <p:cNvSpPr>
                  <a:spLocks noChangeArrowheads="1"/>
                </p:cNvSpPr>
                <p:nvPr/>
              </p:nvSpPr>
              <p:spPr bwMode="auto">
                <a:xfrm>
                  <a:off x="3881" y="1291"/>
                  <a:ext cx="35" cy="216"/>
                </a:xfrm>
                <a:prstGeom prst="rect">
                  <a:avLst/>
                </a:pr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71" name="Freeform 32"/>
                <p:cNvSpPr>
                  <a:spLocks/>
                </p:cNvSpPr>
                <p:nvPr/>
              </p:nvSpPr>
              <p:spPr bwMode="auto">
                <a:xfrm>
                  <a:off x="3600" y="1176"/>
                  <a:ext cx="383" cy="66"/>
                </a:xfrm>
                <a:custGeom>
                  <a:avLst/>
                  <a:gdLst>
                    <a:gd name="T0" fmla="*/ 0 w 383"/>
                    <a:gd name="T1" fmla="*/ 66 h 66"/>
                    <a:gd name="T2" fmla="*/ 192 w 383"/>
                    <a:gd name="T3" fmla="*/ 0 h 66"/>
                    <a:gd name="T4" fmla="*/ 383 w 383"/>
                    <a:gd name="T5" fmla="*/ 66 h 66"/>
                    <a:gd name="T6" fmla="*/ 0 w 383"/>
                    <a:gd name="T7" fmla="*/ 66 h 6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</a:cxnLst>
                  <a:rect l="0" t="0" r="r" b="b"/>
                  <a:pathLst>
                    <a:path w="383" h="66">
                      <a:moveTo>
                        <a:pt x="0" y="66"/>
                      </a:moveTo>
                      <a:lnTo>
                        <a:pt x="192" y="0"/>
                      </a:lnTo>
                      <a:lnTo>
                        <a:pt x="383" y="66"/>
                      </a:lnTo>
                      <a:lnTo>
                        <a:pt x="0" y="66"/>
                      </a:lnTo>
                      <a:close/>
                    </a:path>
                  </a:pathLst>
                </a:cu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</p:grpSp>
          <p:cxnSp>
            <p:nvCxnSpPr>
              <p:cNvPr id="33" name="Lige forbindelse 32"/>
              <p:cNvCxnSpPr/>
              <p:nvPr/>
            </p:nvCxnSpPr>
            <p:spPr>
              <a:xfrm>
                <a:off x="1230831" y="2852936"/>
                <a:ext cx="2416897" cy="0"/>
              </a:xfrm>
              <a:prstGeom prst="line">
                <a:avLst/>
              </a:prstGeom>
              <a:ln w="28575">
                <a:solidFill>
                  <a:schemeClr val="bg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Lige forbindelse 33"/>
              <p:cNvCxnSpPr/>
              <p:nvPr/>
            </p:nvCxnSpPr>
            <p:spPr>
              <a:xfrm>
                <a:off x="5015880" y="2852936"/>
                <a:ext cx="2796257" cy="0"/>
              </a:xfrm>
              <a:prstGeom prst="line">
                <a:avLst/>
              </a:prstGeom>
              <a:ln w="28575">
                <a:solidFill>
                  <a:schemeClr val="bg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5" name="Freeform 13"/>
              <p:cNvSpPr>
                <a:spLocks noEditPoints="1"/>
              </p:cNvSpPr>
              <p:nvPr/>
            </p:nvSpPr>
            <p:spPr bwMode="auto">
              <a:xfrm>
                <a:off x="2488139" y="2374315"/>
                <a:ext cx="638485" cy="426611"/>
              </a:xfrm>
              <a:custGeom>
                <a:avLst/>
                <a:gdLst>
                  <a:gd name="T0" fmla="*/ 272 w 446"/>
                  <a:gd name="T1" fmla="*/ 130 h 298"/>
                  <a:gd name="T2" fmla="*/ 272 w 446"/>
                  <a:gd name="T3" fmla="*/ 33 h 298"/>
                  <a:gd name="T4" fmla="*/ 85 w 446"/>
                  <a:gd name="T5" fmla="*/ 137 h 298"/>
                  <a:gd name="T6" fmla="*/ 85 w 446"/>
                  <a:gd name="T7" fmla="*/ 0 h 298"/>
                  <a:gd name="T8" fmla="*/ 52 w 446"/>
                  <a:gd name="T9" fmla="*/ 0 h 298"/>
                  <a:gd name="T10" fmla="*/ 52 w 446"/>
                  <a:gd name="T11" fmla="*/ 155 h 298"/>
                  <a:gd name="T12" fmla="*/ 32 w 446"/>
                  <a:gd name="T13" fmla="*/ 165 h 298"/>
                  <a:gd name="T14" fmla="*/ 32 w 446"/>
                  <a:gd name="T15" fmla="*/ 0 h 298"/>
                  <a:gd name="T16" fmla="*/ 0 w 446"/>
                  <a:gd name="T17" fmla="*/ 0 h 298"/>
                  <a:gd name="T18" fmla="*/ 0 w 446"/>
                  <a:gd name="T19" fmla="*/ 183 h 298"/>
                  <a:gd name="T20" fmla="*/ 0 w 446"/>
                  <a:gd name="T21" fmla="*/ 298 h 298"/>
                  <a:gd name="T22" fmla="*/ 32 w 446"/>
                  <a:gd name="T23" fmla="*/ 298 h 298"/>
                  <a:gd name="T24" fmla="*/ 52 w 446"/>
                  <a:gd name="T25" fmla="*/ 298 h 298"/>
                  <a:gd name="T26" fmla="*/ 85 w 446"/>
                  <a:gd name="T27" fmla="*/ 298 h 298"/>
                  <a:gd name="T28" fmla="*/ 175 w 446"/>
                  <a:gd name="T29" fmla="*/ 298 h 298"/>
                  <a:gd name="T30" fmla="*/ 272 w 446"/>
                  <a:gd name="T31" fmla="*/ 298 h 298"/>
                  <a:gd name="T32" fmla="*/ 446 w 446"/>
                  <a:gd name="T33" fmla="*/ 298 h 298"/>
                  <a:gd name="T34" fmla="*/ 446 w 446"/>
                  <a:gd name="T35" fmla="*/ 33 h 298"/>
                  <a:gd name="T36" fmla="*/ 272 w 446"/>
                  <a:gd name="T37" fmla="*/ 130 h 298"/>
                  <a:gd name="T38" fmla="*/ 203 w 446"/>
                  <a:gd name="T39" fmla="*/ 272 h 298"/>
                  <a:gd name="T40" fmla="*/ 177 w 446"/>
                  <a:gd name="T41" fmla="*/ 272 h 298"/>
                  <a:gd name="T42" fmla="*/ 177 w 446"/>
                  <a:gd name="T43" fmla="*/ 165 h 298"/>
                  <a:gd name="T44" fmla="*/ 203 w 446"/>
                  <a:gd name="T45" fmla="*/ 165 h 298"/>
                  <a:gd name="T46" fmla="*/ 203 w 446"/>
                  <a:gd name="T47" fmla="*/ 272 h 298"/>
                  <a:gd name="T48" fmla="*/ 242 w 446"/>
                  <a:gd name="T49" fmla="*/ 272 h 298"/>
                  <a:gd name="T50" fmla="*/ 215 w 446"/>
                  <a:gd name="T51" fmla="*/ 272 h 298"/>
                  <a:gd name="T52" fmla="*/ 215 w 446"/>
                  <a:gd name="T53" fmla="*/ 165 h 298"/>
                  <a:gd name="T54" fmla="*/ 242 w 446"/>
                  <a:gd name="T55" fmla="*/ 165 h 298"/>
                  <a:gd name="T56" fmla="*/ 242 w 446"/>
                  <a:gd name="T57" fmla="*/ 272 h 298"/>
                  <a:gd name="T58" fmla="*/ 281 w 446"/>
                  <a:gd name="T59" fmla="*/ 272 h 298"/>
                  <a:gd name="T60" fmla="*/ 254 w 446"/>
                  <a:gd name="T61" fmla="*/ 272 h 298"/>
                  <a:gd name="T62" fmla="*/ 254 w 446"/>
                  <a:gd name="T63" fmla="*/ 165 h 298"/>
                  <a:gd name="T64" fmla="*/ 281 w 446"/>
                  <a:gd name="T65" fmla="*/ 165 h 298"/>
                  <a:gd name="T66" fmla="*/ 281 w 446"/>
                  <a:gd name="T67" fmla="*/ 272 h 298"/>
                  <a:gd name="T68" fmla="*/ 320 w 446"/>
                  <a:gd name="T69" fmla="*/ 272 h 298"/>
                  <a:gd name="T70" fmla="*/ 293 w 446"/>
                  <a:gd name="T71" fmla="*/ 272 h 298"/>
                  <a:gd name="T72" fmla="*/ 293 w 446"/>
                  <a:gd name="T73" fmla="*/ 165 h 298"/>
                  <a:gd name="T74" fmla="*/ 320 w 446"/>
                  <a:gd name="T75" fmla="*/ 165 h 298"/>
                  <a:gd name="T76" fmla="*/ 320 w 446"/>
                  <a:gd name="T77" fmla="*/ 272 h 298"/>
                  <a:gd name="T78" fmla="*/ 359 w 446"/>
                  <a:gd name="T79" fmla="*/ 272 h 298"/>
                  <a:gd name="T80" fmla="*/ 332 w 446"/>
                  <a:gd name="T81" fmla="*/ 272 h 298"/>
                  <a:gd name="T82" fmla="*/ 332 w 446"/>
                  <a:gd name="T83" fmla="*/ 165 h 298"/>
                  <a:gd name="T84" fmla="*/ 359 w 446"/>
                  <a:gd name="T85" fmla="*/ 165 h 298"/>
                  <a:gd name="T86" fmla="*/ 359 w 446"/>
                  <a:gd name="T87" fmla="*/ 272 h 298"/>
                  <a:gd name="T88" fmla="*/ 398 w 446"/>
                  <a:gd name="T89" fmla="*/ 272 h 298"/>
                  <a:gd name="T90" fmla="*/ 371 w 446"/>
                  <a:gd name="T91" fmla="*/ 272 h 298"/>
                  <a:gd name="T92" fmla="*/ 371 w 446"/>
                  <a:gd name="T93" fmla="*/ 165 h 298"/>
                  <a:gd name="T94" fmla="*/ 398 w 446"/>
                  <a:gd name="T95" fmla="*/ 165 h 298"/>
                  <a:gd name="T96" fmla="*/ 398 w 446"/>
                  <a:gd name="T97" fmla="*/ 272 h 29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</a:cxnLst>
                <a:rect l="0" t="0" r="r" b="b"/>
                <a:pathLst>
                  <a:path w="446" h="298">
                    <a:moveTo>
                      <a:pt x="272" y="130"/>
                    </a:moveTo>
                    <a:lnTo>
                      <a:pt x="272" y="33"/>
                    </a:lnTo>
                    <a:lnTo>
                      <a:pt x="85" y="137"/>
                    </a:lnTo>
                    <a:lnTo>
                      <a:pt x="85" y="0"/>
                    </a:lnTo>
                    <a:lnTo>
                      <a:pt x="52" y="0"/>
                    </a:lnTo>
                    <a:lnTo>
                      <a:pt x="52" y="155"/>
                    </a:lnTo>
                    <a:lnTo>
                      <a:pt x="32" y="165"/>
                    </a:lnTo>
                    <a:lnTo>
                      <a:pt x="32" y="0"/>
                    </a:lnTo>
                    <a:lnTo>
                      <a:pt x="0" y="0"/>
                    </a:lnTo>
                    <a:lnTo>
                      <a:pt x="0" y="183"/>
                    </a:lnTo>
                    <a:lnTo>
                      <a:pt x="0" y="298"/>
                    </a:lnTo>
                    <a:lnTo>
                      <a:pt x="32" y="298"/>
                    </a:lnTo>
                    <a:lnTo>
                      <a:pt x="52" y="298"/>
                    </a:lnTo>
                    <a:lnTo>
                      <a:pt x="85" y="298"/>
                    </a:lnTo>
                    <a:lnTo>
                      <a:pt x="175" y="298"/>
                    </a:lnTo>
                    <a:lnTo>
                      <a:pt x="272" y="298"/>
                    </a:lnTo>
                    <a:lnTo>
                      <a:pt x="446" y="298"/>
                    </a:lnTo>
                    <a:lnTo>
                      <a:pt x="446" y="33"/>
                    </a:lnTo>
                    <a:lnTo>
                      <a:pt x="272" y="130"/>
                    </a:lnTo>
                    <a:close/>
                    <a:moveTo>
                      <a:pt x="203" y="272"/>
                    </a:moveTo>
                    <a:lnTo>
                      <a:pt x="177" y="272"/>
                    </a:lnTo>
                    <a:lnTo>
                      <a:pt x="177" y="165"/>
                    </a:lnTo>
                    <a:lnTo>
                      <a:pt x="203" y="165"/>
                    </a:lnTo>
                    <a:lnTo>
                      <a:pt x="203" y="272"/>
                    </a:lnTo>
                    <a:close/>
                    <a:moveTo>
                      <a:pt x="242" y="272"/>
                    </a:moveTo>
                    <a:lnTo>
                      <a:pt x="215" y="272"/>
                    </a:lnTo>
                    <a:lnTo>
                      <a:pt x="215" y="165"/>
                    </a:lnTo>
                    <a:lnTo>
                      <a:pt x="242" y="165"/>
                    </a:lnTo>
                    <a:lnTo>
                      <a:pt x="242" y="272"/>
                    </a:lnTo>
                    <a:close/>
                    <a:moveTo>
                      <a:pt x="281" y="272"/>
                    </a:moveTo>
                    <a:lnTo>
                      <a:pt x="254" y="272"/>
                    </a:lnTo>
                    <a:lnTo>
                      <a:pt x="254" y="165"/>
                    </a:lnTo>
                    <a:lnTo>
                      <a:pt x="281" y="165"/>
                    </a:lnTo>
                    <a:lnTo>
                      <a:pt x="281" y="272"/>
                    </a:lnTo>
                    <a:close/>
                    <a:moveTo>
                      <a:pt x="320" y="272"/>
                    </a:moveTo>
                    <a:lnTo>
                      <a:pt x="293" y="272"/>
                    </a:lnTo>
                    <a:lnTo>
                      <a:pt x="293" y="165"/>
                    </a:lnTo>
                    <a:lnTo>
                      <a:pt x="320" y="165"/>
                    </a:lnTo>
                    <a:lnTo>
                      <a:pt x="320" y="272"/>
                    </a:lnTo>
                    <a:close/>
                    <a:moveTo>
                      <a:pt x="359" y="272"/>
                    </a:moveTo>
                    <a:lnTo>
                      <a:pt x="332" y="272"/>
                    </a:lnTo>
                    <a:lnTo>
                      <a:pt x="332" y="165"/>
                    </a:lnTo>
                    <a:lnTo>
                      <a:pt x="359" y="165"/>
                    </a:lnTo>
                    <a:lnTo>
                      <a:pt x="359" y="272"/>
                    </a:lnTo>
                    <a:close/>
                    <a:moveTo>
                      <a:pt x="398" y="272"/>
                    </a:moveTo>
                    <a:lnTo>
                      <a:pt x="371" y="272"/>
                    </a:lnTo>
                    <a:lnTo>
                      <a:pt x="371" y="165"/>
                    </a:lnTo>
                    <a:lnTo>
                      <a:pt x="398" y="165"/>
                    </a:lnTo>
                    <a:lnTo>
                      <a:pt x="398" y="272"/>
                    </a:ln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dirty="0"/>
              </a:p>
            </p:txBody>
          </p:sp>
          <p:grpSp>
            <p:nvGrpSpPr>
              <p:cNvPr id="36" name="Gruppe 35"/>
              <p:cNvGrpSpPr/>
              <p:nvPr/>
            </p:nvGrpSpPr>
            <p:grpSpPr>
              <a:xfrm>
                <a:off x="5454137" y="1948000"/>
                <a:ext cx="2037003" cy="852630"/>
                <a:chOff x="5454137" y="1916832"/>
                <a:chExt cx="2037003" cy="852630"/>
              </a:xfrm>
            </p:grpSpPr>
            <p:sp>
              <p:nvSpPr>
                <p:cNvPr id="44" name="Freeform 36"/>
                <p:cNvSpPr>
                  <a:spLocks noEditPoints="1"/>
                </p:cNvSpPr>
                <p:nvPr/>
              </p:nvSpPr>
              <p:spPr bwMode="auto">
                <a:xfrm>
                  <a:off x="6594475" y="2320340"/>
                  <a:ext cx="517525" cy="449122"/>
                </a:xfrm>
                <a:custGeom>
                  <a:avLst/>
                  <a:gdLst>
                    <a:gd name="T0" fmla="*/ 47 w 326"/>
                    <a:gd name="T1" fmla="*/ 0 h 384"/>
                    <a:gd name="T2" fmla="*/ 0 w 326"/>
                    <a:gd name="T3" fmla="*/ 384 h 384"/>
                    <a:gd name="T4" fmla="*/ 278 w 326"/>
                    <a:gd name="T5" fmla="*/ 362 h 384"/>
                    <a:gd name="T6" fmla="*/ 261 w 326"/>
                    <a:gd name="T7" fmla="*/ 88 h 384"/>
                    <a:gd name="T8" fmla="*/ 246 w 326"/>
                    <a:gd name="T9" fmla="*/ 109 h 384"/>
                    <a:gd name="T10" fmla="*/ 246 w 326"/>
                    <a:gd name="T11" fmla="*/ 177 h 384"/>
                    <a:gd name="T12" fmla="*/ 261 w 326"/>
                    <a:gd name="T13" fmla="*/ 197 h 384"/>
                    <a:gd name="T14" fmla="*/ 246 w 326"/>
                    <a:gd name="T15" fmla="*/ 197 h 384"/>
                    <a:gd name="T16" fmla="*/ 261 w 326"/>
                    <a:gd name="T17" fmla="*/ 354 h 384"/>
                    <a:gd name="T18" fmla="*/ 209 w 326"/>
                    <a:gd name="T19" fmla="*/ 20 h 384"/>
                    <a:gd name="T20" fmla="*/ 209 w 326"/>
                    <a:gd name="T21" fmla="*/ 88 h 384"/>
                    <a:gd name="T22" fmla="*/ 224 w 326"/>
                    <a:gd name="T23" fmla="*/ 109 h 384"/>
                    <a:gd name="T24" fmla="*/ 209 w 326"/>
                    <a:gd name="T25" fmla="*/ 109 h 384"/>
                    <a:gd name="T26" fmla="*/ 224 w 326"/>
                    <a:gd name="T27" fmla="*/ 266 h 384"/>
                    <a:gd name="T28" fmla="*/ 209 w 326"/>
                    <a:gd name="T29" fmla="*/ 286 h 384"/>
                    <a:gd name="T30" fmla="*/ 209 w 326"/>
                    <a:gd name="T31" fmla="*/ 354 h 384"/>
                    <a:gd name="T32" fmla="*/ 189 w 326"/>
                    <a:gd name="T33" fmla="*/ 20 h 384"/>
                    <a:gd name="T34" fmla="*/ 174 w 326"/>
                    <a:gd name="T35" fmla="*/ 20 h 384"/>
                    <a:gd name="T36" fmla="*/ 189 w 326"/>
                    <a:gd name="T37" fmla="*/ 177 h 384"/>
                    <a:gd name="T38" fmla="*/ 174 w 326"/>
                    <a:gd name="T39" fmla="*/ 197 h 384"/>
                    <a:gd name="T40" fmla="*/ 174 w 326"/>
                    <a:gd name="T41" fmla="*/ 266 h 384"/>
                    <a:gd name="T42" fmla="*/ 189 w 326"/>
                    <a:gd name="T43" fmla="*/ 286 h 384"/>
                    <a:gd name="T44" fmla="*/ 174 w 326"/>
                    <a:gd name="T45" fmla="*/ 286 h 384"/>
                    <a:gd name="T46" fmla="*/ 152 w 326"/>
                    <a:gd name="T47" fmla="*/ 88 h 384"/>
                    <a:gd name="T48" fmla="*/ 137 w 326"/>
                    <a:gd name="T49" fmla="*/ 109 h 384"/>
                    <a:gd name="T50" fmla="*/ 137 w 326"/>
                    <a:gd name="T51" fmla="*/ 177 h 384"/>
                    <a:gd name="T52" fmla="*/ 152 w 326"/>
                    <a:gd name="T53" fmla="*/ 197 h 384"/>
                    <a:gd name="T54" fmla="*/ 137 w 326"/>
                    <a:gd name="T55" fmla="*/ 197 h 384"/>
                    <a:gd name="T56" fmla="*/ 152 w 326"/>
                    <a:gd name="T57" fmla="*/ 354 h 384"/>
                    <a:gd name="T58" fmla="*/ 101 w 326"/>
                    <a:gd name="T59" fmla="*/ 20 h 384"/>
                    <a:gd name="T60" fmla="*/ 101 w 326"/>
                    <a:gd name="T61" fmla="*/ 88 h 384"/>
                    <a:gd name="T62" fmla="*/ 116 w 326"/>
                    <a:gd name="T63" fmla="*/ 109 h 384"/>
                    <a:gd name="T64" fmla="*/ 101 w 326"/>
                    <a:gd name="T65" fmla="*/ 109 h 384"/>
                    <a:gd name="T66" fmla="*/ 116 w 326"/>
                    <a:gd name="T67" fmla="*/ 266 h 384"/>
                    <a:gd name="T68" fmla="*/ 101 w 326"/>
                    <a:gd name="T69" fmla="*/ 286 h 384"/>
                    <a:gd name="T70" fmla="*/ 101 w 326"/>
                    <a:gd name="T71" fmla="*/ 354 h 384"/>
                    <a:gd name="T72" fmla="*/ 79 w 326"/>
                    <a:gd name="T73" fmla="*/ 20 h 384"/>
                    <a:gd name="T74" fmla="*/ 64 w 326"/>
                    <a:gd name="T75" fmla="*/ 20 h 384"/>
                    <a:gd name="T76" fmla="*/ 79 w 326"/>
                    <a:gd name="T77" fmla="*/ 177 h 384"/>
                    <a:gd name="T78" fmla="*/ 64 w 326"/>
                    <a:gd name="T79" fmla="*/ 197 h 384"/>
                    <a:gd name="T80" fmla="*/ 64 w 326"/>
                    <a:gd name="T81" fmla="*/ 266 h 384"/>
                    <a:gd name="T82" fmla="*/ 79 w 326"/>
                    <a:gd name="T83" fmla="*/ 286 h 384"/>
                    <a:gd name="T84" fmla="*/ 64 w 326"/>
                    <a:gd name="T85" fmla="*/ 286 h 384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</a:cxnLst>
                  <a:rect l="0" t="0" r="r" b="b"/>
                  <a:pathLst>
                    <a:path w="326" h="384">
                      <a:moveTo>
                        <a:pt x="278" y="362"/>
                      </a:moveTo>
                      <a:lnTo>
                        <a:pt x="278" y="0"/>
                      </a:lnTo>
                      <a:lnTo>
                        <a:pt x="47" y="0"/>
                      </a:lnTo>
                      <a:lnTo>
                        <a:pt x="47" y="362"/>
                      </a:lnTo>
                      <a:lnTo>
                        <a:pt x="0" y="362"/>
                      </a:lnTo>
                      <a:lnTo>
                        <a:pt x="0" y="384"/>
                      </a:lnTo>
                      <a:lnTo>
                        <a:pt x="326" y="384"/>
                      </a:lnTo>
                      <a:lnTo>
                        <a:pt x="326" y="362"/>
                      </a:lnTo>
                      <a:lnTo>
                        <a:pt x="278" y="362"/>
                      </a:lnTo>
                      <a:close/>
                      <a:moveTo>
                        <a:pt x="246" y="20"/>
                      </a:moveTo>
                      <a:lnTo>
                        <a:pt x="261" y="20"/>
                      </a:lnTo>
                      <a:lnTo>
                        <a:pt x="261" y="88"/>
                      </a:lnTo>
                      <a:lnTo>
                        <a:pt x="246" y="88"/>
                      </a:lnTo>
                      <a:lnTo>
                        <a:pt x="246" y="20"/>
                      </a:lnTo>
                      <a:close/>
                      <a:moveTo>
                        <a:pt x="246" y="109"/>
                      </a:moveTo>
                      <a:lnTo>
                        <a:pt x="261" y="109"/>
                      </a:lnTo>
                      <a:lnTo>
                        <a:pt x="261" y="177"/>
                      </a:lnTo>
                      <a:lnTo>
                        <a:pt x="246" y="177"/>
                      </a:lnTo>
                      <a:lnTo>
                        <a:pt x="246" y="109"/>
                      </a:lnTo>
                      <a:close/>
                      <a:moveTo>
                        <a:pt x="246" y="197"/>
                      </a:moveTo>
                      <a:lnTo>
                        <a:pt x="261" y="197"/>
                      </a:lnTo>
                      <a:lnTo>
                        <a:pt x="261" y="266"/>
                      </a:lnTo>
                      <a:lnTo>
                        <a:pt x="246" y="266"/>
                      </a:lnTo>
                      <a:lnTo>
                        <a:pt x="246" y="197"/>
                      </a:lnTo>
                      <a:close/>
                      <a:moveTo>
                        <a:pt x="246" y="286"/>
                      </a:moveTo>
                      <a:lnTo>
                        <a:pt x="261" y="286"/>
                      </a:lnTo>
                      <a:lnTo>
                        <a:pt x="261" y="354"/>
                      </a:lnTo>
                      <a:lnTo>
                        <a:pt x="246" y="354"/>
                      </a:lnTo>
                      <a:lnTo>
                        <a:pt x="246" y="286"/>
                      </a:lnTo>
                      <a:close/>
                      <a:moveTo>
                        <a:pt x="209" y="20"/>
                      </a:moveTo>
                      <a:lnTo>
                        <a:pt x="224" y="20"/>
                      </a:lnTo>
                      <a:lnTo>
                        <a:pt x="224" y="88"/>
                      </a:lnTo>
                      <a:lnTo>
                        <a:pt x="209" y="88"/>
                      </a:lnTo>
                      <a:lnTo>
                        <a:pt x="209" y="20"/>
                      </a:lnTo>
                      <a:close/>
                      <a:moveTo>
                        <a:pt x="209" y="109"/>
                      </a:moveTo>
                      <a:lnTo>
                        <a:pt x="224" y="109"/>
                      </a:lnTo>
                      <a:lnTo>
                        <a:pt x="224" y="177"/>
                      </a:lnTo>
                      <a:lnTo>
                        <a:pt x="209" y="177"/>
                      </a:lnTo>
                      <a:lnTo>
                        <a:pt x="209" y="109"/>
                      </a:lnTo>
                      <a:close/>
                      <a:moveTo>
                        <a:pt x="209" y="197"/>
                      </a:moveTo>
                      <a:lnTo>
                        <a:pt x="224" y="197"/>
                      </a:lnTo>
                      <a:lnTo>
                        <a:pt x="224" y="266"/>
                      </a:lnTo>
                      <a:lnTo>
                        <a:pt x="209" y="266"/>
                      </a:lnTo>
                      <a:lnTo>
                        <a:pt x="209" y="197"/>
                      </a:lnTo>
                      <a:close/>
                      <a:moveTo>
                        <a:pt x="209" y="286"/>
                      </a:moveTo>
                      <a:lnTo>
                        <a:pt x="224" y="286"/>
                      </a:lnTo>
                      <a:lnTo>
                        <a:pt x="224" y="354"/>
                      </a:lnTo>
                      <a:lnTo>
                        <a:pt x="209" y="354"/>
                      </a:lnTo>
                      <a:lnTo>
                        <a:pt x="209" y="286"/>
                      </a:lnTo>
                      <a:close/>
                      <a:moveTo>
                        <a:pt x="174" y="20"/>
                      </a:moveTo>
                      <a:lnTo>
                        <a:pt x="189" y="20"/>
                      </a:lnTo>
                      <a:lnTo>
                        <a:pt x="189" y="88"/>
                      </a:lnTo>
                      <a:lnTo>
                        <a:pt x="174" y="88"/>
                      </a:lnTo>
                      <a:lnTo>
                        <a:pt x="174" y="20"/>
                      </a:lnTo>
                      <a:close/>
                      <a:moveTo>
                        <a:pt x="174" y="109"/>
                      </a:moveTo>
                      <a:lnTo>
                        <a:pt x="189" y="109"/>
                      </a:lnTo>
                      <a:lnTo>
                        <a:pt x="189" y="177"/>
                      </a:lnTo>
                      <a:lnTo>
                        <a:pt x="174" y="177"/>
                      </a:lnTo>
                      <a:lnTo>
                        <a:pt x="174" y="109"/>
                      </a:lnTo>
                      <a:close/>
                      <a:moveTo>
                        <a:pt x="174" y="197"/>
                      </a:moveTo>
                      <a:lnTo>
                        <a:pt x="189" y="197"/>
                      </a:lnTo>
                      <a:lnTo>
                        <a:pt x="189" y="266"/>
                      </a:lnTo>
                      <a:lnTo>
                        <a:pt x="174" y="266"/>
                      </a:lnTo>
                      <a:lnTo>
                        <a:pt x="174" y="197"/>
                      </a:lnTo>
                      <a:close/>
                      <a:moveTo>
                        <a:pt x="174" y="286"/>
                      </a:moveTo>
                      <a:lnTo>
                        <a:pt x="189" y="286"/>
                      </a:lnTo>
                      <a:lnTo>
                        <a:pt x="189" y="354"/>
                      </a:lnTo>
                      <a:lnTo>
                        <a:pt x="174" y="354"/>
                      </a:lnTo>
                      <a:lnTo>
                        <a:pt x="174" y="286"/>
                      </a:lnTo>
                      <a:close/>
                      <a:moveTo>
                        <a:pt x="137" y="20"/>
                      </a:moveTo>
                      <a:lnTo>
                        <a:pt x="152" y="20"/>
                      </a:lnTo>
                      <a:lnTo>
                        <a:pt x="152" y="88"/>
                      </a:lnTo>
                      <a:lnTo>
                        <a:pt x="137" y="88"/>
                      </a:lnTo>
                      <a:lnTo>
                        <a:pt x="137" y="20"/>
                      </a:lnTo>
                      <a:close/>
                      <a:moveTo>
                        <a:pt x="137" y="109"/>
                      </a:moveTo>
                      <a:lnTo>
                        <a:pt x="152" y="109"/>
                      </a:lnTo>
                      <a:lnTo>
                        <a:pt x="152" y="177"/>
                      </a:lnTo>
                      <a:lnTo>
                        <a:pt x="137" y="177"/>
                      </a:lnTo>
                      <a:lnTo>
                        <a:pt x="137" y="109"/>
                      </a:lnTo>
                      <a:close/>
                      <a:moveTo>
                        <a:pt x="137" y="197"/>
                      </a:moveTo>
                      <a:lnTo>
                        <a:pt x="152" y="197"/>
                      </a:lnTo>
                      <a:lnTo>
                        <a:pt x="152" y="266"/>
                      </a:lnTo>
                      <a:lnTo>
                        <a:pt x="137" y="266"/>
                      </a:lnTo>
                      <a:lnTo>
                        <a:pt x="137" y="197"/>
                      </a:lnTo>
                      <a:close/>
                      <a:moveTo>
                        <a:pt x="137" y="286"/>
                      </a:moveTo>
                      <a:lnTo>
                        <a:pt x="152" y="286"/>
                      </a:lnTo>
                      <a:lnTo>
                        <a:pt x="152" y="354"/>
                      </a:lnTo>
                      <a:lnTo>
                        <a:pt x="137" y="354"/>
                      </a:lnTo>
                      <a:lnTo>
                        <a:pt x="137" y="286"/>
                      </a:lnTo>
                      <a:close/>
                      <a:moveTo>
                        <a:pt x="101" y="20"/>
                      </a:moveTo>
                      <a:lnTo>
                        <a:pt x="116" y="20"/>
                      </a:lnTo>
                      <a:lnTo>
                        <a:pt x="116" y="88"/>
                      </a:lnTo>
                      <a:lnTo>
                        <a:pt x="101" y="88"/>
                      </a:lnTo>
                      <a:lnTo>
                        <a:pt x="101" y="20"/>
                      </a:lnTo>
                      <a:close/>
                      <a:moveTo>
                        <a:pt x="101" y="109"/>
                      </a:moveTo>
                      <a:lnTo>
                        <a:pt x="116" y="109"/>
                      </a:lnTo>
                      <a:lnTo>
                        <a:pt x="116" y="177"/>
                      </a:lnTo>
                      <a:lnTo>
                        <a:pt x="101" y="177"/>
                      </a:lnTo>
                      <a:lnTo>
                        <a:pt x="101" y="109"/>
                      </a:lnTo>
                      <a:close/>
                      <a:moveTo>
                        <a:pt x="101" y="197"/>
                      </a:moveTo>
                      <a:lnTo>
                        <a:pt x="116" y="197"/>
                      </a:lnTo>
                      <a:lnTo>
                        <a:pt x="116" y="266"/>
                      </a:lnTo>
                      <a:lnTo>
                        <a:pt x="101" y="266"/>
                      </a:lnTo>
                      <a:lnTo>
                        <a:pt x="101" y="197"/>
                      </a:lnTo>
                      <a:close/>
                      <a:moveTo>
                        <a:pt x="101" y="286"/>
                      </a:moveTo>
                      <a:lnTo>
                        <a:pt x="116" y="286"/>
                      </a:lnTo>
                      <a:lnTo>
                        <a:pt x="116" y="354"/>
                      </a:lnTo>
                      <a:lnTo>
                        <a:pt x="101" y="354"/>
                      </a:lnTo>
                      <a:lnTo>
                        <a:pt x="101" y="286"/>
                      </a:lnTo>
                      <a:close/>
                      <a:moveTo>
                        <a:pt x="64" y="20"/>
                      </a:moveTo>
                      <a:lnTo>
                        <a:pt x="79" y="20"/>
                      </a:lnTo>
                      <a:lnTo>
                        <a:pt x="79" y="88"/>
                      </a:lnTo>
                      <a:lnTo>
                        <a:pt x="64" y="88"/>
                      </a:lnTo>
                      <a:lnTo>
                        <a:pt x="64" y="20"/>
                      </a:lnTo>
                      <a:close/>
                      <a:moveTo>
                        <a:pt x="64" y="109"/>
                      </a:moveTo>
                      <a:lnTo>
                        <a:pt x="79" y="109"/>
                      </a:lnTo>
                      <a:lnTo>
                        <a:pt x="79" y="177"/>
                      </a:lnTo>
                      <a:lnTo>
                        <a:pt x="64" y="177"/>
                      </a:lnTo>
                      <a:lnTo>
                        <a:pt x="64" y="109"/>
                      </a:lnTo>
                      <a:close/>
                      <a:moveTo>
                        <a:pt x="64" y="197"/>
                      </a:moveTo>
                      <a:lnTo>
                        <a:pt x="79" y="197"/>
                      </a:lnTo>
                      <a:lnTo>
                        <a:pt x="79" y="266"/>
                      </a:lnTo>
                      <a:lnTo>
                        <a:pt x="64" y="266"/>
                      </a:lnTo>
                      <a:lnTo>
                        <a:pt x="64" y="197"/>
                      </a:lnTo>
                      <a:close/>
                      <a:moveTo>
                        <a:pt x="64" y="286"/>
                      </a:moveTo>
                      <a:lnTo>
                        <a:pt x="79" y="286"/>
                      </a:lnTo>
                      <a:lnTo>
                        <a:pt x="79" y="354"/>
                      </a:lnTo>
                      <a:lnTo>
                        <a:pt x="64" y="354"/>
                      </a:lnTo>
                      <a:lnTo>
                        <a:pt x="64" y="286"/>
                      </a:lnTo>
                      <a:close/>
                    </a:path>
                  </a:pathLst>
                </a:custGeom>
                <a:solidFill>
                  <a:schemeClr val="bg1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 dirty="0"/>
                </a:p>
              </p:txBody>
            </p:sp>
            <p:sp>
              <p:nvSpPr>
                <p:cNvPr id="45" name="Freeform 36"/>
                <p:cNvSpPr>
                  <a:spLocks noEditPoints="1"/>
                </p:cNvSpPr>
                <p:nvPr/>
              </p:nvSpPr>
              <p:spPr bwMode="auto">
                <a:xfrm>
                  <a:off x="6200360" y="1916832"/>
                  <a:ext cx="517525" cy="852630"/>
                </a:xfrm>
                <a:custGeom>
                  <a:avLst/>
                  <a:gdLst>
                    <a:gd name="T0" fmla="*/ 47 w 326"/>
                    <a:gd name="T1" fmla="*/ 0 h 384"/>
                    <a:gd name="T2" fmla="*/ 0 w 326"/>
                    <a:gd name="T3" fmla="*/ 384 h 384"/>
                    <a:gd name="T4" fmla="*/ 278 w 326"/>
                    <a:gd name="T5" fmla="*/ 362 h 384"/>
                    <a:gd name="T6" fmla="*/ 261 w 326"/>
                    <a:gd name="T7" fmla="*/ 88 h 384"/>
                    <a:gd name="T8" fmla="*/ 246 w 326"/>
                    <a:gd name="T9" fmla="*/ 109 h 384"/>
                    <a:gd name="T10" fmla="*/ 246 w 326"/>
                    <a:gd name="T11" fmla="*/ 177 h 384"/>
                    <a:gd name="T12" fmla="*/ 261 w 326"/>
                    <a:gd name="T13" fmla="*/ 197 h 384"/>
                    <a:gd name="T14" fmla="*/ 246 w 326"/>
                    <a:gd name="T15" fmla="*/ 197 h 384"/>
                    <a:gd name="T16" fmla="*/ 261 w 326"/>
                    <a:gd name="T17" fmla="*/ 354 h 384"/>
                    <a:gd name="T18" fmla="*/ 209 w 326"/>
                    <a:gd name="T19" fmla="*/ 20 h 384"/>
                    <a:gd name="T20" fmla="*/ 209 w 326"/>
                    <a:gd name="T21" fmla="*/ 88 h 384"/>
                    <a:gd name="T22" fmla="*/ 224 w 326"/>
                    <a:gd name="T23" fmla="*/ 109 h 384"/>
                    <a:gd name="T24" fmla="*/ 209 w 326"/>
                    <a:gd name="T25" fmla="*/ 109 h 384"/>
                    <a:gd name="T26" fmla="*/ 224 w 326"/>
                    <a:gd name="T27" fmla="*/ 266 h 384"/>
                    <a:gd name="T28" fmla="*/ 209 w 326"/>
                    <a:gd name="T29" fmla="*/ 286 h 384"/>
                    <a:gd name="T30" fmla="*/ 209 w 326"/>
                    <a:gd name="T31" fmla="*/ 354 h 384"/>
                    <a:gd name="T32" fmla="*/ 189 w 326"/>
                    <a:gd name="T33" fmla="*/ 20 h 384"/>
                    <a:gd name="T34" fmla="*/ 174 w 326"/>
                    <a:gd name="T35" fmla="*/ 20 h 384"/>
                    <a:gd name="T36" fmla="*/ 189 w 326"/>
                    <a:gd name="T37" fmla="*/ 177 h 384"/>
                    <a:gd name="T38" fmla="*/ 174 w 326"/>
                    <a:gd name="T39" fmla="*/ 197 h 384"/>
                    <a:gd name="T40" fmla="*/ 174 w 326"/>
                    <a:gd name="T41" fmla="*/ 266 h 384"/>
                    <a:gd name="T42" fmla="*/ 189 w 326"/>
                    <a:gd name="T43" fmla="*/ 286 h 384"/>
                    <a:gd name="T44" fmla="*/ 174 w 326"/>
                    <a:gd name="T45" fmla="*/ 286 h 384"/>
                    <a:gd name="T46" fmla="*/ 152 w 326"/>
                    <a:gd name="T47" fmla="*/ 88 h 384"/>
                    <a:gd name="T48" fmla="*/ 137 w 326"/>
                    <a:gd name="T49" fmla="*/ 109 h 384"/>
                    <a:gd name="T50" fmla="*/ 137 w 326"/>
                    <a:gd name="T51" fmla="*/ 177 h 384"/>
                    <a:gd name="T52" fmla="*/ 152 w 326"/>
                    <a:gd name="T53" fmla="*/ 197 h 384"/>
                    <a:gd name="T54" fmla="*/ 137 w 326"/>
                    <a:gd name="T55" fmla="*/ 197 h 384"/>
                    <a:gd name="T56" fmla="*/ 152 w 326"/>
                    <a:gd name="T57" fmla="*/ 354 h 384"/>
                    <a:gd name="T58" fmla="*/ 101 w 326"/>
                    <a:gd name="T59" fmla="*/ 20 h 384"/>
                    <a:gd name="T60" fmla="*/ 101 w 326"/>
                    <a:gd name="T61" fmla="*/ 88 h 384"/>
                    <a:gd name="T62" fmla="*/ 116 w 326"/>
                    <a:gd name="T63" fmla="*/ 109 h 384"/>
                    <a:gd name="T64" fmla="*/ 101 w 326"/>
                    <a:gd name="T65" fmla="*/ 109 h 384"/>
                    <a:gd name="T66" fmla="*/ 116 w 326"/>
                    <a:gd name="T67" fmla="*/ 266 h 384"/>
                    <a:gd name="T68" fmla="*/ 101 w 326"/>
                    <a:gd name="T69" fmla="*/ 286 h 384"/>
                    <a:gd name="T70" fmla="*/ 101 w 326"/>
                    <a:gd name="T71" fmla="*/ 354 h 384"/>
                    <a:gd name="T72" fmla="*/ 79 w 326"/>
                    <a:gd name="T73" fmla="*/ 20 h 384"/>
                    <a:gd name="T74" fmla="*/ 64 w 326"/>
                    <a:gd name="T75" fmla="*/ 20 h 384"/>
                    <a:gd name="T76" fmla="*/ 79 w 326"/>
                    <a:gd name="T77" fmla="*/ 177 h 384"/>
                    <a:gd name="T78" fmla="*/ 64 w 326"/>
                    <a:gd name="T79" fmla="*/ 197 h 384"/>
                    <a:gd name="T80" fmla="*/ 64 w 326"/>
                    <a:gd name="T81" fmla="*/ 266 h 384"/>
                    <a:gd name="T82" fmla="*/ 79 w 326"/>
                    <a:gd name="T83" fmla="*/ 286 h 384"/>
                    <a:gd name="T84" fmla="*/ 64 w 326"/>
                    <a:gd name="T85" fmla="*/ 286 h 384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</a:cxnLst>
                  <a:rect l="0" t="0" r="r" b="b"/>
                  <a:pathLst>
                    <a:path w="326" h="384">
                      <a:moveTo>
                        <a:pt x="278" y="362"/>
                      </a:moveTo>
                      <a:lnTo>
                        <a:pt x="278" y="0"/>
                      </a:lnTo>
                      <a:lnTo>
                        <a:pt x="47" y="0"/>
                      </a:lnTo>
                      <a:lnTo>
                        <a:pt x="47" y="362"/>
                      </a:lnTo>
                      <a:lnTo>
                        <a:pt x="0" y="362"/>
                      </a:lnTo>
                      <a:lnTo>
                        <a:pt x="0" y="384"/>
                      </a:lnTo>
                      <a:lnTo>
                        <a:pt x="326" y="384"/>
                      </a:lnTo>
                      <a:lnTo>
                        <a:pt x="326" y="362"/>
                      </a:lnTo>
                      <a:lnTo>
                        <a:pt x="278" y="362"/>
                      </a:lnTo>
                      <a:close/>
                      <a:moveTo>
                        <a:pt x="246" y="20"/>
                      </a:moveTo>
                      <a:lnTo>
                        <a:pt x="261" y="20"/>
                      </a:lnTo>
                      <a:lnTo>
                        <a:pt x="261" y="88"/>
                      </a:lnTo>
                      <a:lnTo>
                        <a:pt x="246" y="88"/>
                      </a:lnTo>
                      <a:lnTo>
                        <a:pt x="246" y="20"/>
                      </a:lnTo>
                      <a:close/>
                      <a:moveTo>
                        <a:pt x="246" y="109"/>
                      </a:moveTo>
                      <a:lnTo>
                        <a:pt x="261" y="109"/>
                      </a:lnTo>
                      <a:lnTo>
                        <a:pt x="261" y="177"/>
                      </a:lnTo>
                      <a:lnTo>
                        <a:pt x="246" y="177"/>
                      </a:lnTo>
                      <a:lnTo>
                        <a:pt x="246" y="109"/>
                      </a:lnTo>
                      <a:close/>
                      <a:moveTo>
                        <a:pt x="246" y="197"/>
                      </a:moveTo>
                      <a:lnTo>
                        <a:pt x="261" y="197"/>
                      </a:lnTo>
                      <a:lnTo>
                        <a:pt x="261" y="266"/>
                      </a:lnTo>
                      <a:lnTo>
                        <a:pt x="246" y="266"/>
                      </a:lnTo>
                      <a:lnTo>
                        <a:pt x="246" y="197"/>
                      </a:lnTo>
                      <a:close/>
                      <a:moveTo>
                        <a:pt x="246" y="286"/>
                      </a:moveTo>
                      <a:lnTo>
                        <a:pt x="261" y="286"/>
                      </a:lnTo>
                      <a:lnTo>
                        <a:pt x="261" y="354"/>
                      </a:lnTo>
                      <a:lnTo>
                        <a:pt x="246" y="354"/>
                      </a:lnTo>
                      <a:lnTo>
                        <a:pt x="246" y="286"/>
                      </a:lnTo>
                      <a:close/>
                      <a:moveTo>
                        <a:pt x="209" y="20"/>
                      </a:moveTo>
                      <a:lnTo>
                        <a:pt x="224" y="20"/>
                      </a:lnTo>
                      <a:lnTo>
                        <a:pt x="224" y="88"/>
                      </a:lnTo>
                      <a:lnTo>
                        <a:pt x="209" y="88"/>
                      </a:lnTo>
                      <a:lnTo>
                        <a:pt x="209" y="20"/>
                      </a:lnTo>
                      <a:close/>
                      <a:moveTo>
                        <a:pt x="209" y="109"/>
                      </a:moveTo>
                      <a:lnTo>
                        <a:pt x="224" y="109"/>
                      </a:lnTo>
                      <a:lnTo>
                        <a:pt x="224" y="177"/>
                      </a:lnTo>
                      <a:lnTo>
                        <a:pt x="209" y="177"/>
                      </a:lnTo>
                      <a:lnTo>
                        <a:pt x="209" y="109"/>
                      </a:lnTo>
                      <a:close/>
                      <a:moveTo>
                        <a:pt x="209" y="197"/>
                      </a:moveTo>
                      <a:lnTo>
                        <a:pt x="224" y="197"/>
                      </a:lnTo>
                      <a:lnTo>
                        <a:pt x="224" y="266"/>
                      </a:lnTo>
                      <a:lnTo>
                        <a:pt x="209" y="266"/>
                      </a:lnTo>
                      <a:lnTo>
                        <a:pt x="209" y="197"/>
                      </a:lnTo>
                      <a:close/>
                      <a:moveTo>
                        <a:pt x="209" y="286"/>
                      </a:moveTo>
                      <a:lnTo>
                        <a:pt x="224" y="286"/>
                      </a:lnTo>
                      <a:lnTo>
                        <a:pt x="224" y="354"/>
                      </a:lnTo>
                      <a:lnTo>
                        <a:pt x="209" y="354"/>
                      </a:lnTo>
                      <a:lnTo>
                        <a:pt x="209" y="286"/>
                      </a:lnTo>
                      <a:close/>
                      <a:moveTo>
                        <a:pt x="174" y="20"/>
                      </a:moveTo>
                      <a:lnTo>
                        <a:pt x="189" y="20"/>
                      </a:lnTo>
                      <a:lnTo>
                        <a:pt x="189" y="88"/>
                      </a:lnTo>
                      <a:lnTo>
                        <a:pt x="174" y="88"/>
                      </a:lnTo>
                      <a:lnTo>
                        <a:pt x="174" y="20"/>
                      </a:lnTo>
                      <a:close/>
                      <a:moveTo>
                        <a:pt x="174" y="109"/>
                      </a:moveTo>
                      <a:lnTo>
                        <a:pt x="189" y="109"/>
                      </a:lnTo>
                      <a:lnTo>
                        <a:pt x="189" y="177"/>
                      </a:lnTo>
                      <a:lnTo>
                        <a:pt x="174" y="177"/>
                      </a:lnTo>
                      <a:lnTo>
                        <a:pt x="174" y="109"/>
                      </a:lnTo>
                      <a:close/>
                      <a:moveTo>
                        <a:pt x="174" y="197"/>
                      </a:moveTo>
                      <a:lnTo>
                        <a:pt x="189" y="197"/>
                      </a:lnTo>
                      <a:lnTo>
                        <a:pt x="189" y="266"/>
                      </a:lnTo>
                      <a:lnTo>
                        <a:pt x="174" y="266"/>
                      </a:lnTo>
                      <a:lnTo>
                        <a:pt x="174" y="197"/>
                      </a:lnTo>
                      <a:close/>
                      <a:moveTo>
                        <a:pt x="174" y="286"/>
                      </a:moveTo>
                      <a:lnTo>
                        <a:pt x="189" y="286"/>
                      </a:lnTo>
                      <a:lnTo>
                        <a:pt x="189" y="354"/>
                      </a:lnTo>
                      <a:lnTo>
                        <a:pt x="174" y="354"/>
                      </a:lnTo>
                      <a:lnTo>
                        <a:pt x="174" y="286"/>
                      </a:lnTo>
                      <a:close/>
                      <a:moveTo>
                        <a:pt x="137" y="20"/>
                      </a:moveTo>
                      <a:lnTo>
                        <a:pt x="152" y="20"/>
                      </a:lnTo>
                      <a:lnTo>
                        <a:pt x="152" y="88"/>
                      </a:lnTo>
                      <a:lnTo>
                        <a:pt x="137" y="88"/>
                      </a:lnTo>
                      <a:lnTo>
                        <a:pt x="137" y="20"/>
                      </a:lnTo>
                      <a:close/>
                      <a:moveTo>
                        <a:pt x="137" y="109"/>
                      </a:moveTo>
                      <a:lnTo>
                        <a:pt x="152" y="109"/>
                      </a:lnTo>
                      <a:lnTo>
                        <a:pt x="152" y="177"/>
                      </a:lnTo>
                      <a:lnTo>
                        <a:pt x="137" y="177"/>
                      </a:lnTo>
                      <a:lnTo>
                        <a:pt x="137" y="109"/>
                      </a:lnTo>
                      <a:close/>
                      <a:moveTo>
                        <a:pt x="137" y="197"/>
                      </a:moveTo>
                      <a:lnTo>
                        <a:pt x="152" y="197"/>
                      </a:lnTo>
                      <a:lnTo>
                        <a:pt x="152" y="266"/>
                      </a:lnTo>
                      <a:lnTo>
                        <a:pt x="137" y="266"/>
                      </a:lnTo>
                      <a:lnTo>
                        <a:pt x="137" y="197"/>
                      </a:lnTo>
                      <a:close/>
                      <a:moveTo>
                        <a:pt x="137" y="286"/>
                      </a:moveTo>
                      <a:lnTo>
                        <a:pt x="152" y="286"/>
                      </a:lnTo>
                      <a:lnTo>
                        <a:pt x="152" y="354"/>
                      </a:lnTo>
                      <a:lnTo>
                        <a:pt x="137" y="354"/>
                      </a:lnTo>
                      <a:lnTo>
                        <a:pt x="137" y="286"/>
                      </a:lnTo>
                      <a:close/>
                      <a:moveTo>
                        <a:pt x="101" y="20"/>
                      </a:moveTo>
                      <a:lnTo>
                        <a:pt x="116" y="20"/>
                      </a:lnTo>
                      <a:lnTo>
                        <a:pt x="116" y="88"/>
                      </a:lnTo>
                      <a:lnTo>
                        <a:pt x="101" y="88"/>
                      </a:lnTo>
                      <a:lnTo>
                        <a:pt x="101" y="20"/>
                      </a:lnTo>
                      <a:close/>
                      <a:moveTo>
                        <a:pt x="101" y="109"/>
                      </a:moveTo>
                      <a:lnTo>
                        <a:pt x="116" y="109"/>
                      </a:lnTo>
                      <a:lnTo>
                        <a:pt x="116" y="177"/>
                      </a:lnTo>
                      <a:lnTo>
                        <a:pt x="101" y="177"/>
                      </a:lnTo>
                      <a:lnTo>
                        <a:pt x="101" y="109"/>
                      </a:lnTo>
                      <a:close/>
                      <a:moveTo>
                        <a:pt x="101" y="197"/>
                      </a:moveTo>
                      <a:lnTo>
                        <a:pt x="116" y="197"/>
                      </a:lnTo>
                      <a:lnTo>
                        <a:pt x="116" y="266"/>
                      </a:lnTo>
                      <a:lnTo>
                        <a:pt x="101" y="266"/>
                      </a:lnTo>
                      <a:lnTo>
                        <a:pt x="101" y="197"/>
                      </a:lnTo>
                      <a:close/>
                      <a:moveTo>
                        <a:pt x="101" y="286"/>
                      </a:moveTo>
                      <a:lnTo>
                        <a:pt x="116" y="286"/>
                      </a:lnTo>
                      <a:lnTo>
                        <a:pt x="116" y="354"/>
                      </a:lnTo>
                      <a:lnTo>
                        <a:pt x="101" y="354"/>
                      </a:lnTo>
                      <a:lnTo>
                        <a:pt x="101" y="286"/>
                      </a:lnTo>
                      <a:close/>
                      <a:moveTo>
                        <a:pt x="64" y="20"/>
                      </a:moveTo>
                      <a:lnTo>
                        <a:pt x="79" y="20"/>
                      </a:lnTo>
                      <a:lnTo>
                        <a:pt x="79" y="88"/>
                      </a:lnTo>
                      <a:lnTo>
                        <a:pt x="64" y="88"/>
                      </a:lnTo>
                      <a:lnTo>
                        <a:pt x="64" y="20"/>
                      </a:lnTo>
                      <a:close/>
                      <a:moveTo>
                        <a:pt x="64" y="109"/>
                      </a:moveTo>
                      <a:lnTo>
                        <a:pt x="79" y="109"/>
                      </a:lnTo>
                      <a:lnTo>
                        <a:pt x="79" y="177"/>
                      </a:lnTo>
                      <a:lnTo>
                        <a:pt x="64" y="177"/>
                      </a:lnTo>
                      <a:lnTo>
                        <a:pt x="64" y="109"/>
                      </a:lnTo>
                      <a:close/>
                      <a:moveTo>
                        <a:pt x="64" y="197"/>
                      </a:moveTo>
                      <a:lnTo>
                        <a:pt x="79" y="197"/>
                      </a:lnTo>
                      <a:lnTo>
                        <a:pt x="79" y="266"/>
                      </a:lnTo>
                      <a:lnTo>
                        <a:pt x="64" y="266"/>
                      </a:lnTo>
                      <a:lnTo>
                        <a:pt x="64" y="197"/>
                      </a:lnTo>
                      <a:close/>
                      <a:moveTo>
                        <a:pt x="64" y="286"/>
                      </a:moveTo>
                      <a:lnTo>
                        <a:pt x="79" y="286"/>
                      </a:lnTo>
                      <a:lnTo>
                        <a:pt x="79" y="354"/>
                      </a:lnTo>
                      <a:lnTo>
                        <a:pt x="64" y="354"/>
                      </a:lnTo>
                      <a:lnTo>
                        <a:pt x="64" y="286"/>
                      </a:lnTo>
                      <a:close/>
                    </a:path>
                  </a:pathLst>
                </a:custGeom>
                <a:solidFill>
                  <a:schemeClr val="bg1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 dirty="0"/>
                </a:p>
              </p:txBody>
            </p:sp>
            <p:sp>
              <p:nvSpPr>
                <p:cNvPr id="46" name="Freeform 36"/>
                <p:cNvSpPr>
                  <a:spLocks noEditPoints="1"/>
                </p:cNvSpPr>
                <p:nvPr/>
              </p:nvSpPr>
              <p:spPr bwMode="auto">
                <a:xfrm>
                  <a:off x="6973615" y="2492896"/>
                  <a:ext cx="517525" cy="276566"/>
                </a:xfrm>
                <a:custGeom>
                  <a:avLst/>
                  <a:gdLst>
                    <a:gd name="T0" fmla="*/ 47 w 326"/>
                    <a:gd name="T1" fmla="*/ 0 h 384"/>
                    <a:gd name="T2" fmla="*/ 0 w 326"/>
                    <a:gd name="T3" fmla="*/ 384 h 384"/>
                    <a:gd name="T4" fmla="*/ 278 w 326"/>
                    <a:gd name="T5" fmla="*/ 362 h 384"/>
                    <a:gd name="T6" fmla="*/ 261 w 326"/>
                    <a:gd name="T7" fmla="*/ 88 h 384"/>
                    <a:gd name="T8" fmla="*/ 246 w 326"/>
                    <a:gd name="T9" fmla="*/ 109 h 384"/>
                    <a:gd name="T10" fmla="*/ 246 w 326"/>
                    <a:gd name="T11" fmla="*/ 177 h 384"/>
                    <a:gd name="T12" fmla="*/ 261 w 326"/>
                    <a:gd name="T13" fmla="*/ 197 h 384"/>
                    <a:gd name="T14" fmla="*/ 246 w 326"/>
                    <a:gd name="T15" fmla="*/ 197 h 384"/>
                    <a:gd name="T16" fmla="*/ 261 w 326"/>
                    <a:gd name="T17" fmla="*/ 354 h 384"/>
                    <a:gd name="T18" fmla="*/ 209 w 326"/>
                    <a:gd name="T19" fmla="*/ 20 h 384"/>
                    <a:gd name="T20" fmla="*/ 209 w 326"/>
                    <a:gd name="T21" fmla="*/ 88 h 384"/>
                    <a:gd name="T22" fmla="*/ 224 w 326"/>
                    <a:gd name="T23" fmla="*/ 109 h 384"/>
                    <a:gd name="T24" fmla="*/ 209 w 326"/>
                    <a:gd name="T25" fmla="*/ 109 h 384"/>
                    <a:gd name="T26" fmla="*/ 224 w 326"/>
                    <a:gd name="T27" fmla="*/ 266 h 384"/>
                    <a:gd name="T28" fmla="*/ 209 w 326"/>
                    <a:gd name="T29" fmla="*/ 286 h 384"/>
                    <a:gd name="T30" fmla="*/ 209 w 326"/>
                    <a:gd name="T31" fmla="*/ 354 h 384"/>
                    <a:gd name="T32" fmla="*/ 189 w 326"/>
                    <a:gd name="T33" fmla="*/ 20 h 384"/>
                    <a:gd name="T34" fmla="*/ 174 w 326"/>
                    <a:gd name="T35" fmla="*/ 20 h 384"/>
                    <a:gd name="T36" fmla="*/ 189 w 326"/>
                    <a:gd name="T37" fmla="*/ 177 h 384"/>
                    <a:gd name="T38" fmla="*/ 174 w 326"/>
                    <a:gd name="T39" fmla="*/ 197 h 384"/>
                    <a:gd name="T40" fmla="*/ 174 w 326"/>
                    <a:gd name="T41" fmla="*/ 266 h 384"/>
                    <a:gd name="T42" fmla="*/ 189 w 326"/>
                    <a:gd name="T43" fmla="*/ 286 h 384"/>
                    <a:gd name="T44" fmla="*/ 174 w 326"/>
                    <a:gd name="T45" fmla="*/ 286 h 384"/>
                    <a:gd name="T46" fmla="*/ 152 w 326"/>
                    <a:gd name="T47" fmla="*/ 88 h 384"/>
                    <a:gd name="T48" fmla="*/ 137 w 326"/>
                    <a:gd name="T49" fmla="*/ 109 h 384"/>
                    <a:gd name="T50" fmla="*/ 137 w 326"/>
                    <a:gd name="T51" fmla="*/ 177 h 384"/>
                    <a:gd name="T52" fmla="*/ 152 w 326"/>
                    <a:gd name="T53" fmla="*/ 197 h 384"/>
                    <a:gd name="T54" fmla="*/ 137 w 326"/>
                    <a:gd name="T55" fmla="*/ 197 h 384"/>
                    <a:gd name="T56" fmla="*/ 152 w 326"/>
                    <a:gd name="T57" fmla="*/ 354 h 384"/>
                    <a:gd name="T58" fmla="*/ 101 w 326"/>
                    <a:gd name="T59" fmla="*/ 20 h 384"/>
                    <a:gd name="T60" fmla="*/ 101 w 326"/>
                    <a:gd name="T61" fmla="*/ 88 h 384"/>
                    <a:gd name="T62" fmla="*/ 116 w 326"/>
                    <a:gd name="T63" fmla="*/ 109 h 384"/>
                    <a:gd name="T64" fmla="*/ 101 w 326"/>
                    <a:gd name="T65" fmla="*/ 109 h 384"/>
                    <a:gd name="T66" fmla="*/ 116 w 326"/>
                    <a:gd name="T67" fmla="*/ 266 h 384"/>
                    <a:gd name="T68" fmla="*/ 101 w 326"/>
                    <a:gd name="T69" fmla="*/ 286 h 384"/>
                    <a:gd name="T70" fmla="*/ 101 w 326"/>
                    <a:gd name="T71" fmla="*/ 354 h 384"/>
                    <a:gd name="T72" fmla="*/ 79 w 326"/>
                    <a:gd name="T73" fmla="*/ 20 h 384"/>
                    <a:gd name="T74" fmla="*/ 64 w 326"/>
                    <a:gd name="T75" fmla="*/ 20 h 384"/>
                    <a:gd name="T76" fmla="*/ 79 w 326"/>
                    <a:gd name="T77" fmla="*/ 177 h 384"/>
                    <a:gd name="T78" fmla="*/ 64 w 326"/>
                    <a:gd name="T79" fmla="*/ 197 h 384"/>
                    <a:gd name="T80" fmla="*/ 64 w 326"/>
                    <a:gd name="T81" fmla="*/ 266 h 384"/>
                    <a:gd name="T82" fmla="*/ 79 w 326"/>
                    <a:gd name="T83" fmla="*/ 286 h 384"/>
                    <a:gd name="T84" fmla="*/ 64 w 326"/>
                    <a:gd name="T85" fmla="*/ 286 h 384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</a:cxnLst>
                  <a:rect l="0" t="0" r="r" b="b"/>
                  <a:pathLst>
                    <a:path w="326" h="384">
                      <a:moveTo>
                        <a:pt x="278" y="362"/>
                      </a:moveTo>
                      <a:lnTo>
                        <a:pt x="278" y="0"/>
                      </a:lnTo>
                      <a:lnTo>
                        <a:pt x="47" y="0"/>
                      </a:lnTo>
                      <a:lnTo>
                        <a:pt x="47" y="362"/>
                      </a:lnTo>
                      <a:lnTo>
                        <a:pt x="0" y="362"/>
                      </a:lnTo>
                      <a:lnTo>
                        <a:pt x="0" y="384"/>
                      </a:lnTo>
                      <a:lnTo>
                        <a:pt x="326" y="384"/>
                      </a:lnTo>
                      <a:lnTo>
                        <a:pt x="326" y="362"/>
                      </a:lnTo>
                      <a:lnTo>
                        <a:pt x="278" y="362"/>
                      </a:lnTo>
                      <a:close/>
                      <a:moveTo>
                        <a:pt x="246" y="20"/>
                      </a:moveTo>
                      <a:lnTo>
                        <a:pt x="261" y="20"/>
                      </a:lnTo>
                      <a:lnTo>
                        <a:pt x="261" y="88"/>
                      </a:lnTo>
                      <a:lnTo>
                        <a:pt x="246" y="88"/>
                      </a:lnTo>
                      <a:lnTo>
                        <a:pt x="246" y="20"/>
                      </a:lnTo>
                      <a:close/>
                      <a:moveTo>
                        <a:pt x="246" y="109"/>
                      </a:moveTo>
                      <a:lnTo>
                        <a:pt x="261" y="109"/>
                      </a:lnTo>
                      <a:lnTo>
                        <a:pt x="261" y="177"/>
                      </a:lnTo>
                      <a:lnTo>
                        <a:pt x="246" y="177"/>
                      </a:lnTo>
                      <a:lnTo>
                        <a:pt x="246" y="109"/>
                      </a:lnTo>
                      <a:close/>
                      <a:moveTo>
                        <a:pt x="246" y="197"/>
                      </a:moveTo>
                      <a:lnTo>
                        <a:pt x="261" y="197"/>
                      </a:lnTo>
                      <a:lnTo>
                        <a:pt x="261" y="266"/>
                      </a:lnTo>
                      <a:lnTo>
                        <a:pt x="246" y="266"/>
                      </a:lnTo>
                      <a:lnTo>
                        <a:pt x="246" y="197"/>
                      </a:lnTo>
                      <a:close/>
                      <a:moveTo>
                        <a:pt x="246" y="286"/>
                      </a:moveTo>
                      <a:lnTo>
                        <a:pt x="261" y="286"/>
                      </a:lnTo>
                      <a:lnTo>
                        <a:pt x="261" y="354"/>
                      </a:lnTo>
                      <a:lnTo>
                        <a:pt x="246" y="354"/>
                      </a:lnTo>
                      <a:lnTo>
                        <a:pt x="246" y="286"/>
                      </a:lnTo>
                      <a:close/>
                      <a:moveTo>
                        <a:pt x="209" y="20"/>
                      </a:moveTo>
                      <a:lnTo>
                        <a:pt x="224" y="20"/>
                      </a:lnTo>
                      <a:lnTo>
                        <a:pt x="224" y="88"/>
                      </a:lnTo>
                      <a:lnTo>
                        <a:pt x="209" y="88"/>
                      </a:lnTo>
                      <a:lnTo>
                        <a:pt x="209" y="20"/>
                      </a:lnTo>
                      <a:close/>
                      <a:moveTo>
                        <a:pt x="209" y="109"/>
                      </a:moveTo>
                      <a:lnTo>
                        <a:pt x="224" y="109"/>
                      </a:lnTo>
                      <a:lnTo>
                        <a:pt x="224" y="177"/>
                      </a:lnTo>
                      <a:lnTo>
                        <a:pt x="209" y="177"/>
                      </a:lnTo>
                      <a:lnTo>
                        <a:pt x="209" y="109"/>
                      </a:lnTo>
                      <a:close/>
                      <a:moveTo>
                        <a:pt x="209" y="197"/>
                      </a:moveTo>
                      <a:lnTo>
                        <a:pt x="224" y="197"/>
                      </a:lnTo>
                      <a:lnTo>
                        <a:pt x="224" y="266"/>
                      </a:lnTo>
                      <a:lnTo>
                        <a:pt x="209" y="266"/>
                      </a:lnTo>
                      <a:lnTo>
                        <a:pt x="209" y="197"/>
                      </a:lnTo>
                      <a:close/>
                      <a:moveTo>
                        <a:pt x="209" y="286"/>
                      </a:moveTo>
                      <a:lnTo>
                        <a:pt x="224" y="286"/>
                      </a:lnTo>
                      <a:lnTo>
                        <a:pt x="224" y="354"/>
                      </a:lnTo>
                      <a:lnTo>
                        <a:pt x="209" y="354"/>
                      </a:lnTo>
                      <a:lnTo>
                        <a:pt x="209" y="286"/>
                      </a:lnTo>
                      <a:close/>
                      <a:moveTo>
                        <a:pt x="174" y="20"/>
                      </a:moveTo>
                      <a:lnTo>
                        <a:pt x="189" y="20"/>
                      </a:lnTo>
                      <a:lnTo>
                        <a:pt x="189" y="88"/>
                      </a:lnTo>
                      <a:lnTo>
                        <a:pt x="174" y="88"/>
                      </a:lnTo>
                      <a:lnTo>
                        <a:pt x="174" y="20"/>
                      </a:lnTo>
                      <a:close/>
                      <a:moveTo>
                        <a:pt x="174" y="109"/>
                      </a:moveTo>
                      <a:lnTo>
                        <a:pt x="189" y="109"/>
                      </a:lnTo>
                      <a:lnTo>
                        <a:pt x="189" y="177"/>
                      </a:lnTo>
                      <a:lnTo>
                        <a:pt x="174" y="177"/>
                      </a:lnTo>
                      <a:lnTo>
                        <a:pt x="174" y="109"/>
                      </a:lnTo>
                      <a:close/>
                      <a:moveTo>
                        <a:pt x="174" y="197"/>
                      </a:moveTo>
                      <a:lnTo>
                        <a:pt x="189" y="197"/>
                      </a:lnTo>
                      <a:lnTo>
                        <a:pt x="189" y="266"/>
                      </a:lnTo>
                      <a:lnTo>
                        <a:pt x="174" y="266"/>
                      </a:lnTo>
                      <a:lnTo>
                        <a:pt x="174" y="197"/>
                      </a:lnTo>
                      <a:close/>
                      <a:moveTo>
                        <a:pt x="174" y="286"/>
                      </a:moveTo>
                      <a:lnTo>
                        <a:pt x="189" y="286"/>
                      </a:lnTo>
                      <a:lnTo>
                        <a:pt x="189" y="354"/>
                      </a:lnTo>
                      <a:lnTo>
                        <a:pt x="174" y="354"/>
                      </a:lnTo>
                      <a:lnTo>
                        <a:pt x="174" y="286"/>
                      </a:lnTo>
                      <a:close/>
                      <a:moveTo>
                        <a:pt x="137" y="20"/>
                      </a:moveTo>
                      <a:lnTo>
                        <a:pt x="152" y="20"/>
                      </a:lnTo>
                      <a:lnTo>
                        <a:pt x="152" y="88"/>
                      </a:lnTo>
                      <a:lnTo>
                        <a:pt x="137" y="88"/>
                      </a:lnTo>
                      <a:lnTo>
                        <a:pt x="137" y="20"/>
                      </a:lnTo>
                      <a:close/>
                      <a:moveTo>
                        <a:pt x="137" y="109"/>
                      </a:moveTo>
                      <a:lnTo>
                        <a:pt x="152" y="109"/>
                      </a:lnTo>
                      <a:lnTo>
                        <a:pt x="152" y="177"/>
                      </a:lnTo>
                      <a:lnTo>
                        <a:pt x="137" y="177"/>
                      </a:lnTo>
                      <a:lnTo>
                        <a:pt x="137" y="109"/>
                      </a:lnTo>
                      <a:close/>
                      <a:moveTo>
                        <a:pt x="137" y="197"/>
                      </a:moveTo>
                      <a:lnTo>
                        <a:pt x="152" y="197"/>
                      </a:lnTo>
                      <a:lnTo>
                        <a:pt x="152" y="266"/>
                      </a:lnTo>
                      <a:lnTo>
                        <a:pt x="137" y="266"/>
                      </a:lnTo>
                      <a:lnTo>
                        <a:pt x="137" y="197"/>
                      </a:lnTo>
                      <a:close/>
                      <a:moveTo>
                        <a:pt x="137" y="286"/>
                      </a:moveTo>
                      <a:lnTo>
                        <a:pt x="152" y="286"/>
                      </a:lnTo>
                      <a:lnTo>
                        <a:pt x="152" y="354"/>
                      </a:lnTo>
                      <a:lnTo>
                        <a:pt x="137" y="354"/>
                      </a:lnTo>
                      <a:lnTo>
                        <a:pt x="137" y="286"/>
                      </a:lnTo>
                      <a:close/>
                      <a:moveTo>
                        <a:pt x="101" y="20"/>
                      </a:moveTo>
                      <a:lnTo>
                        <a:pt x="116" y="20"/>
                      </a:lnTo>
                      <a:lnTo>
                        <a:pt x="116" y="88"/>
                      </a:lnTo>
                      <a:lnTo>
                        <a:pt x="101" y="88"/>
                      </a:lnTo>
                      <a:lnTo>
                        <a:pt x="101" y="20"/>
                      </a:lnTo>
                      <a:close/>
                      <a:moveTo>
                        <a:pt x="101" y="109"/>
                      </a:moveTo>
                      <a:lnTo>
                        <a:pt x="116" y="109"/>
                      </a:lnTo>
                      <a:lnTo>
                        <a:pt x="116" y="177"/>
                      </a:lnTo>
                      <a:lnTo>
                        <a:pt x="101" y="177"/>
                      </a:lnTo>
                      <a:lnTo>
                        <a:pt x="101" y="109"/>
                      </a:lnTo>
                      <a:close/>
                      <a:moveTo>
                        <a:pt x="101" y="197"/>
                      </a:moveTo>
                      <a:lnTo>
                        <a:pt x="116" y="197"/>
                      </a:lnTo>
                      <a:lnTo>
                        <a:pt x="116" y="266"/>
                      </a:lnTo>
                      <a:lnTo>
                        <a:pt x="101" y="266"/>
                      </a:lnTo>
                      <a:lnTo>
                        <a:pt x="101" y="197"/>
                      </a:lnTo>
                      <a:close/>
                      <a:moveTo>
                        <a:pt x="101" y="286"/>
                      </a:moveTo>
                      <a:lnTo>
                        <a:pt x="116" y="286"/>
                      </a:lnTo>
                      <a:lnTo>
                        <a:pt x="116" y="354"/>
                      </a:lnTo>
                      <a:lnTo>
                        <a:pt x="101" y="354"/>
                      </a:lnTo>
                      <a:lnTo>
                        <a:pt x="101" y="286"/>
                      </a:lnTo>
                      <a:close/>
                      <a:moveTo>
                        <a:pt x="64" y="20"/>
                      </a:moveTo>
                      <a:lnTo>
                        <a:pt x="79" y="20"/>
                      </a:lnTo>
                      <a:lnTo>
                        <a:pt x="79" y="88"/>
                      </a:lnTo>
                      <a:lnTo>
                        <a:pt x="64" y="88"/>
                      </a:lnTo>
                      <a:lnTo>
                        <a:pt x="64" y="20"/>
                      </a:lnTo>
                      <a:close/>
                      <a:moveTo>
                        <a:pt x="64" y="109"/>
                      </a:moveTo>
                      <a:lnTo>
                        <a:pt x="79" y="109"/>
                      </a:lnTo>
                      <a:lnTo>
                        <a:pt x="79" y="177"/>
                      </a:lnTo>
                      <a:lnTo>
                        <a:pt x="64" y="177"/>
                      </a:lnTo>
                      <a:lnTo>
                        <a:pt x="64" y="109"/>
                      </a:lnTo>
                      <a:close/>
                      <a:moveTo>
                        <a:pt x="64" y="197"/>
                      </a:moveTo>
                      <a:lnTo>
                        <a:pt x="79" y="197"/>
                      </a:lnTo>
                      <a:lnTo>
                        <a:pt x="79" y="266"/>
                      </a:lnTo>
                      <a:lnTo>
                        <a:pt x="64" y="266"/>
                      </a:lnTo>
                      <a:lnTo>
                        <a:pt x="64" y="197"/>
                      </a:lnTo>
                      <a:close/>
                      <a:moveTo>
                        <a:pt x="64" y="286"/>
                      </a:moveTo>
                      <a:lnTo>
                        <a:pt x="79" y="286"/>
                      </a:lnTo>
                      <a:lnTo>
                        <a:pt x="79" y="354"/>
                      </a:lnTo>
                      <a:lnTo>
                        <a:pt x="64" y="354"/>
                      </a:lnTo>
                      <a:lnTo>
                        <a:pt x="64" y="286"/>
                      </a:lnTo>
                      <a:close/>
                    </a:path>
                  </a:pathLst>
                </a:custGeom>
                <a:solidFill>
                  <a:schemeClr val="bg1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 dirty="0"/>
                </a:p>
              </p:txBody>
            </p:sp>
            <p:sp>
              <p:nvSpPr>
                <p:cNvPr id="60" name="Freeform 36"/>
                <p:cNvSpPr>
                  <a:spLocks noEditPoints="1"/>
                </p:cNvSpPr>
                <p:nvPr/>
              </p:nvSpPr>
              <p:spPr bwMode="auto">
                <a:xfrm>
                  <a:off x="5846250" y="1916832"/>
                  <a:ext cx="517525" cy="852630"/>
                </a:xfrm>
                <a:custGeom>
                  <a:avLst/>
                  <a:gdLst>
                    <a:gd name="T0" fmla="*/ 47 w 326"/>
                    <a:gd name="T1" fmla="*/ 0 h 384"/>
                    <a:gd name="T2" fmla="*/ 0 w 326"/>
                    <a:gd name="T3" fmla="*/ 384 h 384"/>
                    <a:gd name="T4" fmla="*/ 278 w 326"/>
                    <a:gd name="T5" fmla="*/ 362 h 384"/>
                    <a:gd name="T6" fmla="*/ 261 w 326"/>
                    <a:gd name="T7" fmla="*/ 88 h 384"/>
                    <a:gd name="T8" fmla="*/ 246 w 326"/>
                    <a:gd name="T9" fmla="*/ 109 h 384"/>
                    <a:gd name="T10" fmla="*/ 246 w 326"/>
                    <a:gd name="T11" fmla="*/ 177 h 384"/>
                    <a:gd name="T12" fmla="*/ 261 w 326"/>
                    <a:gd name="T13" fmla="*/ 197 h 384"/>
                    <a:gd name="T14" fmla="*/ 246 w 326"/>
                    <a:gd name="T15" fmla="*/ 197 h 384"/>
                    <a:gd name="T16" fmla="*/ 261 w 326"/>
                    <a:gd name="T17" fmla="*/ 354 h 384"/>
                    <a:gd name="T18" fmla="*/ 209 w 326"/>
                    <a:gd name="T19" fmla="*/ 20 h 384"/>
                    <a:gd name="T20" fmla="*/ 209 w 326"/>
                    <a:gd name="T21" fmla="*/ 88 h 384"/>
                    <a:gd name="T22" fmla="*/ 224 w 326"/>
                    <a:gd name="T23" fmla="*/ 109 h 384"/>
                    <a:gd name="T24" fmla="*/ 209 w 326"/>
                    <a:gd name="T25" fmla="*/ 109 h 384"/>
                    <a:gd name="T26" fmla="*/ 224 w 326"/>
                    <a:gd name="T27" fmla="*/ 266 h 384"/>
                    <a:gd name="T28" fmla="*/ 209 w 326"/>
                    <a:gd name="T29" fmla="*/ 286 h 384"/>
                    <a:gd name="T30" fmla="*/ 209 w 326"/>
                    <a:gd name="T31" fmla="*/ 354 h 384"/>
                    <a:gd name="T32" fmla="*/ 189 w 326"/>
                    <a:gd name="T33" fmla="*/ 20 h 384"/>
                    <a:gd name="T34" fmla="*/ 174 w 326"/>
                    <a:gd name="T35" fmla="*/ 20 h 384"/>
                    <a:gd name="T36" fmla="*/ 189 w 326"/>
                    <a:gd name="T37" fmla="*/ 177 h 384"/>
                    <a:gd name="T38" fmla="*/ 174 w 326"/>
                    <a:gd name="T39" fmla="*/ 197 h 384"/>
                    <a:gd name="T40" fmla="*/ 174 w 326"/>
                    <a:gd name="T41" fmla="*/ 266 h 384"/>
                    <a:gd name="T42" fmla="*/ 189 w 326"/>
                    <a:gd name="T43" fmla="*/ 286 h 384"/>
                    <a:gd name="T44" fmla="*/ 174 w 326"/>
                    <a:gd name="T45" fmla="*/ 286 h 384"/>
                    <a:gd name="T46" fmla="*/ 152 w 326"/>
                    <a:gd name="T47" fmla="*/ 88 h 384"/>
                    <a:gd name="T48" fmla="*/ 137 w 326"/>
                    <a:gd name="T49" fmla="*/ 109 h 384"/>
                    <a:gd name="T50" fmla="*/ 137 w 326"/>
                    <a:gd name="T51" fmla="*/ 177 h 384"/>
                    <a:gd name="T52" fmla="*/ 152 w 326"/>
                    <a:gd name="T53" fmla="*/ 197 h 384"/>
                    <a:gd name="T54" fmla="*/ 137 w 326"/>
                    <a:gd name="T55" fmla="*/ 197 h 384"/>
                    <a:gd name="T56" fmla="*/ 152 w 326"/>
                    <a:gd name="T57" fmla="*/ 354 h 384"/>
                    <a:gd name="T58" fmla="*/ 101 w 326"/>
                    <a:gd name="T59" fmla="*/ 20 h 384"/>
                    <a:gd name="T60" fmla="*/ 101 w 326"/>
                    <a:gd name="T61" fmla="*/ 88 h 384"/>
                    <a:gd name="T62" fmla="*/ 116 w 326"/>
                    <a:gd name="T63" fmla="*/ 109 h 384"/>
                    <a:gd name="T64" fmla="*/ 101 w 326"/>
                    <a:gd name="T65" fmla="*/ 109 h 384"/>
                    <a:gd name="T66" fmla="*/ 116 w 326"/>
                    <a:gd name="T67" fmla="*/ 266 h 384"/>
                    <a:gd name="T68" fmla="*/ 101 w 326"/>
                    <a:gd name="T69" fmla="*/ 286 h 384"/>
                    <a:gd name="T70" fmla="*/ 101 w 326"/>
                    <a:gd name="T71" fmla="*/ 354 h 384"/>
                    <a:gd name="T72" fmla="*/ 79 w 326"/>
                    <a:gd name="T73" fmla="*/ 20 h 384"/>
                    <a:gd name="T74" fmla="*/ 64 w 326"/>
                    <a:gd name="T75" fmla="*/ 20 h 384"/>
                    <a:gd name="T76" fmla="*/ 79 w 326"/>
                    <a:gd name="T77" fmla="*/ 177 h 384"/>
                    <a:gd name="T78" fmla="*/ 64 w 326"/>
                    <a:gd name="T79" fmla="*/ 197 h 384"/>
                    <a:gd name="T80" fmla="*/ 64 w 326"/>
                    <a:gd name="T81" fmla="*/ 266 h 384"/>
                    <a:gd name="T82" fmla="*/ 79 w 326"/>
                    <a:gd name="T83" fmla="*/ 286 h 384"/>
                    <a:gd name="T84" fmla="*/ 64 w 326"/>
                    <a:gd name="T85" fmla="*/ 286 h 384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</a:cxnLst>
                  <a:rect l="0" t="0" r="r" b="b"/>
                  <a:pathLst>
                    <a:path w="326" h="384">
                      <a:moveTo>
                        <a:pt x="278" y="362"/>
                      </a:moveTo>
                      <a:lnTo>
                        <a:pt x="278" y="0"/>
                      </a:lnTo>
                      <a:lnTo>
                        <a:pt x="47" y="0"/>
                      </a:lnTo>
                      <a:lnTo>
                        <a:pt x="47" y="362"/>
                      </a:lnTo>
                      <a:lnTo>
                        <a:pt x="0" y="362"/>
                      </a:lnTo>
                      <a:lnTo>
                        <a:pt x="0" y="384"/>
                      </a:lnTo>
                      <a:lnTo>
                        <a:pt x="326" y="384"/>
                      </a:lnTo>
                      <a:lnTo>
                        <a:pt x="326" y="362"/>
                      </a:lnTo>
                      <a:lnTo>
                        <a:pt x="278" y="362"/>
                      </a:lnTo>
                      <a:close/>
                      <a:moveTo>
                        <a:pt x="246" y="20"/>
                      </a:moveTo>
                      <a:lnTo>
                        <a:pt x="261" y="20"/>
                      </a:lnTo>
                      <a:lnTo>
                        <a:pt x="261" y="88"/>
                      </a:lnTo>
                      <a:lnTo>
                        <a:pt x="246" y="88"/>
                      </a:lnTo>
                      <a:lnTo>
                        <a:pt x="246" y="20"/>
                      </a:lnTo>
                      <a:close/>
                      <a:moveTo>
                        <a:pt x="246" y="109"/>
                      </a:moveTo>
                      <a:lnTo>
                        <a:pt x="261" y="109"/>
                      </a:lnTo>
                      <a:lnTo>
                        <a:pt x="261" y="177"/>
                      </a:lnTo>
                      <a:lnTo>
                        <a:pt x="246" y="177"/>
                      </a:lnTo>
                      <a:lnTo>
                        <a:pt x="246" y="109"/>
                      </a:lnTo>
                      <a:close/>
                      <a:moveTo>
                        <a:pt x="246" y="197"/>
                      </a:moveTo>
                      <a:lnTo>
                        <a:pt x="261" y="197"/>
                      </a:lnTo>
                      <a:lnTo>
                        <a:pt x="261" y="266"/>
                      </a:lnTo>
                      <a:lnTo>
                        <a:pt x="246" y="266"/>
                      </a:lnTo>
                      <a:lnTo>
                        <a:pt x="246" y="197"/>
                      </a:lnTo>
                      <a:close/>
                      <a:moveTo>
                        <a:pt x="246" y="286"/>
                      </a:moveTo>
                      <a:lnTo>
                        <a:pt x="261" y="286"/>
                      </a:lnTo>
                      <a:lnTo>
                        <a:pt x="261" y="354"/>
                      </a:lnTo>
                      <a:lnTo>
                        <a:pt x="246" y="354"/>
                      </a:lnTo>
                      <a:lnTo>
                        <a:pt x="246" y="286"/>
                      </a:lnTo>
                      <a:close/>
                      <a:moveTo>
                        <a:pt x="209" y="20"/>
                      </a:moveTo>
                      <a:lnTo>
                        <a:pt x="224" y="20"/>
                      </a:lnTo>
                      <a:lnTo>
                        <a:pt x="224" y="88"/>
                      </a:lnTo>
                      <a:lnTo>
                        <a:pt x="209" y="88"/>
                      </a:lnTo>
                      <a:lnTo>
                        <a:pt x="209" y="20"/>
                      </a:lnTo>
                      <a:close/>
                      <a:moveTo>
                        <a:pt x="209" y="109"/>
                      </a:moveTo>
                      <a:lnTo>
                        <a:pt x="224" y="109"/>
                      </a:lnTo>
                      <a:lnTo>
                        <a:pt x="224" y="177"/>
                      </a:lnTo>
                      <a:lnTo>
                        <a:pt x="209" y="177"/>
                      </a:lnTo>
                      <a:lnTo>
                        <a:pt x="209" y="109"/>
                      </a:lnTo>
                      <a:close/>
                      <a:moveTo>
                        <a:pt x="209" y="197"/>
                      </a:moveTo>
                      <a:lnTo>
                        <a:pt x="224" y="197"/>
                      </a:lnTo>
                      <a:lnTo>
                        <a:pt x="224" y="266"/>
                      </a:lnTo>
                      <a:lnTo>
                        <a:pt x="209" y="266"/>
                      </a:lnTo>
                      <a:lnTo>
                        <a:pt x="209" y="197"/>
                      </a:lnTo>
                      <a:close/>
                      <a:moveTo>
                        <a:pt x="209" y="286"/>
                      </a:moveTo>
                      <a:lnTo>
                        <a:pt x="224" y="286"/>
                      </a:lnTo>
                      <a:lnTo>
                        <a:pt x="224" y="354"/>
                      </a:lnTo>
                      <a:lnTo>
                        <a:pt x="209" y="354"/>
                      </a:lnTo>
                      <a:lnTo>
                        <a:pt x="209" y="286"/>
                      </a:lnTo>
                      <a:close/>
                      <a:moveTo>
                        <a:pt x="174" y="20"/>
                      </a:moveTo>
                      <a:lnTo>
                        <a:pt x="189" y="20"/>
                      </a:lnTo>
                      <a:lnTo>
                        <a:pt x="189" y="88"/>
                      </a:lnTo>
                      <a:lnTo>
                        <a:pt x="174" y="88"/>
                      </a:lnTo>
                      <a:lnTo>
                        <a:pt x="174" y="20"/>
                      </a:lnTo>
                      <a:close/>
                      <a:moveTo>
                        <a:pt x="174" y="109"/>
                      </a:moveTo>
                      <a:lnTo>
                        <a:pt x="189" y="109"/>
                      </a:lnTo>
                      <a:lnTo>
                        <a:pt x="189" y="177"/>
                      </a:lnTo>
                      <a:lnTo>
                        <a:pt x="174" y="177"/>
                      </a:lnTo>
                      <a:lnTo>
                        <a:pt x="174" y="109"/>
                      </a:lnTo>
                      <a:close/>
                      <a:moveTo>
                        <a:pt x="174" y="197"/>
                      </a:moveTo>
                      <a:lnTo>
                        <a:pt x="189" y="197"/>
                      </a:lnTo>
                      <a:lnTo>
                        <a:pt x="189" y="266"/>
                      </a:lnTo>
                      <a:lnTo>
                        <a:pt x="174" y="266"/>
                      </a:lnTo>
                      <a:lnTo>
                        <a:pt x="174" y="197"/>
                      </a:lnTo>
                      <a:close/>
                      <a:moveTo>
                        <a:pt x="174" y="286"/>
                      </a:moveTo>
                      <a:lnTo>
                        <a:pt x="189" y="286"/>
                      </a:lnTo>
                      <a:lnTo>
                        <a:pt x="189" y="354"/>
                      </a:lnTo>
                      <a:lnTo>
                        <a:pt x="174" y="354"/>
                      </a:lnTo>
                      <a:lnTo>
                        <a:pt x="174" y="286"/>
                      </a:lnTo>
                      <a:close/>
                      <a:moveTo>
                        <a:pt x="137" y="20"/>
                      </a:moveTo>
                      <a:lnTo>
                        <a:pt x="152" y="20"/>
                      </a:lnTo>
                      <a:lnTo>
                        <a:pt x="152" y="88"/>
                      </a:lnTo>
                      <a:lnTo>
                        <a:pt x="137" y="88"/>
                      </a:lnTo>
                      <a:lnTo>
                        <a:pt x="137" y="20"/>
                      </a:lnTo>
                      <a:close/>
                      <a:moveTo>
                        <a:pt x="137" y="109"/>
                      </a:moveTo>
                      <a:lnTo>
                        <a:pt x="152" y="109"/>
                      </a:lnTo>
                      <a:lnTo>
                        <a:pt x="152" y="177"/>
                      </a:lnTo>
                      <a:lnTo>
                        <a:pt x="137" y="177"/>
                      </a:lnTo>
                      <a:lnTo>
                        <a:pt x="137" y="109"/>
                      </a:lnTo>
                      <a:close/>
                      <a:moveTo>
                        <a:pt x="137" y="197"/>
                      </a:moveTo>
                      <a:lnTo>
                        <a:pt x="152" y="197"/>
                      </a:lnTo>
                      <a:lnTo>
                        <a:pt x="152" y="266"/>
                      </a:lnTo>
                      <a:lnTo>
                        <a:pt x="137" y="266"/>
                      </a:lnTo>
                      <a:lnTo>
                        <a:pt x="137" y="197"/>
                      </a:lnTo>
                      <a:close/>
                      <a:moveTo>
                        <a:pt x="137" y="286"/>
                      </a:moveTo>
                      <a:lnTo>
                        <a:pt x="152" y="286"/>
                      </a:lnTo>
                      <a:lnTo>
                        <a:pt x="152" y="354"/>
                      </a:lnTo>
                      <a:lnTo>
                        <a:pt x="137" y="354"/>
                      </a:lnTo>
                      <a:lnTo>
                        <a:pt x="137" y="286"/>
                      </a:lnTo>
                      <a:close/>
                      <a:moveTo>
                        <a:pt x="101" y="20"/>
                      </a:moveTo>
                      <a:lnTo>
                        <a:pt x="116" y="20"/>
                      </a:lnTo>
                      <a:lnTo>
                        <a:pt x="116" y="88"/>
                      </a:lnTo>
                      <a:lnTo>
                        <a:pt x="101" y="88"/>
                      </a:lnTo>
                      <a:lnTo>
                        <a:pt x="101" y="20"/>
                      </a:lnTo>
                      <a:close/>
                      <a:moveTo>
                        <a:pt x="101" y="109"/>
                      </a:moveTo>
                      <a:lnTo>
                        <a:pt x="116" y="109"/>
                      </a:lnTo>
                      <a:lnTo>
                        <a:pt x="116" y="177"/>
                      </a:lnTo>
                      <a:lnTo>
                        <a:pt x="101" y="177"/>
                      </a:lnTo>
                      <a:lnTo>
                        <a:pt x="101" y="109"/>
                      </a:lnTo>
                      <a:close/>
                      <a:moveTo>
                        <a:pt x="101" y="197"/>
                      </a:moveTo>
                      <a:lnTo>
                        <a:pt x="116" y="197"/>
                      </a:lnTo>
                      <a:lnTo>
                        <a:pt x="116" y="266"/>
                      </a:lnTo>
                      <a:lnTo>
                        <a:pt x="101" y="266"/>
                      </a:lnTo>
                      <a:lnTo>
                        <a:pt x="101" y="197"/>
                      </a:lnTo>
                      <a:close/>
                      <a:moveTo>
                        <a:pt x="101" y="286"/>
                      </a:moveTo>
                      <a:lnTo>
                        <a:pt x="116" y="286"/>
                      </a:lnTo>
                      <a:lnTo>
                        <a:pt x="116" y="354"/>
                      </a:lnTo>
                      <a:lnTo>
                        <a:pt x="101" y="354"/>
                      </a:lnTo>
                      <a:lnTo>
                        <a:pt x="101" y="286"/>
                      </a:lnTo>
                      <a:close/>
                      <a:moveTo>
                        <a:pt x="64" y="20"/>
                      </a:moveTo>
                      <a:lnTo>
                        <a:pt x="79" y="20"/>
                      </a:lnTo>
                      <a:lnTo>
                        <a:pt x="79" y="88"/>
                      </a:lnTo>
                      <a:lnTo>
                        <a:pt x="64" y="88"/>
                      </a:lnTo>
                      <a:lnTo>
                        <a:pt x="64" y="20"/>
                      </a:lnTo>
                      <a:close/>
                      <a:moveTo>
                        <a:pt x="64" y="109"/>
                      </a:moveTo>
                      <a:lnTo>
                        <a:pt x="79" y="109"/>
                      </a:lnTo>
                      <a:lnTo>
                        <a:pt x="79" y="177"/>
                      </a:lnTo>
                      <a:lnTo>
                        <a:pt x="64" y="177"/>
                      </a:lnTo>
                      <a:lnTo>
                        <a:pt x="64" y="109"/>
                      </a:lnTo>
                      <a:close/>
                      <a:moveTo>
                        <a:pt x="64" y="197"/>
                      </a:moveTo>
                      <a:lnTo>
                        <a:pt x="79" y="197"/>
                      </a:lnTo>
                      <a:lnTo>
                        <a:pt x="79" y="266"/>
                      </a:lnTo>
                      <a:lnTo>
                        <a:pt x="64" y="266"/>
                      </a:lnTo>
                      <a:lnTo>
                        <a:pt x="64" y="197"/>
                      </a:lnTo>
                      <a:close/>
                      <a:moveTo>
                        <a:pt x="64" y="286"/>
                      </a:moveTo>
                      <a:lnTo>
                        <a:pt x="79" y="286"/>
                      </a:lnTo>
                      <a:lnTo>
                        <a:pt x="79" y="354"/>
                      </a:lnTo>
                      <a:lnTo>
                        <a:pt x="64" y="354"/>
                      </a:lnTo>
                      <a:lnTo>
                        <a:pt x="64" y="286"/>
                      </a:lnTo>
                      <a:close/>
                    </a:path>
                  </a:pathLst>
                </a:custGeom>
                <a:solidFill>
                  <a:schemeClr val="bg1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 dirty="0"/>
                </a:p>
              </p:txBody>
            </p:sp>
            <p:sp>
              <p:nvSpPr>
                <p:cNvPr id="61" name="Freeform 36"/>
                <p:cNvSpPr>
                  <a:spLocks noEditPoints="1"/>
                </p:cNvSpPr>
                <p:nvPr/>
              </p:nvSpPr>
              <p:spPr bwMode="auto">
                <a:xfrm>
                  <a:off x="5454137" y="2159862"/>
                  <a:ext cx="517525" cy="609600"/>
                </a:xfrm>
                <a:custGeom>
                  <a:avLst/>
                  <a:gdLst>
                    <a:gd name="T0" fmla="*/ 47 w 326"/>
                    <a:gd name="T1" fmla="*/ 0 h 384"/>
                    <a:gd name="T2" fmla="*/ 0 w 326"/>
                    <a:gd name="T3" fmla="*/ 384 h 384"/>
                    <a:gd name="T4" fmla="*/ 278 w 326"/>
                    <a:gd name="T5" fmla="*/ 362 h 384"/>
                    <a:gd name="T6" fmla="*/ 261 w 326"/>
                    <a:gd name="T7" fmla="*/ 88 h 384"/>
                    <a:gd name="T8" fmla="*/ 246 w 326"/>
                    <a:gd name="T9" fmla="*/ 109 h 384"/>
                    <a:gd name="T10" fmla="*/ 246 w 326"/>
                    <a:gd name="T11" fmla="*/ 177 h 384"/>
                    <a:gd name="T12" fmla="*/ 261 w 326"/>
                    <a:gd name="T13" fmla="*/ 197 h 384"/>
                    <a:gd name="T14" fmla="*/ 246 w 326"/>
                    <a:gd name="T15" fmla="*/ 197 h 384"/>
                    <a:gd name="T16" fmla="*/ 261 w 326"/>
                    <a:gd name="T17" fmla="*/ 354 h 384"/>
                    <a:gd name="T18" fmla="*/ 209 w 326"/>
                    <a:gd name="T19" fmla="*/ 20 h 384"/>
                    <a:gd name="T20" fmla="*/ 209 w 326"/>
                    <a:gd name="T21" fmla="*/ 88 h 384"/>
                    <a:gd name="T22" fmla="*/ 224 w 326"/>
                    <a:gd name="T23" fmla="*/ 109 h 384"/>
                    <a:gd name="T24" fmla="*/ 209 w 326"/>
                    <a:gd name="T25" fmla="*/ 109 h 384"/>
                    <a:gd name="T26" fmla="*/ 224 w 326"/>
                    <a:gd name="T27" fmla="*/ 266 h 384"/>
                    <a:gd name="T28" fmla="*/ 209 w 326"/>
                    <a:gd name="T29" fmla="*/ 286 h 384"/>
                    <a:gd name="T30" fmla="*/ 209 w 326"/>
                    <a:gd name="T31" fmla="*/ 354 h 384"/>
                    <a:gd name="T32" fmla="*/ 189 w 326"/>
                    <a:gd name="T33" fmla="*/ 20 h 384"/>
                    <a:gd name="T34" fmla="*/ 174 w 326"/>
                    <a:gd name="T35" fmla="*/ 20 h 384"/>
                    <a:gd name="T36" fmla="*/ 189 w 326"/>
                    <a:gd name="T37" fmla="*/ 177 h 384"/>
                    <a:gd name="T38" fmla="*/ 174 w 326"/>
                    <a:gd name="T39" fmla="*/ 197 h 384"/>
                    <a:gd name="T40" fmla="*/ 174 w 326"/>
                    <a:gd name="T41" fmla="*/ 266 h 384"/>
                    <a:gd name="T42" fmla="*/ 189 w 326"/>
                    <a:gd name="T43" fmla="*/ 286 h 384"/>
                    <a:gd name="T44" fmla="*/ 174 w 326"/>
                    <a:gd name="T45" fmla="*/ 286 h 384"/>
                    <a:gd name="T46" fmla="*/ 152 w 326"/>
                    <a:gd name="T47" fmla="*/ 88 h 384"/>
                    <a:gd name="T48" fmla="*/ 137 w 326"/>
                    <a:gd name="T49" fmla="*/ 109 h 384"/>
                    <a:gd name="T50" fmla="*/ 137 w 326"/>
                    <a:gd name="T51" fmla="*/ 177 h 384"/>
                    <a:gd name="T52" fmla="*/ 152 w 326"/>
                    <a:gd name="T53" fmla="*/ 197 h 384"/>
                    <a:gd name="T54" fmla="*/ 137 w 326"/>
                    <a:gd name="T55" fmla="*/ 197 h 384"/>
                    <a:gd name="T56" fmla="*/ 152 w 326"/>
                    <a:gd name="T57" fmla="*/ 354 h 384"/>
                    <a:gd name="T58" fmla="*/ 101 w 326"/>
                    <a:gd name="T59" fmla="*/ 20 h 384"/>
                    <a:gd name="T60" fmla="*/ 101 w 326"/>
                    <a:gd name="T61" fmla="*/ 88 h 384"/>
                    <a:gd name="T62" fmla="*/ 116 w 326"/>
                    <a:gd name="T63" fmla="*/ 109 h 384"/>
                    <a:gd name="T64" fmla="*/ 101 w 326"/>
                    <a:gd name="T65" fmla="*/ 109 h 384"/>
                    <a:gd name="T66" fmla="*/ 116 w 326"/>
                    <a:gd name="T67" fmla="*/ 266 h 384"/>
                    <a:gd name="T68" fmla="*/ 101 w 326"/>
                    <a:gd name="T69" fmla="*/ 286 h 384"/>
                    <a:gd name="T70" fmla="*/ 101 w 326"/>
                    <a:gd name="T71" fmla="*/ 354 h 384"/>
                    <a:gd name="T72" fmla="*/ 79 w 326"/>
                    <a:gd name="T73" fmla="*/ 20 h 384"/>
                    <a:gd name="T74" fmla="*/ 64 w 326"/>
                    <a:gd name="T75" fmla="*/ 20 h 384"/>
                    <a:gd name="T76" fmla="*/ 79 w 326"/>
                    <a:gd name="T77" fmla="*/ 177 h 384"/>
                    <a:gd name="T78" fmla="*/ 64 w 326"/>
                    <a:gd name="T79" fmla="*/ 197 h 384"/>
                    <a:gd name="T80" fmla="*/ 64 w 326"/>
                    <a:gd name="T81" fmla="*/ 266 h 384"/>
                    <a:gd name="T82" fmla="*/ 79 w 326"/>
                    <a:gd name="T83" fmla="*/ 286 h 384"/>
                    <a:gd name="T84" fmla="*/ 64 w 326"/>
                    <a:gd name="T85" fmla="*/ 286 h 384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</a:cxnLst>
                  <a:rect l="0" t="0" r="r" b="b"/>
                  <a:pathLst>
                    <a:path w="326" h="384">
                      <a:moveTo>
                        <a:pt x="278" y="362"/>
                      </a:moveTo>
                      <a:lnTo>
                        <a:pt x="278" y="0"/>
                      </a:lnTo>
                      <a:lnTo>
                        <a:pt x="47" y="0"/>
                      </a:lnTo>
                      <a:lnTo>
                        <a:pt x="47" y="362"/>
                      </a:lnTo>
                      <a:lnTo>
                        <a:pt x="0" y="362"/>
                      </a:lnTo>
                      <a:lnTo>
                        <a:pt x="0" y="384"/>
                      </a:lnTo>
                      <a:lnTo>
                        <a:pt x="326" y="384"/>
                      </a:lnTo>
                      <a:lnTo>
                        <a:pt x="326" y="362"/>
                      </a:lnTo>
                      <a:lnTo>
                        <a:pt x="278" y="362"/>
                      </a:lnTo>
                      <a:close/>
                      <a:moveTo>
                        <a:pt x="246" y="20"/>
                      </a:moveTo>
                      <a:lnTo>
                        <a:pt x="261" y="20"/>
                      </a:lnTo>
                      <a:lnTo>
                        <a:pt x="261" y="88"/>
                      </a:lnTo>
                      <a:lnTo>
                        <a:pt x="246" y="88"/>
                      </a:lnTo>
                      <a:lnTo>
                        <a:pt x="246" y="20"/>
                      </a:lnTo>
                      <a:close/>
                      <a:moveTo>
                        <a:pt x="246" y="109"/>
                      </a:moveTo>
                      <a:lnTo>
                        <a:pt x="261" y="109"/>
                      </a:lnTo>
                      <a:lnTo>
                        <a:pt x="261" y="177"/>
                      </a:lnTo>
                      <a:lnTo>
                        <a:pt x="246" y="177"/>
                      </a:lnTo>
                      <a:lnTo>
                        <a:pt x="246" y="109"/>
                      </a:lnTo>
                      <a:close/>
                      <a:moveTo>
                        <a:pt x="246" y="197"/>
                      </a:moveTo>
                      <a:lnTo>
                        <a:pt x="261" y="197"/>
                      </a:lnTo>
                      <a:lnTo>
                        <a:pt x="261" y="266"/>
                      </a:lnTo>
                      <a:lnTo>
                        <a:pt x="246" y="266"/>
                      </a:lnTo>
                      <a:lnTo>
                        <a:pt x="246" y="197"/>
                      </a:lnTo>
                      <a:close/>
                      <a:moveTo>
                        <a:pt x="246" y="286"/>
                      </a:moveTo>
                      <a:lnTo>
                        <a:pt x="261" y="286"/>
                      </a:lnTo>
                      <a:lnTo>
                        <a:pt x="261" y="354"/>
                      </a:lnTo>
                      <a:lnTo>
                        <a:pt x="246" y="354"/>
                      </a:lnTo>
                      <a:lnTo>
                        <a:pt x="246" y="286"/>
                      </a:lnTo>
                      <a:close/>
                      <a:moveTo>
                        <a:pt x="209" y="20"/>
                      </a:moveTo>
                      <a:lnTo>
                        <a:pt x="224" y="20"/>
                      </a:lnTo>
                      <a:lnTo>
                        <a:pt x="224" y="88"/>
                      </a:lnTo>
                      <a:lnTo>
                        <a:pt x="209" y="88"/>
                      </a:lnTo>
                      <a:lnTo>
                        <a:pt x="209" y="20"/>
                      </a:lnTo>
                      <a:close/>
                      <a:moveTo>
                        <a:pt x="209" y="109"/>
                      </a:moveTo>
                      <a:lnTo>
                        <a:pt x="224" y="109"/>
                      </a:lnTo>
                      <a:lnTo>
                        <a:pt x="224" y="177"/>
                      </a:lnTo>
                      <a:lnTo>
                        <a:pt x="209" y="177"/>
                      </a:lnTo>
                      <a:lnTo>
                        <a:pt x="209" y="109"/>
                      </a:lnTo>
                      <a:close/>
                      <a:moveTo>
                        <a:pt x="209" y="197"/>
                      </a:moveTo>
                      <a:lnTo>
                        <a:pt x="224" y="197"/>
                      </a:lnTo>
                      <a:lnTo>
                        <a:pt x="224" y="266"/>
                      </a:lnTo>
                      <a:lnTo>
                        <a:pt x="209" y="266"/>
                      </a:lnTo>
                      <a:lnTo>
                        <a:pt x="209" y="197"/>
                      </a:lnTo>
                      <a:close/>
                      <a:moveTo>
                        <a:pt x="209" y="286"/>
                      </a:moveTo>
                      <a:lnTo>
                        <a:pt x="224" y="286"/>
                      </a:lnTo>
                      <a:lnTo>
                        <a:pt x="224" y="354"/>
                      </a:lnTo>
                      <a:lnTo>
                        <a:pt x="209" y="354"/>
                      </a:lnTo>
                      <a:lnTo>
                        <a:pt x="209" y="286"/>
                      </a:lnTo>
                      <a:close/>
                      <a:moveTo>
                        <a:pt x="174" y="20"/>
                      </a:moveTo>
                      <a:lnTo>
                        <a:pt x="189" y="20"/>
                      </a:lnTo>
                      <a:lnTo>
                        <a:pt x="189" y="88"/>
                      </a:lnTo>
                      <a:lnTo>
                        <a:pt x="174" y="88"/>
                      </a:lnTo>
                      <a:lnTo>
                        <a:pt x="174" y="20"/>
                      </a:lnTo>
                      <a:close/>
                      <a:moveTo>
                        <a:pt x="174" y="109"/>
                      </a:moveTo>
                      <a:lnTo>
                        <a:pt x="189" y="109"/>
                      </a:lnTo>
                      <a:lnTo>
                        <a:pt x="189" y="177"/>
                      </a:lnTo>
                      <a:lnTo>
                        <a:pt x="174" y="177"/>
                      </a:lnTo>
                      <a:lnTo>
                        <a:pt x="174" y="109"/>
                      </a:lnTo>
                      <a:close/>
                      <a:moveTo>
                        <a:pt x="174" y="197"/>
                      </a:moveTo>
                      <a:lnTo>
                        <a:pt x="189" y="197"/>
                      </a:lnTo>
                      <a:lnTo>
                        <a:pt x="189" y="266"/>
                      </a:lnTo>
                      <a:lnTo>
                        <a:pt x="174" y="266"/>
                      </a:lnTo>
                      <a:lnTo>
                        <a:pt x="174" y="197"/>
                      </a:lnTo>
                      <a:close/>
                      <a:moveTo>
                        <a:pt x="174" y="286"/>
                      </a:moveTo>
                      <a:lnTo>
                        <a:pt x="189" y="286"/>
                      </a:lnTo>
                      <a:lnTo>
                        <a:pt x="189" y="354"/>
                      </a:lnTo>
                      <a:lnTo>
                        <a:pt x="174" y="354"/>
                      </a:lnTo>
                      <a:lnTo>
                        <a:pt x="174" y="286"/>
                      </a:lnTo>
                      <a:close/>
                      <a:moveTo>
                        <a:pt x="137" y="20"/>
                      </a:moveTo>
                      <a:lnTo>
                        <a:pt x="152" y="20"/>
                      </a:lnTo>
                      <a:lnTo>
                        <a:pt x="152" y="88"/>
                      </a:lnTo>
                      <a:lnTo>
                        <a:pt x="137" y="88"/>
                      </a:lnTo>
                      <a:lnTo>
                        <a:pt x="137" y="20"/>
                      </a:lnTo>
                      <a:close/>
                      <a:moveTo>
                        <a:pt x="137" y="109"/>
                      </a:moveTo>
                      <a:lnTo>
                        <a:pt x="152" y="109"/>
                      </a:lnTo>
                      <a:lnTo>
                        <a:pt x="152" y="177"/>
                      </a:lnTo>
                      <a:lnTo>
                        <a:pt x="137" y="177"/>
                      </a:lnTo>
                      <a:lnTo>
                        <a:pt x="137" y="109"/>
                      </a:lnTo>
                      <a:close/>
                      <a:moveTo>
                        <a:pt x="137" y="197"/>
                      </a:moveTo>
                      <a:lnTo>
                        <a:pt x="152" y="197"/>
                      </a:lnTo>
                      <a:lnTo>
                        <a:pt x="152" y="266"/>
                      </a:lnTo>
                      <a:lnTo>
                        <a:pt x="137" y="266"/>
                      </a:lnTo>
                      <a:lnTo>
                        <a:pt x="137" y="197"/>
                      </a:lnTo>
                      <a:close/>
                      <a:moveTo>
                        <a:pt x="137" y="286"/>
                      </a:moveTo>
                      <a:lnTo>
                        <a:pt x="152" y="286"/>
                      </a:lnTo>
                      <a:lnTo>
                        <a:pt x="152" y="354"/>
                      </a:lnTo>
                      <a:lnTo>
                        <a:pt x="137" y="354"/>
                      </a:lnTo>
                      <a:lnTo>
                        <a:pt x="137" y="286"/>
                      </a:lnTo>
                      <a:close/>
                      <a:moveTo>
                        <a:pt x="101" y="20"/>
                      </a:moveTo>
                      <a:lnTo>
                        <a:pt x="116" y="20"/>
                      </a:lnTo>
                      <a:lnTo>
                        <a:pt x="116" y="88"/>
                      </a:lnTo>
                      <a:lnTo>
                        <a:pt x="101" y="88"/>
                      </a:lnTo>
                      <a:lnTo>
                        <a:pt x="101" y="20"/>
                      </a:lnTo>
                      <a:close/>
                      <a:moveTo>
                        <a:pt x="101" y="109"/>
                      </a:moveTo>
                      <a:lnTo>
                        <a:pt x="116" y="109"/>
                      </a:lnTo>
                      <a:lnTo>
                        <a:pt x="116" y="177"/>
                      </a:lnTo>
                      <a:lnTo>
                        <a:pt x="101" y="177"/>
                      </a:lnTo>
                      <a:lnTo>
                        <a:pt x="101" y="109"/>
                      </a:lnTo>
                      <a:close/>
                      <a:moveTo>
                        <a:pt x="101" y="197"/>
                      </a:moveTo>
                      <a:lnTo>
                        <a:pt x="116" y="197"/>
                      </a:lnTo>
                      <a:lnTo>
                        <a:pt x="116" y="266"/>
                      </a:lnTo>
                      <a:lnTo>
                        <a:pt x="101" y="266"/>
                      </a:lnTo>
                      <a:lnTo>
                        <a:pt x="101" y="197"/>
                      </a:lnTo>
                      <a:close/>
                      <a:moveTo>
                        <a:pt x="101" y="286"/>
                      </a:moveTo>
                      <a:lnTo>
                        <a:pt x="116" y="286"/>
                      </a:lnTo>
                      <a:lnTo>
                        <a:pt x="116" y="354"/>
                      </a:lnTo>
                      <a:lnTo>
                        <a:pt x="101" y="354"/>
                      </a:lnTo>
                      <a:lnTo>
                        <a:pt x="101" y="286"/>
                      </a:lnTo>
                      <a:close/>
                      <a:moveTo>
                        <a:pt x="64" y="20"/>
                      </a:moveTo>
                      <a:lnTo>
                        <a:pt x="79" y="20"/>
                      </a:lnTo>
                      <a:lnTo>
                        <a:pt x="79" y="88"/>
                      </a:lnTo>
                      <a:lnTo>
                        <a:pt x="64" y="88"/>
                      </a:lnTo>
                      <a:lnTo>
                        <a:pt x="64" y="20"/>
                      </a:lnTo>
                      <a:close/>
                      <a:moveTo>
                        <a:pt x="64" y="109"/>
                      </a:moveTo>
                      <a:lnTo>
                        <a:pt x="79" y="109"/>
                      </a:lnTo>
                      <a:lnTo>
                        <a:pt x="79" y="177"/>
                      </a:lnTo>
                      <a:lnTo>
                        <a:pt x="64" y="177"/>
                      </a:lnTo>
                      <a:lnTo>
                        <a:pt x="64" y="109"/>
                      </a:lnTo>
                      <a:close/>
                      <a:moveTo>
                        <a:pt x="64" y="197"/>
                      </a:moveTo>
                      <a:lnTo>
                        <a:pt x="79" y="197"/>
                      </a:lnTo>
                      <a:lnTo>
                        <a:pt x="79" y="266"/>
                      </a:lnTo>
                      <a:lnTo>
                        <a:pt x="64" y="266"/>
                      </a:lnTo>
                      <a:lnTo>
                        <a:pt x="64" y="197"/>
                      </a:lnTo>
                      <a:close/>
                      <a:moveTo>
                        <a:pt x="64" y="286"/>
                      </a:moveTo>
                      <a:lnTo>
                        <a:pt x="79" y="286"/>
                      </a:lnTo>
                      <a:lnTo>
                        <a:pt x="79" y="354"/>
                      </a:lnTo>
                      <a:lnTo>
                        <a:pt x="64" y="354"/>
                      </a:lnTo>
                      <a:lnTo>
                        <a:pt x="64" y="286"/>
                      </a:lnTo>
                      <a:close/>
                    </a:path>
                  </a:pathLst>
                </a:custGeom>
                <a:solidFill>
                  <a:schemeClr val="bg1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 dirty="0"/>
                </a:p>
              </p:txBody>
            </p:sp>
          </p:grpSp>
          <p:sp>
            <p:nvSpPr>
              <p:cNvPr id="37" name="Tekstfelt 36"/>
              <p:cNvSpPr txBox="1"/>
              <p:nvPr/>
            </p:nvSpPr>
            <p:spPr>
              <a:xfrm>
                <a:off x="1520126" y="2940762"/>
                <a:ext cx="1455390" cy="754906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da-DK" sz="1050" dirty="0">
                    <a:solidFill>
                      <a:schemeClr val="bg1"/>
                    </a:solidFill>
                    <a:latin typeface="Museo Sans Rounded 300" panose="02000000000000000000" pitchFamily="50" charset="0"/>
                  </a:rPr>
                  <a:t>UNIVERSITETER</a:t>
                </a:r>
              </a:p>
              <a:p>
                <a:r>
                  <a:rPr lang="da-DK" sz="1050" dirty="0" smtClean="0">
                    <a:solidFill>
                      <a:schemeClr val="bg1"/>
                    </a:solidFill>
                    <a:latin typeface="Museo Sans Rounded 300" panose="02000000000000000000" pitchFamily="50" charset="0"/>
                  </a:rPr>
                  <a:t>SPINOFFS</a:t>
                </a:r>
                <a:endParaRPr lang="da-DK" sz="1050" dirty="0">
                  <a:solidFill>
                    <a:schemeClr val="bg1"/>
                  </a:solidFill>
                  <a:latin typeface="Museo Sans Rounded 300" panose="02000000000000000000" pitchFamily="50" charset="0"/>
                </a:endParaRPr>
              </a:p>
              <a:p>
                <a:r>
                  <a:rPr lang="da-DK" sz="1050" dirty="0">
                    <a:solidFill>
                      <a:schemeClr val="bg1"/>
                    </a:solidFill>
                    <a:latin typeface="Museo Sans Rounded 300" panose="02000000000000000000" pitchFamily="50" charset="0"/>
                  </a:rPr>
                  <a:t>ACCELERATORER</a:t>
                </a:r>
              </a:p>
              <a:p>
                <a:r>
                  <a:rPr lang="da-DK" sz="1050" dirty="0">
                    <a:solidFill>
                      <a:schemeClr val="bg1"/>
                    </a:solidFill>
                    <a:latin typeface="Museo Sans Rounded 300" panose="02000000000000000000" pitchFamily="50" charset="0"/>
                  </a:rPr>
                  <a:t>INKUBATORER </a:t>
                </a:r>
              </a:p>
            </p:txBody>
          </p:sp>
        </p:grpSp>
      </p:grpSp>
      <p:sp>
        <p:nvSpPr>
          <p:cNvPr id="72" name="Tekstboks 24"/>
          <p:cNvSpPr txBox="1"/>
          <p:nvPr/>
        </p:nvSpPr>
        <p:spPr>
          <a:xfrm>
            <a:off x="10225314" y="3540333"/>
            <a:ext cx="1487587" cy="96949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050" dirty="0" smtClean="0">
                <a:solidFill>
                  <a:schemeClr val="bg1"/>
                </a:solidFill>
                <a:latin typeface="Museo Sans Rounded 300" panose="02000000000000000000" pitchFamily="50" charset="0"/>
              </a:rPr>
              <a:t>KAPITALMARKEDER</a:t>
            </a:r>
          </a:p>
          <a:p>
            <a:r>
              <a:rPr lang="da-DK" sz="1050" dirty="0" smtClean="0">
                <a:solidFill>
                  <a:schemeClr val="bg1"/>
                </a:solidFill>
                <a:latin typeface="Museo Sans Rounded 300" panose="02000000000000000000" pitchFamily="50" charset="0"/>
              </a:rPr>
              <a:t>INVESTORER</a:t>
            </a:r>
          </a:p>
          <a:p>
            <a:r>
              <a:rPr lang="da-DK" sz="1050" dirty="0" smtClean="0">
                <a:solidFill>
                  <a:schemeClr val="bg1"/>
                </a:solidFill>
                <a:latin typeface="Museo Sans Rounded 300" panose="02000000000000000000" pitchFamily="50" charset="0"/>
              </a:rPr>
              <a:t>VC FONDE </a:t>
            </a:r>
          </a:p>
          <a:p>
            <a:r>
              <a:rPr lang="da-DK" sz="1050" dirty="0" smtClean="0">
                <a:solidFill>
                  <a:schemeClr val="bg1"/>
                </a:solidFill>
                <a:latin typeface="Museo Sans Rounded 300" panose="02000000000000000000" pitchFamily="50" charset="0"/>
              </a:rPr>
              <a:t>BUSINESS ANGELS</a:t>
            </a:r>
          </a:p>
          <a:p>
            <a:r>
              <a:rPr lang="da-DK" sz="1050" dirty="0" smtClean="0">
                <a:solidFill>
                  <a:schemeClr val="bg1"/>
                </a:solidFill>
                <a:latin typeface="Museo Sans Rounded 300" panose="02000000000000000000" pitchFamily="50" charset="0"/>
              </a:rPr>
              <a:t>KUNDER</a:t>
            </a:r>
          </a:p>
          <a:p>
            <a:r>
              <a:rPr lang="da-DK" sz="1050" dirty="0" smtClean="0">
                <a:solidFill>
                  <a:schemeClr val="bg1"/>
                </a:solidFill>
                <a:latin typeface="Museo Sans Rounded 300" panose="02000000000000000000" pitchFamily="50" charset="0"/>
              </a:rPr>
              <a:t>SAMFUNDET / BRUGERE</a:t>
            </a:r>
            <a:endParaRPr lang="da-DK" sz="1050" dirty="0">
              <a:solidFill>
                <a:schemeClr val="bg1"/>
              </a:solidFill>
              <a:latin typeface="Museo Sans Rounded 300" panose="02000000000000000000" pitchFamily="50" charset="0"/>
            </a:endParaRPr>
          </a:p>
        </p:txBody>
      </p:sp>
      <p:pic>
        <p:nvPicPr>
          <p:cNvPr id="12" name="Billede 1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11310" y="2125007"/>
            <a:ext cx="1419540" cy="78448"/>
          </a:xfrm>
          <a:prstGeom prst="rect">
            <a:avLst/>
          </a:prstGeom>
        </p:spPr>
      </p:pic>
      <p:pic>
        <p:nvPicPr>
          <p:cNvPr id="1026" name="Picture 2" descr="Billedresultat for innovationsfonden logo"/>
          <p:cNvPicPr>
            <a:picLocks noChangeAspect="1" noChangeArrowheads="1"/>
          </p:cNvPicPr>
          <p:nvPr/>
        </p:nvPicPr>
        <p:blipFill>
          <a:blip r:embed="rId4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44546" y="2330746"/>
            <a:ext cx="1786505" cy="5582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97830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title"/>
          </p:nvPr>
        </p:nvSpPr>
        <p:spPr>
          <a:xfrm>
            <a:off x="541338" y="693738"/>
            <a:ext cx="8434982" cy="940329"/>
          </a:xfrm>
        </p:spPr>
        <p:txBody>
          <a:bodyPr/>
          <a:lstStyle/>
          <a:p>
            <a:r>
              <a:rPr lang="da-DK" dirty="0" smtClean="0"/>
              <a:t>Vores fælles vision</a:t>
            </a:r>
            <a:endParaRPr lang="da-DK" dirty="0"/>
          </a:p>
        </p:txBody>
      </p:sp>
      <p:sp>
        <p:nvSpPr>
          <p:cNvPr id="5" name="Pladsholder til indhold 4"/>
          <p:cNvSpPr>
            <a:spLocks noGrp="1"/>
          </p:cNvSpPr>
          <p:nvPr>
            <p:ph sz="quarter" idx="13"/>
          </p:nvPr>
        </p:nvSpPr>
        <p:spPr>
          <a:xfrm>
            <a:off x="2639616" y="2708920"/>
            <a:ext cx="7143835" cy="4829985"/>
          </a:xfrm>
        </p:spPr>
        <p:txBody>
          <a:bodyPr/>
          <a:lstStyle/>
          <a:p>
            <a:r>
              <a:rPr lang="da-DK" sz="2400" dirty="0" smtClean="0">
                <a:latin typeface="Museo Slab 100" panose="02000000000000000000" pitchFamily="50" charset="0"/>
              </a:rPr>
              <a:t>Vi vil sammen med vores partnere </a:t>
            </a:r>
            <a:r>
              <a:rPr lang="da-DK" sz="2400" dirty="0">
                <a:latin typeface="Museo Slab 100" panose="02000000000000000000" pitchFamily="50" charset="0"/>
              </a:rPr>
              <a:t>skabe et </a:t>
            </a:r>
            <a:r>
              <a:rPr lang="da-DK" sz="2400" dirty="0" smtClean="0">
                <a:latin typeface="Museo Slab 100" panose="02000000000000000000" pitchFamily="50" charset="0"/>
              </a:rPr>
              <a:t>stærkt, sammenhængende og enkelt økosystem </a:t>
            </a:r>
            <a:r>
              <a:rPr lang="da-DK" sz="2400" dirty="0">
                <a:latin typeface="Museo Slab 100" panose="02000000000000000000" pitchFamily="50" charset="0"/>
              </a:rPr>
              <a:t>for den tidlige og </a:t>
            </a:r>
            <a:r>
              <a:rPr lang="da-DK" sz="2400" dirty="0" smtClean="0">
                <a:latin typeface="Museo Slab 100" panose="02000000000000000000" pitchFamily="50" charset="0"/>
              </a:rPr>
              <a:t>risikofyldte finansiering til de virksomheder, som </a:t>
            </a:r>
            <a:r>
              <a:rPr lang="da-DK" sz="2400" dirty="0">
                <a:latin typeface="Museo Slab 100" panose="02000000000000000000" pitchFamily="50" charset="0"/>
              </a:rPr>
              <a:t>skaber </a:t>
            </a:r>
            <a:r>
              <a:rPr lang="da-DK" sz="2400" dirty="0" smtClean="0">
                <a:latin typeface="Museo Slab 100" panose="02000000000000000000" pitchFamily="50" charset="0"/>
              </a:rPr>
              <a:t>innovation og vækst i Danmark. 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4</a:t>
            </a:fld>
            <a:endParaRPr lang="da-DK" dirty="0"/>
          </a:p>
        </p:txBody>
      </p:sp>
      <p:grpSp>
        <p:nvGrpSpPr>
          <p:cNvPr id="6" name="Group 168"/>
          <p:cNvGrpSpPr>
            <a:grpSpLocks noChangeAspect="1"/>
          </p:cNvGrpSpPr>
          <p:nvPr/>
        </p:nvGrpSpPr>
        <p:grpSpPr bwMode="auto">
          <a:xfrm>
            <a:off x="675087" y="2853866"/>
            <a:ext cx="1380576" cy="1383629"/>
            <a:chOff x="888" y="2894"/>
            <a:chExt cx="452" cy="453"/>
          </a:xfrm>
          <a:solidFill>
            <a:srgbClr val="006961"/>
          </a:solidFill>
        </p:grpSpPr>
        <p:sp>
          <p:nvSpPr>
            <p:cNvPr id="7" name="Freeform 169"/>
            <p:cNvSpPr>
              <a:spLocks/>
            </p:cNvSpPr>
            <p:nvPr/>
          </p:nvSpPr>
          <p:spPr bwMode="auto">
            <a:xfrm>
              <a:off x="888" y="2894"/>
              <a:ext cx="452" cy="453"/>
            </a:xfrm>
            <a:custGeom>
              <a:avLst/>
              <a:gdLst>
                <a:gd name="T0" fmla="*/ 904 w 904"/>
                <a:gd name="T1" fmla="*/ 477 h 906"/>
                <a:gd name="T2" fmla="*/ 895 w 904"/>
                <a:gd name="T3" fmla="*/ 544 h 906"/>
                <a:gd name="T4" fmla="*/ 877 w 904"/>
                <a:gd name="T5" fmla="*/ 609 h 906"/>
                <a:gd name="T6" fmla="*/ 849 w 904"/>
                <a:gd name="T7" fmla="*/ 669 h 906"/>
                <a:gd name="T8" fmla="*/ 815 w 904"/>
                <a:gd name="T9" fmla="*/ 724 h 906"/>
                <a:gd name="T10" fmla="*/ 772 w 904"/>
                <a:gd name="T11" fmla="*/ 774 h 906"/>
                <a:gd name="T12" fmla="*/ 723 w 904"/>
                <a:gd name="T13" fmla="*/ 816 h 906"/>
                <a:gd name="T14" fmla="*/ 667 w 904"/>
                <a:gd name="T15" fmla="*/ 851 h 906"/>
                <a:gd name="T16" fmla="*/ 607 w 904"/>
                <a:gd name="T17" fmla="*/ 879 h 906"/>
                <a:gd name="T18" fmla="*/ 544 w 904"/>
                <a:gd name="T19" fmla="*/ 896 h 906"/>
                <a:gd name="T20" fmla="*/ 475 w 904"/>
                <a:gd name="T21" fmla="*/ 905 h 906"/>
                <a:gd name="T22" fmla="*/ 429 w 904"/>
                <a:gd name="T23" fmla="*/ 905 h 906"/>
                <a:gd name="T24" fmla="*/ 360 w 904"/>
                <a:gd name="T25" fmla="*/ 896 h 906"/>
                <a:gd name="T26" fmla="*/ 297 w 904"/>
                <a:gd name="T27" fmla="*/ 879 h 906"/>
                <a:gd name="T28" fmla="*/ 237 w 904"/>
                <a:gd name="T29" fmla="*/ 851 h 906"/>
                <a:gd name="T30" fmla="*/ 181 w 904"/>
                <a:gd name="T31" fmla="*/ 816 h 906"/>
                <a:gd name="T32" fmla="*/ 132 w 904"/>
                <a:gd name="T33" fmla="*/ 774 h 906"/>
                <a:gd name="T34" fmla="*/ 89 w 904"/>
                <a:gd name="T35" fmla="*/ 724 h 906"/>
                <a:gd name="T36" fmla="*/ 55 w 904"/>
                <a:gd name="T37" fmla="*/ 669 h 906"/>
                <a:gd name="T38" fmla="*/ 27 w 904"/>
                <a:gd name="T39" fmla="*/ 609 h 906"/>
                <a:gd name="T40" fmla="*/ 9 w 904"/>
                <a:gd name="T41" fmla="*/ 544 h 906"/>
                <a:gd name="T42" fmla="*/ 0 w 904"/>
                <a:gd name="T43" fmla="*/ 477 h 906"/>
                <a:gd name="T44" fmla="*/ 0 w 904"/>
                <a:gd name="T45" fmla="*/ 429 h 906"/>
                <a:gd name="T46" fmla="*/ 9 w 904"/>
                <a:gd name="T47" fmla="*/ 362 h 906"/>
                <a:gd name="T48" fmla="*/ 27 w 904"/>
                <a:gd name="T49" fmla="*/ 297 h 906"/>
                <a:gd name="T50" fmla="*/ 55 w 904"/>
                <a:gd name="T51" fmla="*/ 237 h 906"/>
                <a:gd name="T52" fmla="*/ 89 w 904"/>
                <a:gd name="T53" fmla="*/ 182 h 906"/>
                <a:gd name="T54" fmla="*/ 132 w 904"/>
                <a:gd name="T55" fmla="*/ 134 h 906"/>
                <a:gd name="T56" fmla="*/ 181 w 904"/>
                <a:gd name="T57" fmla="*/ 90 h 906"/>
                <a:gd name="T58" fmla="*/ 237 w 904"/>
                <a:gd name="T59" fmla="*/ 55 h 906"/>
                <a:gd name="T60" fmla="*/ 297 w 904"/>
                <a:gd name="T61" fmla="*/ 27 h 906"/>
                <a:gd name="T62" fmla="*/ 360 w 904"/>
                <a:gd name="T63" fmla="*/ 10 h 906"/>
                <a:gd name="T64" fmla="*/ 429 w 904"/>
                <a:gd name="T65" fmla="*/ 1 h 906"/>
                <a:gd name="T66" fmla="*/ 475 w 904"/>
                <a:gd name="T67" fmla="*/ 1 h 906"/>
                <a:gd name="T68" fmla="*/ 544 w 904"/>
                <a:gd name="T69" fmla="*/ 10 h 906"/>
                <a:gd name="T70" fmla="*/ 607 w 904"/>
                <a:gd name="T71" fmla="*/ 27 h 906"/>
                <a:gd name="T72" fmla="*/ 667 w 904"/>
                <a:gd name="T73" fmla="*/ 55 h 906"/>
                <a:gd name="T74" fmla="*/ 723 w 904"/>
                <a:gd name="T75" fmla="*/ 90 h 906"/>
                <a:gd name="T76" fmla="*/ 772 w 904"/>
                <a:gd name="T77" fmla="*/ 134 h 906"/>
                <a:gd name="T78" fmla="*/ 815 w 904"/>
                <a:gd name="T79" fmla="*/ 182 h 906"/>
                <a:gd name="T80" fmla="*/ 849 w 904"/>
                <a:gd name="T81" fmla="*/ 237 h 906"/>
                <a:gd name="T82" fmla="*/ 877 w 904"/>
                <a:gd name="T83" fmla="*/ 297 h 906"/>
                <a:gd name="T84" fmla="*/ 895 w 904"/>
                <a:gd name="T85" fmla="*/ 362 h 906"/>
                <a:gd name="T86" fmla="*/ 904 w 904"/>
                <a:gd name="T87" fmla="*/ 429 h 9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904" h="906">
                  <a:moveTo>
                    <a:pt x="904" y="454"/>
                  </a:moveTo>
                  <a:lnTo>
                    <a:pt x="904" y="454"/>
                  </a:lnTo>
                  <a:lnTo>
                    <a:pt x="904" y="477"/>
                  </a:lnTo>
                  <a:lnTo>
                    <a:pt x="903" y="500"/>
                  </a:lnTo>
                  <a:lnTo>
                    <a:pt x="900" y="523"/>
                  </a:lnTo>
                  <a:lnTo>
                    <a:pt x="895" y="544"/>
                  </a:lnTo>
                  <a:lnTo>
                    <a:pt x="890" y="566"/>
                  </a:lnTo>
                  <a:lnTo>
                    <a:pt x="884" y="587"/>
                  </a:lnTo>
                  <a:lnTo>
                    <a:pt x="877" y="609"/>
                  </a:lnTo>
                  <a:lnTo>
                    <a:pt x="870" y="629"/>
                  </a:lnTo>
                  <a:lnTo>
                    <a:pt x="860" y="649"/>
                  </a:lnTo>
                  <a:lnTo>
                    <a:pt x="849" y="669"/>
                  </a:lnTo>
                  <a:lnTo>
                    <a:pt x="839" y="688"/>
                  </a:lnTo>
                  <a:lnTo>
                    <a:pt x="827" y="706"/>
                  </a:lnTo>
                  <a:lnTo>
                    <a:pt x="815" y="724"/>
                  </a:lnTo>
                  <a:lnTo>
                    <a:pt x="801" y="741"/>
                  </a:lnTo>
                  <a:lnTo>
                    <a:pt x="786" y="758"/>
                  </a:lnTo>
                  <a:lnTo>
                    <a:pt x="772" y="774"/>
                  </a:lnTo>
                  <a:lnTo>
                    <a:pt x="756" y="788"/>
                  </a:lnTo>
                  <a:lnTo>
                    <a:pt x="740" y="803"/>
                  </a:lnTo>
                  <a:lnTo>
                    <a:pt x="723" y="816"/>
                  </a:lnTo>
                  <a:lnTo>
                    <a:pt x="705" y="828"/>
                  </a:lnTo>
                  <a:lnTo>
                    <a:pt x="687" y="840"/>
                  </a:lnTo>
                  <a:lnTo>
                    <a:pt x="667" y="851"/>
                  </a:lnTo>
                  <a:lnTo>
                    <a:pt x="649" y="861"/>
                  </a:lnTo>
                  <a:lnTo>
                    <a:pt x="628" y="870"/>
                  </a:lnTo>
                  <a:lnTo>
                    <a:pt x="607" y="879"/>
                  </a:lnTo>
                  <a:lnTo>
                    <a:pt x="587" y="886"/>
                  </a:lnTo>
                  <a:lnTo>
                    <a:pt x="565" y="892"/>
                  </a:lnTo>
                  <a:lnTo>
                    <a:pt x="544" y="896"/>
                  </a:lnTo>
                  <a:lnTo>
                    <a:pt x="521" y="900"/>
                  </a:lnTo>
                  <a:lnTo>
                    <a:pt x="498" y="903"/>
                  </a:lnTo>
                  <a:lnTo>
                    <a:pt x="475" y="905"/>
                  </a:lnTo>
                  <a:lnTo>
                    <a:pt x="452" y="906"/>
                  </a:lnTo>
                  <a:lnTo>
                    <a:pt x="452" y="906"/>
                  </a:lnTo>
                  <a:lnTo>
                    <a:pt x="429" y="905"/>
                  </a:lnTo>
                  <a:lnTo>
                    <a:pt x="406" y="903"/>
                  </a:lnTo>
                  <a:lnTo>
                    <a:pt x="383" y="900"/>
                  </a:lnTo>
                  <a:lnTo>
                    <a:pt x="360" y="896"/>
                  </a:lnTo>
                  <a:lnTo>
                    <a:pt x="339" y="892"/>
                  </a:lnTo>
                  <a:lnTo>
                    <a:pt x="317" y="886"/>
                  </a:lnTo>
                  <a:lnTo>
                    <a:pt x="297" y="879"/>
                  </a:lnTo>
                  <a:lnTo>
                    <a:pt x="276" y="870"/>
                  </a:lnTo>
                  <a:lnTo>
                    <a:pt x="255" y="861"/>
                  </a:lnTo>
                  <a:lnTo>
                    <a:pt x="237" y="851"/>
                  </a:lnTo>
                  <a:lnTo>
                    <a:pt x="217" y="840"/>
                  </a:lnTo>
                  <a:lnTo>
                    <a:pt x="199" y="828"/>
                  </a:lnTo>
                  <a:lnTo>
                    <a:pt x="181" y="816"/>
                  </a:lnTo>
                  <a:lnTo>
                    <a:pt x="164" y="803"/>
                  </a:lnTo>
                  <a:lnTo>
                    <a:pt x="148" y="788"/>
                  </a:lnTo>
                  <a:lnTo>
                    <a:pt x="132" y="774"/>
                  </a:lnTo>
                  <a:lnTo>
                    <a:pt x="118" y="758"/>
                  </a:lnTo>
                  <a:lnTo>
                    <a:pt x="103" y="741"/>
                  </a:lnTo>
                  <a:lnTo>
                    <a:pt x="89" y="724"/>
                  </a:lnTo>
                  <a:lnTo>
                    <a:pt x="77" y="706"/>
                  </a:lnTo>
                  <a:lnTo>
                    <a:pt x="65" y="688"/>
                  </a:lnTo>
                  <a:lnTo>
                    <a:pt x="55" y="669"/>
                  </a:lnTo>
                  <a:lnTo>
                    <a:pt x="44" y="649"/>
                  </a:lnTo>
                  <a:lnTo>
                    <a:pt x="34" y="629"/>
                  </a:lnTo>
                  <a:lnTo>
                    <a:pt x="27" y="609"/>
                  </a:lnTo>
                  <a:lnTo>
                    <a:pt x="20" y="587"/>
                  </a:lnTo>
                  <a:lnTo>
                    <a:pt x="14" y="566"/>
                  </a:lnTo>
                  <a:lnTo>
                    <a:pt x="9" y="544"/>
                  </a:lnTo>
                  <a:lnTo>
                    <a:pt x="4" y="523"/>
                  </a:lnTo>
                  <a:lnTo>
                    <a:pt x="1" y="500"/>
                  </a:lnTo>
                  <a:lnTo>
                    <a:pt x="0" y="477"/>
                  </a:lnTo>
                  <a:lnTo>
                    <a:pt x="0" y="454"/>
                  </a:lnTo>
                  <a:lnTo>
                    <a:pt x="0" y="454"/>
                  </a:lnTo>
                  <a:lnTo>
                    <a:pt x="0" y="429"/>
                  </a:lnTo>
                  <a:lnTo>
                    <a:pt x="1" y="406"/>
                  </a:lnTo>
                  <a:lnTo>
                    <a:pt x="4" y="385"/>
                  </a:lnTo>
                  <a:lnTo>
                    <a:pt x="9" y="362"/>
                  </a:lnTo>
                  <a:lnTo>
                    <a:pt x="14" y="340"/>
                  </a:lnTo>
                  <a:lnTo>
                    <a:pt x="20" y="319"/>
                  </a:lnTo>
                  <a:lnTo>
                    <a:pt x="27" y="297"/>
                  </a:lnTo>
                  <a:lnTo>
                    <a:pt x="34" y="277"/>
                  </a:lnTo>
                  <a:lnTo>
                    <a:pt x="44" y="257"/>
                  </a:lnTo>
                  <a:lnTo>
                    <a:pt x="55" y="237"/>
                  </a:lnTo>
                  <a:lnTo>
                    <a:pt x="65" y="218"/>
                  </a:lnTo>
                  <a:lnTo>
                    <a:pt x="77" y="200"/>
                  </a:lnTo>
                  <a:lnTo>
                    <a:pt x="89" y="182"/>
                  </a:lnTo>
                  <a:lnTo>
                    <a:pt x="103" y="165"/>
                  </a:lnTo>
                  <a:lnTo>
                    <a:pt x="118" y="149"/>
                  </a:lnTo>
                  <a:lnTo>
                    <a:pt x="132" y="134"/>
                  </a:lnTo>
                  <a:lnTo>
                    <a:pt x="148" y="118"/>
                  </a:lnTo>
                  <a:lnTo>
                    <a:pt x="164" y="103"/>
                  </a:lnTo>
                  <a:lnTo>
                    <a:pt x="181" y="90"/>
                  </a:lnTo>
                  <a:lnTo>
                    <a:pt x="199" y="78"/>
                  </a:lnTo>
                  <a:lnTo>
                    <a:pt x="217" y="66"/>
                  </a:lnTo>
                  <a:lnTo>
                    <a:pt x="237" y="55"/>
                  </a:lnTo>
                  <a:lnTo>
                    <a:pt x="255" y="45"/>
                  </a:lnTo>
                  <a:lnTo>
                    <a:pt x="276" y="36"/>
                  </a:lnTo>
                  <a:lnTo>
                    <a:pt x="297" y="27"/>
                  </a:lnTo>
                  <a:lnTo>
                    <a:pt x="317" y="20"/>
                  </a:lnTo>
                  <a:lnTo>
                    <a:pt x="339" y="14"/>
                  </a:lnTo>
                  <a:lnTo>
                    <a:pt x="360" y="10"/>
                  </a:lnTo>
                  <a:lnTo>
                    <a:pt x="383" y="6"/>
                  </a:lnTo>
                  <a:lnTo>
                    <a:pt x="406" y="3"/>
                  </a:lnTo>
                  <a:lnTo>
                    <a:pt x="429" y="1"/>
                  </a:lnTo>
                  <a:lnTo>
                    <a:pt x="452" y="0"/>
                  </a:lnTo>
                  <a:lnTo>
                    <a:pt x="452" y="0"/>
                  </a:lnTo>
                  <a:lnTo>
                    <a:pt x="475" y="1"/>
                  </a:lnTo>
                  <a:lnTo>
                    <a:pt x="498" y="3"/>
                  </a:lnTo>
                  <a:lnTo>
                    <a:pt x="521" y="6"/>
                  </a:lnTo>
                  <a:lnTo>
                    <a:pt x="544" y="10"/>
                  </a:lnTo>
                  <a:lnTo>
                    <a:pt x="565" y="14"/>
                  </a:lnTo>
                  <a:lnTo>
                    <a:pt x="587" y="20"/>
                  </a:lnTo>
                  <a:lnTo>
                    <a:pt x="607" y="27"/>
                  </a:lnTo>
                  <a:lnTo>
                    <a:pt x="628" y="36"/>
                  </a:lnTo>
                  <a:lnTo>
                    <a:pt x="649" y="45"/>
                  </a:lnTo>
                  <a:lnTo>
                    <a:pt x="667" y="55"/>
                  </a:lnTo>
                  <a:lnTo>
                    <a:pt x="687" y="66"/>
                  </a:lnTo>
                  <a:lnTo>
                    <a:pt x="705" y="78"/>
                  </a:lnTo>
                  <a:lnTo>
                    <a:pt x="723" y="90"/>
                  </a:lnTo>
                  <a:lnTo>
                    <a:pt x="740" y="103"/>
                  </a:lnTo>
                  <a:lnTo>
                    <a:pt x="756" y="118"/>
                  </a:lnTo>
                  <a:lnTo>
                    <a:pt x="772" y="134"/>
                  </a:lnTo>
                  <a:lnTo>
                    <a:pt x="786" y="149"/>
                  </a:lnTo>
                  <a:lnTo>
                    <a:pt x="801" y="165"/>
                  </a:lnTo>
                  <a:lnTo>
                    <a:pt x="815" y="182"/>
                  </a:lnTo>
                  <a:lnTo>
                    <a:pt x="827" y="200"/>
                  </a:lnTo>
                  <a:lnTo>
                    <a:pt x="839" y="218"/>
                  </a:lnTo>
                  <a:lnTo>
                    <a:pt x="849" y="237"/>
                  </a:lnTo>
                  <a:lnTo>
                    <a:pt x="860" y="257"/>
                  </a:lnTo>
                  <a:lnTo>
                    <a:pt x="870" y="277"/>
                  </a:lnTo>
                  <a:lnTo>
                    <a:pt x="877" y="297"/>
                  </a:lnTo>
                  <a:lnTo>
                    <a:pt x="884" y="319"/>
                  </a:lnTo>
                  <a:lnTo>
                    <a:pt x="890" y="340"/>
                  </a:lnTo>
                  <a:lnTo>
                    <a:pt x="895" y="362"/>
                  </a:lnTo>
                  <a:lnTo>
                    <a:pt x="900" y="385"/>
                  </a:lnTo>
                  <a:lnTo>
                    <a:pt x="903" y="406"/>
                  </a:lnTo>
                  <a:lnTo>
                    <a:pt x="904" y="429"/>
                  </a:lnTo>
                  <a:lnTo>
                    <a:pt x="904" y="454"/>
                  </a:lnTo>
                  <a:lnTo>
                    <a:pt x="904" y="45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" name="Freeform 170"/>
            <p:cNvSpPr>
              <a:spLocks noEditPoints="1"/>
            </p:cNvSpPr>
            <p:nvPr/>
          </p:nvSpPr>
          <p:spPr bwMode="auto">
            <a:xfrm>
              <a:off x="966" y="2987"/>
              <a:ext cx="286" cy="258"/>
            </a:xfrm>
            <a:custGeom>
              <a:avLst/>
              <a:gdLst>
                <a:gd name="T0" fmla="*/ 166 w 574"/>
                <a:gd name="T1" fmla="*/ 143 h 517"/>
                <a:gd name="T2" fmla="*/ 57 w 574"/>
                <a:gd name="T3" fmla="*/ 143 h 517"/>
                <a:gd name="T4" fmla="*/ 34 w 574"/>
                <a:gd name="T5" fmla="*/ 148 h 517"/>
                <a:gd name="T6" fmla="*/ 17 w 574"/>
                <a:gd name="T7" fmla="*/ 160 h 517"/>
                <a:gd name="T8" fmla="*/ 4 w 574"/>
                <a:gd name="T9" fmla="*/ 178 h 517"/>
                <a:gd name="T10" fmla="*/ 0 w 574"/>
                <a:gd name="T11" fmla="*/ 201 h 517"/>
                <a:gd name="T12" fmla="*/ 0 w 574"/>
                <a:gd name="T13" fmla="*/ 373 h 517"/>
                <a:gd name="T14" fmla="*/ 4 w 574"/>
                <a:gd name="T15" fmla="*/ 396 h 517"/>
                <a:gd name="T16" fmla="*/ 17 w 574"/>
                <a:gd name="T17" fmla="*/ 413 h 517"/>
                <a:gd name="T18" fmla="*/ 34 w 574"/>
                <a:gd name="T19" fmla="*/ 426 h 517"/>
                <a:gd name="T20" fmla="*/ 57 w 574"/>
                <a:gd name="T21" fmla="*/ 430 h 517"/>
                <a:gd name="T22" fmla="*/ 86 w 574"/>
                <a:gd name="T23" fmla="*/ 517 h 517"/>
                <a:gd name="T24" fmla="*/ 316 w 574"/>
                <a:gd name="T25" fmla="*/ 430 h 517"/>
                <a:gd name="T26" fmla="*/ 327 w 574"/>
                <a:gd name="T27" fmla="*/ 429 h 517"/>
                <a:gd name="T28" fmla="*/ 347 w 574"/>
                <a:gd name="T29" fmla="*/ 420 h 517"/>
                <a:gd name="T30" fmla="*/ 363 w 574"/>
                <a:gd name="T31" fmla="*/ 405 h 517"/>
                <a:gd name="T32" fmla="*/ 372 w 574"/>
                <a:gd name="T33" fmla="*/ 384 h 517"/>
                <a:gd name="T34" fmla="*/ 373 w 574"/>
                <a:gd name="T35" fmla="*/ 321 h 517"/>
                <a:gd name="T36" fmla="*/ 367 w 574"/>
                <a:gd name="T37" fmla="*/ 321 h 517"/>
                <a:gd name="T38" fmla="*/ 517 w 574"/>
                <a:gd name="T39" fmla="*/ 0 h 517"/>
                <a:gd name="T40" fmla="*/ 258 w 574"/>
                <a:gd name="T41" fmla="*/ 0 h 517"/>
                <a:gd name="T42" fmla="*/ 235 w 574"/>
                <a:gd name="T43" fmla="*/ 4 h 517"/>
                <a:gd name="T44" fmla="*/ 218 w 574"/>
                <a:gd name="T45" fmla="*/ 17 h 517"/>
                <a:gd name="T46" fmla="*/ 205 w 574"/>
                <a:gd name="T47" fmla="*/ 34 h 517"/>
                <a:gd name="T48" fmla="*/ 201 w 574"/>
                <a:gd name="T49" fmla="*/ 57 h 517"/>
                <a:gd name="T50" fmla="*/ 402 w 574"/>
                <a:gd name="T51" fmla="*/ 287 h 517"/>
                <a:gd name="T52" fmla="*/ 488 w 574"/>
                <a:gd name="T53" fmla="*/ 287 h 517"/>
                <a:gd name="T54" fmla="*/ 517 w 574"/>
                <a:gd name="T55" fmla="*/ 287 h 517"/>
                <a:gd name="T56" fmla="*/ 540 w 574"/>
                <a:gd name="T57" fmla="*/ 282 h 517"/>
                <a:gd name="T58" fmla="*/ 557 w 574"/>
                <a:gd name="T59" fmla="*/ 270 h 517"/>
                <a:gd name="T60" fmla="*/ 570 w 574"/>
                <a:gd name="T61" fmla="*/ 252 h 517"/>
                <a:gd name="T62" fmla="*/ 574 w 574"/>
                <a:gd name="T63" fmla="*/ 229 h 517"/>
                <a:gd name="T64" fmla="*/ 574 w 574"/>
                <a:gd name="T65" fmla="*/ 57 h 517"/>
                <a:gd name="T66" fmla="*/ 570 w 574"/>
                <a:gd name="T67" fmla="*/ 34 h 517"/>
                <a:gd name="T68" fmla="*/ 557 w 574"/>
                <a:gd name="T69" fmla="*/ 17 h 517"/>
                <a:gd name="T70" fmla="*/ 540 w 574"/>
                <a:gd name="T71" fmla="*/ 4 h 517"/>
                <a:gd name="T72" fmla="*/ 517 w 574"/>
                <a:gd name="T73" fmla="*/ 0 h 5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574" h="517">
                  <a:moveTo>
                    <a:pt x="166" y="321"/>
                  </a:moveTo>
                  <a:lnTo>
                    <a:pt x="166" y="143"/>
                  </a:lnTo>
                  <a:lnTo>
                    <a:pt x="57" y="143"/>
                  </a:lnTo>
                  <a:lnTo>
                    <a:pt x="57" y="143"/>
                  </a:lnTo>
                  <a:lnTo>
                    <a:pt x="46" y="145"/>
                  </a:lnTo>
                  <a:lnTo>
                    <a:pt x="34" y="148"/>
                  </a:lnTo>
                  <a:lnTo>
                    <a:pt x="26" y="153"/>
                  </a:lnTo>
                  <a:lnTo>
                    <a:pt x="17" y="160"/>
                  </a:lnTo>
                  <a:lnTo>
                    <a:pt x="10" y="169"/>
                  </a:lnTo>
                  <a:lnTo>
                    <a:pt x="4" y="178"/>
                  </a:lnTo>
                  <a:lnTo>
                    <a:pt x="1" y="189"/>
                  </a:lnTo>
                  <a:lnTo>
                    <a:pt x="0" y="201"/>
                  </a:lnTo>
                  <a:lnTo>
                    <a:pt x="0" y="373"/>
                  </a:lnTo>
                  <a:lnTo>
                    <a:pt x="0" y="373"/>
                  </a:lnTo>
                  <a:lnTo>
                    <a:pt x="1" y="384"/>
                  </a:lnTo>
                  <a:lnTo>
                    <a:pt x="4" y="396"/>
                  </a:lnTo>
                  <a:lnTo>
                    <a:pt x="10" y="405"/>
                  </a:lnTo>
                  <a:lnTo>
                    <a:pt x="17" y="413"/>
                  </a:lnTo>
                  <a:lnTo>
                    <a:pt x="26" y="420"/>
                  </a:lnTo>
                  <a:lnTo>
                    <a:pt x="34" y="426"/>
                  </a:lnTo>
                  <a:lnTo>
                    <a:pt x="46" y="429"/>
                  </a:lnTo>
                  <a:lnTo>
                    <a:pt x="57" y="430"/>
                  </a:lnTo>
                  <a:lnTo>
                    <a:pt x="86" y="430"/>
                  </a:lnTo>
                  <a:lnTo>
                    <a:pt x="86" y="517"/>
                  </a:lnTo>
                  <a:lnTo>
                    <a:pt x="172" y="430"/>
                  </a:lnTo>
                  <a:lnTo>
                    <a:pt x="316" y="430"/>
                  </a:lnTo>
                  <a:lnTo>
                    <a:pt x="316" y="430"/>
                  </a:lnTo>
                  <a:lnTo>
                    <a:pt x="327" y="429"/>
                  </a:lnTo>
                  <a:lnTo>
                    <a:pt x="339" y="426"/>
                  </a:lnTo>
                  <a:lnTo>
                    <a:pt x="347" y="420"/>
                  </a:lnTo>
                  <a:lnTo>
                    <a:pt x="356" y="413"/>
                  </a:lnTo>
                  <a:lnTo>
                    <a:pt x="363" y="405"/>
                  </a:lnTo>
                  <a:lnTo>
                    <a:pt x="369" y="396"/>
                  </a:lnTo>
                  <a:lnTo>
                    <a:pt x="372" y="384"/>
                  </a:lnTo>
                  <a:lnTo>
                    <a:pt x="373" y="373"/>
                  </a:lnTo>
                  <a:lnTo>
                    <a:pt x="373" y="321"/>
                  </a:lnTo>
                  <a:lnTo>
                    <a:pt x="373" y="321"/>
                  </a:lnTo>
                  <a:lnTo>
                    <a:pt x="367" y="321"/>
                  </a:lnTo>
                  <a:lnTo>
                    <a:pt x="166" y="321"/>
                  </a:lnTo>
                  <a:close/>
                  <a:moveTo>
                    <a:pt x="517" y="0"/>
                  </a:moveTo>
                  <a:lnTo>
                    <a:pt x="258" y="0"/>
                  </a:lnTo>
                  <a:lnTo>
                    <a:pt x="258" y="0"/>
                  </a:lnTo>
                  <a:lnTo>
                    <a:pt x="247" y="1"/>
                  </a:lnTo>
                  <a:lnTo>
                    <a:pt x="235" y="4"/>
                  </a:lnTo>
                  <a:lnTo>
                    <a:pt x="227" y="10"/>
                  </a:lnTo>
                  <a:lnTo>
                    <a:pt x="218" y="17"/>
                  </a:lnTo>
                  <a:lnTo>
                    <a:pt x="211" y="25"/>
                  </a:lnTo>
                  <a:lnTo>
                    <a:pt x="205" y="34"/>
                  </a:lnTo>
                  <a:lnTo>
                    <a:pt x="202" y="46"/>
                  </a:lnTo>
                  <a:lnTo>
                    <a:pt x="201" y="57"/>
                  </a:lnTo>
                  <a:lnTo>
                    <a:pt x="201" y="287"/>
                  </a:lnTo>
                  <a:lnTo>
                    <a:pt x="402" y="287"/>
                  </a:lnTo>
                  <a:lnTo>
                    <a:pt x="488" y="373"/>
                  </a:lnTo>
                  <a:lnTo>
                    <a:pt x="488" y="287"/>
                  </a:lnTo>
                  <a:lnTo>
                    <a:pt x="517" y="287"/>
                  </a:lnTo>
                  <a:lnTo>
                    <a:pt x="517" y="287"/>
                  </a:lnTo>
                  <a:lnTo>
                    <a:pt x="528" y="285"/>
                  </a:lnTo>
                  <a:lnTo>
                    <a:pt x="540" y="282"/>
                  </a:lnTo>
                  <a:lnTo>
                    <a:pt x="548" y="277"/>
                  </a:lnTo>
                  <a:lnTo>
                    <a:pt x="557" y="270"/>
                  </a:lnTo>
                  <a:lnTo>
                    <a:pt x="564" y="261"/>
                  </a:lnTo>
                  <a:lnTo>
                    <a:pt x="570" y="252"/>
                  </a:lnTo>
                  <a:lnTo>
                    <a:pt x="573" y="241"/>
                  </a:lnTo>
                  <a:lnTo>
                    <a:pt x="574" y="229"/>
                  </a:lnTo>
                  <a:lnTo>
                    <a:pt x="574" y="57"/>
                  </a:lnTo>
                  <a:lnTo>
                    <a:pt x="574" y="57"/>
                  </a:lnTo>
                  <a:lnTo>
                    <a:pt x="573" y="46"/>
                  </a:lnTo>
                  <a:lnTo>
                    <a:pt x="570" y="34"/>
                  </a:lnTo>
                  <a:lnTo>
                    <a:pt x="564" y="25"/>
                  </a:lnTo>
                  <a:lnTo>
                    <a:pt x="557" y="17"/>
                  </a:lnTo>
                  <a:lnTo>
                    <a:pt x="548" y="10"/>
                  </a:lnTo>
                  <a:lnTo>
                    <a:pt x="540" y="4"/>
                  </a:lnTo>
                  <a:lnTo>
                    <a:pt x="528" y="1"/>
                  </a:lnTo>
                  <a:lnTo>
                    <a:pt x="517" y="0"/>
                  </a:lnTo>
                  <a:lnTo>
                    <a:pt x="517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35349879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/>
          <p:cNvSpPr/>
          <p:nvPr/>
        </p:nvSpPr>
        <p:spPr>
          <a:xfrm>
            <a:off x="-359112" y="1556792"/>
            <a:ext cx="12772996" cy="1069636"/>
          </a:xfrm>
          <a:prstGeom prst="rect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>
          <a:xfrm>
            <a:off x="541338" y="693738"/>
            <a:ext cx="8434982" cy="940329"/>
          </a:xfrm>
        </p:spPr>
        <p:txBody>
          <a:bodyPr/>
          <a:lstStyle/>
          <a:p>
            <a:r>
              <a:rPr lang="da-DK" dirty="0" smtClean="0">
                <a:latin typeface="Museo Slab 100" panose="02000000000000000000" pitchFamily="50" charset="0"/>
              </a:rPr>
              <a:t>Partnerskabet </a:t>
            </a:r>
            <a:r>
              <a:rPr lang="da-DK" b="1" dirty="0" smtClean="0"/>
              <a:t>er i gang</a:t>
            </a:r>
            <a:endParaRPr lang="da-DK" b="1" dirty="0"/>
          </a:p>
        </p:txBody>
      </p:sp>
      <p:sp>
        <p:nvSpPr>
          <p:cNvPr id="5" name="Pladsholder til indhold 4"/>
          <p:cNvSpPr>
            <a:spLocks noGrp="1"/>
          </p:cNvSpPr>
          <p:nvPr>
            <p:ph sz="quarter" idx="13"/>
          </p:nvPr>
        </p:nvSpPr>
        <p:spPr>
          <a:xfrm>
            <a:off x="524801" y="2924944"/>
            <a:ext cx="11459318" cy="4890209"/>
          </a:xfrm>
        </p:spPr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endParaRPr lang="da-DK" dirty="0" smtClean="0">
              <a:solidFill>
                <a:srgbClr val="006961"/>
              </a:solidFill>
              <a:latin typeface="Museo Sans Rounded 300" panose="02000000000000000000" pitchFamily="50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 smtClean="0">
                <a:solidFill>
                  <a:srgbClr val="006961"/>
                </a:solidFill>
                <a:latin typeface="Museo Sans Rounded 300" panose="02000000000000000000" pitchFamily="50" charset="0"/>
              </a:rPr>
              <a:t>Fælles </a:t>
            </a:r>
            <a:r>
              <a:rPr lang="da-DK" dirty="0">
                <a:solidFill>
                  <a:srgbClr val="006961"/>
                </a:solidFill>
                <a:latin typeface="Museo Sans Rounded 300" panose="02000000000000000000" pitchFamily="50" charset="0"/>
              </a:rPr>
              <a:t>hotline </a:t>
            </a:r>
            <a:r>
              <a:rPr lang="da-DK" dirty="0" smtClean="0">
                <a:latin typeface="Museo Sans Rounded 300" panose="02000000000000000000" pitchFamily="50" charset="0"/>
              </a:rPr>
              <a:t>(etableret  </a:t>
            </a:r>
            <a:r>
              <a:rPr lang="da-DK" dirty="0">
                <a:latin typeface="Museo Sans Rounded 300" panose="02000000000000000000" pitchFamily="50" charset="0"/>
              </a:rPr>
              <a:t>1. september </a:t>
            </a:r>
            <a:r>
              <a:rPr lang="da-DK" dirty="0" smtClean="0">
                <a:latin typeface="Museo Sans Rounded 300" panose="02000000000000000000" pitchFamily="50" charset="0"/>
              </a:rPr>
              <a:t>2018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da-DK" dirty="0">
              <a:latin typeface="Museo Sans Rounded 300" panose="02000000000000000000" pitchFamily="50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 smtClean="0">
                <a:solidFill>
                  <a:srgbClr val="006961"/>
                </a:solidFill>
                <a:latin typeface="Museo Sans Rounded 300" panose="02000000000000000000" pitchFamily="50" charset="0"/>
              </a:rPr>
              <a:t>Tæt koordinering og kalibrering </a:t>
            </a:r>
            <a:r>
              <a:rPr lang="da-DK" dirty="0" smtClean="0">
                <a:latin typeface="Museo Sans Rounded 300" panose="02000000000000000000" pitchFamily="50" charset="0"/>
              </a:rPr>
              <a:t>af produkter og nye initiativ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da-DK" dirty="0" smtClean="0">
              <a:solidFill>
                <a:srgbClr val="006961"/>
              </a:solidFill>
              <a:latin typeface="Museo Sans Rounded 300" panose="02000000000000000000" pitchFamily="50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 smtClean="0">
                <a:solidFill>
                  <a:srgbClr val="006961"/>
                </a:solidFill>
                <a:latin typeface="Museo Sans Rounded 300" panose="02000000000000000000" pitchFamily="50" charset="0"/>
              </a:rPr>
              <a:t>Fælles kontorer rundt i landet</a:t>
            </a:r>
            <a:r>
              <a:rPr lang="da-DK" dirty="0" smtClean="0">
                <a:latin typeface="Museo Sans Rounded 300" panose="02000000000000000000" pitchFamily="50" charset="0"/>
              </a:rPr>
              <a:t>, så vi letter samarbejdet i hverdagen</a:t>
            </a:r>
          </a:p>
          <a:p>
            <a:endParaRPr lang="da-DK" dirty="0">
              <a:latin typeface="Museo Sans Rounded 300" panose="02000000000000000000" pitchFamily="50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 smtClean="0">
                <a:solidFill>
                  <a:srgbClr val="006961"/>
                </a:solidFill>
                <a:latin typeface="Museo Sans Rounded 300" panose="02000000000000000000" pitchFamily="50" charset="0"/>
              </a:rPr>
              <a:t>Deling af viden og indbyrdes henvisning af virksomheder</a:t>
            </a:r>
            <a:r>
              <a:rPr lang="da-DK" dirty="0" smtClean="0">
                <a:latin typeface="Museo Sans Rounded 300" panose="02000000000000000000" pitchFamily="50" charset="0"/>
              </a:rPr>
              <a:t>, så vi hjælper flest mulig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da-DK" dirty="0" smtClean="0">
              <a:solidFill>
                <a:schemeClr val="accent1"/>
              </a:solidFill>
              <a:latin typeface="Museo Sans Rounded 300" panose="02000000000000000000" pitchFamily="50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 smtClean="0">
                <a:solidFill>
                  <a:srgbClr val="006961"/>
                </a:solidFill>
                <a:latin typeface="Museo Sans Rounded 300" panose="02000000000000000000" pitchFamily="50" charset="0"/>
              </a:rPr>
              <a:t>Fælles tilstedeværelse </a:t>
            </a:r>
            <a:r>
              <a:rPr lang="da-DK" dirty="0">
                <a:solidFill>
                  <a:srgbClr val="006961"/>
                </a:solidFill>
                <a:latin typeface="Museo Sans Rounded 300" panose="02000000000000000000" pitchFamily="50" charset="0"/>
              </a:rPr>
              <a:t>i </a:t>
            </a:r>
            <a:r>
              <a:rPr lang="da-DK" dirty="0" smtClean="0">
                <a:solidFill>
                  <a:srgbClr val="006961"/>
                </a:solidFill>
                <a:latin typeface="Museo Sans Rounded 300" panose="02000000000000000000" pitchFamily="50" charset="0"/>
              </a:rPr>
              <a:t>relevante fora</a:t>
            </a:r>
            <a:r>
              <a:rPr lang="da-DK" dirty="0" smtClean="0">
                <a:latin typeface="Museo Sans Rounded 300" panose="02000000000000000000" pitchFamily="50" charset="0"/>
              </a:rPr>
              <a:t>, </a:t>
            </a:r>
            <a:r>
              <a:rPr lang="da-DK" dirty="0">
                <a:latin typeface="Museo Sans Rounded 300" panose="02000000000000000000" pitchFamily="50" charset="0"/>
              </a:rPr>
              <a:t>så vi styrker vores fælles </a:t>
            </a:r>
            <a:r>
              <a:rPr lang="da-DK" dirty="0" smtClean="0">
                <a:latin typeface="Museo Sans Rounded 300" panose="02000000000000000000" pitchFamily="50" charset="0"/>
              </a:rPr>
              <a:t>pipeline </a:t>
            </a:r>
            <a:r>
              <a:rPr lang="da-DK" dirty="0">
                <a:latin typeface="Museo Sans Rounded 300" panose="02000000000000000000" pitchFamily="50" charset="0"/>
              </a:rPr>
              <a:t> </a:t>
            </a:r>
            <a:r>
              <a:rPr lang="da-DK" dirty="0" smtClean="0">
                <a:latin typeface="Museo Sans Rounded 300" panose="02000000000000000000" pitchFamily="50" charset="0"/>
              </a:rPr>
              <a:t/>
            </a:r>
            <a:br>
              <a:rPr lang="da-DK" dirty="0" smtClean="0">
                <a:latin typeface="Museo Sans Rounded 300" panose="02000000000000000000" pitchFamily="50" charset="0"/>
              </a:rPr>
            </a:br>
            <a:endParaRPr lang="da-DK" dirty="0">
              <a:latin typeface="Museo Sans Rounded 300" panose="02000000000000000000" pitchFamily="50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 smtClean="0">
                <a:solidFill>
                  <a:srgbClr val="006961"/>
                </a:solidFill>
                <a:latin typeface="Museo Sans Rounded 300" panose="02000000000000000000" pitchFamily="50" charset="0"/>
              </a:rPr>
              <a:t>Fælles kommunikation </a:t>
            </a:r>
            <a:r>
              <a:rPr lang="da-DK" dirty="0" smtClean="0">
                <a:latin typeface="Museo Sans Rounded 300" panose="02000000000000000000" pitchFamily="50" charset="0"/>
              </a:rPr>
              <a:t>om produkter og initiativer </a:t>
            </a:r>
            <a:endParaRPr lang="da-DK" dirty="0">
              <a:latin typeface="Museo Sans Rounded 300" panose="02000000000000000000" pitchFamily="50" charset="0"/>
            </a:endParaRPr>
          </a:p>
        </p:txBody>
      </p:sp>
      <p:pic>
        <p:nvPicPr>
          <p:cNvPr id="1026" name="Picture 2" descr="Billedresultat for innovationsfonden logo"/>
          <p:cNvPicPr>
            <a:picLocks noChangeAspect="1" noChangeArrowheads="1"/>
          </p:cNvPicPr>
          <p:nvPr/>
        </p:nvPicPr>
        <p:blipFill>
          <a:blip r:embed="rId3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66366" y="1592892"/>
            <a:ext cx="3455999" cy="108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5</a:t>
            </a:fld>
            <a:endParaRPr lang="da-DK" dirty="0"/>
          </a:p>
        </p:txBody>
      </p:sp>
      <p:grpSp>
        <p:nvGrpSpPr>
          <p:cNvPr id="38" name="Group 88"/>
          <p:cNvGrpSpPr>
            <a:grpSpLocks noChangeAspect="1"/>
          </p:cNvGrpSpPr>
          <p:nvPr/>
        </p:nvGrpSpPr>
        <p:grpSpPr bwMode="auto">
          <a:xfrm>
            <a:off x="5677740" y="1659355"/>
            <a:ext cx="836521" cy="836521"/>
            <a:chOff x="5497" y="2317"/>
            <a:chExt cx="454" cy="454"/>
          </a:xfrm>
        </p:grpSpPr>
        <p:sp>
          <p:nvSpPr>
            <p:cNvPr id="39" name="Freeform 89"/>
            <p:cNvSpPr>
              <a:spLocks/>
            </p:cNvSpPr>
            <p:nvPr/>
          </p:nvSpPr>
          <p:spPr bwMode="auto">
            <a:xfrm>
              <a:off x="5497" y="2317"/>
              <a:ext cx="454" cy="454"/>
            </a:xfrm>
            <a:custGeom>
              <a:avLst/>
              <a:gdLst>
                <a:gd name="T0" fmla="*/ 454 w 454"/>
                <a:gd name="T1" fmla="*/ 227 h 454"/>
                <a:gd name="T2" fmla="*/ 450 w 454"/>
                <a:gd name="T3" fmla="*/ 272 h 454"/>
                <a:gd name="T4" fmla="*/ 437 w 454"/>
                <a:gd name="T5" fmla="*/ 316 h 454"/>
                <a:gd name="T6" fmla="*/ 415 w 454"/>
                <a:gd name="T7" fmla="*/ 355 h 454"/>
                <a:gd name="T8" fmla="*/ 387 w 454"/>
                <a:gd name="T9" fmla="*/ 387 h 454"/>
                <a:gd name="T10" fmla="*/ 355 w 454"/>
                <a:gd name="T11" fmla="*/ 415 h 454"/>
                <a:gd name="T12" fmla="*/ 316 w 454"/>
                <a:gd name="T13" fmla="*/ 437 h 454"/>
                <a:gd name="T14" fmla="*/ 272 w 454"/>
                <a:gd name="T15" fmla="*/ 450 h 454"/>
                <a:gd name="T16" fmla="*/ 227 w 454"/>
                <a:gd name="T17" fmla="*/ 454 h 454"/>
                <a:gd name="T18" fmla="*/ 203 w 454"/>
                <a:gd name="T19" fmla="*/ 452 h 454"/>
                <a:gd name="T20" fmla="*/ 160 w 454"/>
                <a:gd name="T21" fmla="*/ 443 h 454"/>
                <a:gd name="T22" fmla="*/ 119 w 454"/>
                <a:gd name="T23" fmla="*/ 426 h 454"/>
                <a:gd name="T24" fmla="*/ 82 w 454"/>
                <a:gd name="T25" fmla="*/ 402 h 454"/>
                <a:gd name="T26" fmla="*/ 52 w 454"/>
                <a:gd name="T27" fmla="*/ 372 h 454"/>
                <a:gd name="T28" fmla="*/ 28 w 454"/>
                <a:gd name="T29" fmla="*/ 335 h 454"/>
                <a:gd name="T30" fmla="*/ 11 w 454"/>
                <a:gd name="T31" fmla="*/ 294 h 454"/>
                <a:gd name="T32" fmla="*/ 2 w 454"/>
                <a:gd name="T33" fmla="*/ 251 h 454"/>
                <a:gd name="T34" fmla="*/ 0 w 454"/>
                <a:gd name="T35" fmla="*/ 227 h 454"/>
                <a:gd name="T36" fmla="*/ 4 w 454"/>
                <a:gd name="T37" fmla="*/ 182 h 454"/>
                <a:gd name="T38" fmla="*/ 17 w 454"/>
                <a:gd name="T39" fmla="*/ 138 h 454"/>
                <a:gd name="T40" fmla="*/ 39 w 454"/>
                <a:gd name="T41" fmla="*/ 99 h 454"/>
                <a:gd name="T42" fmla="*/ 67 w 454"/>
                <a:gd name="T43" fmla="*/ 67 h 454"/>
                <a:gd name="T44" fmla="*/ 99 w 454"/>
                <a:gd name="T45" fmla="*/ 39 h 454"/>
                <a:gd name="T46" fmla="*/ 138 w 454"/>
                <a:gd name="T47" fmla="*/ 17 h 454"/>
                <a:gd name="T48" fmla="*/ 182 w 454"/>
                <a:gd name="T49" fmla="*/ 4 h 454"/>
                <a:gd name="T50" fmla="*/ 227 w 454"/>
                <a:gd name="T51" fmla="*/ 0 h 454"/>
                <a:gd name="T52" fmla="*/ 251 w 454"/>
                <a:gd name="T53" fmla="*/ 2 h 454"/>
                <a:gd name="T54" fmla="*/ 294 w 454"/>
                <a:gd name="T55" fmla="*/ 11 h 454"/>
                <a:gd name="T56" fmla="*/ 335 w 454"/>
                <a:gd name="T57" fmla="*/ 28 h 454"/>
                <a:gd name="T58" fmla="*/ 372 w 454"/>
                <a:gd name="T59" fmla="*/ 52 h 454"/>
                <a:gd name="T60" fmla="*/ 402 w 454"/>
                <a:gd name="T61" fmla="*/ 82 h 454"/>
                <a:gd name="T62" fmla="*/ 426 w 454"/>
                <a:gd name="T63" fmla="*/ 119 h 454"/>
                <a:gd name="T64" fmla="*/ 443 w 454"/>
                <a:gd name="T65" fmla="*/ 160 h 454"/>
                <a:gd name="T66" fmla="*/ 452 w 454"/>
                <a:gd name="T67" fmla="*/ 203 h 454"/>
                <a:gd name="T68" fmla="*/ 454 w 454"/>
                <a:gd name="T69" fmla="*/ 227 h 45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454" h="454">
                  <a:moveTo>
                    <a:pt x="454" y="227"/>
                  </a:moveTo>
                  <a:lnTo>
                    <a:pt x="454" y="227"/>
                  </a:lnTo>
                  <a:lnTo>
                    <a:pt x="452" y="251"/>
                  </a:lnTo>
                  <a:lnTo>
                    <a:pt x="450" y="272"/>
                  </a:lnTo>
                  <a:lnTo>
                    <a:pt x="443" y="294"/>
                  </a:lnTo>
                  <a:lnTo>
                    <a:pt x="437" y="316"/>
                  </a:lnTo>
                  <a:lnTo>
                    <a:pt x="426" y="335"/>
                  </a:lnTo>
                  <a:lnTo>
                    <a:pt x="415" y="355"/>
                  </a:lnTo>
                  <a:lnTo>
                    <a:pt x="402" y="372"/>
                  </a:lnTo>
                  <a:lnTo>
                    <a:pt x="387" y="387"/>
                  </a:lnTo>
                  <a:lnTo>
                    <a:pt x="372" y="402"/>
                  </a:lnTo>
                  <a:lnTo>
                    <a:pt x="355" y="415"/>
                  </a:lnTo>
                  <a:lnTo>
                    <a:pt x="335" y="426"/>
                  </a:lnTo>
                  <a:lnTo>
                    <a:pt x="316" y="437"/>
                  </a:lnTo>
                  <a:lnTo>
                    <a:pt x="294" y="443"/>
                  </a:lnTo>
                  <a:lnTo>
                    <a:pt x="272" y="450"/>
                  </a:lnTo>
                  <a:lnTo>
                    <a:pt x="251" y="452"/>
                  </a:lnTo>
                  <a:lnTo>
                    <a:pt x="227" y="454"/>
                  </a:lnTo>
                  <a:lnTo>
                    <a:pt x="227" y="454"/>
                  </a:lnTo>
                  <a:lnTo>
                    <a:pt x="203" y="452"/>
                  </a:lnTo>
                  <a:lnTo>
                    <a:pt x="182" y="450"/>
                  </a:lnTo>
                  <a:lnTo>
                    <a:pt x="160" y="443"/>
                  </a:lnTo>
                  <a:lnTo>
                    <a:pt x="138" y="437"/>
                  </a:lnTo>
                  <a:lnTo>
                    <a:pt x="119" y="426"/>
                  </a:lnTo>
                  <a:lnTo>
                    <a:pt x="99" y="415"/>
                  </a:lnTo>
                  <a:lnTo>
                    <a:pt x="82" y="402"/>
                  </a:lnTo>
                  <a:lnTo>
                    <a:pt x="67" y="387"/>
                  </a:lnTo>
                  <a:lnTo>
                    <a:pt x="52" y="372"/>
                  </a:lnTo>
                  <a:lnTo>
                    <a:pt x="39" y="355"/>
                  </a:lnTo>
                  <a:lnTo>
                    <a:pt x="28" y="335"/>
                  </a:lnTo>
                  <a:lnTo>
                    <a:pt x="17" y="316"/>
                  </a:lnTo>
                  <a:lnTo>
                    <a:pt x="11" y="294"/>
                  </a:lnTo>
                  <a:lnTo>
                    <a:pt x="4" y="272"/>
                  </a:lnTo>
                  <a:lnTo>
                    <a:pt x="2" y="251"/>
                  </a:lnTo>
                  <a:lnTo>
                    <a:pt x="0" y="227"/>
                  </a:lnTo>
                  <a:lnTo>
                    <a:pt x="0" y="227"/>
                  </a:lnTo>
                  <a:lnTo>
                    <a:pt x="2" y="203"/>
                  </a:lnTo>
                  <a:lnTo>
                    <a:pt x="4" y="182"/>
                  </a:lnTo>
                  <a:lnTo>
                    <a:pt x="11" y="160"/>
                  </a:lnTo>
                  <a:lnTo>
                    <a:pt x="17" y="138"/>
                  </a:lnTo>
                  <a:lnTo>
                    <a:pt x="28" y="119"/>
                  </a:lnTo>
                  <a:lnTo>
                    <a:pt x="39" y="99"/>
                  </a:lnTo>
                  <a:lnTo>
                    <a:pt x="52" y="82"/>
                  </a:lnTo>
                  <a:lnTo>
                    <a:pt x="67" y="67"/>
                  </a:lnTo>
                  <a:lnTo>
                    <a:pt x="82" y="52"/>
                  </a:lnTo>
                  <a:lnTo>
                    <a:pt x="99" y="39"/>
                  </a:lnTo>
                  <a:lnTo>
                    <a:pt x="119" y="28"/>
                  </a:lnTo>
                  <a:lnTo>
                    <a:pt x="138" y="17"/>
                  </a:lnTo>
                  <a:lnTo>
                    <a:pt x="160" y="11"/>
                  </a:lnTo>
                  <a:lnTo>
                    <a:pt x="182" y="4"/>
                  </a:lnTo>
                  <a:lnTo>
                    <a:pt x="203" y="2"/>
                  </a:lnTo>
                  <a:lnTo>
                    <a:pt x="227" y="0"/>
                  </a:lnTo>
                  <a:lnTo>
                    <a:pt x="227" y="0"/>
                  </a:lnTo>
                  <a:lnTo>
                    <a:pt x="251" y="2"/>
                  </a:lnTo>
                  <a:lnTo>
                    <a:pt x="272" y="4"/>
                  </a:lnTo>
                  <a:lnTo>
                    <a:pt x="294" y="11"/>
                  </a:lnTo>
                  <a:lnTo>
                    <a:pt x="316" y="17"/>
                  </a:lnTo>
                  <a:lnTo>
                    <a:pt x="335" y="28"/>
                  </a:lnTo>
                  <a:lnTo>
                    <a:pt x="355" y="39"/>
                  </a:lnTo>
                  <a:lnTo>
                    <a:pt x="372" y="52"/>
                  </a:lnTo>
                  <a:lnTo>
                    <a:pt x="387" y="67"/>
                  </a:lnTo>
                  <a:lnTo>
                    <a:pt x="402" y="82"/>
                  </a:lnTo>
                  <a:lnTo>
                    <a:pt x="415" y="99"/>
                  </a:lnTo>
                  <a:lnTo>
                    <a:pt x="426" y="119"/>
                  </a:lnTo>
                  <a:lnTo>
                    <a:pt x="437" y="138"/>
                  </a:lnTo>
                  <a:lnTo>
                    <a:pt x="443" y="160"/>
                  </a:lnTo>
                  <a:lnTo>
                    <a:pt x="450" y="182"/>
                  </a:lnTo>
                  <a:lnTo>
                    <a:pt x="452" y="203"/>
                  </a:lnTo>
                  <a:lnTo>
                    <a:pt x="454" y="227"/>
                  </a:lnTo>
                  <a:lnTo>
                    <a:pt x="454" y="227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0" name="Freeform 90"/>
            <p:cNvSpPr>
              <a:spLocks/>
            </p:cNvSpPr>
            <p:nvPr/>
          </p:nvSpPr>
          <p:spPr bwMode="auto">
            <a:xfrm>
              <a:off x="5612" y="2470"/>
              <a:ext cx="194" cy="186"/>
            </a:xfrm>
            <a:custGeom>
              <a:avLst/>
              <a:gdLst>
                <a:gd name="T0" fmla="*/ 51 w 194"/>
                <a:gd name="T1" fmla="*/ 26 h 186"/>
                <a:gd name="T2" fmla="*/ 51 w 194"/>
                <a:gd name="T3" fmla="*/ 26 h 186"/>
                <a:gd name="T4" fmla="*/ 54 w 194"/>
                <a:gd name="T5" fmla="*/ 39 h 186"/>
                <a:gd name="T6" fmla="*/ 58 w 194"/>
                <a:gd name="T7" fmla="*/ 50 h 186"/>
                <a:gd name="T8" fmla="*/ 62 w 194"/>
                <a:gd name="T9" fmla="*/ 59 h 186"/>
                <a:gd name="T10" fmla="*/ 69 w 194"/>
                <a:gd name="T11" fmla="*/ 63 h 186"/>
                <a:gd name="T12" fmla="*/ 77 w 194"/>
                <a:gd name="T13" fmla="*/ 68 h 186"/>
                <a:gd name="T14" fmla="*/ 86 w 194"/>
                <a:gd name="T15" fmla="*/ 70 h 186"/>
                <a:gd name="T16" fmla="*/ 97 w 194"/>
                <a:gd name="T17" fmla="*/ 70 h 186"/>
                <a:gd name="T18" fmla="*/ 97 w 194"/>
                <a:gd name="T19" fmla="*/ 70 h 186"/>
                <a:gd name="T20" fmla="*/ 140 w 194"/>
                <a:gd name="T21" fmla="*/ 61 h 186"/>
                <a:gd name="T22" fmla="*/ 194 w 194"/>
                <a:gd name="T23" fmla="*/ 109 h 186"/>
                <a:gd name="T24" fmla="*/ 93 w 194"/>
                <a:gd name="T25" fmla="*/ 186 h 186"/>
                <a:gd name="T26" fmla="*/ 13 w 194"/>
                <a:gd name="T27" fmla="*/ 104 h 186"/>
                <a:gd name="T28" fmla="*/ 0 w 194"/>
                <a:gd name="T29" fmla="*/ 104 h 186"/>
                <a:gd name="T30" fmla="*/ 0 w 194"/>
                <a:gd name="T31" fmla="*/ 0 h 186"/>
                <a:gd name="T32" fmla="*/ 90 w 194"/>
                <a:gd name="T33" fmla="*/ 0 h 186"/>
                <a:gd name="T34" fmla="*/ 90 w 194"/>
                <a:gd name="T35" fmla="*/ 0 h 186"/>
                <a:gd name="T36" fmla="*/ 67 w 194"/>
                <a:gd name="T37" fmla="*/ 9 h 186"/>
                <a:gd name="T38" fmla="*/ 67 w 194"/>
                <a:gd name="T39" fmla="*/ 9 h 186"/>
                <a:gd name="T40" fmla="*/ 62 w 194"/>
                <a:gd name="T41" fmla="*/ 11 h 186"/>
                <a:gd name="T42" fmla="*/ 56 w 194"/>
                <a:gd name="T43" fmla="*/ 13 h 186"/>
                <a:gd name="T44" fmla="*/ 54 w 194"/>
                <a:gd name="T45" fmla="*/ 18 h 186"/>
                <a:gd name="T46" fmla="*/ 51 w 194"/>
                <a:gd name="T47" fmla="*/ 26 h 186"/>
                <a:gd name="T48" fmla="*/ 51 w 194"/>
                <a:gd name="T49" fmla="*/ 26 h 1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94" h="186">
                  <a:moveTo>
                    <a:pt x="51" y="26"/>
                  </a:moveTo>
                  <a:lnTo>
                    <a:pt x="51" y="26"/>
                  </a:lnTo>
                  <a:lnTo>
                    <a:pt x="54" y="39"/>
                  </a:lnTo>
                  <a:lnTo>
                    <a:pt x="58" y="50"/>
                  </a:lnTo>
                  <a:lnTo>
                    <a:pt x="62" y="59"/>
                  </a:lnTo>
                  <a:lnTo>
                    <a:pt x="69" y="63"/>
                  </a:lnTo>
                  <a:lnTo>
                    <a:pt x="77" y="68"/>
                  </a:lnTo>
                  <a:lnTo>
                    <a:pt x="86" y="70"/>
                  </a:lnTo>
                  <a:lnTo>
                    <a:pt x="97" y="70"/>
                  </a:lnTo>
                  <a:lnTo>
                    <a:pt x="97" y="70"/>
                  </a:lnTo>
                  <a:lnTo>
                    <a:pt x="140" y="61"/>
                  </a:lnTo>
                  <a:lnTo>
                    <a:pt x="194" y="109"/>
                  </a:lnTo>
                  <a:lnTo>
                    <a:pt x="93" y="186"/>
                  </a:lnTo>
                  <a:lnTo>
                    <a:pt x="13" y="104"/>
                  </a:lnTo>
                  <a:lnTo>
                    <a:pt x="0" y="104"/>
                  </a:lnTo>
                  <a:lnTo>
                    <a:pt x="0" y="0"/>
                  </a:lnTo>
                  <a:lnTo>
                    <a:pt x="90" y="0"/>
                  </a:lnTo>
                  <a:lnTo>
                    <a:pt x="90" y="0"/>
                  </a:lnTo>
                  <a:lnTo>
                    <a:pt x="67" y="9"/>
                  </a:lnTo>
                  <a:lnTo>
                    <a:pt x="67" y="9"/>
                  </a:lnTo>
                  <a:lnTo>
                    <a:pt x="62" y="11"/>
                  </a:lnTo>
                  <a:lnTo>
                    <a:pt x="56" y="13"/>
                  </a:lnTo>
                  <a:lnTo>
                    <a:pt x="54" y="18"/>
                  </a:lnTo>
                  <a:lnTo>
                    <a:pt x="51" y="26"/>
                  </a:lnTo>
                  <a:lnTo>
                    <a:pt x="51" y="26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1" name="Freeform 91"/>
            <p:cNvSpPr>
              <a:spLocks/>
            </p:cNvSpPr>
            <p:nvPr/>
          </p:nvSpPr>
          <p:spPr bwMode="auto">
            <a:xfrm>
              <a:off x="5776" y="2574"/>
              <a:ext cx="34" cy="35"/>
            </a:xfrm>
            <a:custGeom>
              <a:avLst/>
              <a:gdLst>
                <a:gd name="T0" fmla="*/ 17 w 34"/>
                <a:gd name="T1" fmla="*/ 0 h 35"/>
                <a:gd name="T2" fmla="*/ 17 w 34"/>
                <a:gd name="T3" fmla="*/ 0 h 35"/>
                <a:gd name="T4" fmla="*/ 24 w 34"/>
                <a:gd name="T5" fmla="*/ 2 h 35"/>
                <a:gd name="T6" fmla="*/ 30 w 34"/>
                <a:gd name="T7" fmla="*/ 5 h 35"/>
                <a:gd name="T8" fmla="*/ 32 w 34"/>
                <a:gd name="T9" fmla="*/ 11 h 35"/>
                <a:gd name="T10" fmla="*/ 34 w 34"/>
                <a:gd name="T11" fmla="*/ 18 h 35"/>
                <a:gd name="T12" fmla="*/ 34 w 34"/>
                <a:gd name="T13" fmla="*/ 18 h 35"/>
                <a:gd name="T14" fmla="*/ 32 w 34"/>
                <a:gd name="T15" fmla="*/ 24 h 35"/>
                <a:gd name="T16" fmla="*/ 30 w 34"/>
                <a:gd name="T17" fmla="*/ 31 h 35"/>
                <a:gd name="T18" fmla="*/ 24 w 34"/>
                <a:gd name="T19" fmla="*/ 33 h 35"/>
                <a:gd name="T20" fmla="*/ 17 w 34"/>
                <a:gd name="T21" fmla="*/ 35 h 35"/>
                <a:gd name="T22" fmla="*/ 17 w 34"/>
                <a:gd name="T23" fmla="*/ 35 h 35"/>
                <a:gd name="T24" fmla="*/ 11 w 34"/>
                <a:gd name="T25" fmla="*/ 33 h 35"/>
                <a:gd name="T26" fmla="*/ 4 w 34"/>
                <a:gd name="T27" fmla="*/ 31 h 35"/>
                <a:gd name="T28" fmla="*/ 2 w 34"/>
                <a:gd name="T29" fmla="*/ 24 h 35"/>
                <a:gd name="T30" fmla="*/ 0 w 34"/>
                <a:gd name="T31" fmla="*/ 18 h 35"/>
                <a:gd name="T32" fmla="*/ 0 w 34"/>
                <a:gd name="T33" fmla="*/ 18 h 35"/>
                <a:gd name="T34" fmla="*/ 2 w 34"/>
                <a:gd name="T35" fmla="*/ 11 h 35"/>
                <a:gd name="T36" fmla="*/ 4 w 34"/>
                <a:gd name="T37" fmla="*/ 5 h 35"/>
                <a:gd name="T38" fmla="*/ 11 w 34"/>
                <a:gd name="T39" fmla="*/ 2 h 35"/>
                <a:gd name="T40" fmla="*/ 17 w 34"/>
                <a:gd name="T41" fmla="*/ 0 h 35"/>
                <a:gd name="T42" fmla="*/ 17 w 34"/>
                <a:gd name="T43" fmla="*/ 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34" h="35">
                  <a:moveTo>
                    <a:pt x="17" y="0"/>
                  </a:moveTo>
                  <a:lnTo>
                    <a:pt x="17" y="0"/>
                  </a:lnTo>
                  <a:lnTo>
                    <a:pt x="24" y="2"/>
                  </a:lnTo>
                  <a:lnTo>
                    <a:pt x="30" y="5"/>
                  </a:lnTo>
                  <a:lnTo>
                    <a:pt x="32" y="11"/>
                  </a:lnTo>
                  <a:lnTo>
                    <a:pt x="34" y="18"/>
                  </a:lnTo>
                  <a:lnTo>
                    <a:pt x="34" y="18"/>
                  </a:lnTo>
                  <a:lnTo>
                    <a:pt x="32" y="24"/>
                  </a:lnTo>
                  <a:lnTo>
                    <a:pt x="30" y="31"/>
                  </a:lnTo>
                  <a:lnTo>
                    <a:pt x="24" y="33"/>
                  </a:lnTo>
                  <a:lnTo>
                    <a:pt x="17" y="35"/>
                  </a:lnTo>
                  <a:lnTo>
                    <a:pt x="17" y="35"/>
                  </a:lnTo>
                  <a:lnTo>
                    <a:pt x="11" y="33"/>
                  </a:lnTo>
                  <a:lnTo>
                    <a:pt x="4" y="31"/>
                  </a:lnTo>
                  <a:lnTo>
                    <a:pt x="2" y="24"/>
                  </a:lnTo>
                  <a:lnTo>
                    <a:pt x="0" y="18"/>
                  </a:lnTo>
                  <a:lnTo>
                    <a:pt x="0" y="18"/>
                  </a:lnTo>
                  <a:lnTo>
                    <a:pt x="2" y="11"/>
                  </a:lnTo>
                  <a:lnTo>
                    <a:pt x="4" y="5"/>
                  </a:lnTo>
                  <a:lnTo>
                    <a:pt x="11" y="2"/>
                  </a:lnTo>
                  <a:lnTo>
                    <a:pt x="17" y="0"/>
                  </a:lnTo>
                  <a:lnTo>
                    <a:pt x="17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2" name="Freeform 92"/>
            <p:cNvSpPr>
              <a:spLocks/>
            </p:cNvSpPr>
            <p:nvPr/>
          </p:nvSpPr>
          <p:spPr bwMode="auto">
            <a:xfrm>
              <a:off x="5681" y="2496"/>
              <a:ext cx="43" cy="26"/>
            </a:xfrm>
            <a:custGeom>
              <a:avLst/>
              <a:gdLst>
                <a:gd name="T0" fmla="*/ 43 w 43"/>
                <a:gd name="T1" fmla="*/ 5 h 26"/>
                <a:gd name="T2" fmla="*/ 43 w 43"/>
                <a:gd name="T3" fmla="*/ 5 h 26"/>
                <a:gd name="T4" fmla="*/ 41 w 43"/>
                <a:gd name="T5" fmla="*/ 13 h 26"/>
                <a:gd name="T6" fmla="*/ 37 w 43"/>
                <a:gd name="T7" fmla="*/ 20 h 26"/>
                <a:gd name="T8" fmla="*/ 30 w 43"/>
                <a:gd name="T9" fmla="*/ 24 h 26"/>
                <a:gd name="T10" fmla="*/ 21 w 43"/>
                <a:gd name="T11" fmla="*/ 26 h 26"/>
                <a:gd name="T12" fmla="*/ 21 w 43"/>
                <a:gd name="T13" fmla="*/ 26 h 26"/>
                <a:gd name="T14" fmla="*/ 13 w 43"/>
                <a:gd name="T15" fmla="*/ 24 h 26"/>
                <a:gd name="T16" fmla="*/ 6 w 43"/>
                <a:gd name="T17" fmla="*/ 20 h 26"/>
                <a:gd name="T18" fmla="*/ 2 w 43"/>
                <a:gd name="T19" fmla="*/ 13 h 26"/>
                <a:gd name="T20" fmla="*/ 0 w 43"/>
                <a:gd name="T21" fmla="*/ 5 h 26"/>
                <a:gd name="T22" fmla="*/ 0 w 43"/>
                <a:gd name="T23" fmla="*/ 0 h 26"/>
                <a:gd name="T24" fmla="*/ 28 w 43"/>
                <a:gd name="T25" fmla="*/ 0 h 26"/>
                <a:gd name="T26" fmla="*/ 43 w 43"/>
                <a:gd name="T27" fmla="*/ 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3" h="26">
                  <a:moveTo>
                    <a:pt x="43" y="5"/>
                  </a:moveTo>
                  <a:lnTo>
                    <a:pt x="43" y="5"/>
                  </a:lnTo>
                  <a:lnTo>
                    <a:pt x="41" y="13"/>
                  </a:lnTo>
                  <a:lnTo>
                    <a:pt x="37" y="20"/>
                  </a:lnTo>
                  <a:lnTo>
                    <a:pt x="30" y="24"/>
                  </a:lnTo>
                  <a:lnTo>
                    <a:pt x="21" y="26"/>
                  </a:lnTo>
                  <a:lnTo>
                    <a:pt x="21" y="26"/>
                  </a:lnTo>
                  <a:lnTo>
                    <a:pt x="13" y="24"/>
                  </a:lnTo>
                  <a:lnTo>
                    <a:pt x="6" y="20"/>
                  </a:lnTo>
                  <a:lnTo>
                    <a:pt x="2" y="13"/>
                  </a:lnTo>
                  <a:lnTo>
                    <a:pt x="0" y="5"/>
                  </a:lnTo>
                  <a:lnTo>
                    <a:pt x="0" y="0"/>
                  </a:lnTo>
                  <a:lnTo>
                    <a:pt x="28" y="0"/>
                  </a:lnTo>
                  <a:lnTo>
                    <a:pt x="43" y="5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3" name="Freeform 93"/>
            <p:cNvSpPr>
              <a:spLocks/>
            </p:cNvSpPr>
            <p:nvPr/>
          </p:nvSpPr>
          <p:spPr bwMode="auto">
            <a:xfrm>
              <a:off x="5741" y="2470"/>
              <a:ext cx="35" cy="35"/>
            </a:xfrm>
            <a:custGeom>
              <a:avLst/>
              <a:gdLst>
                <a:gd name="T0" fmla="*/ 18 w 35"/>
                <a:gd name="T1" fmla="*/ 0 h 35"/>
                <a:gd name="T2" fmla="*/ 18 w 35"/>
                <a:gd name="T3" fmla="*/ 0 h 35"/>
                <a:gd name="T4" fmla="*/ 24 w 35"/>
                <a:gd name="T5" fmla="*/ 3 h 35"/>
                <a:gd name="T6" fmla="*/ 31 w 35"/>
                <a:gd name="T7" fmla="*/ 5 h 35"/>
                <a:gd name="T8" fmla="*/ 33 w 35"/>
                <a:gd name="T9" fmla="*/ 11 h 35"/>
                <a:gd name="T10" fmla="*/ 35 w 35"/>
                <a:gd name="T11" fmla="*/ 18 h 35"/>
                <a:gd name="T12" fmla="*/ 35 w 35"/>
                <a:gd name="T13" fmla="*/ 18 h 35"/>
                <a:gd name="T14" fmla="*/ 33 w 35"/>
                <a:gd name="T15" fmla="*/ 24 h 35"/>
                <a:gd name="T16" fmla="*/ 31 w 35"/>
                <a:gd name="T17" fmla="*/ 31 h 35"/>
                <a:gd name="T18" fmla="*/ 24 w 35"/>
                <a:gd name="T19" fmla="*/ 33 h 35"/>
                <a:gd name="T20" fmla="*/ 18 w 35"/>
                <a:gd name="T21" fmla="*/ 35 h 35"/>
                <a:gd name="T22" fmla="*/ 18 w 35"/>
                <a:gd name="T23" fmla="*/ 35 h 35"/>
                <a:gd name="T24" fmla="*/ 11 w 35"/>
                <a:gd name="T25" fmla="*/ 33 h 35"/>
                <a:gd name="T26" fmla="*/ 5 w 35"/>
                <a:gd name="T27" fmla="*/ 31 h 35"/>
                <a:gd name="T28" fmla="*/ 2 w 35"/>
                <a:gd name="T29" fmla="*/ 24 h 35"/>
                <a:gd name="T30" fmla="*/ 0 w 35"/>
                <a:gd name="T31" fmla="*/ 18 h 35"/>
                <a:gd name="T32" fmla="*/ 0 w 35"/>
                <a:gd name="T33" fmla="*/ 18 h 35"/>
                <a:gd name="T34" fmla="*/ 2 w 35"/>
                <a:gd name="T35" fmla="*/ 11 h 35"/>
                <a:gd name="T36" fmla="*/ 5 w 35"/>
                <a:gd name="T37" fmla="*/ 5 h 35"/>
                <a:gd name="T38" fmla="*/ 11 w 35"/>
                <a:gd name="T39" fmla="*/ 3 h 35"/>
                <a:gd name="T40" fmla="*/ 18 w 35"/>
                <a:gd name="T41" fmla="*/ 0 h 35"/>
                <a:gd name="T42" fmla="*/ 18 w 35"/>
                <a:gd name="T43" fmla="*/ 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35" h="35">
                  <a:moveTo>
                    <a:pt x="18" y="0"/>
                  </a:moveTo>
                  <a:lnTo>
                    <a:pt x="18" y="0"/>
                  </a:lnTo>
                  <a:lnTo>
                    <a:pt x="24" y="3"/>
                  </a:lnTo>
                  <a:lnTo>
                    <a:pt x="31" y="5"/>
                  </a:lnTo>
                  <a:lnTo>
                    <a:pt x="33" y="11"/>
                  </a:lnTo>
                  <a:lnTo>
                    <a:pt x="35" y="18"/>
                  </a:lnTo>
                  <a:lnTo>
                    <a:pt x="35" y="18"/>
                  </a:lnTo>
                  <a:lnTo>
                    <a:pt x="33" y="24"/>
                  </a:lnTo>
                  <a:lnTo>
                    <a:pt x="31" y="31"/>
                  </a:lnTo>
                  <a:lnTo>
                    <a:pt x="24" y="33"/>
                  </a:lnTo>
                  <a:lnTo>
                    <a:pt x="18" y="35"/>
                  </a:lnTo>
                  <a:lnTo>
                    <a:pt x="18" y="35"/>
                  </a:lnTo>
                  <a:lnTo>
                    <a:pt x="11" y="33"/>
                  </a:lnTo>
                  <a:lnTo>
                    <a:pt x="5" y="31"/>
                  </a:lnTo>
                  <a:lnTo>
                    <a:pt x="2" y="24"/>
                  </a:lnTo>
                  <a:lnTo>
                    <a:pt x="0" y="18"/>
                  </a:lnTo>
                  <a:lnTo>
                    <a:pt x="0" y="18"/>
                  </a:lnTo>
                  <a:lnTo>
                    <a:pt x="2" y="11"/>
                  </a:lnTo>
                  <a:lnTo>
                    <a:pt x="5" y="5"/>
                  </a:lnTo>
                  <a:lnTo>
                    <a:pt x="11" y="3"/>
                  </a:lnTo>
                  <a:lnTo>
                    <a:pt x="18" y="0"/>
                  </a:lnTo>
                  <a:lnTo>
                    <a:pt x="18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7" name="Freeform 94"/>
            <p:cNvSpPr>
              <a:spLocks/>
            </p:cNvSpPr>
            <p:nvPr/>
          </p:nvSpPr>
          <p:spPr bwMode="auto">
            <a:xfrm>
              <a:off x="5750" y="2592"/>
              <a:ext cx="35" cy="34"/>
            </a:xfrm>
            <a:custGeom>
              <a:avLst/>
              <a:gdLst>
                <a:gd name="T0" fmla="*/ 17 w 35"/>
                <a:gd name="T1" fmla="*/ 0 h 34"/>
                <a:gd name="T2" fmla="*/ 17 w 35"/>
                <a:gd name="T3" fmla="*/ 0 h 34"/>
                <a:gd name="T4" fmla="*/ 24 w 35"/>
                <a:gd name="T5" fmla="*/ 2 h 34"/>
                <a:gd name="T6" fmla="*/ 30 w 35"/>
                <a:gd name="T7" fmla="*/ 4 h 34"/>
                <a:gd name="T8" fmla="*/ 32 w 35"/>
                <a:gd name="T9" fmla="*/ 10 h 34"/>
                <a:gd name="T10" fmla="*/ 35 w 35"/>
                <a:gd name="T11" fmla="*/ 17 h 34"/>
                <a:gd name="T12" fmla="*/ 35 w 35"/>
                <a:gd name="T13" fmla="*/ 17 h 34"/>
                <a:gd name="T14" fmla="*/ 32 w 35"/>
                <a:gd name="T15" fmla="*/ 23 h 34"/>
                <a:gd name="T16" fmla="*/ 30 w 35"/>
                <a:gd name="T17" fmla="*/ 30 h 34"/>
                <a:gd name="T18" fmla="*/ 24 w 35"/>
                <a:gd name="T19" fmla="*/ 32 h 34"/>
                <a:gd name="T20" fmla="*/ 17 w 35"/>
                <a:gd name="T21" fmla="*/ 34 h 34"/>
                <a:gd name="T22" fmla="*/ 17 w 35"/>
                <a:gd name="T23" fmla="*/ 34 h 34"/>
                <a:gd name="T24" fmla="*/ 11 w 35"/>
                <a:gd name="T25" fmla="*/ 32 h 34"/>
                <a:gd name="T26" fmla="*/ 4 w 35"/>
                <a:gd name="T27" fmla="*/ 30 h 34"/>
                <a:gd name="T28" fmla="*/ 2 w 35"/>
                <a:gd name="T29" fmla="*/ 23 h 34"/>
                <a:gd name="T30" fmla="*/ 0 w 35"/>
                <a:gd name="T31" fmla="*/ 17 h 34"/>
                <a:gd name="T32" fmla="*/ 0 w 35"/>
                <a:gd name="T33" fmla="*/ 17 h 34"/>
                <a:gd name="T34" fmla="*/ 2 w 35"/>
                <a:gd name="T35" fmla="*/ 10 h 34"/>
                <a:gd name="T36" fmla="*/ 4 w 35"/>
                <a:gd name="T37" fmla="*/ 4 h 34"/>
                <a:gd name="T38" fmla="*/ 11 w 35"/>
                <a:gd name="T39" fmla="*/ 2 h 34"/>
                <a:gd name="T40" fmla="*/ 17 w 35"/>
                <a:gd name="T41" fmla="*/ 0 h 34"/>
                <a:gd name="T42" fmla="*/ 17 w 35"/>
                <a:gd name="T43" fmla="*/ 0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35" h="34">
                  <a:moveTo>
                    <a:pt x="17" y="0"/>
                  </a:moveTo>
                  <a:lnTo>
                    <a:pt x="17" y="0"/>
                  </a:lnTo>
                  <a:lnTo>
                    <a:pt x="24" y="2"/>
                  </a:lnTo>
                  <a:lnTo>
                    <a:pt x="30" y="4"/>
                  </a:lnTo>
                  <a:lnTo>
                    <a:pt x="32" y="10"/>
                  </a:lnTo>
                  <a:lnTo>
                    <a:pt x="35" y="17"/>
                  </a:lnTo>
                  <a:lnTo>
                    <a:pt x="35" y="17"/>
                  </a:lnTo>
                  <a:lnTo>
                    <a:pt x="32" y="23"/>
                  </a:lnTo>
                  <a:lnTo>
                    <a:pt x="30" y="30"/>
                  </a:lnTo>
                  <a:lnTo>
                    <a:pt x="24" y="32"/>
                  </a:lnTo>
                  <a:lnTo>
                    <a:pt x="17" y="34"/>
                  </a:lnTo>
                  <a:lnTo>
                    <a:pt x="17" y="34"/>
                  </a:lnTo>
                  <a:lnTo>
                    <a:pt x="11" y="32"/>
                  </a:lnTo>
                  <a:lnTo>
                    <a:pt x="4" y="30"/>
                  </a:lnTo>
                  <a:lnTo>
                    <a:pt x="2" y="23"/>
                  </a:lnTo>
                  <a:lnTo>
                    <a:pt x="0" y="17"/>
                  </a:lnTo>
                  <a:lnTo>
                    <a:pt x="0" y="17"/>
                  </a:lnTo>
                  <a:lnTo>
                    <a:pt x="2" y="10"/>
                  </a:lnTo>
                  <a:lnTo>
                    <a:pt x="4" y="4"/>
                  </a:lnTo>
                  <a:lnTo>
                    <a:pt x="11" y="2"/>
                  </a:lnTo>
                  <a:lnTo>
                    <a:pt x="17" y="0"/>
                  </a:lnTo>
                  <a:lnTo>
                    <a:pt x="17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8" name="Freeform 95"/>
            <p:cNvSpPr>
              <a:spLocks/>
            </p:cNvSpPr>
            <p:nvPr/>
          </p:nvSpPr>
          <p:spPr bwMode="auto">
            <a:xfrm>
              <a:off x="5724" y="2609"/>
              <a:ext cx="35" cy="34"/>
            </a:xfrm>
            <a:custGeom>
              <a:avLst/>
              <a:gdLst>
                <a:gd name="T0" fmla="*/ 17 w 35"/>
                <a:gd name="T1" fmla="*/ 0 h 34"/>
                <a:gd name="T2" fmla="*/ 17 w 35"/>
                <a:gd name="T3" fmla="*/ 0 h 34"/>
                <a:gd name="T4" fmla="*/ 24 w 35"/>
                <a:gd name="T5" fmla="*/ 2 h 34"/>
                <a:gd name="T6" fmla="*/ 30 w 35"/>
                <a:gd name="T7" fmla="*/ 4 h 34"/>
                <a:gd name="T8" fmla="*/ 32 w 35"/>
                <a:gd name="T9" fmla="*/ 11 h 34"/>
                <a:gd name="T10" fmla="*/ 35 w 35"/>
                <a:gd name="T11" fmla="*/ 17 h 34"/>
                <a:gd name="T12" fmla="*/ 35 w 35"/>
                <a:gd name="T13" fmla="*/ 17 h 34"/>
                <a:gd name="T14" fmla="*/ 32 w 35"/>
                <a:gd name="T15" fmla="*/ 24 h 34"/>
                <a:gd name="T16" fmla="*/ 30 w 35"/>
                <a:gd name="T17" fmla="*/ 30 h 34"/>
                <a:gd name="T18" fmla="*/ 24 w 35"/>
                <a:gd name="T19" fmla="*/ 32 h 34"/>
                <a:gd name="T20" fmla="*/ 17 w 35"/>
                <a:gd name="T21" fmla="*/ 34 h 34"/>
                <a:gd name="T22" fmla="*/ 17 w 35"/>
                <a:gd name="T23" fmla="*/ 34 h 34"/>
                <a:gd name="T24" fmla="*/ 11 w 35"/>
                <a:gd name="T25" fmla="*/ 32 h 34"/>
                <a:gd name="T26" fmla="*/ 4 w 35"/>
                <a:gd name="T27" fmla="*/ 30 h 34"/>
                <a:gd name="T28" fmla="*/ 2 w 35"/>
                <a:gd name="T29" fmla="*/ 24 h 34"/>
                <a:gd name="T30" fmla="*/ 0 w 35"/>
                <a:gd name="T31" fmla="*/ 17 h 34"/>
                <a:gd name="T32" fmla="*/ 0 w 35"/>
                <a:gd name="T33" fmla="*/ 17 h 34"/>
                <a:gd name="T34" fmla="*/ 2 w 35"/>
                <a:gd name="T35" fmla="*/ 11 h 34"/>
                <a:gd name="T36" fmla="*/ 4 w 35"/>
                <a:gd name="T37" fmla="*/ 4 h 34"/>
                <a:gd name="T38" fmla="*/ 11 w 35"/>
                <a:gd name="T39" fmla="*/ 2 h 34"/>
                <a:gd name="T40" fmla="*/ 17 w 35"/>
                <a:gd name="T41" fmla="*/ 0 h 34"/>
                <a:gd name="T42" fmla="*/ 17 w 35"/>
                <a:gd name="T43" fmla="*/ 0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35" h="34">
                  <a:moveTo>
                    <a:pt x="17" y="0"/>
                  </a:moveTo>
                  <a:lnTo>
                    <a:pt x="17" y="0"/>
                  </a:lnTo>
                  <a:lnTo>
                    <a:pt x="24" y="2"/>
                  </a:lnTo>
                  <a:lnTo>
                    <a:pt x="30" y="4"/>
                  </a:lnTo>
                  <a:lnTo>
                    <a:pt x="32" y="11"/>
                  </a:lnTo>
                  <a:lnTo>
                    <a:pt x="35" y="17"/>
                  </a:lnTo>
                  <a:lnTo>
                    <a:pt x="35" y="17"/>
                  </a:lnTo>
                  <a:lnTo>
                    <a:pt x="32" y="24"/>
                  </a:lnTo>
                  <a:lnTo>
                    <a:pt x="30" y="30"/>
                  </a:lnTo>
                  <a:lnTo>
                    <a:pt x="24" y="32"/>
                  </a:lnTo>
                  <a:lnTo>
                    <a:pt x="17" y="34"/>
                  </a:lnTo>
                  <a:lnTo>
                    <a:pt x="17" y="34"/>
                  </a:lnTo>
                  <a:lnTo>
                    <a:pt x="11" y="32"/>
                  </a:lnTo>
                  <a:lnTo>
                    <a:pt x="4" y="30"/>
                  </a:lnTo>
                  <a:lnTo>
                    <a:pt x="2" y="24"/>
                  </a:lnTo>
                  <a:lnTo>
                    <a:pt x="0" y="17"/>
                  </a:lnTo>
                  <a:lnTo>
                    <a:pt x="0" y="17"/>
                  </a:lnTo>
                  <a:lnTo>
                    <a:pt x="2" y="11"/>
                  </a:lnTo>
                  <a:lnTo>
                    <a:pt x="4" y="4"/>
                  </a:lnTo>
                  <a:lnTo>
                    <a:pt x="11" y="2"/>
                  </a:lnTo>
                  <a:lnTo>
                    <a:pt x="17" y="0"/>
                  </a:lnTo>
                  <a:lnTo>
                    <a:pt x="17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9" name="Freeform 96"/>
            <p:cNvSpPr>
              <a:spLocks/>
            </p:cNvSpPr>
            <p:nvPr/>
          </p:nvSpPr>
          <p:spPr bwMode="auto">
            <a:xfrm>
              <a:off x="5698" y="2626"/>
              <a:ext cx="35" cy="35"/>
            </a:xfrm>
            <a:custGeom>
              <a:avLst/>
              <a:gdLst>
                <a:gd name="T0" fmla="*/ 17 w 35"/>
                <a:gd name="T1" fmla="*/ 0 h 35"/>
                <a:gd name="T2" fmla="*/ 17 w 35"/>
                <a:gd name="T3" fmla="*/ 0 h 35"/>
                <a:gd name="T4" fmla="*/ 24 w 35"/>
                <a:gd name="T5" fmla="*/ 2 h 35"/>
                <a:gd name="T6" fmla="*/ 30 w 35"/>
                <a:gd name="T7" fmla="*/ 4 h 35"/>
                <a:gd name="T8" fmla="*/ 32 w 35"/>
                <a:gd name="T9" fmla="*/ 11 h 35"/>
                <a:gd name="T10" fmla="*/ 35 w 35"/>
                <a:gd name="T11" fmla="*/ 17 h 35"/>
                <a:gd name="T12" fmla="*/ 35 w 35"/>
                <a:gd name="T13" fmla="*/ 17 h 35"/>
                <a:gd name="T14" fmla="*/ 32 w 35"/>
                <a:gd name="T15" fmla="*/ 24 h 35"/>
                <a:gd name="T16" fmla="*/ 30 w 35"/>
                <a:gd name="T17" fmla="*/ 30 h 35"/>
                <a:gd name="T18" fmla="*/ 24 w 35"/>
                <a:gd name="T19" fmla="*/ 33 h 35"/>
                <a:gd name="T20" fmla="*/ 17 w 35"/>
                <a:gd name="T21" fmla="*/ 35 h 35"/>
                <a:gd name="T22" fmla="*/ 17 w 35"/>
                <a:gd name="T23" fmla="*/ 35 h 35"/>
                <a:gd name="T24" fmla="*/ 11 w 35"/>
                <a:gd name="T25" fmla="*/ 33 h 35"/>
                <a:gd name="T26" fmla="*/ 4 w 35"/>
                <a:gd name="T27" fmla="*/ 30 h 35"/>
                <a:gd name="T28" fmla="*/ 2 w 35"/>
                <a:gd name="T29" fmla="*/ 24 h 35"/>
                <a:gd name="T30" fmla="*/ 0 w 35"/>
                <a:gd name="T31" fmla="*/ 17 h 35"/>
                <a:gd name="T32" fmla="*/ 0 w 35"/>
                <a:gd name="T33" fmla="*/ 17 h 35"/>
                <a:gd name="T34" fmla="*/ 2 w 35"/>
                <a:gd name="T35" fmla="*/ 11 h 35"/>
                <a:gd name="T36" fmla="*/ 4 w 35"/>
                <a:gd name="T37" fmla="*/ 4 h 35"/>
                <a:gd name="T38" fmla="*/ 11 w 35"/>
                <a:gd name="T39" fmla="*/ 2 h 35"/>
                <a:gd name="T40" fmla="*/ 17 w 35"/>
                <a:gd name="T41" fmla="*/ 0 h 35"/>
                <a:gd name="T42" fmla="*/ 17 w 35"/>
                <a:gd name="T43" fmla="*/ 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35" h="35">
                  <a:moveTo>
                    <a:pt x="17" y="0"/>
                  </a:moveTo>
                  <a:lnTo>
                    <a:pt x="17" y="0"/>
                  </a:lnTo>
                  <a:lnTo>
                    <a:pt x="24" y="2"/>
                  </a:lnTo>
                  <a:lnTo>
                    <a:pt x="30" y="4"/>
                  </a:lnTo>
                  <a:lnTo>
                    <a:pt x="32" y="11"/>
                  </a:lnTo>
                  <a:lnTo>
                    <a:pt x="35" y="17"/>
                  </a:lnTo>
                  <a:lnTo>
                    <a:pt x="35" y="17"/>
                  </a:lnTo>
                  <a:lnTo>
                    <a:pt x="32" y="24"/>
                  </a:lnTo>
                  <a:lnTo>
                    <a:pt x="30" y="30"/>
                  </a:lnTo>
                  <a:lnTo>
                    <a:pt x="24" y="33"/>
                  </a:lnTo>
                  <a:lnTo>
                    <a:pt x="17" y="35"/>
                  </a:lnTo>
                  <a:lnTo>
                    <a:pt x="17" y="35"/>
                  </a:lnTo>
                  <a:lnTo>
                    <a:pt x="11" y="33"/>
                  </a:lnTo>
                  <a:lnTo>
                    <a:pt x="4" y="30"/>
                  </a:lnTo>
                  <a:lnTo>
                    <a:pt x="2" y="24"/>
                  </a:lnTo>
                  <a:lnTo>
                    <a:pt x="0" y="17"/>
                  </a:lnTo>
                  <a:lnTo>
                    <a:pt x="0" y="17"/>
                  </a:lnTo>
                  <a:lnTo>
                    <a:pt x="2" y="11"/>
                  </a:lnTo>
                  <a:lnTo>
                    <a:pt x="4" y="4"/>
                  </a:lnTo>
                  <a:lnTo>
                    <a:pt x="11" y="2"/>
                  </a:lnTo>
                  <a:lnTo>
                    <a:pt x="17" y="0"/>
                  </a:lnTo>
                  <a:lnTo>
                    <a:pt x="17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0" name="Freeform 97"/>
            <p:cNvSpPr>
              <a:spLocks/>
            </p:cNvSpPr>
            <p:nvPr/>
          </p:nvSpPr>
          <p:spPr bwMode="auto">
            <a:xfrm>
              <a:off x="5681" y="2470"/>
              <a:ext cx="164" cy="122"/>
            </a:xfrm>
            <a:custGeom>
              <a:avLst/>
              <a:gdLst>
                <a:gd name="T0" fmla="*/ 164 w 164"/>
                <a:gd name="T1" fmla="*/ 122 h 122"/>
                <a:gd name="T2" fmla="*/ 164 w 164"/>
                <a:gd name="T3" fmla="*/ 18 h 122"/>
                <a:gd name="T4" fmla="*/ 129 w 164"/>
                <a:gd name="T5" fmla="*/ 26 h 122"/>
                <a:gd name="T6" fmla="*/ 84 w 164"/>
                <a:gd name="T7" fmla="*/ 3 h 122"/>
                <a:gd name="T8" fmla="*/ 73 w 164"/>
                <a:gd name="T9" fmla="*/ 0 h 122"/>
                <a:gd name="T10" fmla="*/ 0 w 164"/>
                <a:gd name="T11" fmla="*/ 26 h 122"/>
                <a:gd name="T12" fmla="*/ 24 w 164"/>
                <a:gd name="T13" fmla="*/ 52 h 122"/>
                <a:gd name="T14" fmla="*/ 78 w 164"/>
                <a:gd name="T15" fmla="*/ 44 h 122"/>
                <a:gd name="T16" fmla="*/ 78 w 164"/>
                <a:gd name="T17" fmla="*/ 44 h 122"/>
                <a:gd name="T18" fmla="*/ 132 w 164"/>
                <a:gd name="T19" fmla="*/ 91 h 122"/>
                <a:gd name="T20" fmla="*/ 132 w 164"/>
                <a:gd name="T21" fmla="*/ 91 h 122"/>
                <a:gd name="T22" fmla="*/ 142 w 164"/>
                <a:gd name="T23" fmla="*/ 104 h 122"/>
                <a:gd name="T24" fmla="*/ 145 w 164"/>
                <a:gd name="T25" fmla="*/ 111 h 122"/>
                <a:gd name="T26" fmla="*/ 147 w 164"/>
                <a:gd name="T27" fmla="*/ 122 h 122"/>
                <a:gd name="T28" fmla="*/ 164 w 164"/>
                <a:gd name="T29" fmla="*/ 122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64" h="122">
                  <a:moveTo>
                    <a:pt x="164" y="122"/>
                  </a:moveTo>
                  <a:lnTo>
                    <a:pt x="164" y="18"/>
                  </a:lnTo>
                  <a:lnTo>
                    <a:pt x="129" y="26"/>
                  </a:lnTo>
                  <a:lnTo>
                    <a:pt x="84" y="3"/>
                  </a:lnTo>
                  <a:lnTo>
                    <a:pt x="73" y="0"/>
                  </a:lnTo>
                  <a:lnTo>
                    <a:pt x="0" y="26"/>
                  </a:lnTo>
                  <a:lnTo>
                    <a:pt x="24" y="52"/>
                  </a:lnTo>
                  <a:lnTo>
                    <a:pt x="78" y="44"/>
                  </a:lnTo>
                  <a:lnTo>
                    <a:pt x="78" y="44"/>
                  </a:lnTo>
                  <a:lnTo>
                    <a:pt x="132" y="91"/>
                  </a:lnTo>
                  <a:lnTo>
                    <a:pt x="132" y="91"/>
                  </a:lnTo>
                  <a:lnTo>
                    <a:pt x="142" y="104"/>
                  </a:lnTo>
                  <a:lnTo>
                    <a:pt x="145" y="111"/>
                  </a:lnTo>
                  <a:lnTo>
                    <a:pt x="147" y="122"/>
                  </a:lnTo>
                  <a:lnTo>
                    <a:pt x="164" y="122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pic>
        <p:nvPicPr>
          <p:cNvPr id="3" name="Billede 2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69636" y="2037079"/>
            <a:ext cx="3257166" cy="1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9461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27" name="Sjælland"/>
          <p:cNvGrpSpPr>
            <a:grpSpLocks/>
          </p:cNvGrpSpPr>
          <p:nvPr/>
        </p:nvGrpSpPr>
        <p:grpSpPr>
          <a:xfrm>
            <a:off x="7918047" y="4161217"/>
            <a:ext cx="1401762" cy="1941513"/>
            <a:chOff x="2681288" y="4540250"/>
            <a:chExt cx="1401762" cy="1941513"/>
          </a:xfrm>
          <a:solidFill>
            <a:schemeClr val="accent5">
              <a:lumMod val="60000"/>
              <a:lumOff val="40000"/>
            </a:schemeClr>
          </a:solidFill>
        </p:grpSpPr>
        <p:sp>
          <p:nvSpPr>
            <p:cNvPr id="528" name="Kalundborg"/>
            <p:cNvSpPr>
              <a:spLocks/>
            </p:cNvSpPr>
            <p:nvPr/>
          </p:nvSpPr>
          <p:spPr bwMode="auto">
            <a:xfrm>
              <a:off x="2681288" y="4873625"/>
              <a:ext cx="465137" cy="422275"/>
            </a:xfrm>
            <a:custGeom>
              <a:avLst/>
              <a:gdLst>
                <a:gd name="T0" fmla="*/ 76 w 878"/>
                <a:gd name="T1" fmla="*/ 25 h 798"/>
                <a:gd name="T2" fmla="*/ 115 w 878"/>
                <a:gd name="T3" fmla="*/ 16 h 798"/>
                <a:gd name="T4" fmla="*/ 154 w 878"/>
                <a:gd name="T5" fmla="*/ 6 h 798"/>
                <a:gd name="T6" fmla="*/ 163 w 878"/>
                <a:gd name="T7" fmla="*/ 21 h 798"/>
                <a:gd name="T8" fmla="*/ 167 w 878"/>
                <a:gd name="T9" fmla="*/ 26 h 798"/>
                <a:gd name="T10" fmla="*/ 174 w 878"/>
                <a:gd name="T11" fmla="*/ 18 h 798"/>
                <a:gd name="T12" fmla="*/ 183 w 878"/>
                <a:gd name="T13" fmla="*/ 22 h 798"/>
                <a:gd name="T14" fmla="*/ 196 w 878"/>
                <a:gd name="T15" fmla="*/ 25 h 798"/>
                <a:gd name="T16" fmla="*/ 209 w 878"/>
                <a:gd name="T17" fmla="*/ 13 h 798"/>
                <a:gd name="T18" fmla="*/ 212 w 878"/>
                <a:gd name="T19" fmla="*/ 10 h 798"/>
                <a:gd name="T20" fmla="*/ 221 w 878"/>
                <a:gd name="T21" fmla="*/ 6 h 798"/>
                <a:gd name="T22" fmla="*/ 220 w 878"/>
                <a:gd name="T23" fmla="*/ 1 h 798"/>
                <a:gd name="T24" fmla="*/ 233 w 878"/>
                <a:gd name="T25" fmla="*/ 2 h 798"/>
                <a:gd name="T26" fmla="*/ 243 w 878"/>
                <a:gd name="T27" fmla="*/ 15 h 798"/>
                <a:gd name="T28" fmla="*/ 249 w 878"/>
                <a:gd name="T29" fmla="*/ 25 h 798"/>
                <a:gd name="T30" fmla="*/ 264 w 878"/>
                <a:gd name="T31" fmla="*/ 24 h 798"/>
                <a:gd name="T32" fmla="*/ 250 w 878"/>
                <a:gd name="T33" fmla="*/ 64 h 798"/>
                <a:gd name="T34" fmla="*/ 250 w 878"/>
                <a:gd name="T35" fmla="*/ 86 h 798"/>
                <a:gd name="T36" fmla="*/ 241 w 878"/>
                <a:gd name="T37" fmla="*/ 102 h 798"/>
                <a:gd name="T38" fmla="*/ 247 w 878"/>
                <a:gd name="T39" fmla="*/ 112 h 798"/>
                <a:gd name="T40" fmla="*/ 263 w 878"/>
                <a:gd name="T41" fmla="*/ 147 h 798"/>
                <a:gd name="T42" fmla="*/ 282 w 878"/>
                <a:gd name="T43" fmla="*/ 165 h 798"/>
                <a:gd name="T44" fmla="*/ 282 w 878"/>
                <a:gd name="T45" fmla="*/ 179 h 798"/>
                <a:gd name="T46" fmla="*/ 291 w 878"/>
                <a:gd name="T47" fmla="*/ 183 h 798"/>
                <a:gd name="T48" fmla="*/ 248 w 878"/>
                <a:gd name="T49" fmla="*/ 184 h 798"/>
                <a:gd name="T50" fmla="*/ 226 w 878"/>
                <a:gd name="T51" fmla="*/ 194 h 798"/>
                <a:gd name="T52" fmla="*/ 241 w 878"/>
                <a:gd name="T53" fmla="*/ 207 h 798"/>
                <a:gd name="T54" fmla="*/ 267 w 878"/>
                <a:gd name="T55" fmla="*/ 213 h 798"/>
                <a:gd name="T56" fmla="*/ 267 w 878"/>
                <a:gd name="T57" fmla="*/ 221 h 798"/>
                <a:gd name="T58" fmla="*/ 264 w 878"/>
                <a:gd name="T59" fmla="*/ 245 h 798"/>
                <a:gd name="T60" fmla="*/ 245 w 878"/>
                <a:gd name="T61" fmla="*/ 265 h 798"/>
                <a:gd name="T62" fmla="*/ 232 w 878"/>
                <a:gd name="T63" fmla="*/ 250 h 798"/>
                <a:gd name="T64" fmla="*/ 210 w 878"/>
                <a:gd name="T65" fmla="*/ 262 h 798"/>
                <a:gd name="T66" fmla="*/ 197 w 878"/>
                <a:gd name="T67" fmla="*/ 255 h 798"/>
                <a:gd name="T68" fmla="*/ 187 w 878"/>
                <a:gd name="T69" fmla="*/ 257 h 798"/>
                <a:gd name="T70" fmla="*/ 166 w 878"/>
                <a:gd name="T71" fmla="*/ 264 h 798"/>
                <a:gd name="T72" fmla="*/ 153 w 878"/>
                <a:gd name="T73" fmla="*/ 242 h 798"/>
                <a:gd name="T74" fmla="*/ 139 w 878"/>
                <a:gd name="T75" fmla="*/ 225 h 798"/>
                <a:gd name="T76" fmla="*/ 134 w 878"/>
                <a:gd name="T77" fmla="*/ 212 h 798"/>
                <a:gd name="T78" fmla="*/ 129 w 878"/>
                <a:gd name="T79" fmla="*/ 211 h 798"/>
                <a:gd name="T80" fmla="*/ 125 w 878"/>
                <a:gd name="T81" fmla="*/ 224 h 798"/>
                <a:gd name="T82" fmla="*/ 112 w 878"/>
                <a:gd name="T83" fmla="*/ 228 h 798"/>
                <a:gd name="T84" fmla="*/ 105 w 878"/>
                <a:gd name="T85" fmla="*/ 214 h 798"/>
                <a:gd name="T86" fmla="*/ 116 w 878"/>
                <a:gd name="T87" fmla="*/ 200 h 798"/>
                <a:gd name="T88" fmla="*/ 125 w 878"/>
                <a:gd name="T89" fmla="*/ 203 h 798"/>
                <a:gd name="T90" fmla="*/ 141 w 878"/>
                <a:gd name="T91" fmla="*/ 200 h 798"/>
                <a:gd name="T92" fmla="*/ 143 w 878"/>
                <a:gd name="T93" fmla="*/ 179 h 798"/>
                <a:gd name="T94" fmla="*/ 121 w 878"/>
                <a:gd name="T95" fmla="*/ 132 h 798"/>
                <a:gd name="T96" fmla="*/ 82 w 878"/>
                <a:gd name="T97" fmla="*/ 108 h 798"/>
                <a:gd name="T98" fmla="*/ 40 w 878"/>
                <a:gd name="T99" fmla="*/ 100 h 798"/>
                <a:gd name="T100" fmla="*/ 27 w 878"/>
                <a:gd name="T101" fmla="*/ 90 h 798"/>
                <a:gd name="T102" fmla="*/ 51 w 878"/>
                <a:gd name="T103" fmla="*/ 83 h 798"/>
                <a:gd name="T104" fmla="*/ 95 w 878"/>
                <a:gd name="T105" fmla="*/ 92 h 798"/>
                <a:gd name="T106" fmla="*/ 109 w 878"/>
                <a:gd name="T107" fmla="*/ 83 h 798"/>
                <a:gd name="T108" fmla="*/ 103 w 878"/>
                <a:gd name="T109" fmla="*/ 80 h 798"/>
                <a:gd name="T110" fmla="*/ 101 w 878"/>
                <a:gd name="T111" fmla="*/ 90 h 798"/>
                <a:gd name="T112" fmla="*/ 74 w 878"/>
                <a:gd name="T113" fmla="*/ 62 h 798"/>
                <a:gd name="T114" fmla="*/ 55 w 878"/>
                <a:gd name="T115" fmla="*/ 40 h 798"/>
                <a:gd name="T116" fmla="*/ 40 w 878"/>
                <a:gd name="T117" fmla="*/ 36 h 798"/>
                <a:gd name="T118" fmla="*/ 14 w 878"/>
                <a:gd name="T119" fmla="*/ 37 h 798"/>
                <a:gd name="T120" fmla="*/ 1 w 878"/>
                <a:gd name="T121" fmla="*/ 23 h 798"/>
                <a:gd name="T122" fmla="*/ 21 w 878"/>
                <a:gd name="T123" fmla="*/ 15 h 798"/>
                <a:gd name="T124" fmla="*/ 44 w 878"/>
                <a:gd name="T125" fmla="*/ 17 h 79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878" h="798">
                  <a:moveTo>
                    <a:pt x="162" y="41"/>
                  </a:moveTo>
                  <a:lnTo>
                    <a:pt x="172" y="50"/>
                  </a:lnTo>
                  <a:lnTo>
                    <a:pt x="182" y="57"/>
                  </a:lnTo>
                  <a:lnTo>
                    <a:pt x="191" y="63"/>
                  </a:lnTo>
                  <a:lnTo>
                    <a:pt x="201" y="68"/>
                  </a:lnTo>
                  <a:lnTo>
                    <a:pt x="210" y="71"/>
                  </a:lnTo>
                  <a:lnTo>
                    <a:pt x="220" y="74"/>
                  </a:lnTo>
                  <a:lnTo>
                    <a:pt x="228" y="76"/>
                  </a:lnTo>
                  <a:lnTo>
                    <a:pt x="238" y="77"/>
                  </a:lnTo>
                  <a:lnTo>
                    <a:pt x="247" y="77"/>
                  </a:lnTo>
                  <a:lnTo>
                    <a:pt x="255" y="77"/>
                  </a:lnTo>
                  <a:lnTo>
                    <a:pt x="265" y="76"/>
                  </a:lnTo>
                  <a:lnTo>
                    <a:pt x="274" y="74"/>
                  </a:lnTo>
                  <a:lnTo>
                    <a:pt x="292" y="70"/>
                  </a:lnTo>
                  <a:lnTo>
                    <a:pt x="310" y="64"/>
                  </a:lnTo>
                  <a:lnTo>
                    <a:pt x="345" y="49"/>
                  </a:lnTo>
                  <a:lnTo>
                    <a:pt x="381" y="33"/>
                  </a:lnTo>
                  <a:lnTo>
                    <a:pt x="400" y="27"/>
                  </a:lnTo>
                  <a:lnTo>
                    <a:pt x="418" y="21"/>
                  </a:lnTo>
                  <a:lnTo>
                    <a:pt x="427" y="19"/>
                  </a:lnTo>
                  <a:lnTo>
                    <a:pt x="435" y="18"/>
                  </a:lnTo>
                  <a:lnTo>
                    <a:pt x="445" y="17"/>
                  </a:lnTo>
                  <a:lnTo>
                    <a:pt x="454" y="17"/>
                  </a:lnTo>
                  <a:lnTo>
                    <a:pt x="460" y="18"/>
                  </a:lnTo>
                  <a:lnTo>
                    <a:pt x="463" y="20"/>
                  </a:lnTo>
                  <a:lnTo>
                    <a:pt x="466" y="24"/>
                  </a:lnTo>
                  <a:lnTo>
                    <a:pt x="469" y="28"/>
                  </a:lnTo>
                  <a:lnTo>
                    <a:pt x="472" y="36"/>
                  </a:lnTo>
                  <a:lnTo>
                    <a:pt x="475" y="45"/>
                  </a:lnTo>
                  <a:lnTo>
                    <a:pt x="480" y="53"/>
                  </a:lnTo>
                  <a:lnTo>
                    <a:pt x="485" y="60"/>
                  </a:lnTo>
                  <a:lnTo>
                    <a:pt x="488" y="64"/>
                  </a:lnTo>
                  <a:lnTo>
                    <a:pt x="492" y="65"/>
                  </a:lnTo>
                  <a:lnTo>
                    <a:pt x="498" y="66"/>
                  </a:lnTo>
                  <a:lnTo>
                    <a:pt x="504" y="66"/>
                  </a:lnTo>
                  <a:lnTo>
                    <a:pt x="500" y="71"/>
                  </a:lnTo>
                  <a:lnTo>
                    <a:pt x="498" y="74"/>
                  </a:lnTo>
                  <a:lnTo>
                    <a:pt x="498" y="77"/>
                  </a:lnTo>
                  <a:lnTo>
                    <a:pt x="498" y="78"/>
                  </a:lnTo>
                  <a:lnTo>
                    <a:pt x="499" y="79"/>
                  </a:lnTo>
                  <a:lnTo>
                    <a:pt x="500" y="79"/>
                  </a:lnTo>
                  <a:lnTo>
                    <a:pt x="503" y="78"/>
                  </a:lnTo>
                  <a:lnTo>
                    <a:pt x="505" y="77"/>
                  </a:lnTo>
                  <a:lnTo>
                    <a:pt x="511" y="73"/>
                  </a:lnTo>
                  <a:lnTo>
                    <a:pt x="517" y="66"/>
                  </a:lnTo>
                  <a:lnTo>
                    <a:pt x="518" y="63"/>
                  </a:lnTo>
                  <a:lnTo>
                    <a:pt x="520" y="58"/>
                  </a:lnTo>
                  <a:lnTo>
                    <a:pt x="520" y="54"/>
                  </a:lnTo>
                  <a:lnTo>
                    <a:pt x="520" y="50"/>
                  </a:lnTo>
                  <a:lnTo>
                    <a:pt x="524" y="51"/>
                  </a:lnTo>
                  <a:lnTo>
                    <a:pt x="528" y="54"/>
                  </a:lnTo>
                  <a:lnTo>
                    <a:pt x="532" y="58"/>
                  </a:lnTo>
                  <a:lnTo>
                    <a:pt x="537" y="63"/>
                  </a:lnTo>
                  <a:lnTo>
                    <a:pt x="541" y="66"/>
                  </a:lnTo>
                  <a:lnTo>
                    <a:pt x="545" y="67"/>
                  </a:lnTo>
                  <a:lnTo>
                    <a:pt x="547" y="67"/>
                  </a:lnTo>
                  <a:lnTo>
                    <a:pt x="549" y="65"/>
                  </a:lnTo>
                  <a:lnTo>
                    <a:pt x="550" y="61"/>
                  </a:lnTo>
                  <a:lnTo>
                    <a:pt x="552" y="58"/>
                  </a:lnTo>
                  <a:lnTo>
                    <a:pt x="562" y="63"/>
                  </a:lnTo>
                  <a:lnTo>
                    <a:pt x="570" y="68"/>
                  </a:lnTo>
                  <a:lnTo>
                    <a:pt x="576" y="71"/>
                  </a:lnTo>
                  <a:lnTo>
                    <a:pt x="580" y="73"/>
                  </a:lnTo>
                  <a:lnTo>
                    <a:pt x="586" y="74"/>
                  </a:lnTo>
                  <a:lnTo>
                    <a:pt x="592" y="74"/>
                  </a:lnTo>
                  <a:lnTo>
                    <a:pt x="597" y="66"/>
                  </a:lnTo>
                  <a:lnTo>
                    <a:pt x="602" y="59"/>
                  </a:lnTo>
                  <a:lnTo>
                    <a:pt x="609" y="54"/>
                  </a:lnTo>
                  <a:lnTo>
                    <a:pt x="618" y="50"/>
                  </a:lnTo>
                  <a:lnTo>
                    <a:pt x="621" y="50"/>
                  </a:lnTo>
                  <a:lnTo>
                    <a:pt x="625" y="50"/>
                  </a:lnTo>
                  <a:lnTo>
                    <a:pt x="626" y="39"/>
                  </a:lnTo>
                  <a:lnTo>
                    <a:pt x="626" y="30"/>
                  </a:lnTo>
                  <a:lnTo>
                    <a:pt x="626" y="26"/>
                  </a:lnTo>
                  <a:lnTo>
                    <a:pt x="628" y="21"/>
                  </a:lnTo>
                  <a:lnTo>
                    <a:pt x="630" y="19"/>
                  </a:lnTo>
                  <a:lnTo>
                    <a:pt x="633" y="17"/>
                  </a:lnTo>
                  <a:lnTo>
                    <a:pt x="634" y="23"/>
                  </a:lnTo>
                  <a:lnTo>
                    <a:pt x="636" y="28"/>
                  </a:lnTo>
                  <a:lnTo>
                    <a:pt x="636" y="30"/>
                  </a:lnTo>
                  <a:lnTo>
                    <a:pt x="638" y="32"/>
                  </a:lnTo>
                  <a:lnTo>
                    <a:pt x="639" y="33"/>
                  </a:lnTo>
                  <a:lnTo>
                    <a:pt x="642" y="33"/>
                  </a:lnTo>
                  <a:lnTo>
                    <a:pt x="642" y="30"/>
                  </a:lnTo>
                  <a:lnTo>
                    <a:pt x="644" y="27"/>
                  </a:lnTo>
                  <a:lnTo>
                    <a:pt x="647" y="24"/>
                  </a:lnTo>
                  <a:lnTo>
                    <a:pt x="651" y="21"/>
                  </a:lnTo>
                  <a:lnTo>
                    <a:pt x="661" y="17"/>
                  </a:lnTo>
                  <a:lnTo>
                    <a:pt x="670" y="15"/>
                  </a:lnTo>
                  <a:lnTo>
                    <a:pt x="678" y="13"/>
                  </a:lnTo>
                  <a:lnTo>
                    <a:pt x="680" y="12"/>
                  </a:lnTo>
                  <a:lnTo>
                    <a:pt x="673" y="11"/>
                  </a:lnTo>
                  <a:lnTo>
                    <a:pt x="658" y="9"/>
                  </a:lnTo>
                  <a:lnTo>
                    <a:pt x="658" y="6"/>
                  </a:lnTo>
                  <a:lnTo>
                    <a:pt x="659" y="4"/>
                  </a:lnTo>
                  <a:lnTo>
                    <a:pt x="660" y="3"/>
                  </a:lnTo>
                  <a:lnTo>
                    <a:pt x="662" y="1"/>
                  </a:lnTo>
                  <a:lnTo>
                    <a:pt x="667" y="0"/>
                  </a:lnTo>
                  <a:lnTo>
                    <a:pt x="673" y="0"/>
                  </a:lnTo>
                  <a:lnTo>
                    <a:pt x="680" y="0"/>
                  </a:lnTo>
                  <a:lnTo>
                    <a:pt x="687" y="1"/>
                  </a:lnTo>
                  <a:lnTo>
                    <a:pt x="693" y="1"/>
                  </a:lnTo>
                  <a:lnTo>
                    <a:pt x="699" y="1"/>
                  </a:lnTo>
                  <a:lnTo>
                    <a:pt x="699" y="7"/>
                  </a:lnTo>
                  <a:lnTo>
                    <a:pt x="701" y="12"/>
                  </a:lnTo>
                  <a:lnTo>
                    <a:pt x="703" y="17"/>
                  </a:lnTo>
                  <a:lnTo>
                    <a:pt x="705" y="20"/>
                  </a:lnTo>
                  <a:lnTo>
                    <a:pt x="711" y="28"/>
                  </a:lnTo>
                  <a:lnTo>
                    <a:pt x="719" y="33"/>
                  </a:lnTo>
                  <a:lnTo>
                    <a:pt x="722" y="36"/>
                  </a:lnTo>
                  <a:lnTo>
                    <a:pt x="725" y="40"/>
                  </a:lnTo>
                  <a:lnTo>
                    <a:pt x="728" y="44"/>
                  </a:lnTo>
                  <a:lnTo>
                    <a:pt x="730" y="48"/>
                  </a:lnTo>
                  <a:lnTo>
                    <a:pt x="732" y="53"/>
                  </a:lnTo>
                  <a:lnTo>
                    <a:pt x="732" y="59"/>
                  </a:lnTo>
                  <a:lnTo>
                    <a:pt x="732" y="66"/>
                  </a:lnTo>
                  <a:lnTo>
                    <a:pt x="731" y="74"/>
                  </a:lnTo>
                  <a:lnTo>
                    <a:pt x="737" y="75"/>
                  </a:lnTo>
                  <a:lnTo>
                    <a:pt x="742" y="75"/>
                  </a:lnTo>
                  <a:lnTo>
                    <a:pt x="747" y="75"/>
                  </a:lnTo>
                  <a:lnTo>
                    <a:pt x="752" y="75"/>
                  </a:lnTo>
                  <a:lnTo>
                    <a:pt x="761" y="73"/>
                  </a:lnTo>
                  <a:lnTo>
                    <a:pt x="769" y="70"/>
                  </a:lnTo>
                  <a:lnTo>
                    <a:pt x="776" y="69"/>
                  </a:lnTo>
                  <a:lnTo>
                    <a:pt x="783" y="68"/>
                  </a:lnTo>
                  <a:lnTo>
                    <a:pt x="786" y="68"/>
                  </a:lnTo>
                  <a:lnTo>
                    <a:pt x="789" y="69"/>
                  </a:lnTo>
                  <a:lnTo>
                    <a:pt x="792" y="71"/>
                  </a:lnTo>
                  <a:lnTo>
                    <a:pt x="796" y="74"/>
                  </a:lnTo>
                  <a:lnTo>
                    <a:pt x="795" y="88"/>
                  </a:lnTo>
                  <a:lnTo>
                    <a:pt x="791" y="103"/>
                  </a:lnTo>
                  <a:lnTo>
                    <a:pt x="787" y="115"/>
                  </a:lnTo>
                  <a:lnTo>
                    <a:pt x="782" y="129"/>
                  </a:lnTo>
                  <a:lnTo>
                    <a:pt x="768" y="154"/>
                  </a:lnTo>
                  <a:lnTo>
                    <a:pt x="756" y="179"/>
                  </a:lnTo>
                  <a:lnTo>
                    <a:pt x="750" y="192"/>
                  </a:lnTo>
                  <a:lnTo>
                    <a:pt x="745" y="204"/>
                  </a:lnTo>
                  <a:lnTo>
                    <a:pt x="743" y="216"/>
                  </a:lnTo>
                  <a:lnTo>
                    <a:pt x="742" y="228"/>
                  </a:lnTo>
                  <a:lnTo>
                    <a:pt x="742" y="234"/>
                  </a:lnTo>
                  <a:lnTo>
                    <a:pt x="743" y="240"/>
                  </a:lnTo>
                  <a:lnTo>
                    <a:pt x="744" y="247"/>
                  </a:lnTo>
                  <a:lnTo>
                    <a:pt x="746" y="252"/>
                  </a:lnTo>
                  <a:lnTo>
                    <a:pt x="749" y="258"/>
                  </a:lnTo>
                  <a:lnTo>
                    <a:pt x="753" y="265"/>
                  </a:lnTo>
                  <a:lnTo>
                    <a:pt x="758" y="271"/>
                  </a:lnTo>
                  <a:lnTo>
                    <a:pt x="764" y="277"/>
                  </a:lnTo>
                  <a:lnTo>
                    <a:pt x="746" y="287"/>
                  </a:lnTo>
                  <a:lnTo>
                    <a:pt x="730" y="296"/>
                  </a:lnTo>
                  <a:lnTo>
                    <a:pt x="726" y="299"/>
                  </a:lnTo>
                  <a:lnTo>
                    <a:pt x="723" y="304"/>
                  </a:lnTo>
                  <a:lnTo>
                    <a:pt x="721" y="307"/>
                  </a:lnTo>
                  <a:lnTo>
                    <a:pt x="719" y="311"/>
                  </a:lnTo>
                  <a:lnTo>
                    <a:pt x="717" y="316"/>
                  </a:lnTo>
                  <a:lnTo>
                    <a:pt x="716" y="322"/>
                  </a:lnTo>
                  <a:lnTo>
                    <a:pt x="715" y="328"/>
                  </a:lnTo>
                  <a:lnTo>
                    <a:pt x="715" y="334"/>
                  </a:lnTo>
                  <a:lnTo>
                    <a:pt x="725" y="334"/>
                  </a:lnTo>
                  <a:lnTo>
                    <a:pt x="735" y="334"/>
                  </a:lnTo>
                  <a:lnTo>
                    <a:pt x="739" y="335"/>
                  </a:lnTo>
                  <a:lnTo>
                    <a:pt x="743" y="336"/>
                  </a:lnTo>
                  <a:lnTo>
                    <a:pt x="746" y="338"/>
                  </a:lnTo>
                  <a:lnTo>
                    <a:pt x="747" y="343"/>
                  </a:lnTo>
                  <a:lnTo>
                    <a:pt x="755" y="366"/>
                  </a:lnTo>
                  <a:lnTo>
                    <a:pt x="762" y="389"/>
                  </a:lnTo>
                  <a:lnTo>
                    <a:pt x="770" y="410"/>
                  </a:lnTo>
                  <a:lnTo>
                    <a:pt x="782" y="430"/>
                  </a:lnTo>
                  <a:lnTo>
                    <a:pt x="787" y="440"/>
                  </a:lnTo>
                  <a:lnTo>
                    <a:pt x="793" y="448"/>
                  </a:lnTo>
                  <a:lnTo>
                    <a:pt x="801" y="456"/>
                  </a:lnTo>
                  <a:lnTo>
                    <a:pt x="808" y="464"/>
                  </a:lnTo>
                  <a:lnTo>
                    <a:pt x="817" y="471"/>
                  </a:lnTo>
                  <a:lnTo>
                    <a:pt x="825" y="477"/>
                  </a:lnTo>
                  <a:lnTo>
                    <a:pt x="835" y="484"/>
                  </a:lnTo>
                  <a:lnTo>
                    <a:pt x="845" y="489"/>
                  </a:lnTo>
                  <a:lnTo>
                    <a:pt x="846" y="496"/>
                  </a:lnTo>
                  <a:lnTo>
                    <a:pt x="845" y="504"/>
                  </a:lnTo>
                  <a:lnTo>
                    <a:pt x="843" y="508"/>
                  </a:lnTo>
                  <a:lnTo>
                    <a:pt x="841" y="513"/>
                  </a:lnTo>
                  <a:lnTo>
                    <a:pt x="838" y="517"/>
                  </a:lnTo>
                  <a:lnTo>
                    <a:pt x="837" y="523"/>
                  </a:lnTo>
                  <a:lnTo>
                    <a:pt x="836" y="529"/>
                  </a:lnTo>
                  <a:lnTo>
                    <a:pt x="837" y="537"/>
                  </a:lnTo>
                  <a:lnTo>
                    <a:pt x="845" y="537"/>
                  </a:lnTo>
                  <a:lnTo>
                    <a:pt x="852" y="536"/>
                  </a:lnTo>
                  <a:lnTo>
                    <a:pt x="859" y="534"/>
                  </a:lnTo>
                  <a:lnTo>
                    <a:pt x="864" y="533"/>
                  </a:lnTo>
                  <a:lnTo>
                    <a:pt x="868" y="532"/>
                  </a:lnTo>
                  <a:lnTo>
                    <a:pt x="871" y="533"/>
                  </a:lnTo>
                  <a:lnTo>
                    <a:pt x="875" y="537"/>
                  </a:lnTo>
                  <a:lnTo>
                    <a:pt x="878" y="546"/>
                  </a:lnTo>
                  <a:lnTo>
                    <a:pt x="872" y="548"/>
                  </a:lnTo>
                  <a:lnTo>
                    <a:pt x="866" y="550"/>
                  </a:lnTo>
                  <a:lnTo>
                    <a:pt x="860" y="551"/>
                  </a:lnTo>
                  <a:lnTo>
                    <a:pt x="854" y="552"/>
                  </a:lnTo>
                  <a:lnTo>
                    <a:pt x="840" y="554"/>
                  </a:lnTo>
                  <a:lnTo>
                    <a:pt x="824" y="554"/>
                  </a:lnTo>
                  <a:lnTo>
                    <a:pt x="792" y="552"/>
                  </a:lnTo>
                  <a:lnTo>
                    <a:pt x="760" y="551"/>
                  </a:lnTo>
                  <a:lnTo>
                    <a:pt x="744" y="551"/>
                  </a:lnTo>
                  <a:lnTo>
                    <a:pt x="729" y="553"/>
                  </a:lnTo>
                  <a:lnTo>
                    <a:pt x="715" y="555"/>
                  </a:lnTo>
                  <a:lnTo>
                    <a:pt x="702" y="560"/>
                  </a:lnTo>
                  <a:lnTo>
                    <a:pt x="696" y="563"/>
                  </a:lnTo>
                  <a:lnTo>
                    <a:pt x="690" y="567"/>
                  </a:lnTo>
                  <a:lnTo>
                    <a:pt x="685" y="571"/>
                  </a:lnTo>
                  <a:lnTo>
                    <a:pt x="680" y="575"/>
                  </a:lnTo>
                  <a:lnTo>
                    <a:pt x="676" y="581"/>
                  </a:lnTo>
                  <a:lnTo>
                    <a:pt x="671" y="587"/>
                  </a:lnTo>
                  <a:lnTo>
                    <a:pt x="668" y="594"/>
                  </a:lnTo>
                  <a:lnTo>
                    <a:pt x="666" y="603"/>
                  </a:lnTo>
                  <a:lnTo>
                    <a:pt x="677" y="604"/>
                  </a:lnTo>
                  <a:lnTo>
                    <a:pt x="687" y="605"/>
                  </a:lnTo>
                  <a:lnTo>
                    <a:pt x="697" y="608"/>
                  </a:lnTo>
                  <a:lnTo>
                    <a:pt x="705" y="611"/>
                  </a:lnTo>
                  <a:lnTo>
                    <a:pt x="722" y="620"/>
                  </a:lnTo>
                  <a:lnTo>
                    <a:pt x="739" y="628"/>
                  </a:lnTo>
                  <a:lnTo>
                    <a:pt x="746" y="632"/>
                  </a:lnTo>
                  <a:lnTo>
                    <a:pt x="755" y="636"/>
                  </a:lnTo>
                  <a:lnTo>
                    <a:pt x="763" y="639"/>
                  </a:lnTo>
                  <a:lnTo>
                    <a:pt x="771" y="641"/>
                  </a:lnTo>
                  <a:lnTo>
                    <a:pt x="781" y="642"/>
                  </a:lnTo>
                  <a:lnTo>
                    <a:pt x="790" y="641"/>
                  </a:lnTo>
                  <a:lnTo>
                    <a:pt x="801" y="639"/>
                  </a:lnTo>
                  <a:lnTo>
                    <a:pt x="812" y="635"/>
                  </a:lnTo>
                  <a:lnTo>
                    <a:pt x="806" y="641"/>
                  </a:lnTo>
                  <a:lnTo>
                    <a:pt x="802" y="645"/>
                  </a:lnTo>
                  <a:lnTo>
                    <a:pt x="799" y="649"/>
                  </a:lnTo>
                  <a:lnTo>
                    <a:pt x="798" y="653"/>
                  </a:lnTo>
                  <a:lnTo>
                    <a:pt x="798" y="656"/>
                  </a:lnTo>
                  <a:lnTo>
                    <a:pt x="798" y="660"/>
                  </a:lnTo>
                  <a:lnTo>
                    <a:pt x="800" y="663"/>
                  </a:lnTo>
                  <a:lnTo>
                    <a:pt x="802" y="666"/>
                  </a:lnTo>
                  <a:lnTo>
                    <a:pt x="815" y="677"/>
                  </a:lnTo>
                  <a:lnTo>
                    <a:pt x="828" y="692"/>
                  </a:lnTo>
                  <a:lnTo>
                    <a:pt x="821" y="697"/>
                  </a:lnTo>
                  <a:lnTo>
                    <a:pt x="813" y="704"/>
                  </a:lnTo>
                  <a:lnTo>
                    <a:pt x="807" y="710"/>
                  </a:lnTo>
                  <a:lnTo>
                    <a:pt x="802" y="719"/>
                  </a:lnTo>
                  <a:lnTo>
                    <a:pt x="792" y="735"/>
                  </a:lnTo>
                  <a:lnTo>
                    <a:pt x="784" y="752"/>
                  </a:lnTo>
                  <a:lnTo>
                    <a:pt x="779" y="761"/>
                  </a:lnTo>
                  <a:lnTo>
                    <a:pt x="773" y="769"/>
                  </a:lnTo>
                  <a:lnTo>
                    <a:pt x="767" y="776"/>
                  </a:lnTo>
                  <a:lnTo>
                    <a:pt x="761" y="783"/>
                  </a:lnTo>
                  <a:lnTo>
                    <a:pt x="753" y="788"/>
                  </a:lnTo>
                  <a:lnTo>
                    <a:pt x="745" y="792"/>
                  </a:lnTo>
                  <a:lnTo>
                    <a:pt x="735" y="795"/>
                  </a:lnTo>
                  <a:lnTo>
                    <a:pt x="723" y="798"/>
                  </a:lnTo>
                  <a:lnTo>
                    <a:pt x="719" y="782"/>
                  </a:lnTo>
                  <a:lnTo>
                    <a:pt x="713" y="766"/>
                  </a:lnTo>
                  <a:lnTo>
                    <a:pt x="710" y="760"/>
                  </a:lnTo>
                  <a:lnTo>
                    <a:pt x="705" y="754"/>
                  </a:lnTo>
                  <a:lnTo>
                    <a:pt x="702" y="752"/>
                  </a:lnTo>
                  <a:lnTo>
                    <a:pt x="699" y="750"/>
                  </a:lnTo>
                  <a:lnTo>
                    <a:pt x="695" y="749"/>
                  </a:lnTo>
                  <a:lnTo>
                    <a:pt x="690" y="749"/>
                  </a:lnTo>
                  <a:lnTo>
                    <a:pt x="681" y="753"/>
                  </a:lnTo>
                  <a:lnTo>
                    <a:pt x="671" y="759"/>
                  </a:lnTo>
                  <a:lnTo>
                    <a:pt x="663" y="764"/>
                  </a:lnTo>
                  <a:lnTo>
                    <a:pt x="654" y="770"/>
                  </a:lnTo>
                  <a:lnTo>
                    <a:pt x="646" y="775"/>
                  </a:lnTo>
                  <a:lnTo>
                    <a:pt x="638" y="781"/>
                  </a:lnTo>
                  <a:lnTo>
                    <a:pt x="628" y="786"/>
                  </a:lnTo>
                  <a:lnTo>
                    <a:pt x="618" y="789"/>
                  </a:lnTo>
                  <a:lnTo>
                    <a:pt x="613" y="788"/>
                  </a:lnTo>
                  <a:lnTo>
                    <a:pt x="610" y="786"/>
                  </a:lnTo>
                  <a:lnTo>
                    <a:pt x="607" y="784"/>
                  </a:lnTo>
                  <a:lnTo>
                    <a:pt x="604" y="782"/>
                  </a:lnTo>
                  <a:lnTo>
                    <a:pt x="600" y="776"/>
                  </a:lnTo>
                  <a:lnTo>
                    <a:pt x="596" y="770"/>
                  </a:lnTo>
                  <a:lnTo>
                    <a:pt x="590" y="765"/>
                  </a:lnTo>
                  <a:lnTo>
                    <a:pt x="585" y="761"/>
                  </a:lnTo>
                  <a:lnTo>
                    <a:pt x="582" y="759"/>
                  </a:lnTo>
                  <a:lnTo>
                    <a:pt x="578" y="758"/>
                  </a:lnTo>
                  <a:lnTo>
                    <a:pt x="573" y="756"/>
                  </a:lnTo>
                  <a:lnTo>
                    <a:pt x="568" y="756"/>
                  </a:lnTo>
                  <a:lnTo>
                    <a:pt x="567" y="763"/>
                  </a:lnTo>
                  <a:lnTo>
                    <a:pt x="564" y="768"/>
                  </a:lnTo>
                  <a:lnTo>
                    <a:pt x="561" y="772"/>
                  </a:lnTo>
                  <a:lnTo>
                    <a:pt x="557" y="775"/>
                  </a:lnTo>
                  <a:lnTo>
                    <a:pt x="552" y="779"/>
                  </a:lnTo>
                  <a:lnTo>
                    <a:pt x="547" y="781"/>
                  </a:lnTo>
                  <a:lnTo>
                    <a:pt x="541" y="783"/>
                  </a:lnTo>
                  <a:lnTo>
                    <a:pt x="536" y="785"/>
                  </a:lnTo>
                  <a:lnTo>
                    <a:pt x="523" y="787"/>
                  </a:lnTo>
                  <a:lnTo>
                    <a:pt x="510" y="789"/>
                  </a:lnTo>
                  <a:lnTo>
                    <a:pt x="498" y="793"/>
                  </a:lnTo>
                  <a:lnTo>
                    <a:pt x="487" y="798"/>
                  </a:lnTo>
                  <a:lnTo>
                    <a:pt x="481" y="792"/>
                  </a:lnTo>
                  <a:lnTo>
                    <a:pt x="477" y="786"/>
                  </a:lnTo>
                  <a:lnTo>
                    <a:pt x="472" y="779"/>
                  </a:lnTo>
                  <a:lnTo>
                    <a:pt x="469" y="770"/>
                  </a:lnTo>
                  <a:lnTo>
                    <a:pt x="465" y="752"/>
                  </a:lnTo>
                  <a:lnTo>
                    <a:pt x="461" y="734"/>
                  </a:lnTo>
                  <a:lnTo>
                    <a:pt x="459" y="725"/>
                  </a:lnTo>
                  <a:lnTo>
                    <a:pt x="457" y="716"/>
                  </a:lnTo>
                  <a:lnTo>
                    <a:pt x="453" y="708"/>
                  </a:lnTo>
                  <a:lnTo>
                    <a:pt x="449" y="701"/>
                  </a:lnTo>
                  <a:lnTo>
                    <a:pt x="445" y="694"/>
                  </a:lnTo>
                  <a:lnTo>
                    <a:pt x="439" y="690"/>
                  </a:lnTo>
                  <a:lnTo>
                    <a:pt x="431" y="686"/>
                  </a:lnTo>
                  <a:lnTo>
                    <a:pt x="422" y="684"/>
                  </a:lnTo>
                  <a:lnTo>
                    <a:pt x="417" y="674"/>
                  </a:lnTo>
                  <a:lnTo>
                    <a:pt x="411" y="667"/>
                  </a:lnTo>
                  <a:lnTo>
                    <a:pt x="407" y="664"/>
                  </a:lnTo>
                  <a:lnTo>
                    <a:pt x="403" y="661"/>
                  </a:lnTo>
                  <a:lnTo>
                    <a:pt x="397" y="660"/>
                  </a:lnTo>
                  <a:lnTo>
                    <a:pt x="389" y="660"/>
                  </a:lnTo>
                  <a:lnTo>
                    <a:pt x="399" y="647"/>
                  </a:lnTo>
                  <a:lnTo>
                    <a:pt x="406" y="635"/>
                  </a:lnTo>
                  <a:lnTo>
                    <a:pt x="403" y="637"/>
                  </a:lnTo>
                  <a:lnTo>
                    <a:pt x="399" y="640"/>
                  </a:lnTo>
                  <a:lnTo>
                    <a:pt x="397" y="641"/>
                  </a:lnTo>
                  <a:lnTo>
                    <a:pt x="394" y="640"/>
                  </a:lnTo>
                  <a:lnTo>
                    <a:pt x="392" y="639"/>
                  </a:lnTo>
                  <a:lnTo>
                    <a:pt x="390" y="635"/>
                  </a:lnTo>
                  <a:lnTo>
                    <a:pt x="390" y="632"/>
                  </a:lnTo>
                  <a:lnTo>
                    <a:pt x="389" y="627"/>
                  </a:lnTo>
                  <a:lnTo>
                    <a:pt x="386" y="632"/>
                  </a:lnTo>
                  <a:lnTo>
                    <a:pt x="384" y="637"/>
                  </a:lnTo>
                  <a:lnTo>
                    <a:pt x="384" y="643"/>
                  </a:lnTo>
                  <a:lnTo>
                    <a:pt x="384" y="649"/>
                  </a:lnTo>
                  <a:lnTo>
                    <a:pt x="384" y="655"/>
                  </a:lnTo>
                  <a:lnTo>
                    <a:pt x="383" y="662"/>
                  </a:lnTo>
                  <a:lnTo>
                    <a:pt x="381" y="665"/>
                  </a:lnTo>
                  <a:lnTo>
                    <a:pt x="380" y="669"/>
                  </a:lnTo>
                  <a:lnTo>
                    <a:pt x="376" y="672"/>
                  </a:lnTo>
                  <a:lnTo>
                    <a:pt x="373" y="675"/>
                  </a:lnTo>
                  <a:lnTo>
                    <a:pt x="363" y="675"/>
                  </a:lnTo>
                  <a:lnTo>
                    <a:pt x="353" y="675"/>
                  </a:lnTo>
                  <a:lnTo>
                    <a:pt x="348" y="676"/>
                  </a:lnTo>
                  <a:lnTo>
                    <a:pt x="345" y="677"/>
                  </a:lnTo>
                  <a:lnTo>
                    <a:pt x="342" y="680"/>
                  </a:lnTo>
                  <a:lnTo>
                    <a:pt x="341" y="684"/>
                  </a:lnTo>
                  <a:lnTo>
                    <a:pt x="336" y="683"/>
                  </a:lnTo>
                  <a:lnTo>
                    <a:pt x="333" y="682"/>
                  </a:lnTo>
                  <a:lnTo>
                    <a:pt x="329" y="680"/>
                  </a:lnTo>
                  <a:lnTo>
                    <a:pt x="327" y="677"/>
                  </a:lnTo>
                  <a:lnTo>
                    <a:pt x="322" y="672"/>
                  </a:lnTo>
                  <a:lnTo>
                    <a:pt x="319" y="666"/>
                  </a:lnTo>
                  <a:lnTo>
                    <a:pt x="316" y="659"/>
                  </a:lnTo>
                  <a:lnTo>
                    <a:pt x="315" y="650"/>
                  </a:lnTo>
                  <a:lnTo>
                    <a:pt x="316" y="641"/>
                  </a:lnTo>
                  <a:lnTo>
                    <a:pt x="318" y="632"/>
                  </a:lnTo>
                  <a:lnTo>
                    <a:pt x="321" y="624"/>
                  </a:lnTo>
                  <a:lnTo>
                    <a:pt x="326" y="616"/>
                  </a:lnTo>
                  <a:lnTo>
                    <a:pt x="331" y="610"/>
                  </a:lnTo>
                  <a:lnTo>
                    <a:pt x="338" y="605"/>
                  </a:lnTo>
                  <a:lnTo>
                    <a:pt x="341" y="603"/>
                  </a:lnTo>
                  <a:lnTo>
                    <a:pt x="345" y="601"/>
                  </a:lnTo>
                  <a:lnTo>
                    <a:pt x="349" y="600"/>
                  </a:lnTo>
                  <a:lnTo>
                    <a:pt x="353" y="599"/>
                  </a:lnTo>
                  <a:lnTo>
                    <a:pt x="359" y="599"/>
                  </a:lnTo>
                  <a:lnTo>
                    <a:pt x="363" y="600"/>
                  </a:lnTo>
                  <a:lnTo>
                    <a:pt x="368" y="601"/>
                  </a:lnTo>
                  <a:lnTo>
                    <a:pt x="373" y="603"/>
                  </a:lnTo>
                  <a:lnTo>
                    <a:pt x="373" y="606"/>
                  </a:lnTo>
                  <a:lnTo>
                    <a:pt x="374" y="608"/>
                  </a:lnTo>
                  <a:lnTo>
                    <a:pt x="375" y="609"/>
                  </a:lnTo>
                  <a:lnTo>
                    <a:pt x="378" y="610"/>
                  </a:lnTo>
                  <a:lnTo>
                    <a:pt x="383" y="611"/>
                  </a:lnTo>
                  <a:lnTo>
                    <a:pt x="389" y="611"/>
                  </a:lnTo>
                  <a:lnTo>
                    <a:pt x="395" y="611"/>
                  </a:lnTo>
                  <a:lnTo>
                    <a:pt x="403" y="610"/>
                  </a:lnTo>
                  <a:lnTo>
                    <a:pt x="409" y="610"/>
                  </a:lnTo>
                  <a:lnTo>
                    <a:pt x="414" y="610"/>
                  </a:lnTo>
                  <a:lnTo>
                    <a:pt x="423" y="601"/>
                  </a:lnTo>
                  <a:lnTo>
                    <a:pt x="432" y="586"/>
                  </a:lnTo>
                  <a:lnTo>
                    <a:pt x="435" y="579"/>
                  </a:lnTo>
                  <a:lnTo>
                    <a:pt x="437" y="572"/>
                  </a:lnTo>
                  <a:lnTo>
                    <a:pt x="437" y="569"/>
                  </a:lnTo>
                  <a:lnTo>
                    <a:pt x="435" y="566"/>
                  </a:lnTo>
                  <a:lnTo>
                    <a:pt x="433" y="564"/>
                  </a:lnTo>
                  <a:lnTo>
                    <a:pt x="430" y="562"/>
                  </a:lnTo>
                  <a:lnTo>
                    <a:pt x="429" y="536"/>
                  </a:lnTo>
                  <a:lnTo>
                    <a:pt x="427" y="513"/>
                  </a:lnTo>
                  <a:lnTo>
                    <a:pt x="422" y="492"/>
                  </a:lnTo>
                  <a:lnTo>
                    <a:pt x="415" y="472"/>
                  </a:lnTo>
                  <a:lnTo>
                    <a:pt x="408" y="454"/>
                  </a:lnTo>
                  <a:lnTo>
                    <a:pt x="399" y="437"/>
                  </a:lnTo>
                  <a:lnTo>
                    <a:pt x="388" y="423"/>
                  </a:lnTo>
                  <a:lnTo>
                    <a:pt x="376" y="408"/>
                  </a:lnTo>
                  <a:lnTo>
                    <a:pt x="364" y="395"/>
                  </a:lnTo>
                  <a:lnTo>
                    <a:pt x="350" y="383"/>
                  </a:lnTo>
                  <a:lnTo>
                    <a:pt x="335" y="372"/>
                  </a:lnTo>
                  <a:lnTo>
                    <a:pt x="320" y="362"/>
                  </a:lnTo>
                  <a:lnTo>
                    <a:pt x="304" y="352"/>
                  </a:lnTo>
                  <a:lnTo>
                    <a:pt x="287" y="343"/>
                  </a:lnTo>
                  <a:lnTo>
                    <a:pt x="269" y="334"/>
                  </a:lnTo>
                  <a:lnTo>
                    <a:pt x="251" y="326"/>
                  </a:lnTo>
                  <a:lnTo>
                    <a:pt x="246" y="323"/>
                  </a:lnTo>
                  <a:lnTo>
                    <a:pt x="240" y="319"/>
                  </a:lnTo>
                  <a:lnTo>
                    <a:pt x="233" y="316"/>
                  </a:lnTo>
                  <a:lnTo>
                    <a:pt x="227" y="314"/>
                  </a:lnTo>
                  <a:lnTo>
                    <a:pt x="212" y="311"/>
                  </a:lnTo>
                  <a:lnTo>
                    <a:pt x="196" y="308"/>
                  </a:lnTo>
                  <a:lnTo>
                    <a:pt x="163" y="305"/>
                  </a:lnTo>
                  <a:lnTo>
                    <a:pt x="130" y="302"/>
                  </a:lnTo>
                  <a:lnTo>
                    <a:pt x="120" y="299"/>
                  </a:lnTo>
                  <a:lnTo>
                    <a:pt x="110" y="296"/>
                  </a:lnTo>
                  <a:lnTo>
                    <a:pt x="102" y="293"/>
                  </a:lnTo>
                  <a:lnTo>
                    <a:pt x="94" y="288"/>
                  </a:lnTo>
                  <a:lnTo>
                    <a:pt x="91" y="286"/>
                  </a:lnTo>
                  <a:lnTo>
                    <a:pt x="88" y="283"/>
                  </a:lnTo>
                  <a:lnTo>
                    <a:pt x="86" y="278"/>
                  </a:lnTo>
                  <a:lnTo>
                    <a:pt x="84" y="274"/>
                  </a:lnTo>
                  <a:lnTo>
                    <a:pt x="82" y="270"/>
                  </a:lnTo>
                  <a:lnTo>
                    <a:pt x="81" y="265"/>
                  </a:lnTo>
                  <a:lnTo>
                    <a:pt x="81" y="259"/>
                  </a:lnTo>
                  <a:lnTo>
                    <a:pt x="81" y="253"/>
                  </a:lnTo>
                  <a:lnTo>
                    <a:pt x="91" y="251"/>
                  </a:lnTo>
                  <a:lnTo>
                    <a:pt x="102" y="250"/>
                  </a:lnTo>
                  <a:lnTo>
                    <a:pt x="113" y="249"/>
                  </a:lnTo>
                  <a:lnTo>
                    <a:pt x="126" y="248"/>
                  </a:lnTo>
                  <a:lnTo>
                    <a:pt x="152" y="249"/>
                  </a:lnTo>
                  <a:lnTo>
                    <a:pt x="180" y="250"/>
                  </a:lnTo>
                  <a:lnTo>
                    <a:pt x="206" y="253"/>
                  </a:lnTo>
                  <a:lnTo>
                    <a:pt x="232" y="257"/>
                  </a:lnTo>
                  <a:lnTo>
                    <a:pt x="255" y="263"/>
                  </a:lnTo>
                  <a:lnTo>
                    <a:pt x="275" y="269"/>
                  </a:lnTo>
                  <a:lnTo>
                    <a:pt x="279" y="273"/>
                  </a:lnTo>
                  <a:lnTo>
                    <a:pt x="281" y="276"/>
                  </a:lnTo>
                  <a:lnTo>
                    <a:pt x="285" y="277"/>
                  </a:lnTo>
                  <a:lnTo>
                    <a:pt x="289" y="278"/>
                  </a:lnTo>
                  <a:lnTo>
                    <a:pt x="293" y="277"/>
                  </a:lnTo>
                  <a:lnTo>
                    <a:pt x="298" y="276"/>
                  </a:lnTo>
                  <a:lnTo>
                    <a:pt x="303" y="274"/>
                  </a:lnTo>
                  <a:lnTo>
                    <a:pt x="308" y="271"/>
                  </a:lnTo>
                  <a:lnTo>
                    <a:pt x="318" y="264"/>
                  </a:lnTo>
                  <a:lnTo>
                    <a:pt x="325" y="255"/>
                  </a:lnTo>
                  <a:lnTo>
                    <a:pt x="328" y="250"/>
                  </a:lnTo>
                  <a:lnTo>
                    <a:pt x="330" y="246"/>
                  </a:lnTo>
                  <a:lnTo>
                    <a:pt x="332" y="242"/>
                  </a:lnTo>
                  <a:lnTo>
                    <a:pt x="332" y="236"/>
                  </a:lnTo>
                  <a:lnTo>
                    <a:pt x="326" y="235"/>
                  </a:lnTo>
                  <a:lnTo>
                    <a:pt x="321" y="235"/>
                  </a:lnTo>
                  <a:lnTo>
                    <a:pt x="315" y="236"/>
                  </a:lnTo>
                  <a:lnTo>
                    <a:pt x="312" y="238"/>
                  </a:lnTo>
                  <a:lnTo>
                    <a:pt x="310" y="240"/>
                  </a:lnTo>
                  <a:lnTo>
                    <a:pt x="308" y="243"/>
                  </a:lnTo>
                  <a:lnTo>
                    <a:pt x="307" y="246"/>
                  </a:lnTo>
                  <a:lnTo>
                    <a:pt x="306" y="249"/>
                  </a:lnTo>
                  <a:lnTo>
                    <a:pt x="305" y="256"/>
                  </a:lnTo>
                  <a:lnTo>
                    <a:pt x="305" y="263"/>
                  </a:lnTo>
                  <a:lnTo>
                    <a:pt x="304" y="265"/>
                  </a:lnTo>
                  <a:lnTo>
                    <a:pt x="303" y="267"/>
                  </a:lnTo>
                  <a:lnTo>
                    <a:pt x="302" y="269"/>
                  </a:lnTo>
                  <a:lnTo>
                    <a:pt x="301" y="269"/>
                  </a:lnTo>
                  <a:lnTo>
                    <a:pt x="295" y="258"/>
                  </a:lnTo>
                  <a:lnTo>
                    <a:pt x="289" y="248"/>
                  </a:lnTo>
                  <a:lnTo>
                    <a:pt x="282" y="238"/>
                  </a:lnTo>
                  <a:lnTo>
                    <a:pt x="274" y="230"/>
                  </a:lnTo>
                  <a:lnTo>
                    <a:pt x="258" y="215"/>
                  </a:lnTo>
                  <a:lnTo>
                    <a:pt x="239" y="200"/>
                  </a:lnTo>
                  <a:lnTo>
                    <a:pt x="221" y="186"/>
                  </a:lnTo>
                  <a:lnTo>
                    <a:pt x="204" y="170"/>
                  </a:lnTo>
                  <a:lnTo>
                    <a:pt x="196" y="162"/>
                  </a:lnTo>
                  <a:lnTo>
                    <a:pt x="189" y="152"/>
                  </a:lnTo>
                  <a:lnTo>
                    <a:pt x="184" y="143"/>
                  </a:lnTo>
                  <a:lnTo>
                    <a:pt x="179" y="131"/>
                  </a:lnTo>
                  <a:lnTo>
                    <a:pt x="175" y="126"/>
                  </a:lnTo>
                  <a:lnTo>
                    <a:pt x="171" y="123"/>
                  </a:lnTo>
                  <a:lnTo>
                    <a:pt x="166" y="119"/>
                  </a:lnTo>
                  <a:lnTo>
                    <a:pt x="160" y="117"/>
                  </a:lnTo>
                  <a:lnTo>
                    <a:pt x="153" y="115"/>
                  </a:lnTo>
                  <a:lnTo>
                    <a:pt x="146" y="114"/>
                  </a:lnTo>
                  <a:lnTo>
                    <a:pt x="139" y="114"/>
                  </a:lnTo>
                  <a:lnTo>
                    <a:pt x="130" y="115"/>
                  </a:lnTo>
                  <a:lnTo>
                    <a:pt x="127" y="112"/>
                  </a:lnTo>
                  <a:lnTo>
                    <a:pt x="123" y="110"/>
                  </a:lnTo>
                  <a:lnTo>
                    <a:pt x="119" y="109"/>
                  </a:lnTo>
                  <a:lnTo>
                    <a:pt x="112" y="107"/>
                  </a:lnTo>
                  <a:lnTo>
                    <a:pt x="100" y="106"/>
                  </a:lnTo>
                  <a:lnTo>
                    <a:pt x="85" y="105"/>
                  </a:lnTo>
                  <a:lnTo>
                    <a:pt x="70" y="106"/>
                  </a:lnTo>
                  <a:lnTo>
                    <a:pt x="57" y="107"/>
                  </a:lnTo>
                  <a:lnTo>
                    <a:pt x="52" y="109"/>
                  </a:lnTo>
                  <a:lnTo>
                    <a:pt x="47" y="110"/>
                  </a:lnTo>
                  <a:lnTo>
                    <a:pt x="43" y="112"/>
                  </a:lnTo>
                  <a:lnTo>
                    <a:pt x="41" y="115"/>
                  </a:lnTo>
                  <a:lnTo>
                    <a:pt x="29" y="106"/>
                  </a:lnTo>
                  <a:lnTo>
                    <a:pt x="16" y="98"/>
                  </a:lnTo>
                  <a:lnTo>
                    <a:pt x="10" y="94"/>
                  </a:lnTo>
                  <a:lnTo>
                    <a:pt x="6" y="89"/>
                  </a:lnTo>
                  <a:lnTo>
                    <a:pt x="2" y="83"/>
                  </a:lnTo>
                  <a:lnTo>
                    <a:pt x="0" y="74"/>
                  </a:lnTo>
                  <a:lnTo>
                    <a:pt x="2" y="70"/>
                  </a:lnTo>
                  <a:lnTo>
                    <a:pt x="5" y="67"/>
                  </a:lnTo>
                  <a:lnTo>
                    <a:pt x="9" y="64"/>
                  </a:lnTo>
                  <a:lnTo>
                    <a:pt x="13" y="61"/>
                  </a:lnTo>
                  <a:lnTo>
                    <a:pt x="22" y="57"/>
                  </a:lnTo>
                  <a:lnTo>
                    <a:pt x="32" y="54"/>
                  </a:lnTo>
                  <a:lnTo>
                    <a:pt x="43" y="51"/>
                  </a:lnTo>
                  <a:lnTo>
                    <a:pt x="53" y="49"/>
                  </a:lnTo>
                  <a:lnTo>
                    <a:pt x="64" y="46"/>
                  </a:lnTo>
                  <a:lnTo>
                    <a:pt x="72" y="41"/>
                  </a:lnTo>
                  <a:lnTo>
                    <a:pt x="75" y="44"/>
                  </a:lnTo>
                  <a:lnTo>
                    <a:pt x="80" y="46"/>
                  </a:lnTo>
                  <a:lnTo>
                    <a:pt x="84" y="48"/>
                  </a:lnTo>
                  <a:lnTo>
                    <a:pt x="90" y="49"/>
                  </a:lnTo>
                  <a:lnTo>
                    <a:pt x="103" y="51"/>
                  </a:lnTo>
                  <a:lnTo>
                    <a:pt x="117" y="52"/>
                  </a:lnTo>
                  <a:lnTo>
                    <a:pt x="132" y="51"/>
                  </a:lnTo>
                  <a:lnTo>
                    <a:pt x="145" y="49"/>
                  </a:lnTo>
                  <a:lnTo>
                    <a:pt x="150" y="48"/>
                  </a:lnTo>
                  <a:lnTo>
                    <a:pt x="155" y="46"/>
                  </a:lnTo>
                  <a:lnTo>
                    <a:pt x="160" y="44"/>
                  </a:lnTo>
                  <a:lnTo>
                    <a:pt x="162" y="41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29" name="Kalundborg kant"/>
            <p:cNvSpPr>
              <a:spLocks/>
            </p:cNvSpPr>
            <p:nvPr/>
          </p:nvSpPr>
          <p:spPr bwMode="auto">
            <a:xfrm>
              <a:off x="2681288" y="4873625"/>
              <a:ext cx="465137" cy="422275"/>
            </a:xfrm>
            <a:custGeom>
              <a:avLst/>
              <a:gdLst>
                <a:gd name="T0" fmla="*/ 76 w 878"/>
                <a:gd name="T1" fmla="*/ 25 h 798"/>
                <a:gd name="T2" fmla="*/ 115 w 878"/>
                <a:gd name="T3" fmla="*/ 16 h 798"/>
                <a:gd name="T4" fmla="*/ 154 w 878"/>
                <a:gd name="T5" fmla="*/ 6 h 798"/>
                <a:gd name="T6" fmla="*/ 163 w 878"/>
                <a:gd name="T7" fmla="*/ 21 h 798"/>
                <a:gd name="T8" fmla="*/ 167 w 878"/>
                <a:gd name="T9" fmla="*/ 26 h 798"/>
                <a:gd name="T10" fmla="*/ 174 w 878"/>
                <a:gd name="T11" fmla="*/ 18 h 798"/>
                <a:gd name="T12" fmla="*/ 183 w 878"/>
                <a:gd name="T13" fmla="*/ 22 h 798"/>
                <a:gd name="T14" fmla="*/ 196 w 878"/>
                <a:gd name="T15" fmla="*/ 25 h 798"/>
                <a:gd name="T16" fmla="*/ 209 w 878"/>
                <a:gd name="T17" fmla="*/ 13 h 798"/>
                <a:gd name="T18" fmla="*/ 212 w 878"/>
                <a:gd name="T19" fmla="*/ 10 h 798"/>
                <a:gd name="T20" fmla="*/ 221 w 878"/>
                <a:gd name="T21" fmla="*/ 6 h 798"/>
                <a:gd name="T22" fmla="*/ 220 w 878"/>
                <a:gd name="T23" fmla="*/ 1 h 798"/>
                <a:gd name="T24" fmla="*/ 233 w 878"/>
                <a:gd name="T25" fmla="*/ 2 h 798"/>
                <a:gd name="T26" fmla="*/ 243 w 878"/>
                <a:gd name="T27" fmla="*/ 15 h 798"/>
                <a:gd name="T28" fmla="*/ 249 w 878"/>
                <a:gd name="T29" fmla="*/ 25 h 798"/>
                <a:gd name="T30" fmla="*/ 264 w 878"/>
                <a:gd name="T31" fmla="*/ 24 h 798"/>
                <a:gd name="T32" fmla="*/ 250 w 878"/>
                <a:gd name="T33" fmla="*/ 64 h 798"/>
                <a:gd name="T34" fmla="*/ 250 w 878"/>
                <a:gd name="T35" fmla="*/ 86 h 798"/>
                <a:gd name="T36" fmla="*/ 241 w 878"/>
                <a:gd name="T37" fmla="*/ 102 h 798"/>
                <a:gd name="T38" fmla="*/ 247 w 878"/>
                <a:gd name="T39" fmla="*/ 112 h 798"/>
                <a:gd name="T40" fmla="*/ 263 w 878"/>
                <a:gd name="T41" fmla="*/ 147 h 798"/>
                <a:gd name="T42" fmla="*/ 282 w 878"/>
                <a:gd name="T43" fmla="*/ 165 h 798"/>
                <a:gd name="T44" fmla="*/ 282 w 878"/>
                <a:gd name="T45" fmla="*/ 179 h 798"/>
                <a:gd name="T46" fmla="*/ 291 w 878"/>
                <a:gd name="T47" fmla="*/ 183 h 798"/>
                <a:gd name="T48" fmla="*/ 248 w 878"/>
                <a:gd name="T49" fmla="*/ 184 h 798"/>
                <a:gd name="T50" fmla="*/ 226 w 878"/>
                <a:gd name="T51" fmla="*/ 194 h 798"/>
                <a:gd name="T52" fmla="*/ 241 w 878"/>
                <a:gd name="T53" fmla="*/ 207 h 798"/>
                <a:gd name="T54" fmla="*/ 267 w 878"/>
                <a:gd name="T55" fmla="*/ 213 h 798"/>
                <a:gd name="T56" fmla="*/ 267 w 878"/>
                <a:gd name="T57" fmla="*/ 221 h 798"/>
                <a:gd name="T58" fmla="*/ 264 w 878"/>
                <a:gd name="T59" fmla="*/ 245 h 798"/>
                <a:gd name="T60" fmla="*/ 245 w 878"/>
                <a:gd name="T61" fmla="*/ 265 h 798"/>
                <a:gd name="T62" fmla="*/ 232 w 878"/>
                <a:gd name="T63" fmla="*/ 250 h 798"/>
                <a:gd name="T64" fmla="*/ 210 w 878"/>
                <a:gd name="T65" fmla="*/ 262 h 798"/>
                <a:gd name="T66" fmla="*/ 197 w 878"/>
                <a:gd name="T67" fmla="*/ 255 h 798"/>
                <a:gd name="T68" fmla="*/ 187 w 878"/>
                <a:gd name="T69" fmla="*/ 257 h 798"/>
                <a:gd name="T70" fmla="*/ 166 w 878"/>
                <a:gd name="T71" fmla="*/ 264 h 798"/>
                <a:gd name="T72" fmla="*/ 153 w 878"/>
                <a:gd name="T73" fmla="*/ 242 h 798"/>
                <a:gd name="T74" fmla="*/ 139 w 878"/>
                <a:gd name="T75" fmla="*/ 225 h 798"/>
                <a:gd name="T76" fmla="*/ 134 w 878"/>
                <a:gd name="T77" fmla="*/ 212 h 798"/>
                <a:gd name="T78" fmla="*/ 129 w 878"/>
                <a:gd name="T79" fmla="*/ 211 h 798"/>
                <a:gd name="T80" fmla="*/ 125 w 878"/>
                <a:gd name="T81" fmla="*/ 224 h 798"/>
                <a:gd name="T82" fmla="*/ 112 w 878"/>
                <a:gd name="T83" fmla="*/ 228 h 798"/>
                <a:gd name="T84" fmla="*/ 105 w 878"/>
                <a:gd name="T85" fmla="*/ 214 h 798"/>
                <a:gd name="T86" fmla="*/ 116 w 878"/>
                <a:gd name="T87" fmla="*/ 200 h 798"/>
                <a:gd name="T88" fmla="*/ 125 w 878"/>
                <a:gd name="T89" fmla="*/ 203 h 798"/>
                <a:gd name="T90" fmla="*/ 141 w 878"/>
                <a:gd name="T91" fmla="*/ 200 h 798"/>
                <a:gd name="T92" fmla="*/ 143 w 878"/>
                <a:gd name="T93" fmla="*/ 179 h 798"/>
                <a:gd name="T94" fmla="*/ 121 w 878"/>
                <a:gd name="T95" fmla="*/ 132 h 798"/>
                <a:gd name="T96" fmla="*/ 82 w 878"/>
                <a:gd name="T97" fmla="*/ 108 h 798"/>
                <a:gd name="T98" fmla="*/ 40 w 878"/>
                <a:gd name="T99" fmla="*/ 100 h 798"/>
                <a:gd name="T100" fmla="*/ 27 w 878"/>
                <a:gd name="T101" fmla="*/ 90 h 798"/>
                <a:gd name="T102" fmla="*/ 51 w 878"/>
                <a:gd name="T103" fmla="*/ 83 h 798"/>
                <a:gd name="T104" fmla="*/ 95 w 878"/>
                <a:gd name="T105" fmla="*/ 92 h 798"/>
                <a:gd name="T106" fmla="*/ 109 w 878"/>
                <a:gd name="T107" fmla="*/ 83 h 798"/>
                <a:gd name="T108" fmla="*/ 103 w 878"/>
                <a:gd name="T109" fmla="*/ 80 h 798"/>
                <a:gd name="T110" fmla="*/ 101 w 878"/>
                <a:gd name="T111" fmla="*/ 90 h 798"/>
                <a:gd name="T112" fmla="*/ 74 w 878"/>
                <a:gd name="T113" fmla="*/ 62 h 798"/>
                <a:gd name="T114" fmla="*/ 55 w 878"/>
                <a:gd name="T115" fmla="*/ 40 h 798"/>
                <a:gd name="T116" fmla="*/ 40 w 878"/>
                <a:gd name="T117" fmla="*/ 36 h 798"/>
                <a:gd name="T118" fmla="*/ 14 w 878"/>
                <a:gd name="T119" fmla="*/ 37 h 798"/>
                <a:gd name="T120" fmla="*/ 1 w 878"/>
                <a:gd name="T121" fmla="*/ 23 h 798"/>
                <a:gd name="T122" fmla="*/ 21 w 878"/>
                <a:gd name="T123" fmla="*/ 15 h 798"/>
                <a:gd name="T124" fmla="*/ 44 w 878"/>
                <a:gd name="T125" fmla="*/ 17 h 79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878" h="798">
                  <a:moveTo>
                    <a:pt x="162" y="41"/>
                  </a:moveTo>
                  <a:lnTo>
                    <a:pt x="172" y="50"/>
                  </a:lnTo>
                  <a:lnTo>
                    <a:pt x="182" y="57"/>
                  </a:lnTo>
                  <a:lnTo>
                    <a:pt x="191" y="63"/>
                  </a:lnTo>
                  <a:lnTo>
                    <a:pt x="201" y="68"/>
                  </a:lnTo>
                  <a:lnTo>
                    <a:pt x="210" y="71"/>
                  </a:lnTo>
                  <a:lnTo>
                    <a:pt x="220" y="74"/>
                  </a:lnTo>
                  <a:lnTo>
                    <a:pt x="228" y="76"/>
                  </a:lnTo>
                  <a:lnTo>
                    <a:pt x="238" y="77"/>
                  </a:lnTo>
                  <a:lnTo>
                    <a:pt x="247" y="77"/>
                  </a:lnTo>
                  <a:lnTo>
                    <a:pt x="255" y="77"/>
                  </a:lnTo>
                  <a:lnTo>
                    <a:pt x="265" y="76"/>
                  </a:lnTo>
                  <a:lnTo>
                    <a:pt x="274" y="74"/>
                  </a:lnTo>
                  <a:lnTo>
                    <a:pt x="292" y="70"/>
                  </a:lnTo>
                  <a:lnTo>
                    <a:pt x="310" y="64"/>
                  </a:lnTo>
                  <a:lnTo>
                    <a:pt x="345" y="49"/>
                  </a:lnTo>
                  <a:lnTo>
                    <a:pt x="381" y="33"/>
                  </a:lnTo>
                  <a:lnTo>
                    <a:pt x="400" y="27"/>
                  </a:lnTo>
                  <a:lnTo>
                    <a:pt x="418" y="21"/>
                  </a:lnTo>
                  <a:lnTo>
                    <a:pt x="427" y="19"/>
                  </a:lnTo>
                  <a:lnTo>
                    <a:pt x="435" y="18"/>
                  </a:lnTo>
                  <a:lnTo>
                    <a:pt x="445" y="17"/>
                  </a:lnTo>
                  <a:lnTo>
                    <a:pt x="454" y="17"/>
                  </a:lnTo>
                  <a:lnTo>
                    <a:pt x="460" y="18"/>
                  </a:lnTo>
                  <a:lnTo>
                    <a:pt x="463" y="20"/>
                  </a:lnTo>
                  <a:lnTo>
                    <a:pt x="466" y="24"/>
                  </a:lnTo>
                  <a:lnTo>
                    <a:pt x="469" y="28"/>
                  </a:lnTo>
                  <a:lnTo>
                    <a:pt x="472" y="36"/>
                  </a:lnTo>
                  <a:lnTo>
                    <a:pt x="475" y="45"/>
                  </a:lnTo>
                  <a:lnTo>
                    <a:pt x="480" y="53"/>
                  </a:lnTo>
                  <a:lnTo>
                    <a:pt x="485" y="60"/>
                  </a:lnTo>
                  <a:lnTo>
                    <a:pt x="488" y="64"/>
                  </a:lnTo>
                  <a:lnTo>
                    <a:pt x="492" y="65"/>
                  </a:lnTo>
                  <a:lnTo>
                    <a:pt x="498" y="66"/>
                  </a:lnTo>
                  <a:lnTo>
                    <a:pt x="504" y="66"/>
                  </a:lnTo>
                  <a:lnTo>
                    <a:pt x="500" y="71"/>
                  </a:lnTo>
                  <a:lnTo>
                    <a:pt x="498" y="74"/>
                  </a:lnTo>
                  <a:lnTo>
                    <a:pt x="498" y="77"/>
                  </a:lnTo>
                  <a:lnTo>
                    <a:pt x="498" y="78"/>
                  </a:lnTo>
                  <a:lnTo>
                    <a:pt x="499" y="79"/>
                  </a:lnTo>
                  <a:lnTo>
                    <a:pt x="500" y="79"/>
                  </a:lnTo>
                  <a:lnTo>
                    <a:pt x="503" y="78"/>
                  </a:lnTo>
                  <a:lnTo>
                    <a:pt x="505" y="77"/>
                  </a:lnTo>
                  <a:lnTo>
                    <a:pt x="511" y="73"/>
                  </a:lnTo>
                  <a:lnTo>
                    <a:pt x="517" y="66"/>
                  </a:lnTo>
                  <a:lnTo>
                    <a:pt x="518" y="63"/>
                  </a:lnTo>
                  <a:lnTo>
                    <a:pt x="520" y="58"/>
                  </a:lnTo>
                  <a:lnTo>
                    <a:pt x="520" y="54"/>
                  </a:lnTo>
                  <a:lnTo>
                    <a:pt x="520" y="50"/>
                  </a:lnTo>
                  <a:lnTo>
                    <a:pt x="524" y="51"/>
                  </a:lnTo>
                  <a:lnTo>
                    <a:pt x="528" y="54"/>
                  </a:lnTo>
                  <a:lnTo>
                    <a:pt x="532" y="58"/>
                  </a:lnTo>
                  <a:lnTo>
                    <a:pt x="537" y="63"/>
                  </a:lnTo>
                  <a:lnTo>
                    <a:pt x="541" y="66"/>
                  </a:lnTo>
                  <a:lnTo>
                    <a:pt x="545" y="67"/>
                  </a:lnTo>
                  <a:lnTo>
                    <a:pt x="547" y="67"/>
                  </a:lnTo>
                  <a:lnTo>
                    <a:pt x="549" y="65"/>
                  </a:lnTo>
                  <a:lnTo>
                    <a:pt x="550" y="61"/>
                  </a:lnTo>
                  <a:lnTo>
                    <a:pt x="552" y="58"/>
                  </a:lnTo>
                  <a:lnTo>
                    <a:pt x="562" y="63"/>
                  </a:lnTo>
                  <a:lnTo>
                    <a:pt x="570" y="68"/>
                  </a:lnTo>
                  <a:lnTo>
                    <a:pt x="576" y="71"/>
                  </a:lnTo>
                  <a:lnTo>
                    <a:pt x="580" y="73"/>
                  </a:lnTo>
                  <a:lnTo>
                    <a:pt x="586" y="74"/>
                  </a:lnTo>
                  <a:lnTo>
                    <a:pt x="592" y="74"/>
                  </a:lnTo>
                  <a:lnTo>
                    <a:pt x="597" y="66"/>
                  </a:lnTo>
                  <a:lnTo>
                    <a:pt x="602" y="59"/>
                  </a:lnTo>
                  <a:lnTo>
                    <a:pt x="609" y="54"/>
                  </a:lnTo>
                  <a:lnTo>
                    <a:pt x="618" y="50"/>
                  </a:lnTo>
                  <a:lnTo>
                    <a:pt x="621" y="50"/>
                  </a:lnTo>
                  <a:lnTo>
                    <a:pt x="625" y="50"/>
                  </a:lnTo>
                  <a:lnTo>
                    <a:pt x="626" y="39"/>
                  </a:lnTo>
                  <a:lnTo>
                    <a:pt x="626" y="30"/>
                  </a:lnTo>
                  <a:lnTo>
                    <a:pt x="626" y="26"/>
                  </a:lnTo>
                  <a:lnTo>
                    <a:pt x="628" y="21"/>
                  </a:lnTo>
                  <a:lnTo>
                    <a:pt x="630" y="19"/>
                  </a:lnTo>
                  <a:lnTo>
                    <a:pt x="633" y="17"/>
                  </a:lnTo>
                  <a:lnTo>
                    <a:pt x="634" y="23"/>
                  </a:lnTo>
                  <a:lnTo>
                    <a:pt x="636" y="28"/>
                  </a:lnTo>
                  <a:lnTo>
                    <a:pt x="636" y="30"/>
                  </a:lnTo>
                  <a:lnTo>
                    <a:pt x="638" y="32"/>
                  </a:lnTo>
                  <a:lnTo>
                    <a:pt x="639" y="33"/>
                  </a:lnTo>
                  <a:lnTo>
                    <a:pt x="642" y="33"/>
                  </a:lnTo>
                  <a:lnTo>
                    <a:pt x="642" y="30"/>
                  </a:lnTo>
                  <a:lnTo>
                    <a:pt x="644" y="27"/>
                  </a:lnTo>
                  <a:lnTo>
                    <a:pt x="647" y="24"/>
                  </a:lnTo>
                  <a:lnTo>
                    <a:pt x="651" y="21"/>
                  </a:lnTo>
                  <a:lnTo>
                    <a:pt x="661" y="17"/>
                  </a:lnTo>
                  <a:lnTo>
                    <a:pt x="670" y="15"/>
                  </a:lnTo>
                  <a:lnTo>
                    <a:pt x="678" y="13"/>
                  </a:lnTo>
                  <a:lnTo>
                    <a:pt x="680" y="12"/>
                  </a:lnTo>
                  <a:lnTo>
                    <a:pt x="673" y="11"/>
                  </a:lnTo>
                  <a:lnTo>
                    <a:pt x="658" y="9"/>
                  </a:lnTo>
                  <a:lnTo>
                    <a:pt x="658" y="6"/>
                  </a:lnTo>
                  <a:lnTo>
                    <a:pt x="659" y="4"/>
                  </a:lnTo>
                  <a:lnTo>
                    <a:pt x="660" y="3"/>
                  </a:lnTo>
                  <a:lnTo>
                    <a:pt x="662" y="1"/>
                  </a:lnTo>
                  <a:lnTo>
                    <a:pt x="667" y="0"/>
                  </a:lnTo>
                  <a:lnTo>
                    <a:pt x="673" y="0"/>
                  </a:lnTo>
                  <a:lnTo>
                    <a:pt x="680" y="0"/>
                  </a:lnTo>
                  <a:lnTo>
                    <a:pt x="687" y="1"/>
                  </a:lnTo>
                  <a:lnTo>
                    <a:pt x="693" y="1"/>
                  </a:lnTo>
                  <a:lnTo>
                    <a:pt x="699" y="1"/>
                  </a:lnTo>
                  <a:lnTo>
                    <a:pt x="699" y="7"/>
                  </a:lnTo>
                  <a:lnTo>
                    <a:pt x="701" y="12"/>
                  </a:lnTo>
                  <a:lnTo>
                    <a:pt x="703" y="17"/>
                  </a:lnTo>
                  <a:lnTo>
                    <a:pt x="705" y="20"/>
                  </a:lnTo>
                  <a:lnTo>
                    <a:pt x="711" y="28"/>
                  </a:lnTo>
                  <a:lnTo>
                    <a:pt x="719" y="33"/>
                  </a:lnTo>
                  <a:lnTo>
                    <a:pt x="722" y="36"/>
                  </a:lnTo>
                  <a:lnTo>
                    <a:pt x="725" y="40"/>
                  </a:lnTo>
                  <a:lnTo>
                    <a:pt x="728" y="44"/>
                  </a:lnTo>
                  <a:lnTo>
                    <a:pt x="730" y="48"/>
                  </a:lnTo>
                  <a:lnTo>
                    <a:pt x="732" y="53"/>
                  </a:lnTo>
                  <a:lnTo>
                    <a:pt x="732" y="59"/>
                  </a:lnTo>
                  <a:lnTo>
                    <a:pt x="732" y="66"/>
                  </a:lnTo>
                  <a:lnTo>
                    <a:pt x="731" y="74"/>
                  </a:lnTo>
                  <a:lnTo>
                    <a:pt x="737" y="75"/>
                  </a:lnTo>
                  <a:lnTo>
                    <a:pt x="742" y="75"/>
                  </a:lnTo>
                  <a:lnTo>
                    <a:pt x="747" y="75"/>
                  </a:lnTo>
                  <a:lnTo>
                    <a:pt x="752" y="75"/>
                  </a:lnTo>
                  <a:lnTo>
                    <a:pt x="761" y="73"/>
                  </a:lnTo>
                  <a:lnTo>
                    <a:pt x="769" y="70"/>
                  </a:lnTo>
                  <a:lnTo>
                    <a:pt x="776" y="69"/>
                  </a:lnTo>
                  <a:lnTo>
                    <a:pt x="783" y="68"/>
                  </a:lnTo>
                  <a:lnTo>
                    <a:pt x="786" y="68"/>
                  </a:lnTo>
                  <a:lnTo>
                    <a:pt x="789" y="69"/>
                  </a:lnTo>
                  <a:lnTo>
                    <a:pt x="792" y="71"/>
                  </a:lnTo>
                  <a:lnTo>
                    <a:pt x="796" y="74"/>
                  </a:lnTo>
                  <a:lnTo>
                    <a:pt x="795" y="88"/>
                  </a:lnTo>
                  <a:lnTo>
                    <a:pt x="791" y="103"/>
                  </a:lnTo>
                  <a:lnTo>
                    <a:pt x="787" y="115"/>
                  </a:lnTo>
                  <a:lnTo>
                    <a:pt x="782" y="129"/>
                  </a:lnTo>
                  <a:lnTo>
                    <a:pt x="768" y="154"/>
                  </a:lnTo>
                  <a:lnTo>
                    <a:pt x="756" y="179"/>
                  </a:lnTo>
                  <a:lnTo>
                    <a:pt x="750" y="192"/>
                  </a:lnTo>
                  <a:lnTo>
                    <a:pt x="745" y="204"/>
                  </a:lnTo>
                  <a:lnTo>
                    <a:pt x="743" y="216"/>
                  </a:lnTo>
                  <a:lnTo>
                    <a:pt x="742" y="228"/>
                  </a:lnTo>
                  <a:lnTo>
                    <a:pt x="742" y="234"/>
                  </a:lnTo>
                  <a:lnTo>
                    <a:pt x="743" y="240"/>
                  </a:lnTo>
                  <a:lnTo>
                    <a:pt x="744" y="247"/>
                  </a:lnTo>
                  <a:lnTo>
                    <a:pt x="746" y="252"/>
                  </a:lnTo>
                  <a:lnTo>
                    <a:pt x="749" y="258"/>
                  </a:lnTo>
                  <a:lnTo>
                    <a:pt x="753" y="265"/>
                  </a:lnTo>
                  <a:lnTo>
                    <a:pt x="758" y="271"/>
                  </a:lnTo>
                  <a:lnTo>
                    <a:pt x="764" y="277"/>
                  </a:lnTo>
                  <a:lnTo>
                    <a:pt x="746" y="287"/>
                  </a:lnTo>
                  <a:lnTo>
                    <a:pt x="730" y="296"/>
                  </a:lnTo>
                  <a:lnTo>
                    <a:pt x="726" y="299"/>
                  </a:lnTo>
                  <a:lnTo>
                    <a:pt x="723" y="304"/>
                  </a:lnTo>
                  <a:lnTo>
                    <a:pt x="721" y="307"/>
                  </a:lnTo>
                  <a:lnTo>
                    <a:pt x="719" y="311"/>
                  </a:lnTo>
                  <a:lnTo>
                    <a:pt x="717" y="316"/>
                  </a:lnTo>
                  <a:lnTo>
                    <a:pt x="716" y="322"/>
                  </a:lnTo>
                  <a:lnTo>
                    <a:pt x="715" y="328"/>
                  </a:lnTo>
                  <a:lnTo>
                    <a:pt x="715" y="334"/>
                  </a:lnTo>
                  <a:lnTo>
                    <a:pt x="725" y="334"/>
                  </a:lnTo>
                  <a:lnTo>
                    <a:pt x="735" y="334"/>
                  </a:lnTo>
                  <a:lnTo>
                    <a:pt x="739" y="335"/>
                  </a:lnTo>
                  <a:lnTo>
                    <a:pt x="743" y="336"/>
                  </a:lnTo>
                  <a:lnTo>
                    <a:pt x="746" y="338"/>
                  </a:lnTo>
                  <a:lnTo>
                    <a:pt x="747" y="343"/>
                  </a:lnTo>
                  <a:lnTo>
                    <a:pt x="755" y="366"/>
                  </a:lnTo>
                  <a:lnTo>
                    <a:pt x="762" y="389"/>
                  </a:lnTo>
                  <a:lnTo>
                    <a:pt x="770" y="410"/>
                  </a:lnTo>
                  <a:lnTo>
                    <a:pt x="782" y="430"/>
                  </a:lnTo>
                  <a:lnTo>
                    <a:pt x="787" y="440"/>
                  </a:lnTo>
                  <a:lnTo>
                    <a:pt x="793" y="448"/>
                  </a:lnTo>
                  <a:lnTo>
                    <a:pt x="801" y="456"/>
                  </a:lnTo>
                  <a:lnTo>
                    <a:pt x="808" y="464"/>
                  </a:lnTo>
                  <a:lnTo>
                    <a:pt x="817" y="471"/>
                  </a:lnTo>
                  <a:lnTo>
                    <a:pt x="825" y="477"/>
                  </a:lnTo>
                  <a:lnTo>
                    <a:pt x="835" y="484"/>
                  </a:lnTo>
                  <a:lnTo>
                    <a:pt x="845" y="489"/>
                  </a:lnTo>
                  <a:lnTo>
                    <a:pt x="846" y="496"/>
                  </a:lnTo>
                  <a:lnTo>
                    <a:pt x="845" y="504"/>
                  </a:lnTo>
                  <a:lnTo>
                    <a:pt x="843" y="508"/>
                  </a:lnTo>
                  <a:lnTo>
                    <a:pt x="841" y="513"/>
                  </a:lnTo>
                  <a:lnTo>
                    <a:pt x="838" y="517"/>
                  </a:lnTo>
                  <a:lnTo>
                    <a:pt x="837" y="523"/>
                  </a:lnTo>
                  <a:lnTo>
                    <a:pt x="836" y="529"/>
                  </a:lnTo>
                  <a:lnTo>
                    <a:pt x="837" y="537"/>
                  </a:lnTo>
                  <a:lnTo>
                    <a:pt x="845" y="537"/>
                  </a:lnTo>
                  <a:lnTo>
                    <a:pt x="852" y="536"/>
                  </a:lnTo>
                  <a:lnTo>
                    <a:pt x="859" y="534"/>
                  </a:lnTo>
                  <a:lnTo>
                    <a:pt x="864" y="533"/>
                  </a:lnTo>
                  <a:lnTo>
                    <a:pt x="868" y="532"/>
                  </a:lnTo>
                  <a:lnTo>
                    <a:pt x="871" y="533"/>
                  </a:lnTo>
                  <a:lnTo>
                    <a:pt x="875" y="537"/>
                  </a:lnTo>
                  <a:lnTo>
                    <a:pt x="878" y="546"/>
                  </a:lnTo>
                  <a:lnTo>
                    <a:pt x="872" y="548"/>
                  </a:lnTo>
                  <a:lnTo>
                    <a:pt x="866" y="550"/>
                  </a:lnTo>
                  <a:lnTo>
                    <a:pt x="860" y="551"/>
                  </a:lnTo>
                  <a:lnTo>
                    <a:pt x="854" y="552"/>
                  </a:lnTo>
                  <a:lnTo>
                    <a:pt x="840" y="554"/>
                  </a:lnTo>
                  <a:lnTo>
                    <a:pt x="824" y="554"/>
                  </a:lnTo>
                  <a:lnTo>
                    <a:pt x="792" y="552"/>
                  </a:lnTo>
                  <a:lnTo>
                    <a:pt x="760" y="551"/>
                  </a:lnTo>
                  <a:lnTo>
                    <a:pt x="744" y="551"/>
                  </a:lnTo>
                  <a:lnTo>
                    <a:pt x="729" y="553"/>
                  </a:lnTo>
                  <a:lnTo>
                    <a:pt x="715" y="555"/>
                  </a:lnTo>
                  <a:lnTo>
                    <a:pt x="702" y="560"/>
                  </a:lnTo>
                  <a:lnTo>
                    <a:pt x="696" y="563"/>
                  </a:lnTo>
                  <a:lnTo>
                    <a:pt x="690" y="567"/>
                  </a:lnTo>
                  <a:lnTo>
                    <a:pt x="685" y="571"/>
                  </a:lnTo>
                  <a:lnTo>
                    <a:pt x="680" y="575"/>
                  </a:lnTo>
                  <a:lnTo>
                    <a:pt x="676" y="581"/>
                  </a:lnTo>
                  <a:lnTo>
                    <a:pt x="671" y="587"/>
                  </a:lnTo>
                  <a:lnTo>
                    <a:pt x="668" y="594"/>
                  </a:lnTo>
                  <a:lnTo>
                    <a:pt x="666" y="603"/>
                  </a:lnTo>
                  <a:lnTo>
                    <a:pt x="677" y="604"/>
                  </a:lnTo>
                  <a:lnTo>
                    <a:pt x="687" y="605"/>
                  </a:lnTo>
                  <a:lnTo>
                    <a:pt x="697" y="608"/>
                  </a:lnTo>
                  <a:lnTo>
                    <a:pt x="705" y="611"/>
                  </a:lnTo>
                  <a:lnTo>
                    <a:pt x="722" y="620"/>
                  </a:lnTo>
                  <a:lnTo>
                    <a:pt x="739" y="628"/>
                  </a:lnTo>
                  <a:lnTo>
                    <a:pt x="746" y="632"/>
                  </a:lnTo>
                  <a:lnTo>
                    <a:pt x="755" y="636"/>
                  </a:lnTo>
                  <a:lnTo>
                    <a:pt x="763" y="639"/>
                  </a:lnTo>
                  <a:lnTo>
                    <a:pt x="771" y="641"/>
                  </a:lnTo>
                  <a:lnTo>
                    <a:pt x="781" y="642"/>
                  </a:lnTo>
                  <a:lnTo>
                    <a:pt x="790" y="641"/>
                  </a:lnTo>
                  <a:lnTo>
                    <a:pt x="801" y="639"/>
                  </a:lnTo>
                  <a:lnTo>
                    <a:pt x="812" y="635"/>
                  </a:lnTo>
                  <a:lnTo>
                    <a:pt x="806" y="641"/>
                  </a:lnTo>
                  <a:lnTo>
                    <a:pt x="802" y="645"/>
                  </a:lnTo>
                  <a:lnTo>
                    <a:pt x="799" y="649"/>
                  </a:lnTo>
                  <a:lnTo>
                    <a:pt x="798" y="653"/>
                  </a:lnTo>
                  <a:lnTo>
                    <a:pt x="798" y="656"/>
                  </a:lnTo>
                  <a:lnTo>
                    <a:pt x="798" y="660"/>
                  </a:lnTo>
                  <a:lnTo>
                    <a:pt x="800" y="663"/>
                  </a:lnTo>
                  <a:lnTo>
                    <a:pt x="802" y="666"/>
                  </a:lnTo>
                  <a:lnTo>
                    <a:pt x="815" y="677"/>
                  </a:lnTo>
                  <a:lnTo>
                    <a:pt x="828" y="692"/>
                  </a:lnTo>
                  <a:lnTo>
                    <a:pt x="821" y="697"/>
                  </a:lnTo>
                  <a:lnTo>
                    <a:pt x="813" y="704"/>
                  </a:lnTo>
                  <a:lnTo>
                    <a:pt x="807" y="710"/>
                  </a:lnTo>
                  <a:lnTo>
                    <a:pt x="802" y="719"/>
                  </a:lnTo>
                  <a:lnTo>
                    <a:pt x="792" y="735"/>
                  </a:lnTo>
                  <a:lnTo>
                    <a:pt x="784" y="752"/>
                  </a:lnTo>
                  <a:lnTo>
                    <a:pt x="779" y="761"/>
                  </a:lnTo>
                  <a:lnTo>
                    <a:pt x="773" y="769"/>
                  </a:lnTo>
                  <a:lnTo>
                    <a:pt x="767" y="776"/>
                  </a:lnTo>
                  <a:lnTo>
                    <a:pt x="761" y="783"/>
                  </a:lnTo>
                  <a:lnTo>
                    <a:pt x="753" y="788"/>
                  </a:lnTo>
                  <a:lnTo>
                    <a:pt x="745" y="792"/>
                  </a:lnTo>
                  <a:lnTo>
                    <a:pt x="735" y="795"/>
                  </a:lnTo>
                  <a:lnTo>
                    <a:pt x="723" y="798"/>
                  </a:lnTo>
                  <a:lnTo>
                    <a:pt x="719" y="782"/>
                  </a:lnTo>
                  <a:lnTo>
                    <a:pt x="713" y="766"/>
                  </a:lnTo>
                  <a:lnTo>
                    <a:pt x="710" y="760"/>
                  </a:lnTo>
                  <a:lnTo>
                    <a:pt x="705" y="754"/>
                  </a:lnTo>
                  <a:lnTo>
                    <a:pt x="702" y="752"/>
                  </a:lnTo>
                  <a:lnTo>
                    <a:pt x="699" y="750"/>
                  </a:lnTo>
                  <a:lnTo>
                    <a:pt x="695" y="749"/>
                  </a:lnTo>
                  <a:lnTo>
                    <a:pt x="690" y="749"/>
                  </a:lnTo>
                  <a:lnTo>
                    <a:pt x="681" y="753"/>
                  </a:lnTo>
                  <a:lnTo>
                    <a:pt x="671" y="759"/>
                  </a:lnTo>
                  <a:lnTo>
                    <a:pt x="663" y="764"/>
                  </a:lnTo>
                  <a:lnTo>
                    <a:pt x="654" y="770"/>
                  </a:lnTo>
                  <a:lnTo>
                    <a:pt x="646" y="775"/>
                  </a:lnTo>
                  <a:lnTo>
                    <a:pt x="638" y="781"/>
                  </a:lnTo>
                  <a:lnTo>
                    <a:pt x="628" y="786"/>
                  </a:lnTo>
                  <a:lnTo>
                    <a:pt x="618" y="789"/>
                  </a:lnTo>
                  <a:lnTo>
                    <a:pt x="613" y="788"/>
                  </a:lnTo>
                  <a:lnTo>
                    <a:pt x="610" y="786"/>
                  </a:lnTo>
                  <a:lnTo>
                    <a:pt x="607" y="784"/>
                  </a:lnTo>
                  <a:lnTo>
                    <a:pt x="604" y="782"/>
                  </a:lnTo>
                  <a:lnTo>
                    <a:pt x="600" y="776"/>
                  </a:lnTo>
                  <a:lnTo>
                    <a:pt x="596" y="770"/>
                  </a:lnTo>
                  <a:lnTo>
                    <a:pt x="590" y="765"/>
                  </a:lnTo>
                  <a:lnTo>
                    <a:pt x="585" y="761"/>
                  </a:lnTo>
                  <a:lnTo>
                    <a:pt x="582" y="759"/>
                  </a:lnTo>
                  <a:lnTo>
                    <a:pt x="578" y="758"/>
                  </a:lnTo>
                  <a:lnTo>
                    <a:pt x="573" y="756"/>
                  </a:lnTo>
                  <a:lnTo>
                    <a:pt x="568" y="756"/>
                  </a:lnTo>
                  <a:lnTo>
                    <a:pt x="567" y="763"/>
                  </a:lnTo>
                  <a:lnTo>
                    <a:pt x="564" y="768"/>
                  </a:lnTo>
                  <a:lnTo>
                    <a:pt x="561" y="772"/>
                  </a:lnTo>
                  <a:lnTo>
                    <a:pt x="557" y="775"/>
                  </a:lnTo>
                  <a:lnTo>
                    <a:pt x="552" y="779"/>
                  </a:lnTo>
                  <a:lnTo>
                    <a:pt x="547" y="781"/>
                  </a:lnTo>
                  <a:lnTo>
                    <a:pt x="541" y="783"/>
                  </a:lnTo>
                  <a:lnTo>
                    <a:pt x="536" y="785"/>
                  </a:lnTo>
                  <a:lnTo>
                    <a:pt x="523" y="787"/>
                  </a:lnTo>
                  <a:lnTo>
                    <a:pt x="510" y="789"/>
                  </a:lnTo>
                  <a:lnTo>
                    <a:pt x="498" y="793"/>
                  </a:lnTo>
                  <a:lnTo>
                    <a:pt x="487" y="798"/>
                  </a:lnTo>
                  <a:lnTo>
                    <a:pt x="481" y="792"/>
                  </a:lnTo>
                  <a:lnTo>
                    <a:pt x="477" y="786"/>
                  </a:lnTo>
                  <a:lnTo>
                    <a:pt x="472" y="779"/>
                  </a:lnTo>
                  <a:lnTo>
                    <a:pt x="469" y="770"/>
                  </a:lnTo>
                  <a:lnTo>
                    <a:pt x="465" y="752"/>
                  </a:lnTo>
                  <a:lnTo>
                    <a:pt x="461" y="734"/>
                  </a:lnTo>
                  <a:lnTo>
                    <a:pt x="459" y="725"/>
                  </a:lnTo>
                  <a:lnTo>
                    <a:pt x="457" y="716"/>
                  </a:lnTo>
                  <a:lnTo>
                    <a:pt x="453" y="708"/>
                  </a:lnTo>
                  <a:lnTo>
                    <a:pt x="449" y="701"/>
                  </a:lnTo>
                  <a:lnTo>
                    <a:pt x="445" y="694"/>
                  </a:lnTo>
                  <a:lnTo>
                    <a:pt x="439" y="690"/>
                  </a:lnTo>
                  <a:lnTo>
                    <a:pt x="431" y="686"/>
                  </a:lnTo>
                  <a:lnTo>
                    <a:pt x="422" y="684"/>
                  </a:lnTo>
                  <a:lnTo>
                    <a:pt x="417" y="674"/>
                  </a:lnTo>
                  <a:lnTo>
                    <a:pt x="411" y="667"/>
                  </a:lnTo>
                  <a:lnTo>
                    <a:pt x="407" y="664"/>
                  </a:lnTo>
                  <a:lnTo>
                    <a:pt x="403" y="661"/>
                  </a:lnTo>
                  <a:lnTo>
                    <a:pt x="397" y="660"/>
                  </a:lnTo>
                  <a:lnTo>
                    <a:pt x="389" y="660"/>
                  </a:lnTo>
                  <a:lnTo>
                    <a:pt x="399" y="647"/>
                  </a:lnTo>
                  <a:lnTo>
                    <a:pt x="406" y="635"/>
                  </a:lnTo>
                  <a:lnTo>
                    <a:pt x="403" y="637"/>
                  </a:lnTo>
                  <a:lnTo>
                    <a:pt x="399" y="640"/>
                  </a:lnTo>
                  <a:lnTo>
                    <a:pt x="397" y="641"/>
                  </a:lnTo>
                  <a:lnTo>
                    <a:pt x="394" y="640"/>
                  </a:lnTo>
                  <a:lnTo>
                    <a:pt x="392" y="639"/>
                  </a:lnTo>
                  <a:lnTo>
                    <a:pt x="390" y="635"/>
                  </a:lnTo>
                  <a:lnTo>
                    <a:pt x="390" y="632"/>
                  </a:lnTo>
                  <a:lnTo>
                    <a:pt x="389" y="627"/>
                  </a:lnTo>
                  <a:lnTo>
                    <a:pt x="386" y="632"/>
                  </a:lnTo>
                  <a:lnTo>
                    <a:pt x="384" y="637"/>
                  </a:lnTo>
                  <a:lnTo>
                    <a:pt x="384" y="643"/>
                  </a:lnTo>
                  <a:lnTo>
                    <a:pt x="384" y="649"/>
                  </a:lnTo>
                  <a:lnTo>
                    <a:pt x="384" y="655"/>
                  </a:lnTo>
                  <a:lnTo>
                    <a:pt x="383" y="662"/>
                  </a:lnTo>
                  <a:lnTo>
                    <a:pt x="381" y="665"/>
                  </a:lnTo>
                  <a:lnTo>
                    <a:pt x="380" y="669"/>
                  </a:lnTo>
                  <a:lnTo>
                    <a:pt x="376" y="672"/>
                  </a:lnTo>
                  <a:lnTo>
                    <a:pt x="373" y="675"/>
                  </a:lnTo>
                  <a:lnTo>
                    <a:pt x="363" y="675"/>
                  </a:lnTo>
                  <a:lnTo>
                    <a:pt x="353" y="675"/>
                  </a:lnTo>
                  <a:lnTo>
                    <a:pt x="348" y="676"/>
                  </a:lnTo>
                  <a:lnTo>
                    <a:pt x="345" y="677"/>
                  </a:lnTo>
                  <a:lnTo>
                    <a:pt x="342" y="680"/>
                  </a:lnTo>
                  <a:lnTo>
                    <a:pt x="341" y="684"/>
                  </a:lnTo>
                  <a:lnTo>
                    <a:pt x="336" y="683"/>
                  </a:lnTo>
                  <a:lnTo>
                    <a:pt x="333" y="682"/>
                  </a:lnTo>
                  <a:lnTo>
                    <a:pt x="329" y="680"/>
                  </a:lnTo>
                  <a:lnTo>
                    <a:pt x="327" y="677"/>
                  </a:lnTo>
                  <a:lnTo>
                    <a:pt x="322" y="672"/>
                  </a:lnTo>
                  <a:lnTo>
                    <a:pt x="319" y="666"/>
                  </a:lnTo>
                  <a:lnTo>
                    <a:pt x="316" y="659"/>
                  </a:lnTo>
                  <a:lnTo>
                    <a:pt x="315" y="650"/>
                  </a:lnTo>
                  <a:lnTo>
                    <a:pt x="316" y="641"/>
                  </a:lnTo>
                  <a:lnTo>
                    <a:pt x="318" y="632"/>
                  </a:lnTo>
                  <a:lnTo>
                    <a:pt x="321" y="624"/>
                  </a:lnTo>
                  <a:lnTo>
                    <a:pt x="326" y="616"/>
                  </a:lnTo>
                  <a:lnTo>
                    <a:pt x="331" y="610"/>
                  </a:lnTo>
                  <a:lnTo>
                    <a:pt x="338" y="605"/>
                  </a:lnTo>
                  <a:lnTo>
                    <a:pt x="341" y="603"/>
                  </a:lnTo>
                  <a:lnTo>
                    <a:pt x="345" y="601"/>
                  </a:lnTo>
                  <a:lnTo>
                    <a:pt x="349" y="600"/>
                  </a:lnTo>
                  <a:lnTo>
                    <a:pt x="353" y="599"/>
                  </a:lnTo>
                  <a:lnTo>
                    <a:pt x="359" y="599"/>
                  </a:lnTo>
                  <a:lnTo>
                    <a:pt x="363" y="600"/>
                  </a:lnTo>
                  <a:lnTo>
                    <a:pt x="368" y="601"/>
                  </a:lnTo>
                  <a:lnTo>
                    <a:pt x="373" y="603"/>
                  </a:lnTo>
                  <a:lnTo>
                    <a:pt x="373" y="606"/>
                  </a:lnTo>
                  <a:lnTo>
                    <a:pt x="374" y="608"/>
                  </a:lnTo>
                  <a:lnTo>
                    <a:pt x="375" y="609"/>
                  </a:lnTo>
                  <a:lnTo>
                    <a:pt x="378" y="610"/>
                  </a:lnTo>
                  <a:lnTo>
                    <a:pt x="383" y="611"/>
                  </a:lnTo>
                  <a:lnTo>
                    <a:pt x="389" y="611"/>
                  </a:lnTo>
                  <a:lnTo>
                    <a:pt x="395" y="611"/>
                  </a:lnTo>
                  <a:lnTo>
                    <a:pt x="403" y="610"/>
                  </a:lnTo>
                  <a:lnTo>
                    <a:pt x="409" y="610"/>
                  </a:lnTo>
                  <a:lnTo>
                    <a:pt x="414" y="610"/>
                  </a:lnTo>
                  <a:lnTo>
                    <a:pt x="423" y="601"/>
                  </a:lnTo>
                  <a:lnTo>
                    <a:pt x="432" y="586"/>
                  </a:lnTo>
                  <a:lnTo>
                    <a:pt x="435" y="579"/>
                  </a:lnTo>
                  <a:lnTo>
                    <a:pt x="437" y="572"/>
                  </a:lnTo>
                  <a:lnTo>
                    <a:pt x="437" y="569"/>
                  </a:lnTo>
                  <a:lnTo>
                    <a:pt x="435" y="566"/>
                  </a:lnTo>
                  <a:lnTo>
                    <a:pt x="433" y="564"/>
                  </a:lnTo>
                  <a:lnTo>
                    <a:pt x="430" y="562"/>
                  </a:lnTo>
                  <a:lnTo>
                    <a:pt x="429" y="536"/>
                  </a:lnTo>
                  <a:lnTo>
                    <a:pt x="427" y="513"/>
                  </a:lnTo>
                  <a:lnTo>
                    <a:pt x="422" y="492"/>
                  </a:lnTo>
                  <a:lnTo>
                    <a:pt x="415" y="472"/>
                  </a:lnTo>
                  <a:lnTo>
                    <a:pt x="408" y="454"/>
                  </a:lnTo>
                  <a:lnTo>
                    <a:pt x="399" y="437"/>
                  </a:lnTo>
                  <a:lnTo>
                    <a:pt x="388" y="423"/>
                  </a:lnTo>
                  <a:lnTo>
                    <a:pt x="376" y="408"/>
                  </a:lnTo>
                  <a:lnTo>
                    <a:pt x="364" y="395"/>
                  </a:lnTo>
                  <a:lnTo>
                    <a:pt x="350" y="383"/>
                  </a:lnTo>
                  <a:lnTo>
                    <a:pt x="335" y="372"/>
                  </a:lnTo>
                  <a:lnTo>
                    <a:pt x="320" y="362"/>
                  </a:lnTo>
                  <a:lnTo>
                    <a:pt x="304" y="352"/>
                  </a:lnTo>
                  <a:lnTo>
                    <a:pt x="287" y="343"/>
                  </a:lnTo>
                  <a:lnTo>
                    <a:pt x="269" y="334"/>
                  </a:lnTo>
                  <a:lnTo>
                    <a:pt x="251" y="326"/>
                  </a:lnTo>
                  <a:lnTo>
                    <a:pt x="246" y="323"/>
                  </a:lnTo>
                  <a:lnTo>
                    <a:pt x="240" y="319"/>
                  </a:lnTo>
                  <a:lnTo>
                    <a:pt x="233" y="316"/>
                  </a:lnTo>
                  <a:lnTo>
                    <a:pt x="227" y="314"/>
                  </a:lnTo>
                  <a:lnTo>
                    <a:pt x="212" y="311"/>
                  </a:lnTo>
                  <a:lnTo>
                    <a:pt x="196" y="308"/>
                  </a:lnTo>
                  <a:lnTo>
                    <a:pt x="163" y="305"/>
                  </a:lnTo>
                  <a:lnTo>
                    <a:pt x="130" y="302"/>
                  </a:lnTo>
                  <a:lnTo>
                    <a:pt x="120" y="299"/>
                  </a:lnTo>
                  <a:lnTo>
                    <a:pt x="110" y="296"/>
                  </a:lnTo>
                  <a:lnTo>
                    <a:pt x="102" y="293"/>
                  </a:lnTo>
                  <a:lnTo>
                    <a:pt x="94" y="288"/>
                  </a:lnTo>
                  <a:lnTo>
                    <a:pt x="91" y="286"/>
                  </a:lnTo>
                  <a:lnTo>
                    <a:pt x="88" y="283"/>
                  </a:lnTo>
                  <a:lnTo>
                    <a:pt x="86" y="278"/>
                  </a:lnTo>
                  <a:lnTo>
                    <a:pt x="84" y="274"/>
                  </a:lnTo>
                  <a:lnTo>
                    <a:pt x="82" y="270"/>
                  </a:lnTo>
                  <a:lnTo>
                    <a:pt x="81" y="265"/>
                  </a:lnTo>
                  <a:lnTo>
                    <a:pt x="81" y="259"/>
                  </a:lnTo>
                  <a:lnTo>
                    <a:pt x="81" y="253"/>
                  </a:lnTo>
                  <a:lnTo>
                    <a:pt x="91" y="251"/>
                  </a:lnTo>
                  <a:lnTo>
                    <a:pt x="102" y="250"/>
                  </a:lnTo>
                  <a:lnTo>
                    <a:pt x="113" y="249"/>
                  </a:lnTo>
                  <a:lnTo>
                    <a:pt x="126" y="248"/>
                  </a:lnTo>
                  <a:lnTo>
                    <a:pt x="152" y="249"/>
                  </a:lnTo>
                  <a:lnTo>
                    <a:pt x="180" y="250"/>
                  </a:lnTo>
                  <a:lnTo>
                    <a:pt x="206" y="253"/>
                  </a:lnTo>
                  <a:lnTo>
                    <a:pt x="232" y="257"/>
                  </a:lnTo>
                  <a:lnTo>
                    <a:pt x="255" y="263"/>
                  </a:lnTo>
                  <a:lnTo>
                    <a:pt x="275" y="269"/>
                  </a:lnTo>
                  <a:lnTo>
                    <a:pt x="279" y="273"/>
                  </a:lnTo>
                  <a:lnTo>
                    <a:pt x="281" y="276"/>
                  </a:lnTo>
                  <a:lnTo>
                    <a:pt x="285" y="277"/>
                  </a:lnTo>
                  <a:lnTo>
                    <a:pt x="289" y="278"/>
                  </a:lnTo>
                  <a:lnTo>
                    <a:pt x="293" y="277"/>
                  </a:lnTo>
                  <a:lnTo>
                    <a:pt x="298" y="276"/>
                  </a:lnTo>
                  <a:lnTo>
                    <a:pt x="303" y="274"/>
                  </a:lnTo>
                  <a:lnTo>
                    <a:pt x="308" y="271"/>
                  </a:lnTo>
                  <a:lnTo>
                    <a:pt x="318" y="264"/>
                  </a:lnTo>
                  <a:lnTo>
                    <a:pt x="325" y="255"/>
                  </a:lnTo>
                  <a:lnTo>
                    <a:pt x="328" y="250"/>
                  </a:lnTo>
                  <a:lnTo>
                    <a:pt x="330" y="246"/>
                  </a:lnTo>
                  <a:lnTo>
                    <a:pt x="332" y="242"/>
                  </a:lnTo>
                  <a:lnTo>
                    <a:pt x="332" y="236"/>
                  </a:lnTo>
                  <a:lnTo>
                    <a:pt x="326" y="235"/>
                  </a:lnTo>
                  <a:lnTo>
                    <a:pt x="321" y="235"/>
                  </a:lnTo>
                  <a:lnTo>
                    <a:pt x="315" y="236"/>
                  </a:lnTo>
                  <a:lnTo>
                    <a:pt x="312" y="238"/>
                  </a:lnTo>
                  <a:lnTo>
                    <a:pt x="310" y="240"/>
                  </a:lnTo>
                  <a:lnTo>
                    <a:pt x="308" y="243"/>
                  </a:lnTo>
                  <a:lnTo>
                    <a:pt x="307" y="246"/>
                  </a:lnTo>
                  <a:lnTo>
                    <a:pt x="306" y="249"/>
                  </a:lnTo>
                  <a:lnTo>
                    <a:pt x="305" y="256"/>
                  </a:lnTo>
                  <a:lnTo>
                    <a:pt x="305" y="263"/>
                  </a:lnTo>
                  <a:lnTo>
                    <a:pt x="304" y="265"/>
                  </a:lnTo>
                  <a:lnTo>
                    <a:pt x="303" y="267"/>
                  </a:lnTo>
                  <a:lnTo>
                    <a:pt x="302" y="269"/>
                  </a:lnTo>
                  <a:lnTo>
                    <a:pt x="301" y="269"/>
                  </a:lnTo>
                  <a:lnTo>
                    <a:pt x="295" y="258"/>
                  </a:lnTo>
                  <a:lnTo>
                    <a:pt x="289" y="248"/>
                  </a:lnTo>
                  <a:lnTo>
                    <a:pt x="282" y="238"/>
                  </a:lnTo>
                  <a:lnTo>
                    <a:pt x="274" y="230"/>
                  </a:lnTo>
                  <a:lnTo>
                    <a:pt x="258" y="215"/>
                  </a:lnTo>
                  <a:lnTo>
                    <a:pt x="239" y="200"/>
                  </a:lnTo>
                  <a:lnTo>
                    <a:pt x="221" y="186"/>
                  </a:lnTo>
                  <a:lnTo>
                    <a:pt x="204" y="170"/>
                  </a:lnTo>
                  <a:lnTo>
                    <a:pt x="196" y="162"/>
                  </a:lnTo>
                  <a:lnTo>
                    <a:pt x="189" y="152"/>
                  </a:lnTo>
                  <a:lnTo>
                    <a:pt x="184" y="143"/>
                  </a:lnTo>
                  <a:lnTo>
                    <a:pt x="179" y="131"/>
                  </a:lnTo>
                  <a:lnTo>
                    <a:pt x="175" y="126"/>
                  </a:lnTo>
                  <a:lnTo>
                    <a:pt x="171" y="123"/>
                  </a:lnTo>
                  <a:lnTo>
                    <a:pt x="166" y="119"/>
                  </a:lnTo>
                  <a:lnTo>
                    <a:pt x="160" y="117"/>
                  </a:lnTo>
                  <a:lnTo>
                    <a:pt x="153" y="115"/>
                  </a:lnTo>
                  <a:lnTo>
                    <a:pt x="146" y="114"/>
                  </a:lnTo>
                  <a:lnTo>
                    <a:pt x="139" y="114"/>
                  </a:lnTo>
                  <a:lnTo>
                    <a:pt x="130" y="115"/>
                  </a:lnTo>
                  <a:lnTo>
                    <a:pt x="127" y="112"/>
                  </a:lnTo>
                  <a:lnTo>
                    <a:pt x="123" y="110"/>
                  </a:lnTo>
                  <a:lnTo>
                    <a:pt x="119" y="109"/>
                  </a:lnTo>
                  <a:lnTo>
                    <a:pt x="112" y="107"/>
                  </a:lnTo>
                  <a:lnTo>
                    <a:pt x="100" y="106"/>
                  </a:lnTo>
                  <a:lnTo>
                    <a:pt x="85" y="105"/>
                  </a:lnTo>
                  <a:lnTo>
                    <a:pt x="70" y="106"/>
                  </a:lnTo>
                  <a:lnTo>
                    <a:pt x="57" y="107"/>
                  </a:lnTo>
                  <a:lnTo>
                    <a:pt x="52" y="109"/>
                  </a:lnTo>
                  <a:lnTo>
                    <a:pt x="47" y="110"/>
                  </a:lnTo>
                  <a:lnTo>
                    <a:pt x="43" y="112"/>
                  </a:lnTo>
                  <a:lnTo>
                    <a:pt x="41" y="115"/>
                  </a:lnTo>
                  <a:lnTo>
                    <a:pt x="29" y="106"/>
                  </a:lnTo>
                  <a:lnTo>
                    <a:pt x="16" y="98"/>
                  </a:lnTo>
                  <a:lnTo>
                    <a:pt x="10" y="94"/>
                  </a:lnTo>
                  <a:lnTo>
                    <a:pt x="6" y="89"/>
                  </a:lnTo>
                  <a:lnTo>
                    <a:pt x="2" y="83"/>
                  </a:lnTo>
                  <a:lnTo>
                    <a:pt x="0" y="74"/>
                  </a:lnTo>
                  <a:lnTo>
                    <a:pt x="2" y="70"/>
                  </a:lnTo>
                  <a:lnTo>
                    <a:pt x="5" y="67"/>
                  </a:lnTo>
                  <a:lnTo>
                    <a:pt x="9" y="64"/>
                  </a:lnTo>
                  <a:lnTo>
                    <a:pt x="13" y="61"/>
                  </a:lnTo>
                  <a:lnTo>
                    <a:pt x="22" y="57"/>
                  </a:lnTo>
                  <a:lnTo>
                    <a:pt x="32" y="54"/>
                  </a:lnTo>
                  <a:lnTo>
                    <a:pt x="43" y="51"/>
                  </a:lnTo>
                  <a:lnTo>
                    <a:pt x="53" y="49"/>
                  </a:lnTo>
                  <a:lnTo>
                    <a:pt x="64" y="46"/>
                  </a:lnTo>
                  <a:lnTo>
                    <a:pt x="72" y="41"/>
                  </a:lnTo>
                  <a:lnTo>
                    <a:pt x="75" y="44"/>
                  </a:lnTo>
                  <a:lnTo>
                    <a:pt x="80" y="46"/>
                  </a:lnTo>
                  <a:lnTo>
                    <a:pt x="84" y="48"/>
                  </a:lnTo>
                  <a:lnTo>
                    <a:pt x="90" y="49"/>
                  </a:lnTo>
                  <a:lnTo>
                    <a:pt x="103" y="51"/>
                  </a:lnTo>
                  <a:lnTo>
                    <a:pt x="117" y="52"/>
                  </a:lnTo>
                  <a:lnTo>
                    <a:pt x="132" y="51"/>
                  </a:lnTo>
                  <a:lnTo>
                    <a:pt x="145" y="49"/>
                  </a:lnTo>
                  <a:lnTo>
                    <a:pt x="150" y="48"/>
                  </a:lnTo>
                  <a:lnTo>
                    <a:pt x="155" y="46"/>
                  </a:lnTo>
                  <a:lnTo>
                    <a:pt x="160" y="44"/>
                  </a:lnTo>
                  <a:lnTo>
                    <a:pt x="162" y="41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30" name="Solrød"/>
            <p:cNvSpPr>
              <a:spLocks/>
            </p:cNvSpPr>
            <p:nvPr/>
          </p:nvSpPr>
          <p:spPr bwMode="auto">
            <a:xfrm>
              <a:off x="3662363" y="5046663"/>
              <a:ext cx="209550" cy="166688"/>
            </a:xfrm>
            <a:custGeom>
              <a:avLst/>
              <a:gdLst>
                <a:gd name="T0" fmla="*/ 59 w 398"/>
                <a:gd name="T1" fmla="*/ 97 h 317"/>
                <a:gd name="T2" fmla="*/ 54 w 398"/>
                <a:gd name="T3" fmla="*/ 94 h 317"/>
                <a:gd name="T4" fmla="*/ 42 w 398"/>
                <a:gd name="T5" fmla="*/ 92 h 317"/>
                <a:gd name="T6" fmla="*/ 27 w 398"/>
                <a:gd name="T7" fmla="*/ 91 h 317"/>
                <a:gd name="T8" fmla="*/ 12 w 398"/>
                <a:gd name="T9" fmla="*/ 89 h 317"/>
                <a:gd name="T10" fmla="*/ 3 w 398"/>
                <a:gd name="T11" fmla="*/ 85 h 317"/>
                <a:gd name="T12" fmla="*/ 0 w 398"/>
                <a:gd name="T13" fmla="*/ 81 h 317"/>
                <a:gd name="T14" fmla="*/ 2 w 398"/>
                <a:gd name="T15" fmla="*/ 78 h 317"/>
                <a:gd name="T16" fmla="*/ 3 w 398"/>
                <a:gd name="T17" fmla="*/ 71 h 317"/>
                <a:gd name="T18" fmla="*/ 5 w 398"/>
                <a:gd name="T19" fmla="*/ 64 h 317"/>
                <a:gd name="T20" fmla="*/ 8 w 398"/>
                <a:gd name="T21" fmla="*/ 62 h 317"/>
                <a:gd name="T22" fmla="*/ 13 w 398"/>
                <a:gd name="T23" fmla="*/ 64 h 317"/>
                <a:gd name="T24" fmla="*/ 16 w 398"/>
                <a:gd name="T25" fmla="*/ 64 h 317"/>
                <a:gd name="T26" fmla="*/ 21 w 398"/>
                <a:gd name="T27" fmla="*/ 58 h 317"/>
                <a:gd name="T28" fmla="*/ 31 w 398"/>
                <a:gd name="T29" fmla="*/ 55 h 317"/>
                <a:gd name="T30" fmla="*/ 43 w 398"/>
                <a:gd name="T31" fmla="*/ 55 h 317"/>
                <a:gd name="T32" fmla="*/ 61 w 398"/>
                <a:gd name="T33" fmla="*/ 55 h 317"/>
                <a:gd name="T34" fmla="*/ 73 w 398"/>
                <a:gd name="T35" fmla="*/ 58 h 317"/>
                <a:gd name="T36" fmla="*/ 63 w 398"/>
                <a:gd name="T37" fmla="*/ 52 h 317"/>
                <a:gd name="T38" fmla="*/ 40 w 398"/>
                <a:gd name="T39" fmla="*/ 40 h 317"/>
                <a:gd name="T40" fmla="*/ 19 w 398"/>
                <a:gd name="T41" fmla="*/ 27 h 317"/>
                <a:gd name="T42" fmla="*/ 21 w 398"/>
                <a:gd name="T43" fmla="*/ 24 h 317"/>
                <a:gd name="T44" fmla="*/ 23 w 398"/>
                <a:gd name="T45" fmla="*/ 18 h 317"/>
                <a:gd name="T46" fmla="*/ 26 w 398"/>
                <a:gd name="T47" fmla="*/ 13 h 317"/>
                <a:gd name="T48" fmla="*/ 30 w 398"/>
                <a:gd name="T49" fmla="*/ 11 h 317"/>
                <a:gd name="T50" fmla="*/ 48 w 398"/>
                <a:gd name="T51" fmla="*/ 15 h 317"/>
                <a:gd name="T52" fmla="*/ 53 w 398"/>
                <a:gd name="T53" fmla="*/ 13 h 317"/>
                <a:gd name="T54" fmla="*/ 55 w 398"/>
                <a:gd name="T55" fmla="*/ 8 h 317"/>
                <a:gd name="T56" fmla="*/ 65 w 398"/>
                <a:gd name="T57" fmla="*/ 3 h 317"/>
                <a:gd name="T58" fmla="*/ 66 w 398"/>
                <a:gd name="T59" fmla="*/ 7 h 317"/>
                <a:gd name="T60" fmla="*/ 69 w 398"/>
                <a:gd name="T61" fmla="*/ 7 h 317"/>
                <a:gd name="T62" fmla="*/ 74 w 398"/>
                <a:gd name="T63" fmla="*/ 3 h 317"/>
                <a:gd name="T64" fmla="*/ 80 w 398"/>
                <a:gd name="T65" fmla="*/ 0 h 317"/>
                <a:gd name="T66" fmla="*/ 89 w 398"/>
                <a:gd name="T67" fmla="*/ 2 h 317"/>
                <a:gd name="T68" fmla="*/ 105 w 398"/>
                <a:gd name="T69" fmla="*/ 11 h 317"/>
                <a:gd name="T70" fmla="*/ 121 w 398"/>
                <a:gd name="T71" fmla="*/ 20 h 317"/>
                <a:gd name="T72" fmla="*/ 132 w 398"/>
                <a:gd name="T73" fmla="*/ 19 h 317"/>
                <a:gd name="T74" fmla="*/ 125 w 398"/>
                <a:gd name="T75" fmla="*/ 28 h 317"/>
                <a:gd name="T76" fmla="*/ 102 w 398"/>
                <a:gd name="T77" fmla="*/ 46 h 317"/>
                <a:gd name="T78" fmla="*/ 85 w 398"/>
                <a:gd name="T79" fmla="*/ 62 h 317"/>
                <a:gd name="T80" fmla="*/ 75 w 398"/>
                <a:gd name="T81" fmla="*/ 73 h 317"/>
                <a:gd name="T82" fmla="*/ 68 w 398"/>
                <a:gd name="T83" fmla="*/ 70 h 317"/>
                <a:gd name="T84" fmla="*/ 67 w 398"/>
                <a:gd name="T85" fmla="*/ 67 h 317"/>
                <a:gd name="T86" fmla="*/ 70 w 398"/>
                <a:gd name="T87" fmla="*/ 65 h 317"/>
                <a:gd name="T88" fmla="*/ 74 w 398"/>
                <a:gd name="T89" fmla="*/ 64 h 317"/>
                <a:gd name="T90" fmla="*/ 72 w 398"/>
                <a:gd name="T91" fmla="*/ 62 h 317"/>
                <a:gd name="T92" fmla="*/ 62 w 398"/>
                <a:gd name="T93" fmla="*/ 62 h 317"/>
                <a:gd name="T94" fmla="*/ 61 w 398"/>
                <a:gd name="T95" fmla="*/ 68 h 317"/>
                <a:gd name="T96" fmla="*/ 63 w 398"/>
                <a:gd name="T97" fmla="*/ 71 h 317"/>
                <a:gd name="T98" fmla="*/ 67 w 398"/>
                <a:gd name="T99" fmla="*/ 73 h 317"/>
                <a:gd name="T100" fmla="*/ 71 w 398"/>
                <a:gd name="T101" fmla="*/ 77 h 317"/>
                <a:gd name="T102" fmla="*/ 69 w 398"/>
                <a:gd name="T103" fmla="*/ 81 h 317"/>
                <a:gd name="T104" fmla="*/ 66 w 398"/>
                <a:gd name="T105" fmla="*/ 81 h 317"/>
                <a:gd name="T106" fmla="*/ 62 w 398"/>
                <a:gd name="T107" fmla="*/ 78 h 317"/>
                <a:gd name="T108" fmla="*/ 60 w 398"/>
                <a:gd name="T109" fmla="*/ 79 h 317"/>
                <a:gd name="T110" fmla="*/ 61 w 398"/>
                <a:gd name="T111" fmla="*/ 82 h 317"/>
                <a:gd name="T112" fmla="*/ 70 w 398"/>
                <a:gd name="T113" fmla="*/ 84 h 317"/>
                <a:gd name="T114" fmla="*/ 71 w 398"/>
                <a:gd name="T115" fmla="*/ 89 h 317"/>
                <a:gd name="T116" fmla="*/ 67 w 398"/>
                <a:gd name="T117" fmla="*/ 96 h 317"/>
                <a:gd name="T118" fmla="*/ 65 w 398"/>
                <a:gd name="T119" fmla="*/ 101 h 317"/>
                <a:gd name="T120" fmla="*/ 67 w 398"/>
                <a:gd name="T121" fmla="*/ 105 h 317"/>
                <a:gd name="T122" fmla="*/ 61 w 398"/>
                <a:gd name="T123" fmla="*/ 102 h 317"/>
                <a:gd name="T124" fmla="*/ 59 w 398"/>
                <a:gd name="T125" fmla="*/ 100 h 317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398" h="317">
                  <a:moveTo>
                    <a:pt x="179" y="301"/>
                  </a:moveTo>
                  <a:lnTo>
                    <a:pt x="178" y="297"/>
                  </a:lnTo>
                  <a:lnTo>
                    <a:pt x="177" y="294"/>
                  </a:lnTo>
                  <a:lnTo>
                    <a:pt x="175" y="290"/>
                  </a:lnTo>
                  <a:lnTo>
                    <a:pt x="171" y="287"/>
                  </a:lnTo>
                  <a:lnTo>
                    <a:pt x="163" y="283"/>
                  </a:lnTo>
                  <a:lnTo>
                    <a:pt x="152" y="280"/>
                  </a:lnTo>
                  <a:lnTo>
                    <a:pt x="141" y="278"/>
                  </a:lnTo>
                  <a:lnTo>
                    <a:pt x="127" y="277"/>
                  </a:lnTo>
                  <a:lnTo>
                    <a:pt x="112" y="276"/>
                  </a:lnTo>
                  <a:lnTo>
                    <a:pt x="97" y="275"/>
                  </a:lnTo>
                  <a:lnTo>
                    <a:pt x="81" y="274"/>
                  </a:lnTo>
                  <a:lnTo>
                    <a:pt x="66" y="273"/>
                  </a:lnTo>
                  <a:lnTo>
                    <a:pt x="50" y="270"/>
                  </a:lnTo>
                  <a:lnTo>
                    <a:pt x="37" y="268"/>
                  </a:lnTo>
                  <a:lnTo>
                    <a:pt x="24" y="264"/>
                  </a:lnTo>
                  <a:lnTo>
                    <a:pt x="13" y="259"/>
                  </a:lnTo>
                  <a:lnTo>
                    <a:pt x="9" y="256"/>
                  </a:lnTo>
                  <a:lnTo>
                    <a:pt x="5" y="253"/>
                  </a:lnTo>
                  <a:lnTo>
                    <a:pt x="2" y="248"/>
                  </a:lnTo>
                  <a:lnTo>
                    <a:pt x="0" y="244"/>
                  </a:lnTo>
                  <a:lnTo>
                    <a:pt x="3" y="242"/>
                  </a:lnTo>
                  <a:lnTo>
                    <a:pt x="5" y="239"/>
                  </a:lnTo>
                  <a:lnTo>
                    <a:pt x="6" y="236"/>
                  </a:lnTo>
                  <a:lnTo>
                    <a:pt x="7" y="231"/>
                  </a:lnTo>
                  <a:lnTo>
                    <a:pt x="9" y="223"/>
                  </a:lnTo>
                  <a:lnTo>
                    <a:pt x="9" y="214"/>
                  </a:lnTo>
                  <a:lnTo>
                    <a:pt x="10" y="204"/>
                  </a:lnTo>
                  <a:lnTo>
                    <a:pt x="12" y="196"/>
                  </a:lnTo>
                  <a:lnTo>
                    <a:pt x="15" y="192"/>
                  </a:lnTo>
                  <a:lnTo>
                    <a:pt x="17" y="190"/>
                  </a:lnTo>
                  <a:lnTo>
                    <a:pt x="20" y="188"/>
                  </a:lnTo>
                  <a:lnTo>
                    <a:pt x="24" y="187"/>
                  </a:lnTo>
                  <a:lnTo>
                    <a:pt x="29" y="190"/>
                  </a:lnTo>
                  <a:lnTo>
                    <a:pt x="35" y="192"/>
                  </a:lnTo>
                  <a:lnTo>
                    <a:pt x="39" y="194"/>
                  </a:lnTo>
                  <a:lnTo>
                    <a:pt x="43" y="194"/>
                  </a:lnTo>
                  <a:lnTo>
                    <a:pt x="46" y="194"/>
                  </a:lnTo>
                  <a:lnTo>
                    <a:pt x="49" y="192"/>
                  </a:lnTo>
                  <a:lnTo>
                    <a:pt x="52" y="190"/>
                  </a:lnTo>
                  <a:lnTo>
                    <a:pt x="55" y="188"/>
                  </a:lnTo>
                  <a:lnTo>
                    <a:pt x="63" y="176"/>
                  </a:lnTo>
                  <a:lnTo>
                    <a:pt x="72" y="163"/>
                  </a:lnTo>
                  <a:lnTo>
                    <a:pt x="83" y="165"/>
                  </a:lnTo>
                  <a:lnTo>
                    <a:pt x="94" y="167"/>
                  </a:lnTo>
                  <a:lnTo>
                    <a:pt x="103" y="168"/>
                  </a:lnTo>
                  <a:lnTo>
                    <a:pt x="112" y="168"/>
                  </a:lnTo>
                  <a:lnTo>
                    <a:pt x="129" y="167"/>
                  </a:lnTo>
                  <a:lnTo>
                    <a:pt x="146" y="166"/>
                  </a:lnTo>
                  <a:lnTo>
                    <a:pt x="165" y="165"/>
                  </a:lnTo>
                  <a:lnTo>
                    <a:pt x="185" y="166"/>
                  </a:lnTo>
                  <a:lnTo>
                    <a:pt x="196" y="168"/>
                  </a:lnTo>
                  <a:lnTo>
                    <a:pt x="208" y="170"/>
                  </a:lnTo>
                  <a:lnTo>
                    <a:pt x="221" y="174"/>
                  </a:lnTo>
                  <a:lnTo>
                    <a:pt x="236" y="179"/>
                  </a:lnTo>
                  <a:lnTo>
                    <a:pt x="211" y="168"/>
                  </a:lnTo>
                  <a:lnTo>
                    <a:pt x="189" y="157"/>
                  </a:lnTo>
                  <a:lnTo>
                    <a:pt x="166" y="144"/>
                  </a:lnTo>
                  <a:lnTo>
                    <a:pt x="144" y="131"/>
                  </a:lnTo>
                  <a:lnTo>
                    <a:pt x="122" y="120"/>
                  </a:lnTo>
                  <a:lnTo>
                    <a:pt x="100" y="106"/>
                  </a:lnTo>
                  <a:lnTo>
                    <a:pt x="79" y="94"/>
                  </a:lnTo>
                  <a:lnTo>
                    <a:pt x="57" y="81"/>
                  </a:lnTo>
                  <a:lnTo>
                    <a:pt x="60" y="79"/>
                  </a:lnTo>
                  <a:lnTo>
                    <a:pt x="62" y="77"/>
                  </a:lnTo>
                  <a:lnTo>
                    <a:pt x="64" y="73"/>
                  </a:lnTo>
                  <a:lnTo>
                    <a:pt x="65" y="69"/>
                  </a:lnTo>
                  <a:lnTo>
                    <a:pt x="68" y="62"/>
                  </a:lnTo>
                  <a:lnTo>
                    <a:pt x="70" y="55"/>
                  </a:lnTo>
                  <a:lnTo>
                    <a:pt x="72" y="47"/>
                  </a:lnTo>
                  <a:lnTo>
                    <a:pt x="77" y="40"/>
                  </a:lnTo>
                  <a:lnTo>
                    <a:pt x="79" y="38"/>
                  </a:lnTo>
                  <a:lnTo>
                    <a:pt x="82" y="36"/>
                  </a:lnTo>
                  <a:lnTo>
                    <a:pt x="85" y="33"/>
                  </a:lnTo>
                  <a:lnTo>
                    <a:pt x="89" y="32"/>
                  </a:lnTo>
                  <a:lnTo>
                    <a:pt x="107" y="37"/>
                  </a:lnTo>
                  <a:lnTo>
                    <a:pt x="125" y="41"/>
                  </a:lnTo>
                  <a:lnTo>
                    <a:pt x="144" y="44"/>
                  </a:lnTo>
                  <a:lnTo>
                    <a:pt x="162" y="49"/>
                  </a:lnTo>
                  <a:lnTo>
                    <a:pt x="161" y="43"/>
                  </a:lnTo>
                  <a:lnTo>
                    <a:pt x="161" y="39"/>
                  </a:lnTo>
                  <a:lnTo>
                    <a:pt x="161" y="35"/>
                  </a:lnTo>
                  <a:lnTo>
                    <a:pt x="162" y="30"/>
                  </a:lnTo>
                  <a:lnTo>
                    <a:pt x="165" y="25"/>
                  </a:lnTo>
                  <a:lnTo>
                    <a:pt x="170" y="21"/>
                  </a:lnTo>
                  <a:lnTo>
                    <a:pt x="182" y="15"/>
                  </a:lnTo>
                  <a:lnTo>
                    <a:pt x="195" y="8"/>
                  </a:lnTo>
                  <a:lnTo>
                    <a:pt x="196" y="15"/>
                  </a:lnTo>
                  <a:lnTo>
                    <a:pt x="197" y="18"/>
                  </a:lnTo>
                  <a:lnTo>
                    <a:pt x="199" y="21"/>
                  </a:lnTo>
                  <a:lnTo>
                    <a:pt x="201" y="22"/>
                  </a:lnTo>
                  <a:lnTo>
                    <a:pt x="204" y="21"/>
                  </a:lnTo>
                  <a:lnTo>
                    <a:pt x="207" y="20"/>
                  </a:lnTo>
                  <a:lnTo>
                    <a:pt x="211" y="18"/>
                  </a:lnTo>
                  <a:lnTo>
                    <a:pt x="215" y="16"/>
                  </a:lnTo>
                  <a:lnTo>
                    <a:pt x="224" y="9"/>
                  </a:lnTo>
                  <a:lnTo>
                    <a:pt x="233" y="4"/>
                  </a:lnTo>
                  <a:lnTo>
                    <a:pt x="238" y="2"/>
                  </a:lnTo>
                  <a:lnTo>
                    <a:pt x="242" y="0"/>
                  </a:lnTo>
                  <a:lnTo>
                    <a:pt x="247" y="0"/>
                  </a:lnTo>
                  <a:lnTo>
                    <a:pt x="251" y="0"/>
                  </a:lnTo>
                  <a:lnTo>
                    <a:pt x="269" y="6"/>
                  </a:lnTo>
                  <a:lnTo>
                    <a:pt x="286" y="15"/>
                  </a:lnTo>
                  <a:lnTo>
                    <a:pt x="302" y="23"/>
                  </a:lnTo>
                  <a:lnTo>
                    <a:pt x="317" y="32"/>
                  </a:lnTo>
                  <a:lnTo>
                    <a:pt x="333" y="42"/>
                  </a:lnTo>
                  <a:lnTo>
                    <a:pt x="347" y="50"/>
                  </a:lnTo>
                  <a:lnTo>
                    <a:pt x="364" y="59"/>
                  </a:lnTo>
                  <a:lnTo>
                    <a:pt x="382" y="65"/>
                  </a:lnTo>
                  <a:lnTo>
                    <a:pt x="390" y="62"/>
                  </a:lnTo>
                  <a:lnTo>
                    <a:pt x="398" y="57"/>
                  </a:lnTo>
                  <a:lnTo>
                    <a:pt x="398" y="61"/>
                  </a:lnTo>
                  <a:lnTo>
                    <a:pt x="398" y="65"/>
                  </a:lnTo>
                  <a:lnTo>
                    <a:pt x="376" y="84"/>
                  </a:lnTo>
                  <a:lnTo>
                    <a:pt x="353" y="102"/>
                  </a:lnTo>
                  <a:lnTo>
                    <a:pt x="330" y="120"/>
                  </a:lnTo>
                  <a:lnTo>
                    <a:pt x="308" y="138"/>
                  </a:lnTo>
                  <a:lnTo>
                    <a:pt x="286" y="157"/>
                  </a:lnTo>
                  <a:lnTo>
                    <a:pt x="265" y="176"/>
                  </a:lnTo>
                  <a:lnTo>
                    <a:pt x="255" y="186"/>
                  </a:lnTo>
                  <a:lnTo>
                    <a:pt x="245" y="197"/>
                  </a:lnTo>
                  <a:lnTo>
                    <a:pt x="236" y="208"/>
                  </a:lnTo>
                  <a:lnTo>
                    <a:pt x="227" y="220"/>
                  </a:lnTo>
                  <a:lnTo>
                    <a:pt x="220" y="216"/>
                  </a:lnTo>
                  <a:lnTo>
                    <a:pt x="210" y="212"/>
                  </a:lnTo>
                  <a:lnTo>
                    <a:pt x="206" y="210"/>
                  </a:lnTo>
                  <a:lnTo>
                    <a:pt x="203" y="207"/>
                  </a:lnTo>
                  <a:lnTo>
                    <a:pt x="202" y="205"/>
                  </a:lnTo>
                  <a:lnTo>
                    <a:pt x="202" y="202"/>
                  </a:lnTo>
                  <a:lnTo>
                    <a:pt x="202" y="199"/>
                  </a:lnTo>
                  <a:lnTo>
                    <a:pt x="203" y="196"/>
                  </a:lnTo>
                  <a:lnTo>
                    <a:pt x="211" y="196"/>
                  </a:lnTo>
                  <a:lnTo>
                    <a:pt x="219" y="195"/>
                  </a:lnTo>
                  <a:lnTo>
                    <a:pt x="222" y="194"/>
                  </a:lnTo>
                  <a:lnTo>
                    <a:pt x="224" y="192"/>
                  </a:lnTo>
                  <a:lnTo>
                    <a:pt x="226" y="190"/>
                  </a:lnTo>
                  <a:lnTo>
                    <a:pt x="227" y="187"/>
                  </a:lnTo>
                  <a:lnTo>
                    <a:pt x="217" y="187"/>
                  </a:lnTo>
                  <a:lnTo>
                    <a:pt x="207" y="187"/>
                  </a:lnTo>
                  <a:lnTo>
                    <a:pt x="197" y="187"/>
                  </a:lnTo>
                  <a:lnTo>
                    <a:pt x="186" y="187"/>
                  </a:lnTo>
                  <a:lnTo>
                    <a:pt x="184" y="195"/>
                  </a:lnTo>
                  <a:lnTo>
                    <a:pt x="183" y="201"/>
                  </a:lnTo>
                  <a:lnTo>
                    <a:pt x="184" y="205"/>
                  </a:lnTo>
                  <a:lnTo>
                    <a:pt x="185" y="209"/>
                  </a:lnTo>
                  <a:lnTo>
                    <a:pt x="187" y="211"/>
                  </a:lnTo>
                  <a:lnTo>
                    <a:pt x="189" y="215"/>
                  </a:lnTo>
                  <a:lnTo>
                    <a:pt x="194" y="216"/>
                  </a:lnTo>
                  <a:lnTo>
                    <a:pt x="197" y="218"/>
                  </a:lnTo>
                  <a:lnTo>
                    <a:pt x="203" y="221"/>
                  </a:lnTo>
                  <a:lnTo>
                    <a:pt x="209" y="225"/>
                  </a:lnTo>
                  <a:lnTo>
                    <a:pt x="211" y="228"/>
                  </a:lnTo>
                  <a:lnTo>
                    <a:pt x="213" y="232"/>
                  </a:lnTo>
                  <a:lnTo>
                    <a:pt x="213" y="238"/>
                  </a:lnTo>
                  <a:lnTo>
                    <a:pt x="211" y="244"/>
                  </a:lnTo>
                  <a:lnTo>
                    <a:pt x="208" y="245"/>
                  </a:lnTo>
                  <a:lnTo>
                    <a:pt x="205" y="245"/>
                  </a:lnTo>
                  <a:lnTo>
                    <a:pt x="203" y="245"/>
                  </a:lnTo>
                  <a:lnTo>
                    <a:pt x="200" y="244"/>
                  </a:lnTo>
                  <a:lnTo>
                    <a:pt x="196" y="241"/>
                  </a:lnTo>
                  <a:lnTo>
                    <a:pt x="191" y="238"/>
                  </a:lnTo>
                  <a:lnTo>
                    <a:pt x="187" y="236"/>
                  </a:lnTo>
                  <a:lnTo>
                    <a:pt x="184" y="235"/>
                  </a:lnTo>
                  <a:lnTo>
                    <a:pt x="182" y="236"/>
                  </a:lnTo>
                  <a:lnTo>
                    <a:pt x="181" y="238"/>
                  </a:lnTo>
                  <a:lnTo>
                    <a:pt x="180" y="240"/>
                  </a:lnTo>
                  <a:lnTo>
                    <a:pt x="179" y="244"/>
                  </a:lnTo>
                  <a:lnTo>
                    <a:pt x="184" y="248"/>
                  </a:lnTo>
                  <a:lnTo>
                    <a:pt x="193" y="250"/>
                  </a:lnTo>
                  <a:lnTo>
                    <a:pt x="201" y="251"/>
                  </a:lnTo>
                  <a:lnTo>
                    <a:pt x="211" y="253"/>
                  </a:lnTo>
                  <a:lnTo>
                    <a:pt x="213" y="259"/>
                  </a:lnTo>
                  <a:lnTo>
                    <a:pt x="213" y="264"/>
                  </a:lnTo>
                  <a:lnTo>
                    <a:pt x="213" y="269"/>
                  </a:lnTo>
                  <a:lnTo>
                    <a:pt x="211" y="275"/>
                  </a:lnTo>
                  <a:lnTo>
                    <a:pt x="207" y="282"/>
                  </a:lnTo>
                  <a:lnTo>
                    <a:pt x="202" y="289"/>
                  </a:lnTo>
                  <a:lnTo>
                    <a:pt x="198" y="296"/>
                  </a:lnTo>
                  <a:lnTo>
                    <a:pt x="196" y="302"/>
                  </a:lnTo>
                  <a:lnTo>
                    <a:pt x="196" y="305"/>
                  </a:lnTo>
                  <a:lnTo>
                    <a:pt x="197" y="308"/>
                  </a:lnTo>
                  <a:lnTo>
                    <a:pt x="199" y="313"/>
                  </a:lnTo>
                  <a:lnTo>
                    <a:pt x="203" y="317"/>
                  </a:lnTo>
                  <a:lnTo>
                    <a:pt x="197" y="314"/>
                  </a:lnTo>
                  <a:lnTo>
                    <a:pt x="189" y="310"/>
                  </a:lnTo>
                  <a:lnTo>
                    <a:pt x="185" y="309"/>
                  </a:lnTo>
                  <a:lnTo>
                    <a:pt x="182" y="307"/>
                  </a:lnTo>
                  <a:lnTo>
                    <a:pt x="180" y="304"/>
                  </a:lnTo>
                  <a:lnTo>
                    <a:pt x="179" y="301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31" name="Solrød kant"/>
            <p:cNvSpPr>
              <a:spLocks/>
            </p:cNvSpPr>
            <p:nvPr/>
          </p:nvSpPr>
          <p:spPr bwMode="auto">
            <a:xfrm>
              <a:off x="3662363" y="5046663"/>
              <a:ext cx="209550" cy="166688"/>
            </a:xfrm>
            <a:custGeom>
              <a:avLst/>
              <a:gdLst>
                <a:gd name="T0" fmla="*/ 59 w 398"/>
                <a:gd name="T1" fmla="*/ 97 h 317"/>
                <a:gd name="T2" fmla="*/ 54 w 398"/>
                <a:gd name="T3" fmla="*/ 94 h 317"/>
                <a:gd name="T4" fmla="*/ 42 w 398"/>
                <a:gd name="T5" fmla="*/ 92 h 317"/>
                <a:gd name="T6" fmla="*/ 27 w 398"/>
                <a:gd name="T7" fmla="*/ 91 h 317"/>
                <a:gd name="T8" fmla="*/ 12 w 398"/>
                <a:gd name="T9" fmla="*/ 89 h 317"/>
                <a:gd name="T10" fmla="*/ 3 w 398"/>
                <a:gd name="T11" fmla="*/ 85 h 317"/>
                <a:gd name="T12" fmla="*/ 0 w 398"/>
                <a:gd name="T13" fmla="*/ 81 h 317"/>
                <a:gd name="T14" fmla="*/ 2 w 398"/>
                <a:gd name="T15" fmla="*/ 78 h 317"/>
                <a:gd name="T16" fmla="*/ 3 w 398"/>
                <a:gd name="T17" fmla="*/ 71 h 317"/>
                <a:gd name="T18" fmla="*/ 5 w 398"/>
                <a:gd name="T19" fmla="*/ 64 h 317"/>
                <a:gd name="T20" fmla="*/ 8 w 398"/>
                <a:gd name="T21" fmla="*/ 62 h 317"/>
                <a:gd name="T22" fmla="*/ 13 w 398"/>
                <a:gd name="T23" fmla="*/ 64 h 317"/>
                <a:gd name="T24" fmla="*/ 16 w 398"/>
                <a:gd name="T25" fmla="*/ 64 h 317"/>
                <a:gd name="T26" fmla="*/ 21 w 398"/>
                <a:gd name="T27" fmla="*/ 58 h 317"/>
                <a:gd name="T28" fmla="*/ 31 w 398"/>
                <a:gd name="T29" fmla="*/ 55 h 317"/>
                <a:gd name="T30" fmla="*/ 43 w 398"/>
                <a:gd name="T31" fmla="*/ 55 h 317"/>
                <a:gd name="T32" fmla="*/ 61 w 398"/>
                <a:gd name="T33" fmla="*/ 55 h 317"/>
                <a:gd name="T34" fmla="*/ 73 w 398"/>
                <a:gd name="T35" fmla="*/ 58 h 317"/>
                <a:gd name="T36" fmla="*/ 63 w 398"/>
                <a:gd name="T37" fmla="*/ 52 h 317"/>
                <a:gd name="T38" fmla="*/ 40 w 398"/>
                <a:gd name="T39" fmla="*/ 40 h 317"/>
                <a:gd name="T40" fmla="*/ 19 w 398"/>
                <a:gd name="T41" fmla="*/ 27 h 317"/>
                <a:gd name="T42" fmla="*/ 21 w 398"/>
                <a:gd name="T43" fmla="*/ 24 h 317"/>
                <a:gd name="T44" fmla="*/ 23 w 398"/>
                <a:gd name="T45" fmla="*/ 18 h 317"/>
                <a:gd name="T46" fmla="*/ 26 w 398"/>
                <a:gd name="T47" fmla="*/ 13 h 317"/>
                <a:gd name="T48" fmla="*/ 30 w 398"/>
                <a:gd name="T49" fmla="*/ 11 h 317"/>
                <a:gd name="T50" fmla="*/ 48 w 398"/>
                <a:gd name="T51" fmla="*/ 15 h 317"/>
                <a:gd name="T52" fmla="*/ 53 w 398"/>
                <a:gd name="T53" fmla="*/ 13 h 317"/>
                <a:gd name="T54" fmla="*/ 55 w 398"/>
                <a:gd name="T55" fmla="*/ 8 h 317"/>
                <a:gd name="T56" fmla="*/ 65 w 398"/>
                <a:gd name="T57" fmla="*/ 3 h 317"/>
                <a:gd name="T58" fmla="*/ 66 w 398"/>
                <a:gd name="T59" fmla="*/ 7 h 317"/>
                <a:gd name="T60" fmla="*/ 69 w 398"/>
                <a:gd name="T61" fmla="*/ 7 h 317"/>
                <a:gd name="T62" fmla="*/ 74 w 398"/>
                <a:gd name="T63" fmla="*/ 3 h 317"/>
                <a:gd name="T64" fmla="*/ 80 w 398"/>
                <a:gd name="T65" fmla="*/ 0 h 317"/>
                <a:gd name="T66" fmla="*/ 89 w 398"/>
                <a:gd name="T67" fmla="*/ 2 h 317"/>
                <a:gd name="T68" fmla="*/ 105 w 398"/>
                <a:gd name="T69" fmla="*/ 11 h 317"/>
                <a:gd name="T70" fmla="*/ 121 w 398"/>
                <a:gd name="T71" fmla="*/ 20 h 317"/>
                <a:gd name="T72" fmla="*/ 132 w 398"/>
                <a:gd name="T73" fmla="*/ 19 h 317"/>
                <a:gd name="T74" fmla="*/ 125 w 398"/>
                <a:gd name="T75" fmla="*/ 28 h 317"/>
                <a:gd name="T76" fmla="*/ 102 w 398"/>
                <a:gd name="T77" fmla="*/ 46 h 317"/>
                <a:gd name="T78" fmla="*/ 85 w 398"/>
                <a:gd name="T79" fmla="*/ 62 h 317"/>
                <a:gd name="T80" fmla="*/ 75 w 398"/>
                <a:gd name="T81" fmla="*/ 73 h 317"/>
                <a:gd name="T82" fmla="*/ 68 w 398"/>
                <a:gd name="T83" fmla="*/ 70 h 317"/>
                <a:gd name="T84" fmla="*/ 67 w 398"/>
                <a:gd name="T85" fmla="*/ 67 h 317"/>
                <a:gd name="T86" fmla="*/ 70 w 398"/>
                <a:gd name="T87" fmla="*/ 65 h 317"/>
                <a:gd name="T88" fmla="*/ 74 w 398"/>
                <a:gd name="T89" fmla="*/ 64 h 317"/>
                <a:gd name="T90" fmla="*/ 72 w 398"/>
                <a:gd name="T91" fmla="*/ 62 h 317"/>
                <a:gd name="T92" fmla="*/ 62 w 398"/>
                <a:gd name="T93" fmla="*/ 62 h 317"/>
                <a:gd name="T94" fmla="*/ 61 w 398"/>
                <a:gd name="T95" fmla="*/ 68 h 317"/>
                <a:gd name="T96" fmla="*/ 63 w 398"/>
                <a:gd name="T97" fmla="*/ 71 h 317"/>
                <a:gd name="T98" fmla="*/ 67 w 398"/>
                <a:gd name="T99" fmla="*/ 73 h 317"/>
                <a:gd name="T100" fmla="*/ 71 w 398"/>
                <a:gd name="T101" fmla="*/ 77 h 317"/>
                <a:gd name="T102" fmla="*/ 69 w 398"/>
                <a:gd name="T103" fmla="*/ 81 h 317"/>
                <a:gd name="T104" fmla="*/ 66 w 398"/>
                <a:gd name="T105" fmla="*/ 81 h 317"/>
                <a:gd name="T106" fmla="*/ 62 w 398"/>
                <a:gd name="T107" fmla="*/ 78 h 317"/>
                <a:gd name="T108" fmla="*/ 60 w 398"/>
                <a:gd name="T109" fmla="*/ 79 h 317"/>
                <a:gd name="T110" fmla="*/ 61 w 398"/>
                <a:gd name="T111" fmla="*/ 82 h 317"/>
                <a:gd name="T112" fmla="*/ 70 w 398"/>
                <a:gd name="T113" fmla="*/ 84 h 317"/>
                <a:gd name="T114" fmla="*/ 71 w 398"/>
                <a:gd name="T115" fmla="*/ 89 h 317"/>
                <a:gd name="T116" fmla="*/ 67 w 398"/>
                <a:gd name="T117" fmla="*/ 96 h 317"/>
                <a:gd name="T118" fmla="*/ 65 w 398"/>
                <a:gd name="T119" fmla="*/ 101 h 317"/>
                <a:gd name="T120" fmla="*/ 67 w 398"/>
                <a:gd name="T121" fmla="*/ 105 h 317"/>
                <a:gd name="T122" fmla="*/ 61 w 398"/>
                <a:gd name="T123" fmla="*/ 102 h 317"/>
                <a:gd name="T124" fmla="*/ 59 w 398"/>
                <a:gd name="T125" fmla="*/ 100 h 317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398" h="317">
                  <a:moveTo>
                    <a:pt x="179" y="301"/>
                  </a:moveTo>
                  <a:lnTo>
                    <a:pt x="178" y="297"/>
                  </a:lnTo>
                  <a:lnTo>
                    <a:pt x="177" y="294"/>
                  </a:lnTo>
                  <a:lnTo>
                    <a:pt x="175" y="290"/>
                  </a:lnTo>
                  <a:lnTo>
                    <a:pt x="171" y="287"/>
                  </a:lnTo>
                  <a:lnTo>
                    <a:pt x="163" y="283"/>
                  </a:lnTo>
                  <a:lnTo>
                    <a:pt x="152" y="280"/>
                  </a:lnTo>
                  <a:lnTo>
                    <a:pt x="141" y="278"/>
                  </a:lnTo>
                  <a:lnTo>
                    <a:pt x="127" y="277"/>
                  </a:lnTo>
                  <a:lnTo>
                    <a:pt x="112" y="276"/>
                  </a:lnTo>
                  <a:lnTo>
                    <a:pt x="97" y="275"/>
                  </a:lnTo>
                  <a:lnTo>
                    <a:pt x="81" y="274"/>
                  </a:lnTo>
                  <a:lnTo>
                    <a:pt x="66" y="273"/>
                  </a:lnTo>
                  <a:lnTo>
                    <a:pt x="50" y="270"/>
                  </a:lnTo>
                  <a:lnTo>
                    <a:pt x="37" y="268"/>
                  </a:lnTo>
                  <a:lnTo>
                    <a:pt x="24" y="264"/>
                  </a:lnTo>
                  <a:lnTo>
                    <a:pt x="13" y="259"/>
                  </a:lnTo>
                  <a:lnTo>
                    <a:pt x="9" y="256"/>
                  </a:lnTo>
                  <a:lnTo>
                    <a:pt x="5" y="253"/>
                  </a:lnTo>
                  <a:lnTo>
                    <a:pt x="2" y="248"/>
                  </a:lnTo>
                  <a:lnTo>
                    <a:pt x="0" y="244"/>
                  </a:lnTo>
                  <a:lnTo>
                    <a:pt x="3" y="242"/>
                  </a:lnTo>
                  <a:lnTo>
                    <a:pt x="5" y="239"/>
                  </a:lnTo>
                  <a:lnTo>
                    <a:pt x="6" y="236"/>
                  </a:lnTo>
                  <a:lnTo>
                    <a:pt x="7" y="231"/>
                  </a:lnTo>
                  <a:lnTo>
                    <a:pt x="9" y="223"/>
                  </a:lnTo>
                  <a:lnTo>
                    <a:pt x="9" y="214"/>
                  </a:lnTo>
                  <a:lnTo>
                    <a:pt x="10" y="204"/>
                  </a:lnTo>
                  <a:lnTo>
                    <a:pt x="12" y="196"/>
                  </a:lnTo>
                  <a:lnTo>
                    <a:pt x="15" y="192"/>
                  </a:lnTo>
                  <a:lnTo>
                    <a:pt x="17" y="190"/>
                  </a:lnTo>
                  <a:lnTo>
                    <a:pt x="20" y="188"/>
                  </a:lnTo>
                  <a:lnTo>
                    <a:pt x="24" y="187"/>
                  </a:lnTo>
                  <a:lnTo>
                    <a:pt x="29" y="190"/>
                  </a:lnTo>
                  <a:lnTo>
                    <a:pt x="35" y="192"/>
                  </a:lnTo>
                  <a:lnTo>
                    <a:pt x="39" y="194"/>
                  </a:lnTo>
                  <a:lnTo>
                    <a:pt x="43" y="194"/>
                  </a:lnTo>
                  <a:lnTo>
                    <a:pt x="46" y="194"/>
                  </a:lnTo>
                  <a:lnTo>
                    <a:pt x="49" y="192"/>
                  </a:lnTo>
                  <a:lnTo>
                    <a:pt x="52" y="190"/>
                  </a:lnTo>
                  <a:lnTo>
                    <a:pt x="55" y="188"/>
                  </a:lnTo>
                  <a:lnTo>
                    <a:pt x="63" y="176"/>
                  </a:lnTo>
                  <a:lnTo>
                    <a:pt x="72" y="163"/>
                  </a:lnTo>
                  <a:lnTo>
                    <a:pt x="83" y="165"/>
                  </a:lnTo>
                  <a:lnTo>
                    <a:pt x="94" y="167"/>
                  </a:lnTo>
                  <a:lnTo>
                    <a:pt x="103" y="168"/>
                  </a:lnTo>
                  <a:lnTo>
                    <a:pt x="112" y="168"/>
                  </a:lnTo>
                  <a:lnTo>
                    <a:pt x="129" y="167"/>
                  </a:lnTo>
                  <a:lnTo>
                    <a:pt x="146" y="166"/>
                  </a:lnTo>
                  <a:lnTo>
                    <a:pt x="165" y="165"/>
                  </a:lnTo>
                  <a:lnTo>
                    <a:pt x="185" y="166"/>
                  </a:lnTo>
                  <a:lnTo>
                    <a:pt x="196" y="168"/>
                  </a:lnTo>
                  <a:lnTo>
                    <a:pt x="208" y="170"/>
                  </a:lnTo>
                  <a:lnTo>
                    <a:pt x="221" y="174"/>
                  </a:lnTo>
                  <a:lnTo>
                    <a:pt x="236" y="179"/>
                  </a:lnTo>
                  <a:lnTo>
                    <a:pt x="211" y="168"/>
                  </a:lnTo>
                  <a:lnTo>
                    <a:pt x="189" y="157"/>
                  </a:lnTo>
                  <a:lnTo>
                    <a:pt x="166" y="144"/>
                  </a:lnTo>
                  <a:lnTo>
                    <a:pt x="144" y="131"/>
                  </a:lnTo>
                  <a:lnTo>
                    <a:pt x="122" y="120"/>
                  </a:lnTo>
                  <a:lnTo>
                    <a:pt x="100" y="106"/>
                  </a:lnTo>
                  <a:lnTo>
                    <a:pt x="79" y="94"/>
                  </a:lnTo>
                  <a:lnTo>
                    <a:pt x="57" y="81"/>
                  </a:lnTo>
                  <a:lnTo>
                    <a:pt x="60" y="79"/>
                  </a:lnTo>
                  <a:lnTo>
                    <a:pt x="62" y="77"/>
                  </a:lnTo>
                  <a:lnTo>
                    <a:pt x="64" y="73"/>
                  </a:lnTo>
                  <a:lnTo>
                    <a:pt x="65" y="69"/>
                  </a:lnTo>
                  <a:lnTo>
                    <a:pt x="68" y="62"/>
                  </a:lnTo>
                  <a:lnTo>
                    <a:pt x="70" y="55"/>
                  </a:lnTo>
                  <a:lnTo>
                    <a:pt x="72" y="47"/>
                  </a:lnTo>
                  <a:lnTo>
                    <a:pt x="77" y="40"/>
                  </a:lnTo>
                  <a:lnTo>
                    <a:pt x="79" y="38"/>
                  </a:lnTo>
                  <a:lnTo>
                    <a:pt x="82" y="36"/>
                  </a:lnTo>
                  <a:lnTo>
                    <a:pt x="85" y="33"/>
                  </a:lnTo>
                  <a:lnTo>
                    <a:pt x="89" y="32"/>
                  </a:lnTo>
                  <a:lnTo>
                    <a:pt x="107" y="37"/>
                  </a:lnTo>
                  <a:lnTo>
                    <a:pt x="125" y="41"/>
                  </a:lnTo>
                  <a:lnTo>
                    <a:pt x="144" y="44"/>
                  </a:lnTo>
                  <a:lnTo>
                    <a:pt x="162" y="49"/>
                  </a:lnTo>
                  <a:lnTo>
                    <a:pt x="161" y="43"/>
                  </a:lnTo>
                  <a:lnTo>
                    <a:pt x="161" y="39"/>
                  </a:lnTo>
                  <a:lnTo>
                    <a:pt x="161" y="35"/>
                  </a:lnTo>
                  <a:lnTo>
                    <a:pt x="162" y="30"/>
                  </a:lnTo>
                  <a:lnTo>
                    <a:pt x="165" y="25"/>
                  </a:lnTo>
                  <a:lnTo>
                    <a:pt x="170" y="21"/>
                  </a:lnTo>
                  <a:lnTo>
                    <a:pt x="182" y="15"/>
                  </a:lnTo>
                  <a:lnTo>
                    <a:pt x="195" y="8"/>
                  </a:lnTo>
                  <a:lnTo>
                    <a:pt x="196" y="15"/>
                  </a:lnTo>
                  <a:lnTo>
                    <a:pt x="197" y="18"/>
                  </a:lnTo>
                  <a:lnTo>
                    <a:pt x="199" y="21"/>
                  </a:lnTo>
                  <a:lnTo>
                    <a:pt x="201" y="22"/>
                  </a:lnTo>
                  <a:lnTo>
                    <a:pt x="204" y="21"/>
                  </a:lnTo>
                  <a:lnTo>
                    <a:pt x="207" y="20"/>
                  </a:lnTo>
                  <a:lnTo>
                    <a:pt x="211" y="18"/>
                  </a:lnTo>
                  <a:lnTo>
                    <a:pt x="215" y="16"/>
                  </a:lnTo>
                  <a:lnTo>
                    <a:pt x="224" y="9"/>
                  </a:lnTo>
                  <a:lnTo>
                    <a:pt x="233" y="4"/>
                  </a:lnTo>
                  <a:lnTo>
                    <a:pt x="238" y="2"/>
                  </a:lnTo>
                  <a:lnTo>
                    <a:pt x="242" y="0"/>
                  </a:lnTo>
                  <a:lnTo>
                    <a:pt x="247" y="0"/>
                  </a:lnTo>
                  <a:lnTo>
                    <a:pt x="251" y="0"/>
                  </a:lnTo>
                  <a:lnTo>
                    <a:pt x="269" y="6"/>
                  </a:lnTo>
                  <a:lnTo>
                    <a:pt x="286" y="15"/>
                  </a:lnTo>
                  <a:lnTo>
                    <a:pt x="302" y="23"/>
                  </a:lnTo>
                  <a:lnTo>
                    <a:pt x="317" y="32"/>
                  </a:lnTo>
                  <a:lnTo>
                    <a:pt x="333" y="42"/>
                  </a:lnTo>
                  <a:lnTo>
                    <a:pt x="347" y="50"/>
                  </a:lnTo>
                  <a:lnTo>
                    <a:pt x="364" y="59"/>
                  </a:lnTo>
                  <a:lnTo>
                    <a:pt x="382" y="65"/>
                  </a:lnTo>
                  <a:lnTo>
                    <a:pt x="390" y="62"/>
                  </a:lnTo>
                  <a:lnTo>
                    <a:pt x="398" y="57"/>
                  </a:lnTo>
                  <a:lnTo>
                    <a:pt x="398" y="61"/>
                  </a:lnTo>
                  <a:lnTo>
                    <a:pt x="398" y="65"/>
                  </a:lnTo>
                  <a:lnTo>
                    <a:pt x="376" y="84"/>
                  </a:lnTo>
                  <a:lnTo>
                    <a:pt x="353" y="102"/>
                  </a:lnTo>
                  <a:lnTo>
                    <a:pt x="330" y="120"/>
                  </a:lnTo>
                  <a:lnTo>
                    <a:pt x="308" y="138"/>
                  </a:lnTo>
                  <a:lnTo>
                    <a:pt x="286" y="157"/>
                  </a:lnTo>
                  <a:lnTo>
                    <a:pt x="265" y="176"/>
                  </a:lnTo>
                  <a:lnTo>
                    <a:pt x="255" y="186"/>
                  </a:lnTo>
                  <a:lnTo>
                    <a:pt x="245" y="197"/>
                  </a:lnTo>
                  <a:lnTo>
                    <a:pt x="236" y="208"/>
                  </a:lnTo>
                  <a:lnTo>
                    <a:pt x="227" y="220"/>
                  </a:lnTo>
                  <a:lnTo>
                    <a:pt x="220" y="216"/>
                  </a:lnTo>
                  <a:lnTo>
                    <a:pt x="210" y="212"/>
                  </a:lnTo>
                  <a:lnTo>
                    <a:pt x="206" y="210"/>
                  </a:lnTo>
                  <a:lnTo>
                    <a:pt x="203" y="207"/>
                  </a:lnTo>
                  <a:lnTo>
                    <a:pt x="202" y="205"/>
                  </a:lnTo>
                  <a:lnTo>
                    <a:pt x="202" y="202"/>
                  </a:lnTo>
                  <a:lnTo>
                    <a:pt x="202" y="199"/>
                  </a:lnTo>
                  <a:lnTo>
                    <a:pt x="203" y="196"/>
                  </a:lnTo>
                  <a:lnTo>
                    <a:pt x="211" y="196"/>
                  </a:lnTo>
                  <a:lnTo>
                    <a:pt x="219" y="195"/>
                  </a:lnTo>
                  <a:lnTo>
                    <a:pt x="222" y="194"/>
                  </a:lnTo>
                  <a:lnTo>
                    <a:pt x="224" y="192"/>
                  </a:lnTo>
                  <a:lnTo>
                    <a:pt x="226" y="190"/>
                  </a:lnTo>
                  <a:lnTo>
                    <a:pt x="227" y="187"/>
                  </a:lnTo>
                  <a:lnTo>
                    <a:pt x="217" y="187"/>
                  </a:lnTo>
                  <a:lnTo>
                    <a:pt x="207" y="187"/>
                  </a:lnTo>
                  <a:lnTo>
                    <a:pt x="197" y="187"/>
                  </a:lnTo>
                  <a:lnTo>
                    <a:pt x="186" y="187"/>
                  </a:lnTo>
                  <a:lnTo>
                    <a:pt x="184" y="195"/>
                  </a:lnTo>
                  <a:lnTo>
                    <a:pt x="183" y="201"/>
                  </a:lnTo>
                  <a:lnTo>
                    <a:pt x="184" y="205"/>
                  </a:lnTo>
                  <a:lnTo>
                    <a:pt x="185" y="209"/>
                  </a:lnTo>
                  <a:lnTo>
                    <a:pt x="187" y="211"/>
                  </a:lnTo>
                  <a:lnTo>
                    <a:pt x="189" y="215"/>
                  </a:lnTo>
                  <a:lnTo>
                    <a:pt x="194" y="216"/>
                  </a:lnTo>
                  <a:lnTo>
                    <a:pt x="197" y="218"/>
                  </a:lnTo>
                  <a:lnTo>
                    <a:pt x="203" y="221"/>
                  </a:lnTo>
                  <a:lnTo>
                    <a:pt x="209" y="225"/>
                  </a:lnTo>
                  <a:lnTo>
                    <a:pt x="211" y="228"/>
                  </a:lnTo>
                  <a:lnTo>
                    <a:pt x="213" y="232"/>
                  </a:lnTo>
                  <a:lnTo>
                    <a:pt x="213" y="238"/>
                  </a:lnTo>
                  <a:lnTo>
                    <a:pt x="211" y="244"/>
                  </a:lnTo>
                  <a:lnTo>
                    <a:pt x="208" y="245"/>
                  </a:lnTo>
                  <a:lnTo>
                    <a:pt x="205" y="245"/>
                  </a:lnTo>
                  <a:lnTo>
                    <a:pt x="203" y="245"/>
                  </a:lnTo>
                  <a:lnTo>
                    <a:pt x="200" y="244"/>
                  </a:lnTo>
                  <a:lnTo>
                    <a:pt x="196" y="241"/>
                  </a:lnTo>
                  <a:lnTo>
                    <a:pt x="191" y="238"/>
                  </a:lnTo>
                  <a:lnTo>
                    <a:pt x="187" y="236"/>
                  </a:lnTo>
                  <a:lnTo>
                    <a:pt x="184" y="235"/>
                  </a:lnTo>
                  <a:lnTo>
                    <a:pt x="182" y="236"/>
                  </a:lnTo>
                  <a:lnTo>
                    <a:pt x="181" y="238"/>
                  </a:lnTo>
                  <a:lnTo>
                    <a:pt x="180" y="240"/>
                  </a:lnTo>
                  <a:lnTo>
                    <a:pt x="179" y="244"/>
                  </a:lnTo>
                  <a:lnTo>
                    <a:pt x="184" y="248"/>
                  </a:lnTo>
                  <a:lnTo>
                    <a:pt x="193" y="250"/>
                  </a:lnTo>
                  <a:lnTo>
                    <a:pt x="201" y="251"/>
                  </a:lnTo>
                  <a:lnTo>
                    <a:pt x="211" y="253"/>
                  </a:lnTo>
                  <a:lnTo>
                    <a:pt x="213" y="259"/>
                  </a:lnTo>
                  <a:lnTo>
                    <a:pt x="213" y="264"/>
                  </a:lnTo>
                  <a:lnTo>
                    <a:pt x="213" y="269"/>
                  </a:lnTo>
                  <a:lnTo>
                    <a:pt x="211" y="275"/>
                  </a:lnTo>
                  <a:lnTo>
                    <a:pt x="207" y="282"/>
                  </a:lnTo>
                  <a:lnTo>
                    <a:pt x="202" y="289"/>
                  </a:lnTo>
                  <a:lnTo>
                    <a:pt x="198" y="296"/>
                  </a:lnTo>
                  <a:lnTo>
                    <a:pt x="196" y="302"/>
                  </a:lnTo>
                  <a:lnTo>
                    <a:pt x="196" y="305"/>
                  </a:lnTo>
                  <a:lnTo>
                    <a:pt x="197" y="308"/>
                  </a:lnTo>
                  <a:lnTo>
                    <a:pt x="199" y="313"/>
                  </a:lnTo>
                  <a:lnTo>
                    <a:pt x="203" y="317"/>
                  </a:lnTo>
                  <a:lnTo>
                    <a:pt x="197" y="314"/>
                  </a:lnTo>
                  <a:lnTo>
                    <a:pt x="189" y="310"/>
                  </a:lnTo>
                  <a:lnTo>
                    <a:pt x="185" y="309"/>
                  </a:lnTo>
                  <a:lnTo>
                    <a:pt x="182" y="307"/>
                  </a:lnTo>
                  <a:lnTo>
                    <a:pt x="180" y="304"/>
                  </a:lnTo>
                  <a:lnTo>
                    <a:pt x="179" y="301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532" name="Næstved"/>
            <p:cNvGrpSpPr/>
            <p:nvPr/>
          </p:nvGrpSpPr>
          <p:grpSpPr>
            <a:xfrm>
              <a:off x="3149600" y="5364163"/>
              <a:ext cx="503237" cy="392113"/>
              <a:chOff x="3149600" y="5364163"/>
              <a:chExt cx="503237" cy="392113"/>
            </a:xfrm>
            <a:grpFill/>
          </p:grpSpPr>
          <p:sp>
            <p:nvSpPr>
              <p:cNvPr id="598" name="Næstved"/>
              <p:cNvSpPr>
                <a:spLocks/>
              </p:cNvSpPr>
              <p:nvPr/>
            </p:nvSpPr>
            <p:spPr bwMode="auto">
              <a:xfrm>
                <a:off x="3149600" y="5364163"/>
                <a:ext cx="503237" cy="392113"/>
              </a:xfrm>
              <a:custGeom>
                <a:avLst/>
                <a:gdLst>
                  <a:gd name="T0" fmla="*/ 289 w 951"/>
                  <a:gd name="T1" fmla="*/ 218 h 740"/>
                  <a:gd name="T2" fmla="*/ 280 w 951"/>
                  <a:gd name="T3" fmla="*/ 216 h 740"/>
                  <a:gd name="T4" fmla="*/ 277 w 951"/>
                  <a:gd name="T5" fmla="*/ 220 h 740"/>
                  <a:gd name="T6" fmla="*/ 276 w 951"/>
                  <a:gd name="T7" fmla="*/ 225 h 740"/>
                  <a:gd name="T8" fmla="*/ 267 w 951"/>
                  <a:gd name="T9" fmla="*/ 220 h 740"/>
                  <a:gd name="T10" fmla="*/ 258 w 951"/>
                  <a:gd name="T11" fmla="*/ 216 h 740"/>
                  <a:gd name="T12" fmla="*/ 250 w 951"/>
                  <a:gd name="T13" fmla="*/ 225 h 740"/>
                  <a:gd name="T14" fmla="*/ 240 w 951"/>
                  <a:gd name="T15" fmla="*/ 223 h 740"/>
                  <a:gd name="T16" fmla="*/ 222 w 951"/>
                  <a:gd name="T17" fmla="*/ 237 h 740"/>
                  <a:gd name="T18" fmla="*/ 209 w 951"/>
                  <a:gd name="T19" fmla="*/ 245 h 740"/>
                  <a:gd name="T20" fmla="*/ 172 w 951"/>
                  <a:gd name="T21" fmla="*/ 231 h 740"/>
                  <a:gd name="T22" fmla="*/ 144 w 951"/>
                  <a:gd name="T23" fmla="*/ 221 h 740"/>
                  <a:gd name="T24" fmla="*/ 147 w 951"/>
                  <a:gd name="T25" fmla="*/ 218 h 740"/>
                  <a:gd name="T26" fmla="*/ 157 w 951"/>
                  <a:gd name="T27" fmla="*/ 208 h 740"/>
                  <a:gd name="T28" fmla="*/ 155 w 951"/>
                  <a:gd name="T29" fmla="*/ 200 h 740"/>
                  <a:gd name="T30" fmla="*/ 153 w 951"/>
                  <a:gd name="T31" fmla="*/ 198 h 740"/>
                  <a:gd name="T32" fmla="*/ 140 w 951"/>
                  <a:gd name="T33" fmla="*/ 208 h 740"/>
                  <a:gd name="T34" fmla="*/ 130 w 951"/>
                  <a:gd name="T35" fmla="*/ 197 h 740"/>
                  <a:gd name="T36" fmla="*/ 119 w 951"/>
                  <a:gd name="T37" fmla="*/ 197 h 740"/>
                  <a:gd name="T38" fmla="*/ 110 w 951"/>
                  <a:gd name="T39" fmla="*/ 207 h 740"/>
                  <a:gd name="T40" fmla="*/ 100 w 951"/>
                  <a:gd name="T41" fmla="*/ 204 h 740"/>
                  <a:gd name="T42" fmla="*/ 94 w 951"/>
                  <a:gd name="T43" fmla="*/ 205 h 740"/>
                  <a:gd name="T44" fmla="*/ 80 w 951"/>
                  <a:gd name="T45" fmla="*/ 203 h 740"/>
                  <a:gd name="T46" fmla="*/ 65 w 951"/>
                  <a:gd name="T47" fmla="*/ 201 h 740"/>
                  <a:gd name="T48" fmla="*/ 54 w 951"/>
                  <a:gd name="T49" fmla="*/ 198 h 740"/>
                  <a:gd name="T50" fmla="*/ 43 w 951"/>
                  <a:gd name="T51" fmla="*/ 180 h 740"/>
                  <a:gd name="T52" fmla="*/ 31 w 951"/>
                  <a:gd name="T53" fmla="*/ 157 h 740"/>
                  <a:gd name="T54" fmla="*/ 30 w 951"/>
                  <a:gd name="T55" fmla="*/ 133 h 740"/>
                  <a:gd name="T56" fmla="*/ 21 w 951"/>
                  <a:gd name="T57" fmla="*/ 127 h 740"/>
                  <a:gd name="T58" fmla="*/ 15 w 951"/>
                  <a:gd name="T59" fmla="*/ 104 h 740"/>
                  <a:gd name="T60" fmla="*/ 3 w 951"/>
                  <a:gd name="T61" fmla="*/ 103 h 740"/>
                  <a:gd name="T62" fmla="*/ 3 w 951"/>
                  <a:gd name="T63" fmla="*/ 99 h 740"/>
                  <a:gd name="T64" fmla="*/ 15 w 951"/>
                  <a:gd name="T65" fmla="*/ 76 h 740"/>
                  <a:gd name="T66" fmla="*/ 27 w 951"/>
                  <a:gd name="T67" fmla="*/ 59 h 740"/>
                  <a:gd name="T68" fmla="*/ 35 w 951"/>
                  <a:gd name="T69" fmla="*/ 52 h 740"/>
                  <a:gd name="T70" fmla="*/ 39 w 951"/>
                  <a:gd name="T71" fmla="*/ 41 h 740"/>
                  <a:gd name="T72" fmla="*/ 59 w 951"/>
                  <a:gd name="T73" fmla="*/ 37 h 740"/>
                  <a:gd name="T74" fmla="*/ 68 w 951"/>
                  <a:gd name="T75" fmla="*/ 33 h 740"/>
                  <a:gd name="T76" fmla="*/ 83 w 951"/>
                  <a:gd name="T77" fmla="*/ 29 h 740"/>
                  <a:gd name="T78" fmla="*/ 108 w 951"/>
                  <a:gd name="T79" fmla="*/ 17 h 740"/>
                  <a:gd name="T80" fmla="*/ 141 w 951"/>
                  <a:gd name="T81" fmla="*/ 0 h 740"/>
                  <a:gd name="T82" fmla="*/ 152 w 951"/>
                  <a:gd name="T83" fmla="*/ 16 h 740"/>
                  <a:gd name="T84" fmla="*/ 178 w 951"/>
                  <a:gd name="T85" fmla="*/ 30 h 740"/>
                  <a:gd name="T86" fmla="*/ 215 w 951"/>
                  <a:gd name="T87" fmla="*/ 50 h 740"/>
                  <a:gd name="T88" fmla="*/ 203 w 951"/>
                  <a:gd name="T89" fmla="*/ 54 h 740"/>
                  <a:gd name="T90" fmla="*/ 203 w 951"/>
                  <a:gd name="T91" fmla="*/ 73 h 740"/>
                  <a:gd name="T92" fmla="*/ 192 w 951"/>
                  <a:gd name="T93" fmla="*/ 81 h 740"/>
                  <a:gd name="T94" fmla="*/ 225 w 951"/>
                  <a:gd name="T95" fmla="*/ 107 h 740"/>
                  <a:gd name="T96" fmla="*/ 247 w 951"/>
                  <a:gd name="T97" fmla="*/ 129 h 740"/>
                  <a:gd name="T98" fmla="*/ 259 w 951"/>
                  <a:gd name="T99" fmla="*/ 139 h 740"/>
                  <a:gd name="T100" fmla="*/ 269 w 951"/>
                  <a:gd name="T101" fmla="*/ 134 h 740"/>
                  <a:gd name="T102" fmla="*/ 270 w 951"/>
                  <a:gd name="T103" fmla="*/ 146 h 740"/>
                  <a:gd name="T104" fmla="*/ 275 w 951"/>
                  <a:gd name="T105" fmla="*/ 155 h 740"/>
                  <a:gd name="T106" fmla="*/ 288 w 951"/>
                  <a:gd name="T107" fmla="*/ 163 h 740"/>
                  <a:gd name="T108" fmla="*/ 296 w 951"/>
                  <a:gd name="T109" fmla="*/ 179 h 740"/>
                  <a:gd name="T110" fmla="*/ 305 w 951"/>
                  <a:gd name="T111" fmla="*/ 200 h 740"/>
                  <a:gd name="T112" fmla="*/ 317 w 951"/>
                  <a:gd name="T113" fmla="*/ 209 h 740"/>
                  <a:gd name="T114" fmla="*/ 307 w 951"/>
                  <a:gd name="T115" fmla="*/ 221 h 74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951" h="740">
                    <a:moveTo>
                      <a:pt x="886" y="657"/>
                    </a:moveTo>
                    <a:lnTo>
                      <a:pt x="884" y="655"/>
                    </a:lnTo>
                    <a:lnTo>
                      <a:pt x="880" y="654"/>
                    </a:lnTo>
                    <a:lnTo>
                      <a:pt x="878" y="653"/>
                    </a:lnTo>
                    <a:lnTo>
                      <a:pt x="875" y="653"/>
                    </a:lnTo>
                    <a:lnTo>
                      <a:pt x="868" y="654"/>
                    </a:lnTo>
                    <a:lnTo>
                      <a:pt x="860" y="655"/>
                    </a:lnTo>
                    <a:lnTo>
                      <a:pt x="854" y="656"/>
                    </a:lnTo>
                    <a:lnTo>
                      <a:pt x="847" y="655"/>
                    </a:lnTo>
                    <a:lnTo>
                      <a:pt x="845" y="653"/>
                    </a:lnTo>
                    <a:lnTo>
                      <a:pt x="841" y="651"/>
                    </a:lnTo>
                    <a:lnTo>
                      <a:pt x="839" y="648"/>
                    </a:lnTo>
                    <a:lnTo>
                      <a:pt x="837" y="642"/>
                    </a:lnTo>
                    <a:lnTo>
                      <a:pt x="834" y="644"/>
                    </a:lnTo>
                    <a:lnTo>
                      <a:pt x="832" y="648"/>
                    </a:lnTo>
                    <a:lnTo>
                      <a:pt x="830" y="651"/>
                    </a:lnTo>
                    <a:lnTo>
                      <a:pt x="830" y="655"/>
                    </a:lnTo>
                    <a:lnTo>
                      <a:pt x="830" y="659"/>
                    </a:lnTo>
                    <a:lnTo>
                      <a:pt x="832" y="663"/>
                    </a:lnTo>
                    <a:lnTo>
                      <a:pt x="834" y="666"/>
                    </a:lnTo>
                    <a:lnTo>
                      <a:pt x="837" y="667"/>
                    </a:lnTo>
                    <a:lnTo>
                      <a:pt x="834" y="670"/>
                    </a:lnTo>
                    <a:lnTo>
                      <a:pt x="831" y="672"/>
                    </a:lnTo>
                    <a:lnTo>
                      <a:pt x="828" y="673"/>
                    </a:lnTo>
                    <a:lnTo>
                      <a:pt x="824" y="673"/>
                    </a:lnTo>
                    <a:lnTo>
                      <a:pt x="820" y="672"/>
                    </a:lnTo>
                    <a:lnTo>
                      <a:pt x="816" y="671"/>
                    </a:lnTo>
                    <a:lnTo>
                      <a:pt x="812" y="669"/>
                    </a:lnTo>
                    <a:lnTo>
                      <a:pt x="809" y="666"/>
                    </a:lnTo>
                    <a:lnTo>
                      <a:pt x="801" y="658"/>
                    </a:lnTo>
                    <a:lnTo>
                      <a:pt x="796" y="651"/>
                    </a:lnTo>
                    <a:lnTo>
                      <a:pt x="791" y="642"/>
                    </a:lnTo>
                    <a:lnTo>
                      <a:pt x="789" y="635"/>
                    </a:lnTo>
                    <a:lnTo>
                      <a:pt x="782" y="638"/>
                    </a:lnTo>
                    <a:lnTo>
                      <a:pt x="777" y="641"/>
                    </a:lnTo>
                    <a:lnTo>
                      <a:pt x="773" y="646"/>
                    </a:lnTo>
                    <a:lnTo>
                      <a:pt x="770" y="650"/>
                    </a:lnTo>
                    <a:lnTo>
                      <a:pt x="764" y="659"/>
                    </a:lnTo>
                    <a:lnTo>
                      <a:pt x="759" y="667"/>
                    </a:lnTo>
                    <a:lnTo>
                      <a:pt x="756" y="670"/>
                    </a:lnTo>
                    <a:lnTo>
                      <a:pt x="754" y="672"/>
                    </a:lnTo>
                    <a:lnTo>
                      <a:pt x="751" y="674"/>
                    </a:lnTo>
                    <a:lnTo>
                      <a:pt x="747" y="674"/>
                    </a:lnTo>
                    <a:lnTo>
                      <a:pt x="742" y="672"/>
                    </a:lnTo>
                    <a:lnTo>
                      <a:pt x="737" y="670"/>
                    </a:lnTo>
                    <a:lnTo>
                      <a:pt x="731" y="666"/>
                    </a:lnTo>
                    <a:lnTo>
                      <a:pt x="724" y="659"/>
                    </a:lnTo>
                    <a:lnTo>
                      <a:pt x="720" y="667"/>
                    </a:lnTo>
                    <a:lnTo>
                      <a:pt x="716" y="673"/>
                    </a:lnTo>
                    <a:lnTo>
                      <a:pt x="711" y="678"/>
                    </a:lnTo>
                    <a:lnTo>
                      <a:pt x="706" y="683"/>
                    </a:lnTo>
                    <a:lnTo>
                      <a:pt x="694" y="693"/>
                    </a:lnTo>
                    <a:lnTo>
                      <a:pt x="680" y="700"/>
                    </a:lnTo>
                    <a:lnTo>
                      <a:pt x="667" y="709"/>
                    </a:lnTo>
                    <a:lnTo>
                      <a:pt x="654" y="717"/>
                    </a:lnTo>
                    <a:lnTo>
                      <a:pt x="649" y="722"/>
                    </a:lnTo>
                    <a:lnTo>
                      <a:pt x="643" y="728"/>
                    </a:lnTo>
                    <a:lnTo>
                      <a:pt x="638" y="733"/>
                    </a:lnTo>
                    <a:lnTo>
                      <a:pt x="634" y="740"/>
                    </a:lnTo>
                    <a:lnTo>
                      <a:pt x="626" y="733"/>
                    </a:lnTo>
                    <a:lnTo>
                      <a:pt x="615" y="726"/>
                    </a:lnTo>
                    <a:lnTo>
                      <a:pt x="605" y="720"/>
                    </a:lnTo>
                    <a:lnTo>
                      <a:pt x="593" y="715"/>
                    </a:lnTo>
                    <a:lnTo>
                      <a:pt x="569" y="706"/>
                    </a:lnTo>
                    <a:lnTo>
                      <a:pt x="542" y="697"/>
                    </a:lnTo>
                    <a:lnTo>
                      <a:pt x="516" y="691"/>
                    </a:lnTo>
                    <a:lnTo>
                      <a:pt x="490" y="683"/>
                    </a:lnTo>
                    <a:lnTo>
                      <a:pt x="464" y="676"/>
                    </a:lnTo>
                    <a:lnTo>
                      <a:pt x="439" y="667"/>
                    </a:lnTo>
                    <a:lnTo>
                      <a:pt x="436" y="666"/>
                    </a:lnTo>
                    <a:lnTo>
                      <a:pt x="434" y="663"/>
                    </a:lnTo>
                    <a:lnTo>
                      <a:pt x="433" y="661"/>
                    </a:lnTo>
                    <a:lnTo>
                      <a:pt x="433" y="658"/>
                    </a:lnTo>
                    <a:lnTo>
                      <a:pt x="433" y="655"/>
                    </a:lnTo>
                    <a:lnTo>
                      <a:pt x="434" y="653"/>
                    </a:lnTo>
                    <a:lnTo>
                      <a:pt x="437" y="652"/>
                    </a:lnTo>
                    <a:lnTo>
                      <a:pt x="439" y="651"/>
                    </a:lnTo>
                    <a:lnTo>
                      <a:pt x="440" y="652"/>
                    </a:lnTo>
                    <a:lnTo>
                      <a:pt x="442" y="653"/>
                    </a:lnTo>
                    <a:lnTo>
                      <a:pt x="444" y="652"/>
                    </a:lnTo>
                    <a:lnTo>
                      <a:pt x="447" y="651"/>
                    </a:lnTo>
                    <a:lnTo>
                      <a:pt x="452" y="646"/>
                    </a:lnTo>
                    <a:lnTo>
                      <a:pt x="458" y="639"/>
                    </a:lnTo>
                    <a:lnTo>
                      <a:pt x="470" y="622"/>
                    </a:lnTo>
                    <a:lnTo>
                      <a:pt x="480" y="610"/>
                    </a:lnTo>
                    <a:lnTo>
                      <a:pt x="477" y="606"/>
                    </a:lnTo>
                    <a:lnTo>
                      <a:pt x="474" y="602"/>
                    </a:lnTo>
                    <a:lnTo>
                      <a:pt x="471" y="600"/>
                    </a:lnTo>
                    <a:lnTo>
                      <a:pt x="468" y="599"/>
                    </a:lnTo>
                    <a:lnTo>
                      <a:pt x="466" y="598"/>
                    </a:lnTo>
                    <a:lnTo>
                      <a:pt x="466" y="595"/>
                    </a:lnTo>
                    <a:lnTo>
                      <a:pt x="468" y="592"/>
                    </a:lnTo>
                    <a:lnTo>
                      <a:pt x="472" y="586"/>
                    </a:lnTo>
                    <a:lnTo>
                      <a:pt x="466" y="587"/>
                    </a:lnTo>
                    <a:lnTo>
                      <a:pt x="461" y="590"/>
                    </a:lnTo>
                    <a:lnTo>
                      <a:pt x="458" y="594"/>
                    </a:lnTo>
                    <a:lnTo>
                      <a:pt x="457" y="599"/>
                    </a:lnTo>
                    <a:lnTo>
                      <a:pt x="455" y="612"/>
                    </a:lnTo>
                    <a:lnTo>
                      <a:pt x="456" y="627"/>
                    </a:lnTo>
                    <a:lnTo>
                      <a:pt x="441" y="622"/>
                    </a:lnTo>
                    <a:lnTo>
                      <a:pt x="431" y="621"/>
                    </a:lnTo>
                    <a:lnTo>
                      <a:pt x="421" y="622"/>
                    </a:lnTo>
                    <a:lnTo>
                      <a:pt x="407" y="627"/>
                    </a:lnTo>
                    <a:lnTo>
                      <a:pt x="407" y="618"/>
                    </a:lnTo>
                    <a:lnTo>
                      <a:pt x="404" y="611"/>
                    </a:lnTo>
                    <a:lnTo>
                      <a:pt x="401" y="604"/>
                    </a:lnTo>
                    <a:lnTo>
                      <a:pt x="397" y="599"/>
                    </a:lnTo>
                    <a:lnTo>
                      <a:pt x="390" y="589"/>
                    </a:lnTo>
                    <a:lnTo>
                      <a:pt x="382" y="577"/>
                    </a:lnTo>
                    <a:lnTo>
                      <a:pt x="378" y="577"/>
                    </a:lnTo>
                    <a:lnTo>
                      <a:pt x="374" y="577"/>
                    </a:lnTo>
                    <a:lnTo>
                      <a:pt x="368" y="580"/>
                    </a:lnTo>
                    <a:lnTo>
                      <a:pt x="362" y="584"/>
                    </a:lnTo>
                    <a:lnTo>
                      <a:pt x="358" y="589"/>
                    </a:lnTo>
                    <a:lnTo>
                      <a:pt x="354" y="594"/>
                    </a:lnTo>
                    <a:lnTo>
                      <a:pt x="348" y="606"/>
                    </a:lnTo>
                    <a:lnTo>
                      <a:pt x="342" y="618"/>
                    </a:lnTo>
                    <a:lnTo>
                      <a:pt x="338" y="619"/>
                    </a:lnTo>
                    <a:lnTo>
                      <a:pt x="334" y="620"/>
                    </a:lnTo>
                    <a:lnTo>
                      <a:pt x="331" y="619"/>
                    </a:lnTo>
                    <a:lnTo>
                      <a:pt x="327" y="618"/>
                    </a:lnTo>
                    <a:lnTo>
                      <a:pt x="320" y="616"/>
                    </a:lnTo>
                    <a:lnTo>
                      <a:pt x="314" y="612"/>
                    </a:lnTo>
                    <a:lnTo>
                      <a:pt x="308" y="610"/>
                    </a:lnTo>
                    <a:lnTo>
                      <a:pt x="302" y="609"/>
                    </a:lnTo>
                    <a:lnTo>
                      <a:pt x="299" y="610"/>
                    </a:lnTo>
                    <a:lnTo>
                      <a:pt x="297" y="612"/>
                    </a:lnTo>
                    <a:lnTo>
                      <a:pt x="295" y="614"/>
                    </a:lnTo>
                    <a:lnTo>
                      <a:pt x="293" y="618"/>
                    </a:lnTo>
                    <a:lnTo>
                      <a:pt x="289" y="618"/>
                    </a:lnTo>
                    <a:lnTo>
                      <a:pt x="284" y="618"/>
                    </a:lnTo>
                    <a:lnTo>
                      <a:pt x="281" y="614"/>
                    </a:lnTo>
                    <a:lnTo>
                      <a:pt x="277" y="610"/>
                    </a:lnTo>
                    <a:lnTo>
                      <a:pt x="273" y="608"/>
                    </a:lnTo>
                    <a:lnTo>
                      <a:pt x="269" y="607"/>
                    </a:lnTo>
                    <a:lnTo>
                      <a:pt x="260" y="606"/>
                    </a:lnTo>
                    <a:lnTo>
                      <a:pt x="250" y="606"/>
                    </a:lnTo>
                    <a:lnTo>
                      <a:pt x="239" y="607"/>
                    </a:lnTo>
                    <a:lnTo>
                      <a:pt x="229" y="608"/>
                    </a:lnTo>
                    <a:lnTo>
                      <a:pt x="222" y="607"/>
                    </a:lnTo>
                    <a:lnTo>
                      <a:pt x="216" y="607"/>
                    </a:lnTo>
                    <a:lnTo>
                      <a:pt x="210" y="604"/>
                    </a:lnTo>
                    <a:lnTo>
                      <a:pt x="203" y="602"/>
                    </a:lnTo>
                    <a:lnTo>
                      <a:pt x="196" y="603"/>
                    </a:lnTo>
                    <a:lnTo>
                      <a:pt x="189" y="602"/>
                    </a:lnTo>
                    <a:lnTo>
                      <a:pt x="184" y="600"/>
                    </a:lnTo>
                    <a:lnTo>
                      <a:pt x="179" y="598"/>
                    </a:lnTo>
                    <a:lnTo>
                      <a:pt x="175" y="595"/>
                    </a:lnTo>
                    <a:lnTo>
                      <a:pt x="170" y="594"/>
                    </a:lnTo>
                    <a:lnTo>
                      <a:pt x="163" y="593"/>
                    </a:lnTo>
                    <a:lnTo>
                      <a:pt x="155" y="594"/>
                    </a:lnTo>
                    <a:lnTo>
                      <a:pt x="148" y="586"/>
                    </a:lnTo>
                    <a:lnTo>
                      <a:pt x="139" y="577"/>
                    </a:lnTo>
                    <a:lnTo>
                      <a:pt x="131" y="561"/>
                    </a:lnTo>
                    <a:lnTo>
                      <a:pt x="130" y="550"/>
                    </a:lnTo>
                    <a:lnTo>
                      <a:pt x="128" y="539"/>
                    </a:lnTo>
                    <a:lnTo>
                      <a:pt x="124" y="529"/>
                    </a:lnTo>
                    <a:lnTo>
                      <a:pt x="121" y="520"/>
                    </a:lnTo>
                    <a:lnTo>
                      <a:pt x="112" y="503"/>
                    </a:lnTo>
                    <a:lnTo>
                      <a:pt x="102" y="488"/>
                    </a:lnTo>
                    <a:lnTo>
                      <a:pt x="98" y="479"/>
                    </a:lnTo>
                    <a:lnTo>
                      <a:pt x="94" y="471"/>
                    </a:lnTo>
                    <a:lnTo>
                      <a:pt x="91" y="461"/>
                    </a:lnTo>
                    <a:lnTo>
                      <a:pt x="89" y="451"/>
                    </a:lnTo>
                    <a:lnTo>
                      <a:pt x="86" y="440"/>
                    </a:lnTo>
                    <a:lnTo>
                      <a:pt x="86" y="428"/>
                    </a:lnTo>
                    <a:lnTo>
                      <a:pt x="87" y="414"/>
                    </a:lnTo>
                    <a:lnTo>
                      <a:pt x="90" y="399"/>
                    </a:lnTo>
                    <a:lnTo>
                      <a:pt x="84" y="397"/>
                    </a:lnTo>
                    <a:lnTo>
                      <a:pt x="79" y="395"/>
                    </a:lnTo>
                    <a:lnTo>
                      <a:pt x="74" y="392"/>
                    </a:lnTo>
                    <a:lnTo>
                      <a:pt x="70" y="388"/>
                    </a:lnTo>
                    <a:lnTo>
                      <a:pt x="66" y="383"/>
                    </a:lnTo>
                    <a:lnTo>
                      <a:pt x="63" y="379"/>
                    </a:lnTo>
                    <a:lnTo>
                      <a:pt x="61" y="374"/>
                    </a:lnTo>
                    <a:lnTo>
                      <a:pt x="59" y="369"/>
                    </a:lnTo>
                    <a:lnTo>
                      <a:pt x="54" y="344"/>
                    </a:lnTo>
                    <a:lnTo>
                      <a:pt x="50" y="317"/>
                    </a:lnTo>
                    <a:lnTo>
                      <a:pt x="47" y="315"/>
                    </a:lnTo>
                    <a:lnTo>
                      <a:pt x="45" y="313"/>
                    </a:lnTo>
                    <a:lnTo>
                      <a:pt x="43" y="312"/>
                    </a:lnTo>
                    <a:lnTo>
                      <a:pt x="40" y="311"/>
                    </a:lnTo>
                    <a:lnTo>
                      <a:pt x="32" y="310"/>
                    </a:lnTo>
                    <a:lnTo>
                      <a:pt x="24" y="311"/>
                    </a:lnTo>
                    <a:lnTo>
                      <a:pt x="16" y="311"/>
                    </a:lnTo>
                    <a:lnTo>
                      <a:pt x="9" y="310"/>
                    </a:lnTo>
                    <a:lnTo>
                      <a:pt x="5" y="309"/>
                    </a:lnTo>
                    <a:lnTo>
                      <a:pt x="3" y="306"/>
                    </a:lnTo>
                    <a:lnTo>
                      <a:pt x="1" y="304"/>
                    </a:lnTo>
                    <a:lnTo>
                      <a:pt x="0" y="301"/>
                    </a:lnTo>
                    <a:lnTo>
                      <a:pt x="5" y="299"/>
                    </a:lnTo>
                    <a:lnTo>
                      <a:pt x="10" y="296"/>
                    </a:lnTo>
                    <a:lnTo>
                      <a:pt x="14" y="293"/>
                    </a:lnTo>
                    <a:lnTo>
                      <a:pt x="17" y="289"/>
                    </a:lnTo>
                    <a:lnTo>
                      <a:pt x="24" y="280"/>
                    </a:lnTo>
                    <a:lnTo>
                      <a:pt x="30" y="271"/>
                    </a:lnTo>
                    <a:lnTo>
                      <a:pt x="38" y="251"/>
                    </a:lnTo>
                    <a:lnTo>
                      <a:pt x="45" y="229"/>
                    </a:lnTo>
                    <a:lnTo>
                      <a:pt x="50" y="218"/>
                    </a:lnTo>
                    <a:lnTo>
                      <a:pt x="55" y="209"/>
                    </a:lnTo>
                    <a:lnTo>
                      <a:pt x="60" y="199"/>
                    </a:lnTo>
                    <a:lnTo>
                      <a:pt x="66" y="191"/>
                    </a:lnTo>
                    <a:lnTo>
                      <a:pt x="74" y="183"/>
                    </a:lnTo>
                    <a:lnTo>
                      <a:pt x="82" y="177"/>
                    </a:lnTo>
                    <a:lnTo>
                      <a:pt x="87" y="175"/>
                    </a:lnTo>
                    <a:lnTo>
                      <a:pt x="94" y="173"/>
                    </a:lnTo>
                    <a:lnTo>
                      <a:pt x="99" y="172"/>
                    </a:lnTo>
                    <a:lnTo>
                      <a:pt x="106" y="172"/>
                    </a:lnTo>
                    <a:lnTo>
                      <a:pt x="105" y="163"/>
                    </a:lnTo>
                    <a:lnTo>
                      <a:pt x="106" y="156"/>
                    </a:lnTo>
                    <a:lnTo>
                      <a:pt x="106" y="149"/>
                    </a:lnTo>
                    <a:lnTo>
                      <a:pt x="109" y="143"/>
                    </a:lnTo>
                    <a:lnTo>
                      <a:pt x="110" y="137"/>
                    </a:lnTo>
                    <a:lnTo>
                      <a:pt x="113" y="132"/>
                    </a:lnTo>
                    <a:lnTo>
                      <a:pt x="115" y="126"/>
                    </a:lnTo>
                    <a:lnTo>
                      <a:pt x="118" y="122"/>
                    </a:lnTo>
                    <a:lnTo>
                      <a:pt x="125" y="115"/>
                    </a:lnTo>
                    <a:lnTo>
                      <a:pt x="135" y="109"/>
                    </a:lnTo>
                    <a:lnTo>
                      <a:pt x="144" y="103"/>
                    </a:lnTo>
                    <a:lnTo>
                      <a:pt x="155" y="98"/>
                    </a:lnTo>
                    <a:lnTo>
                      <a:pt x="166" y="103"/>
                    </a:lnTo>
                    <a:lnTo>
                      <a:pt x="176" y="110"/>
                    </a:lnTo>
                    <a:lnTo>
                      <a:pt x="181" y="112"/>
                    </a:lnTo>
                    <a:lnTo>
                      <a:pt x="188" y="114"/>
                    </a:lnTo>
                    <a:lnTo>
                      <a:pt x="195" y="115"/>
                    </a:lnTo>
                    <a:lnTo>
                      <a:pt x="203" y="115"/>
                    </a:lnTo>
                    <a:lnTo>
                      <a:pt x="204" y="106"/>
                    </a:lnTo>
                    <a:lnTo>
                      <a:pt x="204" y="99"/>
                    </a:lnTo>
                    <a:lnTo>
                      <a:pt x="205" y="96"/>
                    </a:lnTo>
                    <a:lnTo>
                      <a:pt x="206" y="93"/>
                    </a:lnTo>
                    <a:lnTo>
                      <a:pt x="209" y="91"/>
                    </a:lnTo>
                    <a:lnTo>
                      <a:pt x="212" y="90"/>
                    </a:lnTo>
                    <a:lnTo>
                      <a:pt x="231" y="90"/>
                    </a:lnTo>
                    <a:lnTo>
                      <a:pt x="248" y="88"/>
                    </a:lnTo>
                    <a:lnTo>
                      <a:pt x="263" y="85"/>
                    </a:lnTo>
                    <a:lnTo>
                      <a:pt x="277" y="80"/>
                    </a:lnTo>
                    <a:lnTo>
                      <a:pt x="290" y="74"/>
                    </a:lnTo>
                    <a:lnTo>
                      <a:pt x="301" y="67"/>
                    </a:lnTo>
                    <a:lnTo>
                      <a:pt x="313" y="59"/>
                    </a:lnTo>
                    <a:lnTo>
                      <a:pt x="323" y="52"/>
                    </a:lnTo>
                    <a:lnTo>
                      <a:pt x="344" y="35"/>
                    </a:lnTo>
                    <a:lnTo>
                      <a:pt x="367" y="20"/>
                    </a:lnTo>
                    <a:lnTo>
                      <a:pt x="379" y="13"/>
                    </a:lnTo>
                    <a:lnTo>
                      <a:pt x="393" y="7"/>
                    </a:lnTo>
                    <a:lnTo>
                      <a:pt x="407" y="3"/>
                    </a:lnTo>
                    <a:lnTo>
                      <a:pt x="423" y="0"/>
                    </a:lnTo>
                    <a:lnTo>
                      <a:pt x="428" y="10"/>
                    </a:lnTo>
                    <a:lnTo>
                      <a:pt x="433" y="19"/>
                    </a:lnTo>
                    <a:lnTo>
                      <a:pt x="438" y="26"/>
                    </a:lnTo>
                    <a:lnTo>
                      <a:pt x="443" y="34"/>
                    </a:lnTo>
                    <a:lnTo>
                      <a:pt x="450" y="41"/>
                    </a:lnTo>
                    <a:lnTo>
                      <a:pt x="456" y="47"/>
                    </a:lnTo>
                    <a:lnTo>
                      <a:pt x="462" y="53"/>
                    </a:lnTo>
                    <a:lnTo>
                      <a:pt x="470" y="58"/>
                    </a:lnTo>
                    <a:lnTo>
                      <a:pt x="484" y="67"/>
                    </a:lnTo>
                    <a:lnTo>
                      <a:pt x="499" y="76"/>
                    </a:lnTo>
                    <a:lnTo>
                      <a:pt x="516" y="83"/>
                    </a:lnTo>
                    <a:lnTo>
                      <a:pt x="533" y="90"/>
                    </a:lnTo>
                    <a:lnTo>
                      <a:pt x="567" y="102"/>
                    </a:lnTo>
                    <a:lnTo>
                      <a:pt x="600" y="117"/>
                    </a:lnTo>
                    <a:lnTo>
                      <a:pt x="616" y="126"/>
                    </a:lnTo>
                    <a:lnTo>
                      <a:pt x="631" y="137"/>
                    </a:lnTo>
                    <a:lnTo>
                      <a:pt x="638" y="142"/>
                    </a:lnTo>
                    <a:lnTo>
                      <a:pt x="646" y="149"/>
                    </a:lnTo>
                    <a:lnTo>
                      <a:pt x="652" y="156"/>
                    </a:lnTo>
                    <a:lnTo>
                      <a:pt x="659" y="163"/>
                    </a:lnTo>
                    <a:lnTo>
                      <a:pt x="647" y="163"/>
                    </a:lnTo>
                    <a:lnTo>
                      <a:pt x="634" y="163"/>
                    </a:lnTo>
                    <a:lnTo>
                      <a:pt x="622" y="163"/>
                    </a:lnTo>
                    <a:lnTo>
                      <a:pt x="610" y="163"/>
                    </a:lnTo>
                    <a:lnTo>
                      <a:pt x="605" y="181"/>
                    </a:lnTo>
                    <a:lnTo>
                      <a:pt x="599" y="195"/>
                    </a:lnTo>
                    <a:lnTo>
                      <a:pt x="598" y="201"/>
                    </a:lnTo>
                    <a:lnTo>
                      <a:pt x="599" y="206"/>
                    </a:lnTo>
                    <a:lnTo>
                      <a:pt x="602" y="213"/>
                    </a:lnTo>
                    <a:lnTo>
                      <a:pt x="610" y="220"/>
                    </a:lnTo>
                    <a:lnTo>
                      <a:pt x="598" y="222"/>
                    </a:lnTo>
                    <a:lnTo>
                      <a:pt x="587" y="225"/>
                    </a:lnTo>
                    <a:lnTo>
                      <a:pt x="582" y="229"/>
                    </a:lnTo>
                    <a:lnTo>
                      <a:pt x="579" y="232"/>
                    </a:lnTo>
                    <a:lnTo>
                      <a:pt x="577" y="237"/>
                    </a:lnTo>
                    <a:lnTo>
                      <a:pt x="577" y="244"/>
                    </a:lnTo>
                    <a:lnTo>
                      <a:pt x="588" y="256"/>
                    </a:lnTo>
                    <a:lnTo>
                      <a:pt x="598" y="266"/>
                    </a:lnTo>
                    <a:lnTo>
                      <a:pt x="611" y="277"/>
                    </a:lnTo>
                    <a:lnTo>
                      <a:pt x="623" y="286"/>
                    </a:lnTo>
                    <a:lnTo>
                      <a:pt x="649" y="304"/>
                    </a:lnTo>
                    <a:lnTo>
                      <a:pt x="675" y="321"/>
                    </a:lnTo>
                    <a:lnTo>
                      <a:pt x="689" y="331"/>
                    </a:lnTo>
                    <a:lnTo>
                      <a:pt x="700" y="339"/>
                    </a:lnTo>
                    <a:lnTo>
                      <a:pt x="713" y="350"/>
                    </a:lnTo>
                    <a:lnTo>
                      <a:pt x="724" y="360"/>
                    </a:lnTo>
                    <a:lnTo>
                      <a:pt x="734" y="372"/>
                    </a:lnTo>
                    <a:lnTo>
                      <a:pt x="742" y="385"/>
                    </a:lnTo>
                    <a:lnTo>
                      <a:pt x="750" y="399"/>
                    </a:lnTo>
                    <a:lnTo>
                      <a:pt x="756" y="415"/>
                    </a:lnTo>
                    <a:lnTo>
                      <a:pt x="762" y="417"/>
                    </a:lnTo>
                    <a:lnTo>
                      <a:pt x="768" y="417"/>
                    </a:lnTo>
                    <a:lnTo>
                      <a:pt x="773" y="417"/>
                    </a:lnTo>
                    <a:lnTo>
                      <a:pt x="777" y="416"/>
                    </a:lnTo>
                    <a:lnTo>
                      <a:pt x="785" y="413"/>
                    </a:lnTo>
                    <a:lnTo>
                      <a:pt x="791" y="408"/>
                    </a:lnTo>
                    <a:lnTo>
                      <a:pt x="796" y="404"/>
                    </a:lnTo>
                    <a:lnTo>
                      <a:pt x="801" y="401"/>
                    </a:lnTo>
                    <a:lnTo>
                      <a:pt x="804" y="401"/>
                    </a:lnTo>
                    <a:lnTo>
                      <a:pt x="807" y="402"/>
                    </a:lnTo>
                    <a:lnTo>
                      <a:pt x="810" y="404"/>
                    </a:lnTo>
                    <a:lnTo>
                      <a:pt x="813" y="407"/>
                    </a:lnTo>
                    <a:lnTo>
                      <a:pt x="814" y="416"/>
                    </a:lnTo>
                    <a:lnTo>
                      <a:pt x="814" y="424"/>
                    </a:lnTo>
                    <a:lnTo>
                      <a:pt x="812" y="431"/>
                    </a:lnTo>
                    <a:lnTo>
                      <a:pt x="810" y="436"/>
                    </a:lnTo>
                    <a:lnTo>
                      <a:pt x="808" y="442"/>
                    </a:lnTo>
                    <a:lnTo>
                      <a:pt x="806" y="448"/>
                    </a:lnTo>
                    <a:lnTo>
                      <a:pt x="805" y="455"/>
                    </a:lnTo>
                    <a:lnTo>
                      <a:pt x="805" y="463"/>
                    </a:lnTo>
                    <a:lnTo>
                      <a:pt x="815" y="464"/>
                    </a:lnTo>
                    <a:lnTo>
                      <a:pt x="825" y="465"/>
                    </a:lnTo>
                    <a:lnTo>
                      <a:pt x="833" y="468"/>
                    </a:lnTo>
                    <a:lnTo>
                      <a:pt x="840" y="471"/>
                    </a:lnTo>
                    <a:lnTo>
                      <a:pt x="847" y="474"/>
                    </a:lnTo>
                    <a:lnTo>
                      <a:pt x="853" y="477"/>
                    </a:lnTo>
                    <a:lnTo>
                      <a:pt x="858" y="481"/>
                    </a:lnTo>
                    <a:lnTo>
                      <a:pt x="864" y="487"/>
                    </a:lnTo>
                    <a:lnTo>
                      <a:pt x="868" y="491"/>
                    </a:lnTo>
                    <a:lnTo>
                      <a:pt x="871" y="497"/>
                    </a:lnTo>
                    <a:lnTo>
                      <a:pt x="874" y="502"/>
                    </a:lnTo>
                    <a:lnTo>
                      <a:pt x="877" y="509"/>
                    </a:lnTo>
                    <a:lnTo>
                      <a:pt x="883" y="521"/>
                    </a:lnTo>
                    <a:lnTo>
                      <a:pt x="887" y="535"/>
                    </a:lnTo>
                    <a:lnTo>
                      <a:pt x="891" y="549"/>
                    </a:lnTo>
                    <a:lnTo>
                      <a:pt x="895" y="562"/>
                    </a:lnTo>
                    <a:lnTo>
                      <a:pt x="900" y="576"/>
                    </a:lnTo>
                    <a:lnTo>
                      <a:pt x="906" y="589"/>
                    </a:lnTo>
                    <a:lnTo>
                      <a:pt x="910" y="595"/>
                    </a:lnTo>
                    <a:lnTo>
                      <a:pt x="914" y="600"/>
                    </a:lnTo>
                    <a:lnTo>
                      <a:pt x="918" y="606"/>
                    </a:lnTo>
                    <a:lnTo>
                      <a:pt x="924" y="611"/>
                    </a:lnTo>
                    <a:lnTo>
                      <a:pt x="930" y="615"/>
                    </a:lnTo>
                    <a:lnTo>
                      <a:pt x="936" y="619"/>
                    </a:lnTo>
                    <a:lnTo>
                      <a:pt x="944" y="623"/>
                    </a:lnTo>
                    <a:lnTo>
                      <a:pt x="951" y="627"/>
                    </a:lnTo>
                    <a:lnTo>
                      <a:pt x="946" y="633"/>
                    </a:lnTo>
                    <a:lnTo>
                      <a:pt x="936" y="642"/>
                    </a:lnTo>
                    <a:lnTo>
                      <a:pt x="932" y="647"/>
                    </a:lnTo>
                    <a:lnTo>
                      <a:pt x="927" y="652"/>
                    </a:lnTo>
                    <a:lnTo>
                      <a:pt x="924" y="657"/>
                    </a:lnTo>
                    <a:lnTo>
                      <a:pt x="921" y="661"/>
                    </a:lnTo>
                    <a:lnTo>
                      <a:pt x="913" y="659"/>
                    </a:lnTo>
                    <a:lnTo>
                      <a:pt x="900" y="658"/>
                    </a:lnTo>
                    <a:lnTo>
                      <a:pt x="890" y="657"/>
                    </a:lnTo>
                    <a:lnTo>
                      <a:pt x="886" y="657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99" name="Næstved kant"/>
              <p:cNvSpPr>
                <a:spLocks/>
              </p:cNvSpPr>
              <p:nvPr/>
            </p:nvSpPr>
            <p:spPr bwMode="auto">
              <a:xfrm>
                <a:off x="3149600" y="5364163"/>
                <a:ext cx="503237" cy="392113"/>
              </a:xfrm>
              <a:custGeom>
                <a:avLst/>
                <a:gdLst>
                  <a:gd name="T0" fmla="*/ 289 w 951"/>
                  <a:gd name="T1" fmla="*/ 218 h 740"/>
                  <a:gd name="T2" fmla="*/ 280 w 951"/>
                  <a:gd name="T3" fmla="*/ 216 h 740"/>
                  <a:gd name="T4" fmla="*/ 277 w 951"/>
                  <a:gd name="T5" fmla="*/ 220 h 740"/>
                  <a:gd name="T6" fmla="*/ 276 w 951"/>
                  <a:gd name="T7" fmla="*/ 225 h 740"/>
                  <a:gd name="T8" fmla="*/ 267 w 951"/>
                  <a:gd name="T9" fmla="*/ 220 h 740"/>
                  <a:gd name="T10" fmla="*/ 258 w 951"/>
                  <a:gd name="T11" fmla="*/ 216 h 740"/>
                  <a:gd name="T12" fmla="*/ 250 w 951"/>
                  <a:gd name="T13" fmla="*/ 225 h 740"/>
                  <a:gd name="T14" fmla="*/ 240 w 951"/>
                  <a:gd name="T15" fmla="*/ 223 h 740"/>
                  <a:gd name="T16" fmla="*/ 222 w 951"/>
                  <a:gd name="T17" fmla="*/ 237 h 740"/>
                  <a:gd name="T18" fmla="*/ 209 w 951"/>
                  <a:gd name="T19" fmla="*/ 245 h 740"/>
                  <a:gd name="T20" fmla="*/ 172 w 951"/>
                  <a:gd name="T21" fmla="*/ 231 h 740"/>
                  <a:gd name="T22" fmla="*/ 144 w 951"/>
                  <a:gd name="T23" fmla="*/ 221 h 740"/>
                  <a:gd name="T24" fmla="*/ 147 w 951"/>
                  <a:gd name="T25" fmla="*/ 218 h 740"/>
                  <a:gd name="T26" fmla="*/ 157 w 951"/>
                  <a:gd name="T27" fmla="*/ 208 h 740"/>
                  <a:gd name="T28" fmla="*/ 155 w 951"/>
                  <a:gd name="T29" fmla="*/ 200 h 740"/>
                  <a:gd name="T30" fmla="*/ 153 w 951"/>
                  <a:gd name="T31" fmla="*/ 198 h 740"/>
                  <a:gd name="T32" fmla="*/ 140 w 951"/>
                  <a:gd name="T33" fmla="*/ 208 h 740"/>
                  <a:gd name="T34" fmla="*/ 130 w 951"/>
                  <a:gd name="T35" fmla="*/ 197 h 740"/>
                  <a:gd name="T36" fmla="*/ 119 w 951"/>
                  <a:gd name="T37" fmla="*/ 197 h 740"/>
                  <a:gd name="T38" fmla="*/ 110 w 951"/>
                  <a:gd name="T39" fmla="*/ 207 h 740"/>
                  <a:gd name="T40" fmla="*/ 100 w 951"/>
                  <a:gd name="T41" fmla="*/ 204 h 740"/>
                  <a:gd name="T42" fmla="*/ 94 w 951"/>
                  <a:gd name="T43" fmla="*/ 205 h 740"/>
                  <a:gd name="T44" fmla="*/ 80 w 951"/>
                  <a:gd name="T45" fmla="*/ 203 h 740"/>
                  <a:gd name="T46" fmla="*/ 65 w 951"/>
                  <a:gd name="T47" fmla="*/ 201 h 740"/>
                  <a:gd name="T48" fmla="*/ 54 w 951"/>
                  <a:gd name="T49" fmla="*/ 198 h 740"/>
                  <a:gd name="T50" fmla="*/ 43 w 951"/>
                  <a:gd name="T51" fmla="*/ 180 h 740"/>
                  <a:gd name="T52" fmla="*/ 31 w 951"/>
                  <a:gd name="T53" fmla="*/ 157 h 740"/>
                  <a:gd name="T54" fmla="*/ 30 w 951"/>
                  <a:gd name="T55" fmla="*/ 133 h 740"/>
                  <a:gd name="T56" fmla="*/ 21 w 951"/>
                  <a:gd name="T57" fmla="*/ 127 h 740"/>
                  <a:gd name="T58" fmla="*/ 15 w 951"/>
                  <a:gd name="T59" fmla="*/ 104 h 740"/>
                  <a:gd name="T60" fmla="*/ 3 w 951"/>
                  <a:gd name="T61" fmla="*/ 103 h 740"/>
                  <a:gd name="T62" fmla="*/ 3 w 951"/>
                  <a:gd name="T63" fmla="*/ 99 h 740"/>
                  <a:gd name="T64" fmla="*/ 15 w 951"/>
                  <a:gd name="T65" fmla="*/ 76 h 740"/>
                  <a:gd name="T66" fmla="*/ 27 w 951"/>
                  <a:gd name="T67" fmla="*/ 59 h 740"/>
                  <a:gd name="T68" fmla="*/ 35 w 951"/>
                  <a:gd name="T69" fmla="*/ 52 h 740"/>
                  <a:gd name="T70" fmla="*/ 39 w 951"/>
                  <a:gd name="T71" fmla="*/ 41 h 740"/>
                  <a:gd name="T72" fmla="*/ 59 w 951"/>
                  <a:gd name="T73" fmla="*/ 37 h 740"/>
                  <a:gd name="T74" fmla="*/ 68 w 951"/>
                  <a:gd name="T75" fmla="*/ 33 h 740"/>
                  <a:gd name="T76" fmla="*/ 83 w 951"/>
                  <a:gd name="T77" fmla="*/ 29 h 740"/>
                  <a:gd name="T78" fmla="*/ 108 w 951"/>
                  <a:gd name="T79" fmla="*/ 17 h 740"/>
                  <a:gd name="T80" fmla="*/ 141 w 951"/>
                  <a:gd name="T81" fmla="*/ 0 h 740"/>
                  <a:gd name="T82" fmla="*/ 152 w 951"/>
                  <a:gd name="T83" fmla="*/ 16 h 740"/>
                  <a:gd name="T84" fmla="*/ 178 w 951"/>
                  <a:gd name="T85" fmla="*/ 30 h 740"/>
                  <a:gd name="T86" fmla="*/ 215 w 951"/>
                  <a:gd name="T87" fmla="*/ 50 h 740"/>
                  <a:gd name="T88" fmla="*/ 203 w 951"/>
                  <a:gd name="T89" fmla="*/ 54 h 740"/>
                  <a:gd name="T90" fmla="*/ 203 w 951"/>
                  <a:gd name="T91" fmla="*/ 73 h 740"/>
                  <a:gd name="T92" fmla="*/ 192 w 951"/>
                  <a:gd name="T93" fmla="*/ 81 h 740"/>
                  <a:gd name="T94" fmla="*/ 225 w 951"/>
                  <a:gd name="T95" fmla="*/ 107 h 740"/>
                  <a:gd name="T96" fmla="*/ 247 w 951"/>
                  <a:gd name="T97" fmla="*/ 129 h 740"/>
                  <a:gd name="T98" fmla="*/ 259 w 951"/>
                  <a:gd name="T99" fmla="*/ 139 h 740"/>
                  <a:gd name="T100" fmla="*/ 269 w 951"/>
                  <a:gd name="T101" fmla="*/ 134 h 740"/>
                  <a:gd name="T102" fmla="*/ 270 w 951"/>
                  <a:gd name="T103" fmla="*/ 146 h 740"/>
                  <a:gd name="T104" fmla="*/ 275 w 951"/>
                  <a:gd name="T105" fmla="*/ 155 h 740"/>
                  <a:gd name="T106" fmla="*/ 288 w 951"/>
                  <a:gd name="T107" fmla="*/ 163 h 740"/>
                  <a:gd name="T108" fmla="*/ 296 w 951"/>
                  <a:gd name="T109" fmla="*/ 179 h 740"/>
                  <a:gd name="T110" fmla="*/ 305 w 951"/>
                  <a:gd name="T111" fmla="*/ 200 h 740"/>
                  <a:gd name="T112" fmla="*/ 317 w 951"/>
                  <a:gd name="T113" fmla="*/ 209 h 740"/>
                  <a:gd name="T114" fmla="*/ 307 w 951"/>
                  <a:gd name="T115" fmla="*/ 221 h 74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951" h="740">
                    <a:moveTo>
                      <a:pt x="886" y="657"/>
                    </a:moveTo>
                    <a:lnTo>
                      <a:pt x="884" y="655"/>
                    </a:lnTo>
                    <a:lnTo>
                      <a:pt x="880" y="654"/>
                    </a:lnTo>
                    <a:lnTo>
                      <a:pt x="878" y="653"/>
                    </a:lnTo>
                    <a:lnTo>
                      <a:pt x="875" y="653"/>
                    </a:lnTo>
                    <a:lnTo>
                      <a:pt x="868" y="654"/>
                    </a:lnTo>
                    <a:lnTo>
                      <a:pt x="860" y="655"/>
                    </a:lnTo>
                    <a:lnTo>
                      <a:pt x="854" y="656"/>
                    </a:lnTo>
                    <a:lnTo>
                      <a:pt x="847" y="655"/>
                    </a:lnTo>
                    <a:lnTo>
                      <a:pt x="845" y="653"/>
                    </a:lnTo>
                    <a:lnTo>
                      <a:pt x="841" y="651"/>
                    </a:lnTo>
                    <a:lnTo>
                      <a:pt x="839" y="648"/>
                    </a:lnTo>
                    <a:lnTo>
                      <a:pt x="837" y="642"/>
                    </a:lnTo>
                    <a:lnTo>
                      <a:pt x="834" y="644"/>
                    </a:lnTo>
                    <a:lnTo>
                      <a:pt x="832" y="648"/>
                    </a:lnTo>
                    <a:lnTo>
                      <a:pt x="830" y="651"/>
                    </a:lnTo>
                    <a:lnTo>
                      <a:pt x="830" y="655"/>
                    </a:lnTo>
                    <a:lnTo>
                      <a:pt x="830" y="659"/>
                    </a:lnTo>
                    <a:lnTo>
                      <a:pt x="832" y="663"/>
                    </a:lnTo>
                    <a:lnTo>
                      <a:pt x="834" y="666"/>
                    </a:lnTo>
                    <a:lnTo>
                      <a:pt x="837" y="667"/>
                    </a:lnTo>
                    <a:lnTo>
                      <a:pt x="834" y="670"/>
                    </a:lnTo>
                    <a:lnTo>
                      <a:pt x="831" y="672"/>
                    </a:lnTo>
                    <a:lnTo>
                      <a:pt x="828" y="673"/>
                    </a:lnTo>
                    <a:lnTo>
                      <a:pt x="824" y="673"/>
                    </a:lnTo>
                    <a:lnTo>
                      <a:pt x="820" y="672"/>
                    </a:lnTo>
                    <a:lnTo>
                      <a:pt x="816" y="671"/>
                    </a:lnTo>
                    <a:lnTo>
                      <a:pt x="812" y="669"/>
                    </a:lnTo>
                    <a:lnTo>
                      <a:pt x="809" y="666"/>
                    </a:lnTo>
                    <a:lnTo>
                      <a:pt x="801" y="658"/>
                    </a:lnTo>
                    <a:lnTo>
                      <a:pt x="796" y="651"/>
                    </a:lnTo>
                    <a:lnTo>
                      <a:pt x="791" y="642"/>
                    </a:lnTo>
                    <a:lnTo>
                      <a:pt x="789" y="635"/>
                    </a:lnTo>
                    <a:lnTo>
                      <a:pt x="782" y="638"/>
                    </a:lnTo>
                    <a:lnTo>
                      <a:pt x="777" y="641"/>
                    </a:lnTo>
                    <a:lnTo>
                      <a:pt x="773" y="646"/>
                    </a:lnTo>
                    <a:lnTo>
                      <a:pt x="770" y="650"/>
                    </a:lnTo>
                    <a:lnTo>
                      <a:pt x="764" y="659"/>
                    </a:lnTo>
                    <a:lnTo>
                      <a:pt x="759" y="667"/>
                    </a:lnTo>
                    <a:lnTo>
                      <a:pt x="756" y="670"/>
                    </a:lnTo>
                    <a:lnTo>
                      <a:pt x="754" y="672"/>
                    </a:lnTo>
                    <a:lnTo>
                      <a:pt x="751" y="674"/>
                    </a:lnTo>
                    <a:lnTo>
                      <a:pt x="747" y="674"/>
                    </a:lnTo>
                    <a:lnTo>
                      <a:pt x="742" y="672"/>
                    </a:lnTo>
                    <a:lnTo>
                      <a:pt x="737" y="670"/>
                    </a:lnTo>
                    <a:lnTo>
                      <a:pt x="731" y="666"/>
                    </a:lnTo>
                    <a:lnTo>
                      <a:pt x="724" y="659"/>
                    </a:lnTo>
                    <a:lnTo>
                      <a:pt x="720" y="667"/>
                    </a:lnTo>
                    <a:lnTo>
                      <a:pt x="716" y="673"/>
                    </a:lnTo>
                    <a:lnTo>
                      <a:pt x="711" y="678"/>
                    </a:lnTo>
                    <a:lnTo>
                      <a:pt x="706" y="683"/>
                    </a:lnTo>
                    <a:lnTo>
                      <a:pt x="694" y="693"/>
                    </a:lnTo>
                    <a:lnTo>
                      <a:pt x="680" y="700"/>
                    </a:lnTo>
                    <a:lnTo>
                      <a:pt x="667" y="709"/>
                    </a:lnTo>
                    <a:lnTo>
                      <a:pt x="654" y="717"/>
                    </a:lnTo>
                    <a:lnTo>
                      <a:pt x="649" y="722"/>
                    </a:lnTo>
                    <a:lnTo>
                      <a:pt x="643" y="728"/>
                    </a:lnTo>
                    <a:lnTo>
                      <a:pt x="638" y="733"/>
                    </a:lnTo>
                    <a:lnTo>
                      <a:pt x="634" y="740"/>
                    </a:lnTo>
                    <a:lnTo>
                      <a:pt x="626" y="733"/>
                    </a:lnTo>
                    <a:lnTo>
                      <a:pt x="615" y="726"/>
                    </a:lnTo>
                    <a:lnTo>
                      <a:pt x="605" y="720"/>
                    </a:lnTo>
                    <a:lnTo>
                      <a:pt x="593" y="715"/>
                    </a:lnTo>
                    <a:lnTo>
                      <a:pt x="569" y="706"/>
                    </a:lnTo>
                    <a:lnTo>
                      <a:pt x="542" y="697"/>
                    </a:lnTo>
                    <a:lnTo>
                      <a:pt x="516" y="691"/>
                    </a:lnTo>
                    <a:lnTo>
                      <a:pt x="490" y="683"/>
                    </a:lnTo>
                    <a:lnTo>
                      <a:pt x="464" y="676"/>
                    </a:lnTo>
                    <a:lnTo>
                      <a:pt x="439" y="667"/>
                    </a:lnTo>
                    <a:lnTo>
                      <a:pt x="436" y="666"/>
                    </a:lnTo>
                    <a:lnTo>
                      <a:pt x="434" y="663"/>
                    </a:lnTo>
                    <a:lnTo>
                      <a:pt x="433" y="661"/>
                    </a:lnTo>
                    <a:lnTo>
                      <a:pt x="433" y="658"/>
                    </a:lnTo>
                    <a:lnTo>
                      <a:pt x="433" y="655"/>
                    </a:lnTo>
                    <a:lnTo>
                      <a:pt x="434" y="653"/>
                    </a:lnTo>
                    <a:lnTo>
                      <a:pt x="437" y="652"/>
                    </a:lnTo>
                    <a:lnTo>
                      <a:pt x="439" y="651"/>
                    </a:lnTo>
                    <a:lnTo>
                      <a:pt x="440" y="652"/>
                    </a:lnTo>
                    <a:lnTo>
                      <a:pt x="442" y="653"/>
                    </a:lnTo>
                    <a:lnTo>
                      <a:pt x="444" y="652"/>
                    </a:lnTo>
                    <a:lnTo>
                      <a:pt x="447" y="651"/>
                    </a:lnTo>
                    <a:lnTo>
                      <a:pt x="452" y="646"/>
                    </a:lnTo>
                    <a:lnTo>
                      <a:pt x="458" y="639"/>
                    </a:lnTo>
                    <a:lnTo>
                      <a:pt x="470" y="622"/>
                    </a:lnTo>
                    <a:lnTo>
                      <a:pt x="480" y="610"/>
                    </a:lnTo>
                    <a:lnTo>
                      <a:pt x="477" y="606"/>
                    </a:lnTo>
                    <a:lnTo>
                      <a:pt x="474" y="602"/>
                    </a:lnTo>
                    <a:lnTo>
                      <a:pt x="471" y="600"/>
                    </a:lnTo>
                    <a:lnTo>
                      <a:pt x="468" y="599"/>
                    </a:lnTo>
                    <a:lnTo>
                      <a:pt x="466" y="598"/>
                    </a:lnTo>
                    <a:lnTo>
                      <a:pt x="466" y="595"/>
                    </a:lnTo>
                    <a:lnTo>
                      <a:pt x="468" y="592"/>
                    </a:lnTo>
                    <a:lnTo>
                      <a:pt x="472" y="586"/>
                    </a:lnTo>
                    <a:lnTo>
                      <a:pt x="466" y="587"/>
                    </a:lnTo>
                    <a:lnTo>
                      <a:pt x="461" y="590"/>
                    </a:lnTo>
                    <a:lnTo>
                      <a:pt x="458" y="594"/>
                    </a:lnTo>
                    <a:lnTo>
                      <a:pt x="457" y="599"/>
                    </a:lnTo>
                    <a:lnTo>
                      <a:pt x="455" y="612"/>
                    </a:lnTo>
                    <a:lnTo>
                      <a:pt x="456" y="627"/>
                    </a:lnTo>
                    <a:lnTo>
                      <a:pt x="441" y="622"/>
                    </a:lnTo>
                    <a:lnTo>
                      <a:pt x="431" y="621"/>
                    </a:lnTo>
                    <a:lnTo>
                      <a:pt x="421" y="622"/>
                    </a:lnTo>
                    <a:lnTo>
                      <a:pt x="407" y="627"/>
                    </a:lnTo>
                    <a:lnTo>
                      <a:pt x="407" y="618"/>
                    </a:lnTo>
                    <a:lnTo>
                      <a:pt x="404" y="611"/>
                    </a:lnTo>
                    <a:lnTo>
                      <a:pt x="401" y="604"/>
                    </a:lnTo>
                    <a:lnTo>
                      <a:pt x="397" y="599"/>
                    </a:lnTo>
                    <a:lnTo>
                      <a:pt x="390" y="589"/>
                    </a:lnTo>
                    <a:lnTo>
                      <a:pt x="382" y="577"/>
                    </a:lnTo>
                    <a:lnTo>
                      <a:pt x="378" y="577"/>
                    </a:lnTo>
                    <a:lnTo>
                      <a:pt x="374" y="577"/>
                    </a:lnTo>
                    <a:lnTo>
                      <a:pt x="368" y="580"/>
                    </a:lnTo>
                    <a:lnTo>
                      <a:pt x="362" y="584"/>
                    </a:lnTo>
                    <a:lnTo>
                      <a:pt x="358" y="589"/>
                    </a:lnTo>
                    <a:lnTo>
                      <a:pt x="354" y="594"/>
                    </a:lnTo>
                    <a:lnTo>
                      <a:pt x="348" y="606"/>
                    </a:lnTo>
                    <a:lnTo>
                      <a:pt x="342" y="618"/>
                    </a:lnTo>
                    <a:lnTo>
                      <a:pt x="338" y="619"/>
                    </a:lnTo>
                    <a:lnTo>
                      <a:pt x="334" y="620"/>
                    </a:lnTo>
                    <a:lnTo>
                      <a:pt x="331" y="619"/>
                    </a:lnTo>
                    <a:lnTo>
                      <a:pt x="327" y="618"/>
                    </a:lnTo>
                    <a:lnTo>
                      <a:pt x="320" y="616"/>
                    </a:lnTo>
                    <a:lnTo>
                      <a:pt x="314" y="612"/>
                    </a:lnTo>
                    <a:lnTo>
                      <a:pt x="308" y="610"/>
                    </a:lnTo>
                    <a:lnTo>
                      <a:pt x="302" y="609"/>
                    </a:lnTo>
                    <a:lnTo>
                      <a:pt x="299" y="610"/>
                    </a:lnTo>
                    <a:lnTo>
                      <a:pt x="297" y="612"/>
                    </a:lnTo>
                    <a:lnTo>
                      <a:pt x="295" y="614"/>
                    </a:lnTo>
                    <a:lnTo>
                      <a:pt x="293" y="618"/>
                    </a:lnTo>
                    <a:lnTo>
                      <a:pt x="289" y="618"/>
                    </a:lnTo>
                    <a:lnTo>
                      <a:pt x="284" y="618"/>
                    </a:lnTo>
                    <a:lnTo>
                      <a:pt x="281" y="614"/>
                    </a:lnTo>
                    <a:lnTo>
                      <a:pt x="277" y="610"/>
                    </a:lnTo>
                    <a:lnTo>
                      <a:pt x="273" y="608"/>
                    </a:lnTo>
                    <a:lnTo>
                      <a:pt x="269" y="607"/>
                    </a:lnTo>
                    <a:lnTo>
                      <a:pt x="260" y="606"/>
                    </a:lnTo>
                    <a:lnTo>
                      <a:pt x="250" y="606"/>
                    </a:lnTo>
                    <a:lnTo>
                      <a:pt x="239" y="607"/>
                    </a:lnTo>
                    <a:lnTo>
                      <a:pt x="229" y="608"/>
                    </a:lnTo>
                    <a:lnTo>
                      <a:pt x="222" y="607"/>
                    </a:lnTo>
                    <a:lnTo>
                      <a:pt x="216" y="607"/>
                    </a:lnTo>
                    <a:lnTo>
                      <a:pt x="210" y="604"/>
                    </a:lnTo>
                    <a:lnTo>
                      <a:pt x="203" y="602"/>
                    </a:lnTo>
                    <a:lnTo>
                      <a:pt x="196" y="603"/>
                    </a:lnTo>
                    <a:lnTo>
                      <a:pt x="189" y="602"/>
                    </a:lnTo>
                    <a:lnTo>
                      <a:pt x="184" y="600"/>
                    </a:lnTo>
                    <a:lnTo>
                      <a:pt x="179" y="598"/>
                    </a:lnTo>
                    <a:lnTo>
                      <a:pt x="175" y="595"/>
                    </a:lnTo>
                    <a:lnTo>
                      <a:pt x="170" y="594"/>
                    </a:lnTo>
                    <a:lnTo>
                      <a:pt x="163" y="593"/>
                    </a:lnTo>
                    <a:lnTo>
                      <a:pt x="155" y="594"/>
                    </a:lnTo>
                    <a:lnTo>
                      <a:pt x="148" y="586"/>
                    </a:lnTo>
                    <a:lnTo>
                      <a:pt x="139" y="577"/>
                    </a:lnTo>
                    <a:lnTo>
                      <a:pt x="131" y="561"/>
                    </a:lnTo>
                    <a:lnTo>
                      <a:pt x="130" y="550"/>
                    </a:lnTo>
                    <a:lnTo>
                      <a:pt x="128" y="539"/>
                    </a:lnTo>
                    <a:lnTo>
                      <a:pt x="124" y="529"/>
                    </a:lnTo>
                    <a:lnTo>
                      <a:pt x="121" y="520"/>
                    </a:lnTo>
                    <a:lnTo>
                      <a:pt x="112" y="503"/>
                    </a:lnTo>
                    <a:lnTo>
                      <a:pt x="102" y="488"/>
                    </a:lnTo>
                    <a:lnTo>
                      <a:pt x="98" y="479"/>
                    </a:lnTo>
                    <a:lnTo>
                      <a:pt x="94" y="471"/>
                    </a:lnTo>
                    <a:lnTo>
                      <a:pt x="91" y="461"/>
                    </a:lnTo>
                    <a:lnTo>
                      <a:pt x="89" y="451"/>
                    </a:lnTo>
                    <a:lnTo>
                      <a:pt x="86" y="440"/>
                    </a:lnTo>
                    <a:lnTo>
                      <a:pt x="86" y="428"/>
                    </a:lnTo>
                    <a:lnTo>
                      <a:pt x="87" y="414"/>
                    </a:lnTo>
                    <a:lnTo>
                      <a:pt x="90" y="399"/>
                    </a:lnTo>
                    <a:lnTo>
                      <a:pt x="84" y="397"/>
                    </a:lnTo>
                    <a:lnTo>
                      <a:pt x="79" y="395"/>
                    </a:lnTo>
                    <a:lnTo>
                      <a:pt x="74" y="392"/>
                    </a:lnTo>
                    <a:lnTo>
                      <a:pt x="70" y="388"/>
                    </a:lnTo>
                    <a:lnTo>
                      <a:pt x="66" y="383"/>
                    </a:lnTo>
                    <a:lnTo>
                      <a:pt x="63" y="379"/>
                    </a:lnTo>
                    <a:lnTo>
                      <a:pt x="61" y="374"/>
                    </a:lnTo>
                    <a:lnTo>
                      <a:pt x="59" y="369"/>
                    </a:lnTo>
                    <a:lnTo>
                      <a:pt x="54" y="344"/>
                    </a:lnTo>
                    <a:lnTo>
                      <a:pt x="50" y="317"/>
                    </a:lnTo>
                    <a:lnTo>
                      <a:pt x="47" y="315"/>
                    </a:lnTo>
                    <a:lnTo>
                      <a:pt x="45" y="313"/>
                    </a:lnTo>
                    <a:lnTo>
                      <a:pt x="43" y="312"/>
                    </a:lnTo>
                    <a:lnTo>
                      <a:pt x="40" y="311"/>
                    </a:lnTo>
                    <a:lnTo>
                      <a:pt x="32" y="310"/>
                    </a:lnTo>
                    <a:lnTo>
                      <a:pt x="24" y="311"/>
                    </a:lnTo>
                    <a:lnTo>
                      <a:pt x="16" y="311"/>
                    </a:lnTo>
                    <a:lnTo>
                      <a:pt x="9" y="310"/>
                    </a:lnTo>
                    <a:lnTo>
                      <a:pt x="5" y="309"/>
                    </a:lnTo>
                    <a:lnTo>
                      <a:pt x="3" y="306"/>
                    </a:lnTo>
                    <a:lnTo>
                      <a:pt x="1" y="304"/>
                    </a:lnTo>
                    <a:lnTo>
                      <a:pt x="0" y="301"/>
                    </a:lnTo>
                    <a:lnTo>
                      <a:pt x="5" y="299"/>
                    </a:lnTo>
                    <a:lnTo>
                      <a:pt x="10" y="296"/>
                    </a:lnTo>
                    <a:lnTo>
                      <a:pt x="14" y="293"/>
                    </a:lnTo>
                    <a:lnTo>
                      <a:pt x="17" y="289"/>
                    </a:lnTo>
                    <a:lnTo>
                      <a:pt x="24" y="280"/>
                    </a:lnTo>
                    <a:lnTo>
                      <a:pt x="30" y="271"/>
                    </a:lnTo>
                    <a:lnTo>
                      <a:pt x="38" y="251"/>
                    </a:lnTo>
                    <a:lnTo>
                      <a:pt x="45" y="229"/>
                    </a:lnTo>
                    <a:lnTo>
                      <a:pt x="50" y="218"/>
                    </a:lnTo>
                    <a:lnTo>
                      <a:pt x="55" y="209"/>
                    </a:lnTo>
                    <a:lnTo>
                      <a:pt x="60" y="199"/>
                    </a:lnTo>
                    <a:lnTo>
                      <a:pt x="66" y="191"/>
                    </a:lnTo>
                    <a:lnTo>
                      <a:pt x="74" y="183"/>
                    </a:lnTo>
                    <a:lnTo>
                      <a:pt x="82" y="177"/>
                    </a:lnTo>
                    <a:lnTo>
                      <a:pt x="87" y="175"/>
                    </a:lnTo>
                    <a:lnTo>
                      <a:pt x="94" y="173"/>
                    </a:lnTo>
                    <a:lnTo>
                      <a:pt x="99" y="172"/>
                    </a:lnTo>
                    <a:lnTo>
                      <a:pt x="106" y="172"/>
                    </a:lnTo>
                    <a:lnTo>
                      <a:pt x="105" y="163"/>
                    </a:lnTo>
                    <a:lnTo>
                      <a:pt x="106" y="156"/>
                    </a:lnTo>
                    <a:lnTo>
                      <a:pt x="106" y="149"/>
                    </a:lnTo>
                    <a:lnTo>
                      <a:pt x="109" y="143"/>
                    </a:lnTo>
                    <a:lnTo>
                      <a:pt x="110" y="137"/>
                    </a:lnTo>
                    <a:lnTo>
                      <a:pt x="113" y="132"/>
                    </a:lnTo>
                    <a:lnTo>
                      <a:pt x="115" y="126"/>
                    </a:lnTo>
                    <a:lnTo>
                      <a:pt x="118" y="122"/>
                    </a:lnTo>
                    <a:lnTo>
                      <a:pt x="125" y="115"/>
                    </a:lnTo>
                    <a:lnTo>
                      <a:pt x="135" y="109"/>
                    </a:lnTo>
                    <a:lnTo>
                      <a:pt x="144" y="103"/>
                    </a:lnTo>
                    <a:lnTo>
                      <a:pt x="155" y="98"/>
                    </a:lnTo>
                    <a:lnTo>
                      <a:pt x="166" y="103"/>
                    </a:lnTo>
                    <a:lnTo>
                      <a:pt x="176" y="110"/>
                    </a:lnTo>
                    <a:lnTo>
                      <a:pt x="181" y="112"/>
                    </a:lnTo>
                    <a:lnTo>
                      <a:pt x="188" y="114"/>
                    </a:lnTo>
                    <a:lnTo>
                      <a:pt x="195" y="115"/>
                    </a:lnTo>
                    <a:lnTo>
                      <a:pt x="203" y="115"/>
                    </a:lnTo>
                    <a:lnTo>
                      <a:pt x="204" y="106"/>
                    </a:lnTo>
                    <a:lnTo>
                      <a:pt x="204" y="99"/>
                    </a:lnTo>
                    <a:lnTo>
                      <a:pt x="205" y="96"/>
                    </a:lnTo>
                    <a:lnTo>
                      <a:pt x="206" y="93"/>
                    </a:lnTo>
                    <a:lnTo>
                      <a:pt x="209" y="91"/>
                    </a:lnTo>
                    <a:lnTo>
                      <a:pt x="212" y="90"/>
                    </a:lnTo>
                    <a:lnTo>
                      <a:pt x="231" y="90"/>
                    </a:lnTo>
                    <a:lnTo>
                      <a:pt x="248" y="88"/>
                    </a:lnTo>
                    <a:lnTo>
                      <a:pt x="263" y="85"/>
                    </a:lnTo>
                    <a:lnTo>
                      <a:pt x="277" y="80"/>
                    </a:lnTo>
                    <a:lnTo>
                      <a:pt x="290" y="74"/>
                    </a:lnTo>
                    <a:lnTo>
                      <a:pt x="301" y="67"/>
                    </a:lnTo>
                    <a:lnTo>
                      <a:pt x="313" y="59"/>
                    </a:lnTo>
                    <a:lnTo>
                      <a:pt x="323" y="52"/>
                    </a:lnTo>
                    <a:lnTo>
                      <a:pt x="344" y="35"/>
                    </a:lnTo>
                    <a:lnTo>
                      <a:pt x="367" y="20"/>
                    </a:lnTo>
                    <a:lnTo>
                      <a:pt x="379" y="13"/>
                    </a:lnTo>
                    <a:lnTo>
                      <a:pt x="393" y="7"/>
                    </a:lnTo>
                    <a:lnTo>
                      <a:pt x="407" y="3"/>
                    </a:lnTo>
                    <a:lnTo>
                      <a:pt x="423" y="0"/>
                    </a:lnTo>
                    <a:lnTo>
                      <a:pt x="428" y="10"/>
                    </a:lnTo>
                    <a:lnTo>
                      <a:pt x="433" y="19"/>
                    </a:lnTo>
                    <a:lnTo>
                      <a:pt x="438" y="26"/>
                    </a:lnTo>
                    <a:lnTo>
                      <a:pt x="443" y="34"/>
                    </a:lnTo>
                    <a:lnTo>
                      <a:pt x="450" y="41"/>
                    </a:lnTo>
                    <a:lnTo>
                      <a:pt x="456" y="47"/>
                    </a:lnTo>
                    <a:lnTo>
                      <a:pt x="462" y="53"/>
                    </a:lnTo>
                    <a:lnTo>
                      <a:pt x="470" y="58"/>
                    </a:lnTo>
                    <a:lnTo>
                      <a:pt x="484" y="67"/>
                    </a:lnTo>
                    <a:lnTo>
                      <a:pt x="499" y="76"/>
                    </a:lnTo>
                    <a:lnTo>
                      <a:pt x="516" y="83"/>
                    </a:lnTo>
                    <a:lnTo>
                      <a:pt x="533" y="90"/>
                    </a:lnTo>
                    <a:lnTo>
                      <a:pt x="567" y="102"/>
                    </a:lnTo>
                    <a:lnTo>
                      <a:pt x="600" y="117"/>
                    </a:lnTo>
                    <a:lnTo>
                      <a:pt x="616" y="126"/>
                    </a:lnTo>
                    <a:lnTo>
                      <a:pt x="631" y="137"/>
                    </a:lnTo>
                    <a:lnTo>
                      <a:pt x="638" y="142"/>
                    </a:lnTo>
                    <a:lnTo>
                      <a:pt x="646" y="149"/>
                    </a:lnTo>
                    <a:lnTo>
                      <a:pt x="652" y="156"/>
                    </a:lnTo>
                    <a:lnTo>
                      <a:pt x="659" y="163"/>
                    </a:lnTo>
                    <a:lnTo>
                      <a:pt x="647" y="163"/>
                    </a:lnTo>
                    <a:lnTo>
                      <a:pt x="634" y="163"/>
                    </a:lnTo>
                    <a:lnTo>
                      <a:pt x="622" y="163"/>
                    </a:lnTo>
                    <a:lnTo>
                      <a:pt x="610" y="163"/>
                    </a:lnTo>
                    <a:lnTo>
                      <a:pt x="605" y="181"/>
                    </a:lnTo>
                    <a:lnTo>
                      <a:pt x="599" y="195"/>
                    </a:lnTo>
                    <a:lnTo>
                      <a:pt x="598" y="201"/>
                    </a:lnTo>
                    <a:lnTo>
                      <a:pt x="599" y="206"/>
                    </a:lnTo>
                    <a:lnTo>
                      <a:pt x="602" y="213"/>
                    </a:lnTo>
                    <a:lnTo>
                      <a:pt x="610" y="220"/>
                    </a:lnTo>
                    <a:lnTo>
                      <a:pt x="598" y="222"/>
                    </a:lnTo>
                    <a:lnTo>
                      <a:pt x="587" y="225"/>
                    </a:lnTo>
                    <a:lnTo>
                      <a:pt x="582" y="229"/>
                    </a:lnTo>
                    <a:lnTo>
                      <a:pt x="579" y="232"/>
                    </a:lnTo>
                    <a:lnTo>
                      <a:pt x="577" y="237"/>
                    </a:lnTo>
                    <a:lnTo>
                      <a:pt x="577" y="244"/>
                    </a:lnTo>
                    <a:lnTo>
                      <a:pt x="588" y="256"/>
                    </a:lnTo>
                    <a:lnTo>
                      <a:pt x="598" y="266"/>
                    </a:lnTo>
                    <a:lnTo>
                      <a:pt x="611" y="277"/>
                    </a:lnTo>
                    <a:lnTo>
                      <a:pt x="623" y="286"/>
                    </a:lnTo>
                    <a:lnTo>
                      <a:pt x="649" y="304"/>
                    </a:lnTo>
                    <a:lnTo>
                      <a:pt x="675" y="321"/>
                    </a:lnTo>
                    <a:lnTo>
                      <a:pt x="689" y="331"/>
                    </a:lnTo>
                    <a:lnTo>
                      <a:pt x="700" y="339"/>
                    </a:lnTo>
                    <a:lnTo>
                      <a:pt x="713" y="350"/>
                    </a:lnTo>
                    <a:lnTo>
                      <a:pt x="724" y="360"/>
                    </a:lnTo>
                    <a:lnTo>
                      <a:pt x="734" y="372"/>
                    </a:lnTo>
                    <a:lnTo>
                      <a:pt x="742" y="385"/>
                    </a:lnTo>
                    <a:lnTo>
                      <a:pt x="750" y="399"/>
                    </a:lnTo>
                    <a:lnTo>
                      <a:pt x="756" y="415"/>
                    </a:lnTo>
                    <a:lnTo>
                      <a:pt x="762" y="417"/>
                    </a:lnTo>
                    <a:lnTo>
                      <a:pt x="768" y="417"/>
                    </a:lnTo>
                    <a:lnTo>
                      <a:pt x="773" y="417"/>
                    </a:lnTo>
                    <a:lnTo>
                      <a:pt x="777" y="416"/>
                    </a:lnTo>
                    <a:lnTo>
                      <a:pt x="785" y="413"/>
                    </a:lnTo>
                    <a:lnTo>
                      <a:pt x="791" y="408"/>
                    </a:lnTo>
                    <a:lnTo>
                      <a:pt x="796" y="404"/>
                    </a:lnTo>
                    <a:lnTo>
                      <a:pt x="801" y="401"/>
                    </a:lnTo>
                    <a:lnTo>
                      <a:pt x="804" y="401"/>
                    </a:lnTo>
                    <a:lnTo>
                      <a:pt x="807" y="402"/>
                    </a:lnTo>
                    <a:lnTo>
                      <a:pt x="810" y="404"/>
                    </a:lnTo>
                    <a:lnTo>
                      <a:pt x="813" y="407"/>
                    </a:lnTo>
                    <a:lnTo>
                      <a:pt x="814" y="416"/>
                    </a:lnTo>
                    <a:lnTo>
                      <a:pt x="814" y="424"/>
                    </a:lnTo>
                    <a:lnTo>
                      <a:pt x="812" y="431"/>
                    </a:lnTo>
                    <a:lnTo>
                      <a:pt x="810" y="436"/>
                    </a:lnTo>
                    <a:lnTo>
                      <a:pt x="808" y="442"/>
                    </a:lnTo>
                    <a:lnTo>
                      <a:pt x="806" y="448"/>
                    </a:lnTo>
                    <a:lnTo>
                      <a:pt x="805" y="455"/>
                    </a:lnTo>
                    <a:lnTo>
                      <a:pt x="805" y="463"/>
                    </a:lnTo>
                    <a:lnTo>
                      <a:pt x="815" y="464"/>
                    </a:lnTo>
                    <a:lnTo>
                      <a:pt x="825" y="465"/>
                    </a:lnTo>
                    <a:lnTo>
                      <a:pt x="833" y="468"/>
                    </a:lnTo>
                    <a:lnTo>
                      <a:pt x="840" y="471"/>
                    </a:lnTo>
                    <a:lnTo>
                      <a:pt x="847" y="474"/>
                    </a:lnTo>
                    <a:lnTo>
                      <a:pt x="853" y="477"/>
                    </a:lnTo>
                    <a:lnTo>
                      <a:pt x="858" y="481"/>
                    </a:lnTo>
                    <a:lnTo>
                      <a:pt x="864" y="487"/>
                    </a:lnTo>
                    <a:lnTo>
                      <a:pt x="868" y="491"/>
                    </a:lnTo>
                    <a:lnTo>
                      <a:pt x="871" y="497"/>
                    </a:lnTo>
                    <a:lnTo>
                      <a:pt x="874" y="502"/>
                    </a:lnTo>
                    <a:lnTo>
                      <a:pt x="877" y="509"/>
                    </a:lnTo>
                    <a:lnTo>
                      <a:pt x="883" y="521"/>
                    </a:lnTo>
                    <a:lnTo>
                      <a:pt x="887" y="535"/>
                    </a:lnTo>
                    <a:lnTo>
                      <a:pt x="891" y="549"/>
                    </a:lnTo>
                    <a:lnTo>
                      <a:pt x="895" y="562"/>
                    </a:lnTo>
                    <a:lnTo>
                      <a:pt x="900" y="576"/>
                    </a:lnTo>
                    <a:lnTo>
                      <a:pt x="906" y="589"/>
                    </a:lnTo>
                    <a:lnTo>
                      <a:pt x="910" y="595"/>
                    </a:lnTo>
                    <a:lnTo>
                      <a:pt x="914" y="600"/>
                    </a:lnTo>
                    <a:lnTo>
                      <a:pt x="918" y="606"/>
                    </a:lnTo>
                    <a:lnTo>
                      <a:pt x="924" y="611"/>
                    </a:lnTo>
                    <a:lnTo>
                      <a:pt x="930" y="615"/>
                    </a:lnTo>
                    <a:lnTo>
                      <a:pt x="936" y="619"/>
                    </a:lnTo>
                    <a:lnTo>
                      <a:pt x="944" y="623"/>
                    </a:lnTo>
                    <a:lnTo>
                      <a:pt x="951" y="627"/>
                    </a:lnTo>
                    <a:lnTo>
                      <a:pt x="946" y="633"/>
                    </a:lnTo>
                    <a:lnTo>
                      <a:pt x="936" y="642"/>
                    </a:lnTo>
                    <a:lnTo>
                      <a:pt x="932" y="647"/>
                    </a:lnTo>
                    <a:lnTo>
                      <a:pt x="927" y="652"/>
                    </a:lnTo>
                    <a:lnTo>
                      <a:pt x="924" y="657"/>
                    </a:lnTo>
                    <a:lnTo>
                      <a:pt x="921" y="661"/>
                    </a:lnTo>
                    <a:lnTo>
                      <a:pt x="913" y="659"/>
                    </a:lnTo>
                    <a:lnTo>
                      <a:pt x="900" y="658"/>
                    </a:lnTo>
                    <a:lnTo>
                      <a:pt x="890" y="657"/>
                    </a:lnTo>
                    <a:lnTo>
                      <a:pt x="886" y="657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600" name="Næstved"/>
              <p:cNvSpPr>
                <a:spLocks/>
              </p:cNvSpPr>
              <p:nvPr/>
            </p:nvSpPr>
            <p:spPr bwMode="auto">
              <a:xfrm>
                <a:off x="3330575" y="5686425"/>
                <a:ext cx="34925" cy="39688"/>
              </a:xfrm>
              <a:custGeom>
                <a:avLst/>
                <a:gdLst>
                  <a:gd name="T0" fmla="*/ 0 w 65"/>
                  <a:gd name="T1" fmla="*/ 9 h 74"/>
                  <a:gd name="T2" fmla="*/ 1 w 65"/>
                  <a:gd name="T3" fmla="*/ 8 h 74"/>
                  <a:gd name="T4" fmla="*/ 2 w 65"/>
                  <a:gd name="T5" fmla="*/ 7 h 74"/>
                  <a:gd name="T6" fmla="*/ 3 w 65"/>
                  <a:gd name="T7" fmla="*/ 6 h 74"/>
                  <a:gd name="T8" fmla="*/ 3 w 65"/>
                  <a:gd name="T9" fmla="*/ 5 h 74"/>
                  <a:gd name="T10" fmla="*/ 4 w 65"/>
                  <a:gd name="T11" fmla="*/ 2 h 74"/>
                  <a:gd name="T12" fmla="*/ 5 w 65"/>
                  <a:gd name="T13" fmla="*/ 0 h 74"/>
                  <a:gd name="T14" fmla="*/ 9 w 65"/>
                  <a:gd name="T15" fmla="*/ 0 h 74"/>
                  <a:gd name="T16" fmla="*/ 10 w 65"/>
                  <a:gd name="T17" fmla="*/ 0 h 74"/>
                  <a:gd name="T18" fmla="*/ 10 w 65"/>
                  <a:gd name="T19" fmla="*/ 1 h 74"/>
                  <a:gd name="T20" fmla="*/ 10 w 65"/>
                  <a:gd name="T21" fmla="*/ 2 h 74"/>
                  <a:gd name="T22" fmla="*/ 9 w 65"/>
                  <a:gd name="T23" fmla="*/ 3 h 74"/>
                  <a:gd name="T24" fmla="*/ 9 w 65"/>
                  <a:gd name="T25" fmla="*/ 5 h 74"/>
                  <a:gd name="T26" fmla="*/ 9 w 65"/>
                  <a:gd name="T27" fmla="*/ 5 h 74"/>
                  <a:gd name="T28" fmla="*/ 9 w 65"/>
                  <a:gd name="T29" fmla="*/ 6 h 74"/>
                  <a:gd name="T30" fmla="*/ 10 w 65"/>
                  <a:gd name="T31" fmla="*/ 6 h 74"/>
                  <a:gd name="T32" fmla="*/ 11 w 65"/>
                  <a:gd name="T33" fmla="*/ 6 h 74"/>
                  <a:gd name="T34" fmla="*/ 12 w 65"/>
                  <a:gd name="T35" fmla="*/ 3 h 74"/>
                  <a:gd name="T36" fmla="*/ 13 w 65"/>
                  <a:gd name="T37" fmla="*/ 3 h 74"/>
                  <a:gd name="T38" fmla="*/ 13 w 65"/>
                  <a:gd name="T39" fmla="*/ 4 h 74"/>
                  <a:gd name="T40" fmla="*/ 13 w 65"/>
                  <a:gd name="T41" fmla="*/ 6 h 74"/>
                  <a:gd name="T42" fmla="*/ 13 w 65"/>
                  <a:gd name="T43" fmla="*/ 8 h 74"/>
                  <a:gd name="T44" fmla="*/ 14 w 65"/>
                  <a:gd name="T45" fmla="*/ 10 h 74"/>
                  <a:gd name="T46" fmla="*/ 14 w 65"/>
                  <a:gd name="T47" fmla="*/ 11 h 74"/>
                  <a:gd name="T48" fmla="*/ 15 w 65"/>
                  <a:gd name="T49" fmla="*/ 11 h 74"/>
                  <a:gd name="T50" fmla="*/ 16 w 65"/>
                  <a:gd name="T51" fmla="*/ 11 h 74"/>
                  <a:gd name="T52" fmla="*/ 17 w 65"/>
                  <a:gd name="T53" fmla="*/ 11 h 74"/>
                  <a:gd name="T54" fmla="*/ 18 w 65"/>
                  <a:gd name="T55" fmla="*/ 14 h 74"/>
                  <a:gd name="T56" fmla="*/ 19 w 65"/>
                  <a:gd name="T57" fmla="*/ 15 h 74"/>
                  <a:gd name="T58" fmla="*/ 20 w 65"/>
                  <a:gd name="T59" fmla="*/ 17 h 74"/>
                  <a:gd name="T60" fmla="*/ 20 w 65"/>
                  <a:gd name="T61" fmla="*/ 18 h 74"/>
                  <a:gd name="T62" fmla="*/ 20 w 65"/>
                  <a:gd name="T63" fmla="*/ 20 h 74"/>
                  <a:gd name="T64" fmla="*/ 21 w 65"/>
                  <a:gd name="T65" fmla="*/ 21 h 74"/>
                  <a:gd name="T66" fmla="*/ 21 w 65"/>
                  <a:gd name="T67" fmla="*/ 23 h 74"/>
                  <a:gd name="T68" fmla="*/ 22 w 65"/>
                  <a:gd name="T69" fmla="*/ 25 h 74"/>
                  <a:gd name="T70" fmla="*/ 16 w 65"/>
                  <a:gd name="T71" fmla="*/ 22 h 74"/>
                  <a:gd name="T72" fmla="*/ 9 w 65"/>
                  <a:gd name="T73" fmla="*/ 19 h 74"/>
                  <a:gd name="T74" fmla="*/ 6 w 65"/>
                  <a:gd name="T75" fmla="*/ 17 h 74"/>
                  <a:gd name="T76" fmla="*/ 3 w 65"/>
                  <a:gd name="T77" fmla="*/ 15 h 74"/>
                  <a:gd name="T78" fmla="*/ 2 w 65"/>
                  <a:gd name="T79" fmla="*/ 14 h 74"/>
                  <a:gd name="T80" fmla="*/ 1 w 65"/>
                  <a:gd name="T81" fmla="*/ 12 h 74"/>
                  <a:gd name="T82" fmla="*/ 0 w 65"/>
                  <a:gd name="T83" fmla="*/ 10 h 74"/>
                  <a:gd name="T84" fmla="*/ 0 w 65"/>
                  <a:gd name="T85" fmla="*/ 9 h 74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65" h="74">
                    <a:moveTo>
                      <a:pt x="0" y="26"/>
                    </a:moveTo>
                    <a:lnTo>
                      <a:pt x="3" y="24"/>
                    </a:lnTo>
                    <a:lnTo>
                      <a:pt x="7" y="22"/>
                    </a:lnTo>
                    <a:lnTo>
                      <a:pt x="8" y="19"/>
                    </a:lnTo>
                    <a:lnTo>
                      <a:pt x="10" y="15"/>
                    </a:lnTo>
                    <a:lnTo>
                      <a:pt x="12" y="7"/>
                    </a:lnTo>
                    <a:lnTo>
                      <a:pt x="16" y="1"/>
                    </a:lnTo>
                    <a:lnTo>
                      <a:pt x="26" y="0"/>
                    </a:lnTo>
                    <a:lnTo>
                      <a:pt x="31" y="1"/>
                    </a:lnTo>
                    <a:lnTo>
                      <a:pt x="31" y="4"/>
                    </a:lnTo>
                    <a:lnTo>
                      <a:pt x="29" y="7"/>
                    </a:lnTo>
                    <a:lnTo>
                      <a:pt x="27" y="10"/>
                    </a:lnTo>
                    <a:lnTo>
                      <a:pt x="26" y="14"/>
                    </a:lnTo>
                    <a:lnTo>
                      <a:pt x="26" y="15"/>
                    </a:lnTo>
                    <a:lnTo>
                      <a:pt x="27" y="17"/>
                    </a:lnTo>
                    <a:lnTo>
                      <a:pt x="29" y="18"/>
                    </a:lnTo>
                    <a:lnTo>
                      <a:pt x="32" y="18"/>
                    </a:lnTo>
                    <a:lnTo>
                      <a:pt x="36" y="10"/>
                    </a:lnTo>
                    <a:lnTo>
                      <a:pt x="37" y="8"/>
                    </a:lnTo>
                    <a:lnTo>
                      <a:pt x="38" y="11"/>
                    </a:lnTo>
                    <a:lnTo>
                      <a:pt x="39" y="17"/>
                    </a:lnTo>
                    <a:lnTo>
                      <a:pt x="39" y="24"/>
                    </a:lnTo>
                    <a:lnTo>
                      <a:pt x="41" y="30"/>
                    </a:lnTo>
                    <a:lnTo>
                      <a:pt x="42" y="32"/>
                    </a:lnTo>
                    <a:lnTo>
                      <a:pt x="45" y="33"/>
                    </a:lnTo>
                    <a:lnTo>
                      <a:pt x="46" y="34"/>
                    </a:lnTo>
                    <a:lnTo>
                      <a:pt x="49" y="33"/>
                    </a:lnTo>
                    <a:lnTo>
                      <a:pt x="54" y="40"/>
                    </a:lnTo>
                    <a:lnTo>
                      <a:pt x="57" y="45"/>
                    </a:lnTo>
                    <a:lnTo>
                      <a:pt x="59" y="50"/>
                    </a:lnTo>
                    <a:lnTo>
                      <a:pt x="60" y="54"/>
                    </a:lnTo>
                    <a:lnTo>
                      <a:pt x="60" y="58"/>
                    </a:lnTo>
                    <a:lnTo>
                      <a:pt x="61" y="63"/>
                    </a:lnTo>
                    <a:lnTo>
                      <a:pt x="62" y="68"/>
                    </a:lnTo>
                    <a:lnTo>
                      <a:pt x="65" y="74"/>
                    </a:lnTo>
                    <a:lnTo>
                      <a:pt x="46" y="65"/>
                    </a:lnTo>
                    <a:lnTo>
                      <a:pt x="27" y="55"/>
                    </a:lnTo>
                    <a:lnTo>
                      <a:pt x="17" y="50"/>
                    </a:lnTo>
                    <a:lnTo>
                      <a:pt x="10" y="44"/>
                    </a:lnTo>
                    <a:lnTo>
                      <a:pt x="7" y="40"/>
                    </a:lnTo>
                    <a:lnTo>
                      <a:pt x="3" y="35"/>
                    </a:lnTo>
                    <a:lnTo>
                      <a:pt x="1" y="31"/>
                    </a:lnTo>
                    <a:lnTo>
                      <a:pt x="0" y="26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601" name="Næstved kant"/>
              <p:cNvSpPr>
                <a:spLocks/>
              </p:cNvSpPr>
              <p:nvPr/>
            </p:nvSpPr>
            <p:spPr bwMode="auto">
              <a:xfrm>
                <a:off x="3330575" y="5686425"/>
                <a:ext cx="34925" cy="39688"/>
              </a:xfrm>
              <a:custGeom>
                <a:avLst/>
                <a:gdLst>
                  <a:gd name="T0" fmla="*/ 0 w 65"/>
                  <a:gd name="T1" fmla="*/ 9 h 74"/>
                  <a:gd name="T2" fmla="*/ 1 w 65"/>
                  <a:gd name="T3" fmla="*/ 8 h 74"/>
                  <a:gd name="T4" fmla="*/ 2 w 65"/>
                  <a:gd name="T5" fmla="*/ 7 h 74"/>
                  <a:gd name="T6" fmla="*/ 3 w 65"/>
                  <a:gd name="T7" fmla="*/ 6 h 74"/>
                  <a:gd name="T8" fmla="*/ 3 w 65"/>
                  <a:gd name="T9" fmla="*/ 5 h 74"/>
                  <a:gd name="T10" fmla="*/ 4 w 65"/>
                  <a:gd name="T11" fmla="*/ 2 h 74"/>
                  <a:gd name="T12" fmla="*/ 5 w 65"/>
                  <a:gd name="T13" fmla="*/ 0 h 74"/>
                  <a:gd name="T14" fmla="*/ 9 w 65"/>
                  <a:gd name="T15" fmla="*/ 0 h 74"/>
                  <a:gd name="T16" fmla="*/ 10 w 65"/>
                  <a:gd name="T17" fmla="*/ 0 h 74"/>
                  <a:gd name="T18" fmla="*/ 10 w 65"/>
                  <a:gd name="T19" fmla="*/ 1 h 74"/>
                  <a:gd name="T20" fmla="*/ 10 w 65"/>
                  <a:gd name="T21" fmla="*/ 2 h 74"/>
                  <a:gd name="T22" fmla="*/ 9 w 65"/>
                  <a:gd name="T23" fmla="*/ 3 h 74"/>
                  <a:gd name="T24" fmla="*/ 9 w 65"/>
                  <a:gd name="T25" fmla="*/ 5 h 74"/>
                  <a:gd name="T26" fmla="*/ 9 w 65"/>
                  <a:gd name="T27" fmla="*/ 5 h 74"/>
                  <a:gd name="T28" fmla="*/ 9 w 65"/>
                  <a:gd name="T29" fmla="*/ 6 h 74"/>
                  <a:gd name="T30" fmla="*/ 10 w 65"/>
                  <a:gd name="T31" fmla="*/ 6 h 74"/>
                  <a:gd name="T32" fmla="*/ 11 w 65"/>
                  <a:gd name="T33" fmla="*/ 6 h 74"/>
                  <a:gd name="T34" fmla="*/ 12 w 65"/>
                  <a:gd name="T35" fmla="*/ 3 h 74"/>
                  <a:gd name="T36" fmla="*/ 13 w 65"/>
                  <a:gd name="T37" fmla="*/ 3 h 74"/>
                  <a:gd name="T38" fmla="*/ 13 w 65"/>
                  <a:gd name="T39" fmla="*/ 4 h 74"/>
                  <a:gd name="T40" fmla="*/ 13 w 65"/>
                  <a:gd name="T41" fmla="*/ 6 h 74"/>
                  <a:gd name="T42" fmla="*/ 13 w 65"/>
                  <a:gd name="T43" fmla="*/ 8 h 74"/>
                  <a:gd name="T44" fmla="*/ 14 w 65"/>
                  <a:gd name="T45" fmla="*/ 10 h 74"/>
                  <a:gd name="T46" fmla="*/ 14 w 65"/>
                  <a:gd name="T47" fmla="*/ 11 h 74"/>
                  <a:gd name="T48" fmla="*/ 15 w 65"/>
                  <a:gd name="T49" fmla="*/ 11 h 74"/>
                  <a:gd name="T50" fmla="*/ 16 w 65"/>
                  <a:gd name="T51" fmla="*/ 11 h 74"/>
                  <a:gd name="T52" fmla="*/ 17 w 65"/>
                  <a:gd name="T53" fmla="*/ 11 h 74"/>
                  <a:gd name="T54" fmla="*/ 18 w 65"/>
                  <a:gd name="T55" fmla="*/ 14 h 74"/>
                  <a:gd name="T56" fmla="*/ 19 w 65"/>
                  <a:gd name="T57" fmla="*/ 15 h 74"/>
                  <a:gd name="T58" fmla="*/ 20 w 65"/>
                  <a:gd name="T59" fmla="*/ 17 h 74"/>
                  <a:gd name="T60" fmla="*/ 20 w 65"/>
                  <a:gd name="T61" fmla="*/ 18 h 74"/>
                  <a:gd name="T62" fmla="*/ 20 w 65"/>
                  <a:gd name="T63" fmla="*/ 20 h 74"/>
                  <a:gd name="T64" fmla="*/ 21 w 65"/>
                  <a:gd name="T65" fmla="*/ 21 h 74"/>
                  <a:gd name="T66" fmla="*/ 21 w 65"/>
                  <a:gd name="T67" fmla="*/ 23 h 74"/>
                  <a:gd name="T68" fmla="*/ 22 w 65"/>
                  <a:gd name="T69" fmla="*/ 25 h 74"/>
                  <a:gd name="T70" fmla="*/ 16 w 65"/>
                  <a:gd name="T71" fmla="*/ 22 h 74"/>
                  <a:gd name="T72" fmla="*/ 9 w 65"/>
                  <a:gd name="T73" fmla="*/ 19 h 74"/>
                  <a:gd name="T74" fmla="*/ 6 w 65"/>
                  <a:gd name="T75" fmla="*/ 17 h 74"/>
                  <a:gd name="T76" fmla="*/ 3 w 65"/>
                  <a:gd name="T77" fmla="*/ 15 h 74"/>
                  <a:gd name="T78" fmla="*/ 2 w 65"/>
                  <a:gd name="T79" fmla="*/ 14 h 74"/>
                  <a:gd name="T80" fmla="*/ 1 w 65"/>
                  <a:gd name="T81" fmla="*/ 12 h 74"/>
                  <a:gd name="T82" fmla="*/ 0 w 65"/>
                  <a:gd name="T83" fmla="*/ 10 h 74"/>
                  <a:gd name="T84" fmla="*/ 0 w 65"/>
                  <a:gd name="T85" fmla="*/ 9 h 74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65" h="74">
                    <a:moveTo>
                      <a:pt x="0" y="26"/>
                    </a:moveTo>
                    <a:lnTo>
                      <a:pt x="3" y="24"/>
                    </a:lnTo>
                    <a:lnTo>
                      <a:pt x="7" y="22"/>
                    </a:lnTo>
                    <a:lnTo>
                      <a:pt x="8" y="19"/>
                    </a:lnTo>
                    <a:lnTo>
                      <a:pt x="10" y="15"/>
                    </a:lnTo>
                    <a:lnTo>
                      <a:pt x="12" y="7"/>
                    </a:lnTo>
                    <a:lnTo>
                      <a:pt x="16" y="1"/>
                    </a:lnTo>
                    <a:lnTo>
                      <a:pt x="26" y="0"/>
                    </a:lnTo>
                    <a:lnTo>
                      <a:pt x="31" y="1"/>
                    </a:lnTo>
                    <a:lnTo>
                      <a:pt x="31" y="4"/>
                    </a:lnTo>
                    <a:lnTo>
                      <a:pt x="29" y="7"/>
                    </a:lnTo>
                    <a:lnTo>
                      <a:pt x="27" y="10"/>
                    </a:lnTo>
                    <a:lnTo>
                      <a:pt x="26" y="14"/>
                    </a:lnTo>
                    <a:lnTo>
                      <a:pt x="26" y="15"/>
                    </a:lnTo>
                    <a:lnTo>
                      <a:pt x="27" y="17"/>
                    </a:lnTo>
                    <a:lnTo>
                      <a:pt x="29" y="18"/>
                    </a:lnTo>
                    <a:lnTo>
                      <a:pt x="32" y="18"/>
                    </a:lnTo>
                    <a:lnTo>
                      <a:pt x="36" y="10"/>
                    </a:lnTo>
                    <a:lnTo>
                      <a:pt x="37" y="8"/>
                    </a:lnTo>
                    <a:lnTo>
                      <a:pt x="38" y="11"/>
                    </a:lnTo>
                    <a:lnTo>
                      <a:pt x="39" y="17"/>
                    </a:lnTo>
                    <a:lnTo>
                      <a:pt x="39" y="24"/>
                    </a:lnTo>
                    <a:lnTo>
                      <a:pt x="41" y="30"/>
                    </a:lnTo>
                    <a:lnTo>
                      <a:pt x="42" y="32"/>
                    </a:lnTo>
                    <a:lnTo>
                      <a:pt x="45" y="33"/>
                    </a:lnTo>
                    <a:lnTo>
                      <a:pt x="46" y="34"/>
                    </a:lnTo>
                    <a:lnTo>
                      <a:pt x="49" y="33"/>
                    </a:lnTo>
                    <a:lnTo>
                      <a:pt x="54" y="40"/>
                    </a:lnTo>
                    <a:lnTo>
                      <a:pt x="57" y="45"/>
                    </a:lnTo>
                    <a:lnTo>
                      <a:pt x="59" y="50"/>
                    </a:lnTo>
                    <a:lnTo>
                      <a:pt x="60" y="54"/>
                    </a:lnTo>
                    <a:lnTo>
                      <a:pt x="60" y="58"/>
                    </a:lnTo>
                    <a:lnTo>
                      <a:pt x="61" y="63"/>
                    </a:lnTo>
                    <a:lnTo>
                      <a:pt x="62" y="68"/>
                    </a:lnTo>
                    <a:lnTo>
                      <a:pt x="65" y="74"/>
                    </a:lnTo>
                    <a:lnTo>
                      <a:pt x="46" y="65"/>
                    </a:lnTo>
                    <a:lnTo>
                      <a:pt x="27" y="55"/>
                    </a:lnTo>
                    <a:lnTo>
                      <a:pt x="17" y="50"/>
                    </a:lnTo>
                    <a:lnTo>
                      <a:pt x="10" y="44"/>
                    </a:lnTo>
                    <a:lnTo>
                      <a:pt x="7" y="40"/>
                    </a:lnTo>
                    <a:lnTo>
                      <a:pt x="3" y="35"/>
                    </a:lnTo>
                    <a:lnTo>
                      <a:pt x="1" y="31"/>
                    </a:lnTo>
                    <a:lnTo>
                      <a:pt x="0" y="26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533" name="Slagelse"/>
            <p:cNvGrpSpPr/>
            <p:nvPr/>
          </p:nvGrpSpPr>
          <p:grpSpPr>
            <a:xfrm>
              <a:off x="2865438" y="5230813"/>
              <a:ext cx="349250" cy="525463"/>
              <a:chOff x="2865438" y="5230813"/>
              <a:chExt cx="349250" cy="525463"/>
            </a:xfrm>
            <a:grpFill/>
          </p:grpSpPr>
          <p:sp>
            <p:nvSpPr>
              <p:cNvPr id="591" name="Slagelse"/>
              <p:cNvSpPr>
                <a:spLocks/>
              </p:cNvSpPr>
              <p:nvPr/>
            </p:nvSpPr>
            <p:spPr bwMode="auto">
              <a:xfrm>
                <a:off x="2933700" y="5592763"/>
                <a:ext cx="65087" cy="111125"/>
              </a:xfrm>
              <a:custGeom>
                <a:avLst/>
                <a:gdLst>
                  <a:gd name="T0" fmla="*/ 13 w 124"/>
                  <a:gd name="T1" fmla="*/ 15 h 211"/>
                  <a:gd name="T2" fmla="*/ 15 w 124"/>
                  <a:gd name="T3" fmla="*/ 13 h 211"/>
                  <a:gd name="T4" fmla="*/ 16 w 124"/>
                  <a:gd name="T5" fmla="*/ 9 h 211"/>
                  <a:gd name="T6" fmla="*/ 15 w 124"/>
                  <a:gd name="T7" fmla="*/ 7 h 211"/>
                  <a:gd name="T8" fmla="*/ 14 w 124"/>
                  <a:gd name="T9" fmla="*/ 4 h 211"/>
                  <a:gd name="T10" fmla="*/ 11 w 124"/>
                  <a:gd name="T11" fmla="*/ 2 h 211"/>
                  <a:gd name="T12" fmla="*/ 7 w 124"/>
                  <a:gd name="T13" fmla="*/ 1 h 211"/>
                  <a:gd name="T14" fmla="*/ 3 w 124"/>
                  <a:gd name="T15" fmla="*/ 0 h 211"/>
                  <a:gd name="T16" fmla="*/ 0 w 124"/>
                  <a:gd name="T17" fmla="*/ 3 h 211"/>
                  <a:gd name="T18" fmla="*/ 1 w 124"/>
                  <a:gd name="T19" fmla="*/ 6 h 211"/>
                  <a:gd name="T20" fmla="*/ 2 w 124"/>
                  <a:gd name="T21" fmla="*/ 9 h 211"/>
                  <a:gd name="T22" fmla="*/ 3 w 124"/>
                  <a:gd name="T23" fmla="*/ 11 h 211"/>
                  <a:gd name="T24" fmla="*/ 2 w 124"/>
                  <a:gd name="T25" fmla="*/ 19 h 211"/>
                  <a:gd name="T26" fmla="*/ 0 w 124"/>
                  <a:gd name="T27" fmla="*/ 28 h 211"/>
                  <a:gd name="T28" fmla="*/ 1 w 124"/>
                  <a:gd name="T29" fmla="*/ 36 h 211"/>
                  <a:gd name="T30" fmla="*/ 3 w 124"/>
                  <a:gd name="T31" fmla="*/ 44 h 211"/>
                  <a:gd name="T32" fmla="*/ 7 w 124"/>
                  <a:gd name="T33" fmla="*/ 51 h 211"/>
                  <a:gd name="T34" fmla="*/ 12 w 124"/>
                  <a:gd name="T35" fmla="*/ 57 h 211"/>
                  <a:gd name="T36" fmla="*/ 19 w 124"/>
                  <a:gd name="T37" fmla="*/ 61 h 211"/>
                  <a:gd name="T38" fmla="*/ 26 w 124"/>
                  <a:gd name="T39" fmla="*/ 64 h 211"/>
                  <a:gd name="T40" fmla="*/ 31 w 124"/>
                  <a:gd name="T41" fmla="*/ 66 h 211"/>
                  <a:gd name="T42" fmla="*/ 33 w 124"/>
                  <a:gd name="T43" fmla="*/ 68 h 211"/>
                  <a:gd name="T44" fmla="*/ 37 w 124"/>
                  <a:gd name="T45" fmla="*/ 70 h 211"/>
                  <a:gd name="T46" fmla="*/ 41 w 124"/>
                  <a:gd name="T47" fmla="*/ 67 h 211"/>
                  <a:gd name="T48" fmla="*/ 41 w 124"/>
                  <a:gd name="T49" fmla="*/ 62 h 211"/>
                  <a:gd name="T50" fmla="*/ 40 w 124"/>
                  <a:gd name="T51" fmla="*/ 60 h 211"/>
                  <a:gd name="T52" fmla="*/ 39 w 124"/>
                  <a:gd name="T53" fmla="*/ 61 h 211"/>
                  <a:gd name="T54" fmla="*/ 39 w 124"/>
                  <a:gd name="T55" fmla="*/ 63 h 211"/>
                  <a:gd name="T56" fmla="*/ 38 w 124"/>
                  <a:gd name="T57" fmla="*/ 64 h 211"/>
                  <a:gd name="T58" fmla="*/ 36 w 124"/>
                  <a:gd name="T59" fmla="*/ 65 h 211"/>
                  <a:gd name="T60" fmla="*/ 35 w 124"/>
                  <a:gd name="T61" fmla="*/ 65 h 211"/>
                  <a:gd name="T62" fmla="*/ 33 w 124"/>
                  <a:gd name="T63" fmla="*/ 64 h 211"/>
                  <a:gd name="T64" fmla="*/ 33 w 124"/>
                  <a:gd name="T65" fmla="*/ 63 h 211"/>
                  <a:gd name="T66" fmla="*/ 33 w 124"/>
                  <a:gd name="T67" fmla="*/ 61 h 211"/>
                  <a:gd name="T68" fmla="*/ 28 w 124"/>
                  <a:gd name="T69" fmla="*/ 48 h 211"/>
                  <a:gd name="T70" fmla="*/ 21 w 124"/>
                  <a:gd name="T71" fmla="*/ 31 h 211"/>
                  <a:gd name="T72" fmla="*/ 15 w 124"/>
                  <a:gd name="T73" fmla="*/ 21 h 211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0" t="0" r="r" b="b"/>
                <a:pathLst>
                  <a:path w="124" h="211">
                    <a:moveTo>
                      <a:pt x="34" y="49"/>
                    </a:moveTo>
                    <a:lnTo>
                      <a:pt x="40" y="45"/>
                    </a:lnTo>
                    <a:lnTo>
                      <a:pt x="43" y="42"/>
                    </a:lnTo>
                    <a:lnTo>
                      <a:pt x="45" y="38"/>
                    </a:lnTo>
                    <a:lnTo>
                      <a:pt x="46" y="33"/>
                    </a:lnTo>
                    <a:lnTo>
                      <a:pt x="47" y="28"/>
                    </a:lnTo>
                    <a:lnTo>
                      <a:pt x="47" y="24"/>
                    </a:lnTo>
                    <a:lnTo>
                      <a:pt x="45" y="20"/>
                    </a:lnTo>
                    <a:lnTo>
                      <a:pt x="44" y="17"/>
                    </a:lnTo>
                    <a:lnTo>
                      <a:pt x="41" y="12"/>
                    </a:lnTo>
                    <a:lnTo>
                      <a:pt x="36" y="9"/>
                    </a:lnTo>
                    <a:lnTo>
                      <a:pt x="32" y="6"/>
                    </a:lnTo>
                    <a:lnTo>
                      <a:pt x="28" y="4"/>
                    </a:lnTo>
                    <a:lnTo>
                      <a:pt x="22" y="2"/>
                    </a:lnTo>
                    <a:lnTo>
                      <a:pt x="16" y="1"/>
                    </a:lnTo>
                    <a:lnTo>
                      <a:pt x="9" y="0"/>
                    </a:lnTo>
                    <a:lnTo>
                      <a:pt x="2" y="1"/>
                    </a:lnTo>
                    <a:lnTo>
                      <a:pt x="1" y="8"/>
                    </a:lnTo>
                    <a:lnTo>
                      <a:pt x="1" y="13"/>
                    </a:lnTo>
                    <a:lnTo>
                      <a:pt x="3" y="18"/>
                    </a:lnTo>
                    <a:lnTo>
                      <a:pt x="5" y="22"/>
                    </a:lnTo>
                    <a:lnTo>
                      <a:pt x="7" y="26"/>
                    </a:lnTo>
                    <a:lnTo>
                      <a:pt x="9" y="29"/>
                    </a:lnTo>
                    <a:lnTo>
                      <a:pt x="10" y="34"/>
                    </a:lnTo>
                    <a:lnTo>
                      <a:pt x="10" y="41"/>
                    </a:lnTo>
                    <a:lnTo>
                      <a:pt x="5" y="56"/>
                    </a:lnTo>
                    <a:lnTo>
                      <a:pt x="2" y="70"/>
                    </a:lnTo>
                    <a:lnTo>
                      <a:pt x="0" y="84"/>
                    </a:lnTo>
                    <a:lnTo>
                      <a:pt x="0" y="98"/>
                    </a:lnTo>
                    <a:lnTo>
                      <a:pt x="2" y="110"/>
                    </a:lnTo>
                    <a:lnTo>
                      <a:pt x="5" y="123"/>
                    </a:lnTo>
                    <a:lnTo>
                      <a:pt x="9" y="133"/>
                    </a:lnTo>
                    <a:lnTo>
                      <a:pt x="14" y="145"/>
                    </a:lnTo>
                    <a:lnTo>
                      <a:pt x="21" y="155"/>
                    </a:lnTo>
                    <a:lnTo>
                      <a:pt x="28" y="164"/>
                    </a:lnTo>
                    <a:lnTo>
                      <a:pt x="37" y="171"/>
                    </a:lnTo>
                    <a:lnTo>
                      <a:pt x="47" y="179"/>
                    </a:lnTo>
                    <a:lnTo>
                      <a:pt x="57" y="185"/>
                    </a:lnTo>
                    <a:lnTo>
                      <a:pt x="68" y="189"/>
                    </a:lnTo>
                    <a:lnTo>
                      <a:pt x="80" y="193"/>
                    </a:lnTo>
                    <a:lnTo>
                      <a:pt x="91" y="196"/>
                    </a:lnTo>
                    <a:lnTo>
                      <a:pt x="94" y="199"/>
                    </a:lnTo>
                    <a:lnTo>
                      <a:pt x="96" y="202"/>
                    </a:lnTo>
                    <a:lnTo>
                      <a:pt x="101" y="205"/>
                    </a:lnTo>
                    <a:lnTo>
                      <a:pt x="104" y="207"/>
                    </a:lnTo>
                    <a:lnTo>
                      <a:pt x="113" y="210"/>
                    </a:lnTo>
                    <a:lnTo>
                      <a:pt x="124" y="211"/>
                    </a:lnTo>
                    <a:lnTo>
                      <a:pt x="124" y="202"/>
                    </a:lnTo>
                    <a:lnTo>
                      <a:pt x="124" y="191"/>
                    </a:lnTo>
                    <a:lnTo>
                      <a:pt x="123" y="187"/>
                    </a:lnTo>
                    <a:lnTo>
                      <a:pt x="122" y="184"/>
                    </a:lnTo>
                    <a:lnTo>
                      <a:pt x="120" y="181"/>
                    </a:lnTo>
                    <a:lnTo>
                      <a:pt x="115" y="179"/>
                    </a:lnTo>
                    <a:lnTo>
                      <a:pt x="117" y="183"/>
                    </a:lnTo>
                    <a:lnTo>
                      <a:pt x="117" y="186"/>
                    </a:lnTo>
                    <a:lnTo>
                      <a:pt x="117" y="189"/>
                    </a:lnTo>
                    <a:lnTo>
                      <a:pt x="116" y="191"/>
                    </a:lnTo>
                    <a:lnTo>
                      <a:pt x="114" y="193"/>
                    </a:lnTo>
                    <a:lnTo>
                      <a:pt x="112" y="195"/>
                    </a:lnTo>
                    <a:lnTo>
                      <a:pt x="110" y="196"/>
                    </a:lnTo>
                    <a:lnTo>
                      <a:pt x="108" y="196"/>
                    </a:lnTo>
                    <a:lnTo>
                      <a:pt x="105" y="196"/>
                    </a:lnTo>
                    <a:lnTo>
                      <a:pt x="103" y="195"/>
                    </a:lnTo>
                    <a:lnTo>
                      <a:pt x="101" y="193"/>
                    </a:lnTo>
                    <a:lnTo>
                      <a:pt x="100" y="191"/>
                    </a:lnTo>
                    <a:lnTo>
                      <a:pt x="99" y="189"/>
                    </a:lnTo>
                    <a:lnTo>
                      <a:pt x="97" y="186"/>
                    </a:lnTo>
                    <a:lnTo>
                      <a:pt x="99" y="183"/>
                    </a:lnTo>
                    <a:lnTo>
                      <a:pt x="100" y="179"/>
                    </a:lnTo>
                    <a:lnTo>
                      <a:pt x="85" y="145"/>
                    </a:lnTo>
                    <a:lnTo>
                      <a:pt x="70" y="111"/>
                    </a:lnTo>
                    <a:lnTo>
                      <a:pt x="62" y="94"/>
                    </a:lnTo>
                    <a:lnTo>
                      <a:pt x="54" y="79"/>
                    </a:lnTo>
                    <a:lnTo>
                      <a:pt x="45" y="63"/>
                    </a:lnTo>
                    <a:lnTo>
                      <a:pt x="34" y="49"/>
                    </a:ln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92" name="Slagelse kant"/>
              <p:cNvSpPr>
                <a:spLocks/>
              </p:cNvSpPr>
              <p:nvPr/>
            </p:nvSpPr>
            <p:spPr bwMode="auto">
              <a:xfrm>
                <a:off x="2933700" y="5592763"/>
                <a:ext cx="65087" cy="111125"/>
              </a:xfrm>
              <a:custGeom>
                <a:avLst/>
                <a:gdLst>
                  <a:gd name="T0" fmla="*/ 13 w 124"/>
                  <a:gd name="T1" fmla="*/ 15 h 211"/>
                  <a:gd name="T2" fmla="*/ 15 w 124"/>
                  <a:gd name="T3" fmla="*/ 13 h 211"/>
                  <a:gd name="T4" fmla="*/ 16 w 124"/>
                  <a:gd name="T5" fmla="*/ 9 h 211"/>
                  <a:gd name="T6" fmla="*/ 15 w 124"/>
                  <a:gd name="T7" fmla="*/ 7 h 211"/>
                  <a:gd name="T8" fmla="*/ 14 w 124"/>
                  <a:gd name="T9" fmla="*/ 4 h 211"/>
                  <a:gd name="T10" fmla="*/ 11 w 124"/>
                  <a:gd name="T11" fmla="*/ 2 h 211"/>
                  <a:gd name="T12" fmla="*/ 7 w 124"/>
                  <a:gd name="T13" fmla="*/ 1 h 211"/>
                  <a:gd name="T14" fmla="*/ 3 w 124"/>
                  <a:gd name="T15" fmla="*/ 0 h 211"/>
                  <a:gd name="T16" fmla="*/ 0 w 124"/>
                  <a:gd name="T17" fmla="*/ 3 h 211"/>
                  <a:gd name="T18" fmla="*/ 1 w 124"/>
                  <a:gd name="T19" fmla="*/ 6 h 211"/>
                  <a:gd name="T20" fmla="*/ 2 w 124"/>
                  <a:gd name="T21" fmla="*/ 9 h 211"/>
                  <a:gd name="T22" fmla="*/ 3 w 124"/>
                  <a:gd name="T23" fmla="*/ 11 h 211"/>
                  <a:gd name="T24" fmla="*/ 2 w 124"/>
                  <a:gd name="T25" fmla="*/ 19 h 211"/>
                  <a:gd name="T26" fmla="*/ 0 w 124"/>
                  <a:gd name="T27" fmla="*/ 28 h 211"/>
                  <a:gd name="T28" fmla="*/ 1 w 124"/>
                  <a:gd name="T29" fmla="*/ 36 h 211"/>
                  <a:gd name="T30" fmla="*/ 3 w 124"/>
                  <a:gd name="T31" fmla="*/ 44 h 211"/>
                  <a:gd name="T32" fmla="*/ 7 w 124"/>
                  <a:gd name="T33" fmla="*/ 51 h 211"/>
                  <a:gd name="T34" fmla="*/ 12 w 124"/>
                  <a:gd name="T35" fmla="*/ 57 h 211"/>
                  <a:gd name="T36" fmla="*/ 19 w 124"/>
                  <a:gd name="T37" fmla="*/ 61 h 211"/>
                  <a:gd name="T38" fmla="*/ 26 w 124"/>
                  <a:gd name="T39" fmla="*/ 64 h 211"/>
                  <a:gd name="T40" fmla="*/ 31 w 124"/>
                  <a:gd name="T41" fmla="*/ 66 h 211"/>
                  <a:gd name="T42" fmla="*/ 33 w 124"/>
                  <a:gd name="T43" fmla="*/ 68 h 211"/>
                  <a:gd name="T44" fmla="*/ 37 w 124"/>
                  <a:gd name="T45" fmla="*/ 70 h 211"/>
                  <a:gd name="T46" fmla="*/ 41 w 124"/>
                  <a:gd name="T47" fmla="*/ 67 h 211"/>
                  <a:gd name="T48" fmla="*/ 41 w 124"/>
                  <a:gd name="T49" fmla="*/ 62 h 211"/>
                  <a:gd name="T50" fmla="*/ 40 w 124"/>
                  <a:gd name="T51" fmla="*/ 60 h 211"/>
                  <a:gd name="T52" fmla="*/ 39 w 124"/>
                  <a:gd name="T53" fmla="*/ 61 h 211"/>
                  <a:gd name="T54" fmla="*/ 39 w 124"/>
                  <a:gd name="T55" fmla="*/ 63 h 211"/>
                  <a:gd name="T56" fmla="*/ 38 w 124"/>
                  <a:gd name="T57" fmla="*/ 64 h 211"/>
                  <a:gd name="T58" fmla="*/ 36 w 124"/>
                  <a:gd name="T59" fmla="*/ 65 h 211"/>
                  <a:gd name="T60" fmla="*/ 35 w 124"/>
                  <a:gd name="T61" fmla="*/ 65 h 211"/>
                  <a:gd name="T62" fmla="*/ 33 w 124"/>
                  <a:gd name="T63" fmla="*/ 64 h 211"/>
                  <a:gd name="T64" fmla="*/ 33 w 124"/>
                  <a:gd name="T65" fmla="*/ 63 h 211"/>
                  <a:gd name="T66" fmla="*/ 33 w 124"/>
                  <a:gd name="T67" fmla="*/ 61 h 211"/>
                  <a:gd name="T68" fmla="*/ 28 w 124"/>
                  <a:gd name="T69" fmla="*/ 48 h 211"/>
                  <a:gd name="T70" fmla="*/ 21 w 124"/>
                  <a:gd name="T71" fmla="*/ 31 h 211"/>
                  <a:gd name="T72" fmla="*/ 15 w 124"/>
                  <a:gd name="T73" fmla="*/ 21 h 211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0" t="0" r="r" b="b"/>
                <a:pathLst>
                  <a:path w="124" h="211">
                    <a:moveTo>
                      <a:pt x="34" y="49"/>
                    </a:moveTo>
                    <a:lnTo>
                      <a:pt x="40" y="45"/>
                    </a:lnTo>
                    <a:lnTo>
                      <a:pt x="43" y="42"/>
                    </a:lnTo>
                    <a:lnTo>
                      <a:pt x="45" y="38"/>
                    </a:lnTo>
                    <a:lnTo>
                      <a:pt x="46" y="33"/>
                    </a:lnTo>
                    <a:lnTo>
                      <a:pt x="47" y="28"/>
                    </a:lnTo>
                    <a:lnTo>
                      <a:pt x="47" y="24"/>
                    </a:lnTo>
                    <a:lnTo>
                      <a:pt x="45" y="20"/>
                    </a:lnTo>
                    <a:lnTo>
                      <a:pt x="44" y="17"/>
                    </a:lnTo>
                    <a:lnTo>
                      <a:pt x="41" y="12"/>
                    </a:lnTo>
                    <a:lnTo>
                      <a:pt x="36" y="9"/>
                    </a:lnTo>
                    <a:lnTo>
                      <a:pt x="32" y="6"/>
                    </a:lnTo>
                    <a:lnTo>
                      <a:pt x="28" y="4"/>
                    </a:lnTo>
                    <a:lnTo>
                      <a:pt x="22" y="2"/>
                    </a:lnTo>
                    <a:lnTo>
                      <a:pt x="16" y="1"/>
                    </a:lnTo>
                    <a:lnTo>
                      <a:pt x="9" y="0"/>
                    </a:lnTo>
                    <a:lnTo>
                      <a:pt x="2" y="1"/>
                    </a:lnTo>
                    <a:lnTo>
                      <a:pt x="1" y="8"/>
                    </a:lnTo>
                    <a:lnTo>
                      <a:pt x="1" y="13"/>
                    </a:lnTo>
                    <a:lnTo>
                      <a:pt x="3" y="18"/>
                    </a:lnTo>
                    <a:lnTo>
                      <a:pt x="5" y="22"/>
                    </a:lnTo>
                    <a:lnTo>
                      <a:pt x="7" y="26"/>
                    </a:lnTo>
                    <a:lnTo>
                      <a:pt x="9" y="29"/>
                    </a:lnTo>
                    <a:lnTo>
                      <a:pt x="10" y="34"/>
                    </a:lnTo>
                    <a:lnTo>
                      <a:pt x="10" y="41"/>
                    </a:lnTo>
                    <a:lnTo>
                      <a:pt x="5" y="56"/>
                    </a:lnTo>
                    <a:lnTo>
                      <a:pt x="2" y="70"/>
                    </a:lnTo>
                    <a:lnTo>
                      <a:pt x="0" y="84"/>
                    </a:lnTo>
                    <a:lnTo>
                      <a:pt x="0" y="98"/>
                    </a:lnTo>
                    <a:lnTo>
                      <a:pt x="2" y="110"/>
                    </a:lnTo>
                    <a:lnTo>
                      <a:pt x="5" y="123"/>
                    </a:lnTo>
                    <a:lnTo>
                      <a:pt x="9" y="133"/>
                    </a:lnTo>
                    <a:lnTo>
                      <a:pt x="14" y="145"/>
                    </a:lnTo>
                    <a:lnTo>
                      <a:pt x="21" y="155"/>
                    </a:lnTo>
                    <a:lnTo>
                      <a:pt x="28" y="164"/>
                    </a:lnTo>
                    <a:lnTo>
                      <a:pt x="37" y="171"/>
                    </a:lnTo>
                    <a:lnTo>
                      <a:pt x="47" y="179"/>
                    </a:lnTo>
                    <a:lnTo>
                      <a:pt x="57" y="185"/>
                    </a:lnTo>
                    <a:lnTo>
                      <a:pt x="68" y="189"/>
                    </a:lnTo>
                    <a:lnTo>
                      <a:pt x="80" y="193"/>
                    </a:lnTo>
                    <a:lnTo>
                      <a:pt x="91" y="196"/>
                    </a:lnTo>
                    <a:lnTo>
                      <a:pt x="94" y="199"/>
                    </a:lnTo>
                    <a:lnTo>
                      <a:pt x="96" y="202"/>
                    </a:lnTo>
                    <a:lnTo>
                      <a:pt x="101" y="205"/>
                    </a:lnTo>
                    <a:lnTo>
                      <a:pt x="104" y="207"/>
                    </a:lnTo>
                    <a:lnTo>
                      <a:pt x="113" y="210"/>
                    </a:lnTo>
                    <a:lnTo>
                      <a:pt x="124" y="211"/>
                    </a:lnTo>
                    <a:lnTo>
                      <a:pt x="124" y="202"/>
                    </a:lnTo>
                    <a:lnTo>
                      <a:pt x="124" y="191"/>
                    </a:lnTo>
                    <a:lnTo>
                      <a:pt x="123" y="187"/>
                    </a:lnTo>
                    <a:lnTo>
                      <a:pt x="122" y="184"/>
                    </a:lnTo>
                    <a:lnTo>
                      <a:pt x="120" y="181"/>
                    </a:lnTo>
                    <a:lnTo>
                      <a:pt x="115" y="179"/>
                    </a:lnTo>
                    <a:lnTo>
                      <a:pt x="117" y="183"/>
                    </a:lnTo>
                    <a:lnTo>
                      <a:pt x="117" y="186"/>
                    </a:lnTo>
                    <a:lnTo>
                      <a:pt x="117" y="189"/>
                    </a:lnTo>
                    <a:lnTo>
                      <a:pt x="116" y="191"/>
                    </a:lnTo>
                    <a:lnTo>
                      <a:pt x="114" y="193"/>
                    </a:lnTo>
                    <a:lnTo>
                      <a:pt x="112" y="195"/>
                    </a:lnTo>
                    <a:lnTo>
                      <a:pt x="110" y="196"/>
                    </a:lnTo>
                    <a:lnTo>
                      <a:pt x="108" y="196"/>
                    </a:lnTo>
                    <a:lnTo>
                      <a:pt x="105" y="196"/>
                    </a:lnTo>
                    <a:lnTo>
                      <a:pt x="103" y="195"/>
                    </a:lnTo>
                    <a:lnTo>
                      <a:pt x="101" y="193"/>
                    </a:lnTo>
                    <a:lnTo>
                      <a:pt x="100" y="191"/>
                    </a:lnTo>
                    <a:lnTo>
                      <a:pt x="99" y="189"/>
                    </a:lnTo>
                    <a:lnTo>
                      <a:pt x="97" y="186"/>
                    </a:lnTo>
                    <a:lnTo>
                      <a:pt x="99" y="183"/>
                    </a:lnTo>
                    <a:lnTo>
                      <a:pt x="100" y="179"/>
                    </a:lnTo>
                    <a:lnTo>
                      <a:pt x="85" y="145"/>
                    </a:lnTo>
                    <a:lnTo>
                      <a:pt x="70" y="111"/>
                    </a:lnTo>
                    <a:lnTo>
                      <a:pt x="62" y="94"/>
                    </a:lnTo>
                    <a:lnTo>
                      <a:pt x="54" y="79"/>
                    </a:lnTo>
                    <a:lnTo>
                      <a:pt x="45" y="63"/>
                    </a:lnTo>
                    <a:lnTo>
                      <a:pt x="34" y="49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93" name="Slagelse"/>
              <p:cNvSpPr>
                <a:spLocks/>
              </p:cNvSpPr>
              <p:nvPr/>
            </p:nvSpPr>
            <p:spPr bwMode="auto">
              <a:xfrm>
                <a:off x="2865438" y="5230813"/>
                <a:ext cx="349250" cy="457200"/>
              </a:xfrm>
              <a:custGeom>
                <a:avLst/>
                <a:gdLst>
                  <a:gd name="T0" fmla="*/ 211 w 658"/>
                  <a:gd name="T1" fmla="*/ 272 h 864"/>
                  <a:gd name="T2" fmla="*/ 202 w 658"/>
                  <a:gd name="T3" fmla="*/ 275 h 864"/>
                  <a:gd name="T4" fmla="*/ 209 w 658"/>
                  <a:gd name="T5" fmla="*/ 270 h 864"/>
                  <a:gd name="T6" fmla="*/ 197 w 658"/>
                  <a:gd name="T7" fmla="*/ 263 h 864"/>
                  <a:gd name="T8" fmla="*/ 186 w 658"/>
                  <a:gd name="T9" fmla="*/ 261 h 864"/>
                  <a:gd name="T10" fmla="*/ 197 w 658"/>
                  <a:gd name="T11" fmla="*/ 269 h 864"/>
                  <a:gd name="T12" fmla="*/ 196 w 658"/>
                  <a:gd name="T13" fmla="*/ 276 h 864"/>
                  <a:gd name="T14" fmla="*/ 192 w 658"/>
                  <a:gd name="T15" fmla="*/ 274 h 864"/>
                  <a:gd name="T16" fmla="*/ 199 w 658"/>
                  <a:gd name="T17" fmla="*/ 277 h 864"/>
                  <a:gd name="T18" fmla="*/ 195 w 658"/>
                  <a:gd name="T19" fmla="*/ 282 h 864"/>
                  <a:gd name="T20" fmla="*/ 183 w 658"/>
                  <a:gd name="T21" fmla="*/ 282 h 864"/>
                  <a:gd name="T22" fmla="*/ 175 w 658"/>
                  <a:gd name="T23" fmla="*/ 277 h 864"/>
                  <a:gd name="T24" fmla="*/ 170 w 658"/>
                  <a:gd name="T25" fmla="*/ 267 h 864"/>
                  <a:gd name="T26" fmla="*/ 153 w 658"/>
                  <a:gd name="T27" fmla="*/ 274 h 864"/>
                  <a:gd name="T28" fmla="*/ 157 w 658"/>
                  <a:gd name="T29" fmla="*/ 275 h 864"/>
                  <a:gd name="T30" fmla="*/ 155 w 658"/>
                  <a:gd name="T31" fmla="*/ 285 h 864"/>
                  <a:gd name="T32" fmla="*/ 144 w 658"/>
                  <a:gd name="T33" fmla="*/ 287 h 864"/>
                  <a:gd name="T34" fmla="*/ 146 w 658"/>
                  <a:gd name="T35" fmla="*/ 282 h 864"/>
                  <a:gd name="T36" fmla="*/ 134 w 658"/>
                  <a:gd name="T37" fmla="*/ 270 h 864"/>
                  <a:gd name="T38" fmla="*/ 121 w 658"/>
                  <a:gd name="T39" fmla="*/ 275 h 864"/>
                  <a:gd name="T40" fmla="*/ 114 w 658"/>
                  <a:gd name="T41" fmla="*/ 284 h 864"/>
                  <a:gd name="T42" fmla="*/ 79 w 658"/>
                  <a:gd name="T43" fmla="*/ 259 h 864"/>
                  <a:gd name="T44" fmla="*/ 84 w 658"/>
                  <a:gd name="T45" fmla="*/ 250 h 864"/>
                  <a:gd name="T46" fmla="*/ 80 w 658"/>
                  <a:gd name="T47" fmla="*/ 237 h 864"/>
                  <a:gd name="T48" fmla="*/ 94 w 658"/>
                  <a:gd name="T49" fmla="*/ 240 h 864"/>
                  <a:gd name="T50" fmla="*/ 100 w 658"/>
                  <a:gd name="T51" fmla="*/ 240 h 864"/>
                  <a:gd name="T52" fmla="*/ 103 w 658"/>
                  <a:gd name="T53" fmla="*/ 239 h 864"/>
                  <a:gd name="T54" fmla="*/ 99 w 658"/>
                  <a:gd name="T55" fmla="*/ 233 h 864"/>
                  <a:gd name="T56" fmla="*/ 90 w 658"/>
                  <a:gd name="T57" fmla="*/ 234 h 864"/>
                  <a:gd name="T58" fmla="*/ 81 w 658"/>
                  <a:gd name="T59" fmla="*/ 227 h 864"/>
                  <a:gd name="T60" fmla="*/ 75 w 658"/>
                  <a:gd name="T61" fmla="*/ 214 h 864"/>
                  <a:gd name="T62" fmla="*/ 56 w 658"/>
                  <a:gd name="T63" fmla="*/ 191 h 864"/>
                  <a:gd name="T64" fmla="*/ 13 w 658"/>
                  <a:gd name="T65" fmla="*/ 156 h 864"/>
                  <a:gd name="T66" fmla="*/ 4 w 658"/>
                  <a:gd name="T67" fmla="*/ 133 h 864"/>
                  <a:gd name="T68" fmla="*/ 31 w 658"/>
                  <a:gd name="T69" fmla="*/ 121 h 864"/>
                  <a:gd name="T70" fmla="*/ 55 w 658"/>
                  <a:gd name="T71" fmla="*/ 108 h 864"/>
                  <a:gd name="T72" fmla="*/ 56 w 658"/>
                  <a:gd name="T73" fmla="*/ 90 h 864"/>
                  <a:gd name="T74" fmla="*/ 50 w 658"/>
                  <a:gd name="T75" fmla="*/ 78 h 864"/>
                  <a:gd name="T76" fmla="*/ 57 w 658"/>
                  <a:gd name="T77" fmla="*/ 66 h 864"/>
                  <a:gd name="T78" fmla="*/ 53 w 658"/>
                  <a:gd name="T79" fmla="*/ 54 h 864"/>
                  <a:gd name="T80" fmla="*/ 49 w 658"/>
                  <a:gd name="T81" fmla="*/ 45 h 864"/>
                  <a:gd name="T82" fmla="*/ 71 w 658"/>
                  <a:gd name="T83" fmla="*/ 38 h 864"/>
                  <a:gd name="T84" fmla="*/ 94 w 658"/>
                  <a:gd name="T85" fmla="*/ 43 h 864"/>
                  <a:gd name="T86" fmla="*/ 121 w 658"/>
                  <a:gd name="T87" fmla="*/ 43 h 864"/>
                  <a:gd name="T88" fmla="*/ 139 w 658"/>
                  <a:gd name="T89" fmla="*/ 40 h 864"/>
                  <a:gd name="T90" fmla="*/ 167 w 658"/>
                  <a:gd name="T91" fmla="*/ 7 h 864"/>
                  <a:gd name="T92" fmla="*/ 184 w 658"/>
                  <a:gd name="T93" fmla="*/ 1 h 864"/>
                  <a:gd name="T94" fmla="*/ 192 w 658"/>
                  <a:gd name="T95" fmla="*/ 15 h 864"/>
                  <a:gd name="T96" fmla="*/ 182 w 658"/>
                  <a:gd name="T97" fmla="*/ 23 h 864"/>
                  <a:gd name="T98" fmla="*/ 202 w 658"/>
                  <a:gd name="T99" fmla="*/ 48 h 864"/>
                  <a:gd name="T100" fmla="*/ 199 w 658"/>
                  <a:gd name="T101" fmla="*/ 90 h 864"/>
                  <a:gd name="T102" fmla="*/ 196 w 658"/>
                  <a:gd name="T103" fmla="*/ 102 h 864"/>
                  <a:gd name="T104" fmla="*/ 213 w 658"/>
                  <a:gd name="T105" fmla="*/ 124 h 864"/>
                  <a:gd name="T106" fmla="*/ 178 w 658"/>
                  <a:gd name="T107" fmla="*/ 181 h 864"/>
                  <a:gd name="T108" fmla="*/ 193 w 658"/>
                  <a:gd name="T109" fmla="*/ 201 h 864"/>
                  <a:gd name="T110" fmla="*/ 204 w 658"/>
                  <a:gd name="T111" fmla="*/ 238 h 864"/>
                  <a:gd name="T112" fmla="*/ 213 w 658"/>
                  <a:gd name="T113" fmla="*/ 254 h 864"/>
                  <a:gd name="T114" fmla="*/ 219 w 658"/>
                  <a:gd name="T115" fmla="*/ 270 h 864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658" h="864">
                    <a:moveTo>
                      <a:pt x="658" y="829"/>
                    </a:moveTo>
                    <a:lnTo>
                      <a:pt x="650" y="829"/>
                    </a:lnTo>
                    <a:lnTo>
                      <a:pt x="642" y="829"/>
                    </a:lnTo>
                    <a:lnTo>
                      <a:pt x="634" y="829"/>
                    </a:lnTo>
                    <a:lnTo>
                      <a:pt x="626" y="829"/>
                    </a:lnTo>
                    <a:lnTo>
                      <a:pt x="630" y="821"/>
                    </a:lnTo>
                    <a:lnTo>
                      <a:pt x="631" y="816"/>
                    </a:lnTo>
                    <a:lnTo>
                      <a:pt x="631" y="815"/>
                    </a:lnTo>
                    <a:lnTo>
                      <a:pt x="628" y="819"/>
                    </a:lnTo>
                    <a:lnTo>
                      <a:pt x="622" y="822"/>
                    </a:lnTo>
                    <a:lnTo>
                      <a:pt x="616" y="826"/>
                    </a:lnTo>
                    <a:lnTo>
                      <a:pt x="613" y="828"/>
                    </a:lnTo>
                    <a:lnTo>
                      <a:pt x="610" y="829"/>
                    </a:lnTo>
                    <a:lnTo>
                      <a:pt x="606" y="829"/>
                    </a:lnTo>
                    <a:lnTo>
                      <a:pt x="601" y="829"/>
                    </a:lnTo>
                    <a:lnTo>
                      <a:pt x="603" y="826"/>
                    </a:lnTo>
                    <a:lnTo>
                      <a:pt x="605" y="823"/>
                    </a:lnTo>
                    <a:lnTo>
                      <a:pt x="607" y="820"/>
                    </a:lnTo>
                    <a:lnTo>
                      <a:pt x="610" y="818"/>
                    </a:lnTo>
                    <a:lnTo>
                      <a:pt x="613" y="815"/>
                    </a:lnTo>
                    <a:lnTo>
                      <a:pt x="616" y="814"/>
                    </a:lnTo>
                    <a:lnTo>
                      <a:pt x="621" y="813"/>
                    </a:lnTo>
                    <a:lnTo>
                      <a:pt x="626" y="813"/>
                    </a:lnTo>
                    <a:lnTo>
                      <a:pt x="625" y="810"/>
                    </a:lnTo>
                    <a:lnTo>
                      <a:pt x="622" y="807"/>
                    </a:lnTo>
                    <a:lnTo>
                      <a:pt x="620" y="804"/>
                    </a:lnTo>
                    <a:lnTo>
                      <a:pt x="617" y="802"/>
                    </a:lnTo>
                    <a:lnTo>
                      <a:pt x="614" y="800"/>
                    </a:lnTo>
                    <a:lnTo>
                      <a:pt x="611" y="799"/>
                    </a:lnTo>
                    <a:lnTo>
                      <a:pt x="607" y="797"/>
                    </a:lnTo>
                    <a:lnTo>
                      <a:pt x="601" y="797"/>
                    </a:lnTo>
                    <a:lnTo>
                      <a:pt x="589" y="788"/>
                    </a:lnTo>
                    <a:lnTo>
                      <a:pt x="575" y="777"/>
                    </a:lnTo>
                    <a:lnTo>
                      <a:pt x="572" y="775"/>
                    </a:lnTo>
                    <a:lnTo>
                      <a:pt x="569" y="774"/>
                    </a:lnTo>
                    <a:lnTo>
                      <a:pt x="566" y="773"/>
                    </a:lnTo>
                    <a:lnTo>
                      <a:pt x="562" y="774"/>
                    </a:lnTo>
                    <a:lnTo>
                      <a:pt x="560" y="776"/>
                    </a:lnTo>
                    <a:lnTo>
                      <a:pt x="557" y="779"/>
                    </a:lnTo>
                    <a:lnTo>
                      <a:pt x="555" y="783"/>
                    </a:lnTo>
                    <a:lnTo>
                      <a:pt x="553" y="789"/>
                    </a:lnTo>
                    <a:lnTo>
                      <a:pt x="566" y="792"/>
                    </a:lnTo>
                    <a:lnTo>
                      <a:pt x="578" y="794"/>
                    </a:lnTo>
                    <a:lnTo>
                      <a:pt x="581" y="796"/>
                    </a:lnTo>
                    <a:lnTo>
                      <a:pt x="583" y="797"/>
                    </a:lnTo>
                    <a:lnTo>
                      <a:pt x="586" y="800"/>
                    </a:lnTo>
                    <a:lnTo>
                      <a:pt x="588" y="802"/>
                    </a:lnTo>
                    <a:lnTo>
                      <a:pt x="590" y="806"/>
                    </a:lnTo>
                    <a:lnTo>
                      <a:pt x="592" y="810"/>
                    </a:lnTo>
                    <a:lnTo>
                      <a:pt x="593" y="815"/>
                    </a:lnTo>
                    <a:lnTo>
                      <a:pt x="593" y="822"/>
                    </a:lnTo>
                    <a:lnTo>
                      <a:pt x="593" y="825"/>
                    </a:lnTo>
                    <a:lnTo>
                      <a:pt x="592" y="828"/>
                    </a:lnTo>
                    <a:lnTo>
                      <a:pt x="591" y="829"/>
                    </a:lnTo>
                    <a:lnTo>
                      <a:pt x="589" y="829"/>
                    </a:lnTo>
                    <a:lnTo>
                      <a:pt x="587" y="828"/>
                    </a:lnTo>
                    <a:lnTo>
                      <a:pt x="583" y="825"/>
                    </a:lnTo>
                    <a:lnTo>
                      <a:pt x="580" y="821"/>
                    </a:lnTo>
                    <a:lnTo>
                      <a:pt x="577" y="816"/>
                    </a:lnTo>
                    <a:lnTo>
                      <a:pt x="575" y="814"/>
                    </a:lnTo>
                    <a:lnTo>
                      <a:pt x="573" y="813"/>
                    </a:lnTo>
                    <a:lnTo>
                      <a:pt x="571" y="813"/>
                    </a:lnTo>
                    <a:lnTo>
                      <a:pt x="569" y="813"/>
                    </a:lnTo>
                    <a:lnTo>
                      <a:pt x="573" y="822"/>
                    </a:lnTo>
                    <a:lnTo>
                      <a:pt x="581" y="831"/>
                    </a:lnTo>
                    <a:lnTo>
                      <a:pt x="586" y="834"/>
                    </a:lnTo>
                    <a:lnTo>
                      <a:pt x="589" y="836"/>
                    </a:lnTo>
                    <a:lnTo>
                      <a:pt x="591" y="835"/>
                    </a:lnTo>
                    <a:lnTo>
                      <a:pt x="592" y="834"/>
                    </a:lnTo>
                    <a:lnTo>
                      <a:pt x="593" y="832"/>
                    </a:lnTo>
                    <a:lnTo>
                      <a:pt x="593" y="829"/>
                    </a:lnTo>
                    <a:lnTo>
                      <a:pt x="596" y="830"/>
                    </a:lnTo>
                    <a:lnTo>
                      <a:pt x="598" y="830"/>
                    </a:lnTo>
                    <a:lnTo>
                      <a:pt x="600" y="831"/>
                    </a:lnTo>
                    <a:lnTo>
                      <a:pt x="600" y="833"/>
                    </a:lnTo>
                    <a:lnTo>
                      <a:pt x="600" y="836"/>
                    </a:lnTo>
                    <a:lnTo>
                      <a:pt x="597" y="840"/>
                    </a:lnTo>
                    <a:lnTo>
                      <a:pt x="593" y="844"/>
                    </a:lnTo>
                    <a:lnTo>
                      <a:pt x="588" y="846"/>
                    </a:lnTo>
                    <a:lnTo>
                      <a:pt x="582" y="847"/>
                    </a:lnTo>
                    <a:lnTo>
                      <a:pt x="577" y="846"/>
                    </a:lnTo>
                    <a:lnTo>
                      <a:pt x="576" y="844"/>
                    </a:lnTo>
                    <a:lnTo>
                      <a:pt x="575" y="843"/>
                    </a:lnTo>
                    <a:lnTo>
                      <a:pt x="573" y="842"/>
                    </a:lnTo>
                    <a:lnTo>
                      <a:pt x="571" y="842"/>
                    </a:lnTo>
                    <a:lnTo>
                      <a:pt x="565" y="842"/>
                    </a:lnTo>
                    <a:lnTo>
                      <a:pt x="557" y="844"/>
                    </a:lnTo>
                    <a:lnTo>
                      <a:pt x="548" y="846"/>
                    </a:lnTo>
                    <a:lnTo>
                      <a:pt x="538" y="848"/>
                    </a:lnTo>
                    <a:lnTo>
                      <a:pt x="534" y="848"/>
                    </a:lnTo>
                    <a:lnTo>
                      <a:pt x="529" y="848"/>
                    </a:lnTo>
                    <a:lnTo>
                      <a:pt x="525" y="847"/>
                    </a:lnTo>
                    <a:lnTo>
                      <a:pt x="520" y="846"/>
                    </a:lnTo>
                    <a:lnTo>
                      <a:pt x="522" y="840"/>
                    </a:lnTo>
                    <a:lnTo>
                      <a:pt x="522" y="834"/>
                    </a:lnTo>
                    <a:lnTo>
                      <a:pt x="522" y="830"/>
                    </a:lnTo>
                    <a:lnTo>
                      <a:pt x="521" y="826"/>
                    </a:lnTo>
                    <a:lnTo>
                      <a:pt x="518" y="820"/>
                    </a:lnTo>
                    <a:lnTo>
                      <a:pt x="513" y="815"/>
                    </a:lnTo>
                    <a:lnTo>
                      <a:pt x="509" y="811"/>
                    </a:lnTo>
                    <a:lnTo>
                      <a:pt x="507" y="808"/>
                    </a:lnTo>
                    <a:lnTo>
                      <a:pt x="507" y="806"/>
                    </a:lnTo>
                    <a:lnTo>
                      <a:pt x="508" y="803"/>
                    </a:lnTo>
                    <a:lnTo>
                      <a:pt x="509" y="801"/>
                    </a:lnTo>
                    <a:lnTo>
                      <a:pt x="512" y="797"/>
                    </a:lnTo>
                    <a:lnTo>
                      <a:pt x="503" y="797"/>
                    </a:lnTo>
                    <a:lnTo>
                      <a:pt x="496" y="797"/>
                    </a:lnTo>
                    <a:lnTo>
                      <a:pt x="488" y="799"/>
                    </a:lnTo>
                    <a:lnTo>
                      <a:pt x="480" y="802"/>
                    </a:lnTo>
                    <a:lnTo>
                      <a:pt x="474" y="806"/>
                    </a:lnTo>
                    <a:lnTo>
                      <a:pt x="469" y="810"/>
                    </a:lnTo>
                    <a:lnTo>
                      <a:pt x="458" y="821"/>
                    </a:lnTo>
                    <a:lnTo>
                      <a:pt x="447" y="829"/>
                    </a:lnTo>
                    <a:lnTo>
                      <a:pt x="452" y="830"/>
                    </a:lnTo>
                    <a:lnTo>
                      <a:pt x="456" y="829"/>
                    </a:lnTo>
                    <a:lnTo>
                      <a:pt x="460" y="828"/>
                    </a:lnTo>
                    <a:lnTo>
                      <a:pt x="463" y="826"/>
                    </a:lnTo>
                    <a:lnTo>
                      <a:pt x="466" y="825"/>
                    </a:lnTo>
                    <a:lnTo>
                      <a:pt x="468" y="825"/>
                    </a:lnTo>
                    <a:lnTo>
                      <a:pt x="470" y="826"/>
                    </a:lnTo>
                    <a:lnTo>
                      <a:pt x="472" y="829"/>
                    </a:lnTo>
                    <a:lnTo>
                      <a:pt x="470" y="836"/>
                    </a:lnTo>
                    <a:lnTo>
                      <a:pt x="467" y="841"/>
                    </a:lnTo>
                    <a:lnTo>
                      <a:pt x="464" y="843"/>
                    </a:lnTo>
                    <a:lnTo>
                      <a:pt x="463" y="846"/>
                    </a:lnTo>
                    <a:lnTo>
                      <a:pt x="463" y="849"/>
                    </a:lnTo>
                    <a:lnTo>
                      <a:pt x="463" y="854"/>
                    </a:lnTo>
                    <a:lnTo>
                      <a:pt x="463" y="856"/>
                    </a:lnTo>
                    <a:lnTo>
                      <a:pt x="463" y="859"/>
                    </a:lnTo>
                    <a:lnTo>
                      <a:pt x="462" y="860"/>
                    </a:lnTo>
                    <a:lnTo>
                      <a:pt x="460" y="862"/>
                    </a:lnTo>
                    <a:lnTo>
                      <a:pt x="454" y="863"/>
                    </a:lnTo>
                    <a:lnTo>
                      <a:pt x="447" y="864"/>
                    </a:lnTo>
                    <a:lnTo>
                      <a:pt x="440" y="863"/>
                    </a:lnTo>
                    <a:lnTo>
                      <a:pt x="434" y="862"/>
                    </a:lnTo>
                    <a:lnTo>
                      <a:pt x="432" y="860"/>
                    </a:lnTo>
                    <a:lnTo>
                      <a:pt x="431" y="859"/>
                    </a:lnTo>
                    <a:lnTo>
                      <a:pt x="430" y="856"/>
                    </a:lnTo>
                    <a:lnTo>
                      <a:pt x="431" y="854"/>
                    </a:lnTo>
                    <a:lnTo>
                      <a:pt x="434" y="853"/>
                    </a:lnTo>
                    <a:lnTo>
                      <a:pt x="436" y="852"/>
                    </a:lnTo>
                    <a:lnTo>
                      <a:pt x="437" y="851"/>
                    </a:lnTo>
                    <a:lnTo>
                      <a:pt x="437" y="849"/>
                    </a:lnTo>
                    <a:lnTo>
                      <a:pt x="436" y="846"/>
                    </a:lnTo>
                    <a:lnTo>
                      <a:pt x="433" y="842"/>
                    </a:lnTo>
                    <a:lnTo>
                      <a:pt x="422" y="834"/>
                    </a:lnTo>
                    <a:lnTo>
                      <a:pt x="415" y="829"/>
                    </a:lnTo>
                    <a:lnTo>
                      <a:pt x="415" y="818"/>
                    </a:lnTo>
                    <a:lnTo>
                      <a:pt x="415" y="805"/>
                    </a:lnTo>
                    <a:lnTo>
                      <a:pt x="410" y="808"/>
                    </a:lnTo>
                    <a:lnTo>
                      <a:pt x="406" y="810"/>
                    </a:lnTo>
                    <a:lnTo>
                      <a:pt x="400" y="811"/>
                    </a:lnTo>
                    <a:lnTo>
                      <a:pt x="395" y="812"/>
                    </a:lnTo>
                    <a:lnTo>
                      <a:pt x="386" y="812"/>
                    </a:lnTo>
                    <a:lnTo>
                      <a:pt x="376" y="813"/>
                    </a:lnTo>
                    <a:lnTo>
                      <a:pt x="372" y="813"/>
                    </a:lnTo>
                    <a:lnTo>
                      <a:pt x="369" y="815"/>
                    </a:lnTo>
                    <a:lnTo>
                      <a:pt x="367" y="818"/>
                    </a:lnTo>
                    <a:lnTo>
                      <a:pt x="364" y="821"/>
                    </a:lnTo>
                    <a:lnTo>
                      <a:pt x="363" y="825"/>
                    </a:lnTo>
                    <a:lnTo>
                      <a:pt x="363" y="830"/>
                    </a:lnTo>
                    <a:lnTo>
                      <a:pt x="363" y="838"/>
                    </a:lnTo>
                    <a:lnTo>
                      <a:pt x="366" y="846"/>
                    </a:lnTo>
                    <a:lnTo>
                      <a:pt x="357" y="846"/>
                    </a:lnTo>
                    <a:lnTo>
                      <a:pt x="350" y="846"/>
                    </a:lnTo>
                    <a:lnTo>
                      <a:pt x="347" y="847"/>
                    </a:lnTo>
                    <a:lnTo>
                      <a:pt x="344" y="849"/>
                    </a:lnTo>
                    <a:lnTo>
                      <a:pt x="342" y="851"/>
                    </a:lnTo>
                    <a:lnTo>
                      <a:pt x="341" y="854"/>
                    </a:lnTo>
                    <a:lnTo>
                      <a:pt x="318" y="843"/>
                    </a:lnTo>
                    <a:lnTo>
                      <a:pt x="293" y="833"/>
                    </a:lnTo>
                    <a:lnTo>
                      <a:pt x="268" y="824"/>
                    </a:lnTo>
                    <a:lnTo>
                      <a:pt x="243" y="813"/>
                    </a:lnTo>
                    <a:lnTo>
                      <a:pt x="240" y="799"/>
                    </a:lnTo>
                    <a:lnTo>
                      <a:pt x="236" y="784"/>
                    </a:lnTo>
                    <a:lnTo>
                      <a:pt x="236" y="776"/>
                    </a:lnTo>
                    <a:lnTo>
                      <a:pt x="236" y="769"/>
                    </a:lnTo>
                    <a:lnTo>
                      <a:pt x="237" y="766"/>
                    </a:lnTo>
                    <a:lnTo>
                      <a:pt x="239" y="763"/>
                    </a:lnTo>
                    <a:lnTo>
                      <a:pt x="241" y="760"/>
                    </a:lnTo>
                    <a:lnTo>
                      <a:pt x="243" y="756"/>
                    </a:lnTo>
                    <a:lnTo>
                      <a:pt x="248" y="755"/>
                    </a:lnTo>
                    <a:lnTo>
                      <a:pt x="250" y="754"/>
                    </a:lnTo>
                    <a:lnTo>
                      <a:pt x="250" y="751"/>
                    </a:lnTo>
                    <a:lnTo>
                      <a:pt x="250" y="749"/>
                    </a:lnTo>
                    <a:lnTo>
                      <a:pt x="245" y="743"/>
                    </a:lnTo>
                    <a:lnTo>
                      <a:pt x="241" y="734"/>
                    </a:lnTo>
                    <a:lnTo>
                      <a:pt x="237" y="727"/>
                    </a:lnTo>
                    <a:lnTo>
                      <a:pt x="234" y="720"/>
                    </a:lnTo>
                    <a:lnTo>
                      <a:pt x="235" y="715"/>
                    </a:lnTo>
                    <a:lnTo>
                      <a:pt x="236" y="712"/>
                    </a:lnTo>
                    <a:lnTo>
                      <a:pt x="239" y="710"/>
                    </a:lnTo>
                    <a:lnTo>
                      <a:pt x="243" y="708"/>
                    </a:lnTo>
                    <a:lnTo>
                      <a:pt x="252" y="709"/>
                    </a:lnTo>
                    <a:lnTo>
                      <a:pt x="259" y="712"/>
                    </a:lnTo>
                    <a:lnTo>
                      <a:pt x="265" y="715"/>
                    </a:lnTo>
                    <a:lnTo>
                      <a:pt x="271" y="719"/>
                    </a:lnTo>
                    <a:lnTo>
                      <a:pt x="274" y="720"/>
                    </a:lnTo>
                    <a:lnTo>
                      <a:pt x="277" y="720"/>
                    </a:lnTo>
                    <a:lnTo>
                      <a:pt x="280" y="720"/>
                    </a:lnTo>
                    <a:lnTo>
                      <a:pt x="284" y="720"/>
                    </a:lnTo>
                    <a:lnTo>
                      <a:pt x="288" y="717"/>
                    </a:lnTo>
                    <a:lnTo>
                      <a:pt x="292" y="715"/>
                    </a:lnTo>
                    <a:lnTo>
                      <a:pt x="296" y="712"/>
                    </a:lnTo>
                    <a:lnTo>
                      <a:pt x="300" y="708"/>
                    </a:lnTo>
                    <a:lnTo>
                      <a:pt x="301" y="712"/>
                    </a:lnTo>
                    <a:lnTo>
                      <a:pt x="300" y="716"/>
                    </a:lnTo>
                    <a:lnTo>
                      <a:pt x="299" y="721"/>
                    </a:lnTo>
                    <a:lnTo>
                      <a:pt x="297" y="724"/>
                    </a:lnTo>
                    <a:lnTo>
                      <a:pt x="296" y="727"/>
                    </a:lnTo>
                    <a:lnTo>
                      <a:pt x="296" y="729"/>
                    </a:lnTo>
                    <a:lnTo>
                      <a:pt x="297" y="730"/>
                    </a:lnTo>
                    <a:lnTo>
                      <a:pt x="300" y="732"/>
                    </a:lnTo>
                    <a:lnTo>
                      <a:pt x="303" y="729"/>
                    </a:lnTo>
                    <a:lnTo>
                      <a:pt x="305" y="724"/>
                    </a:lnTo>
                    <a:lnTo>
                      <a:pt x="308" y="717"/>
                    </a:lnTo>
                    <a:lnTo>
                      <a:pt x="310" y="711"/>
                    </a:lnTo>
                    <a:lnTo>
                      <a:pt x="311" y="704"/>
                    </a:lnTo>
                    <a:lnTo>
                      <a:pt x="310" y="697"/>
                    </a:lnTo>
                    <a:lnTo>
                      <a:pt x="309" y="695"/>
                    </a:lnTo>
                    <a:lnTo>
                      <a:pt x="307" y="693"/>
                    </a:lnTo>
                    <a:lnTo>
                      <a:pt x="304" y="692"/>
                    </a:lnTo>
                    <a:lnTo>
                      <a:pt x="300" y="691"/>
                    </a:lnTo>
                    <a:lnTo>
                      <a:pt x="297" y="700"/>
                    </a:lnTo>
                    <a:lnTo>
                      <a:pt x="291" y="706"/>
                    </a:lnTo>
                    <a:lnTo>
                      <a:pt x="284" y="712"/>
                    </a:lnTo>
                    <a:lnTo>
                      <a:pt x="276" y="715"/>
                    </a:lnTo>
                    <a:lnTo>
                      <a:pt x="277" y="712"/>
                    </a:lnTo>
                    <a:lnTo>
                      <a:pt x="276" y="709"/>
                    </a:lnTo>
                    <a:lnTo>
                      <a:pt x="275" y="707"/>
                    </a:lnTo>
                    <a:lnTo>
                      <a:pt x="273" y="705"/>
                    </a:lnTo>
                    <a:lnTo>
                      <a:pt x="269" y="703"/>
                    </a:lnTo>
                    <a:lnTo>
                      <a:pt x="262" y="702"/>
                    </a:lnTo>
                    <a:lnTo>
                      <a:pt x="256" y="701"/>
                    </a:lnTo>
                    <a:lnTo>
                      <a:pt x="251" y="700"/>
                    </a:lnTo>
                    <a:lnTo>
                      <a:pt x="248" y="697"/>
                    </a:lnTo>
                    <a:lnTo>
                      <a:pt x="247" y="696"/>
                    </a:lnTo>
                    <a:lnTo>
                      <a:pt x="244" y="694"/>
                    </a:lnTo>
                    <a:lnTo>
                      <a:pt x="243" y="691"/>
                    </a:lnTo>
                    <a:lnTo>
                      <a:pt x="243" y="682"/>
                    </a:lnTo>
                    <a:lnTo>
                      <a:pt x="243" y="671"/>
                    </a:lnTo>
                    <a:lnTo>
                      <a:pt x="242" y="667"/>
                    </a:lnTo>
                    <a:lnTo>
                      <a:pt x="241" y="664"/>
                    </a:lnTo>
                    <a:lnTo>
                      <a:pt x="239" y="661"/>
                    </a:lnTo>
                    <a:lnTo>
                      <a:pt x="236" y="659"/>
                    </a:lnTo>
                    <a:lnTo>
                      <a:pt x="231" y="653"/>
                    </a:lnTo>
                    <a:lnTo>
                      <a:pt x="228" y="647"/>
                    </a:lnTo>
                    <a:lnTo>
                      <a:pt x="224" y="641"/>
                    </a:lnTo>
                    <a:lnTo>
                      <a:pt x="222" y="632"/>
                    </a:lnTo>
                    <a:lnTo>
                      <a:pt x="220" y="624"/>
                    </a:lnTo>
                    <a:lnTo>
                      <a:pt x="219" y="614"/>
                    </a:lnTo>
                    <a:lnTo>
                      <a:pt x="219" y="605"/>
                    </a:lnTo>
                    <a:lnTo>
                      <a:pt x="219" y="594"/>
                    </a:lnTo>
                    <a:lnTo>
                      <a:pt x="200" y="587"/>
                    </a:lnTo>
                    <a:lnTo>
                      <a:pt x="183" y="580"/>
                    </a:lnTo>
                    <a:lnTo>
                      <a:pt x="166" y="572"/>
                    </a:lnTo>
                    <a:lnTo>
                      <a:pt x="152" y="563"/>
                    </a:lnTo>
                    <a:lnTo>
                      <a:pt x="137" y="553"/>
                    </a:lnTo>
                    <a:lnTo>
                      <a:pt x="123" y="543"/>
                    </a:lnTo>
                    <a:lnTo>
                      <a:pt x="111" y="532"/>
                    </a:lnTo>
                    <a:lnTo>
                      <a:pt x="98" y="522"/>
                    </a:lnTo>
                    <a:lnTo>
                      <a:pt x="75" y="499"/>
                    </a:lnTo>
                    <a:lnTo>
                      <a:pt x="52" y="478"/>
                    </a:lnTo>
                    <a:lnTo>
                      <a:pt x="39" y="468"/>
                    </a:lnTo>
                    <a:lnTo>
                      <a:pt x="26" y="457"/>
                    </a:lnTo>
                    <a:lnTo>
                      <a:pt x="14" y="448"/>
                    </a:lnTo>
                    <a:lnTo>
                      <a:pt x="0" y="439"/>
                    </a:lnTo>
                    <a:lnTo>
                      <a:pt x="1" y="430"/>
                    </a:lnTo>
                    <a:lnTo>
                      <a:pt x="2" y="421"/>
                    </a:lnTo>
                    <a:lnTo>
                      <a:pt x="5" y="413"/>
                    </a:lnTo>
                    <a:lnTo>
                      <a:pt x="7" y="406"/>
                    </a:lnTo>
                    <a:lnTo>
                      <a:pt x="12" y="399"/>
                    </a:lnTo>
                    <a:lnTo>
                      <a:pt x="16" y="394"/>
                    </a:lnTo>
                    <a:lnTo>
                      <a:pt x="20" y="389"/>
                    </a:lnTo>
                    <a:lnTo>
                      <a:pt x="25" y="385"/>
                    </a:lnTo>
                    <a:lnTo>
                      <a:pt x="36" y="378"/>
                    </a:lnTo>
                    <a:lnTo>
                      <a:pt x="49" y="373"/>
                    </a:lnTo>
                    <a:lnTo>
                      <a:pt x="62" y="369"/>
                    </a:lnTo>
                    <a:lnTo>
                      <a:pt x="77" y="366"/>
                    </a:lnTo>
                    <a:lnTo>
                      <a:pt x="92" y="363"/>
                    </a:lnTo>
                    <a:lnTo>
                      <a:pt x="106" y="359"/>
                    </a:lnTo>
                    <a:lnTo>
                      <a:pt x="120" y="354"/>
                    </a:lnTo>
                    <a:lnTo>
                      <a:pt x="135" y="349"/>
                    </a:lnTo>
                    <a:lnTo>
                      <a:pt x="141" y="345"/>
                    </a:lnTo>
                    <a:lnTo>
                      <a:pt x="148" y="342"/>
                    </a:lnTo>
                    <a:lnTo>
                      <a:pt x="154" y="336"/>
                    </a:lnTo>
                    <a:lnTo>
                      <a:pt x="160" y="331"/>
                    </a:lnTo>
                    <a:lnTo>
                      <a:pt x="165" y="325"/>
                    </a:lnTo>
                    <a:lnTo>
                      <a:pt x="170" y="317"/>
                    </a:lnTo>
                    <a:lnTo>
                      <a:pt x="175" y="310"/>
                    </a:lnTo>
                    <a:lnTo>
                      <a:pt x="179" y="302"/>
                    </a:lnTo>
                    <a:lnTo>
                      <a:pt x="180" y="294"/>
                    </a:lnTo>
                    <a:lnTo>
                      <a:pt x="179" y="289"/>
                    </a:lnTo>
                    <a:lnTo>
                      <a:pt x="178" y="284"/>
                    </a:lnTo>
                    <a:lnTo>
                      <a:pt x="175" y="278"/>
                    </a:lnTo>
                    <a:lnTo>
                      <a:pt x="168" y="270"/>
                    </a:lnTo>
                    <a:lnTo>
                      <a:pt x="158" y="263"/>
                    </a:lnTo>
                    <a:lnTo>
                      <a:pt x="155" y="259"/>
                    </a:lnTo>
                    <a:lnTo>
                      <a:pt x="151" y="255"/>
                    </a:lnTo>
                    <a:lnTo>
                      <a:pt x="149" y="252"/>
                    </a:lnTo>
                    <a:lnTo>
                      <a:pt x="146" y="248"/>
                    </a:lnTo>
                    <a:lnTo>
                      <a:pt x="145" y="244"/>
                    </a:lnTo>
                    <a:lnTo>
                      <a:pt x="146" y="239"/>
                    </a:lnTo>
                    <a:lnTo>
                      <a:pt x="150" y="234"/>
                    </a:lnTo>
                    <a:lnTo>
                      <a:pt x="155" y="228"/>
                    </a:lnTo>
                    <a:lnTo>
                      <a:pt x="156" y="230"/>
                    </a:lnTo>
                    <a:lnTo>
                      <a:pt x="158" y="230"/>
                    </a:lnTo>
                    <a:lnTo>
                      <a:pt x="159" y="229"/>
                    </a:lnTo>
                    <a:lnTo>
                      <a:pt x="161" y="227"/>
                    </a:lnTo>
                    <a:lnTo>
                      <a:pt x="164" y="219"/>
                    </a:lnTo>
                    <a:lnTo>
                      <a:pt x="166" y="210"/>
                    </a:lnTo>
                    <a:lnTo>
                      <a:pt x="169" y="198"/>
                    </a:lnTo>
                    <a:lnTo>
                      <a:pt x="171" y="186"/>
                    </a:lnTo>
                    <a:lnTo>
                      <a:pt x="171" y="173"/>
                    </a:lnTo>
                    <a:lnTo>
                      <a:pt x="171" y="164"/>
                    </a:lnTo>
                    <a:lnTo>
                      <a:pt x="170" y="159"/>
                    </a:lnTo>
                    <a:lnTo>
                      <a:pt x="168" y="158"/>
                    </a:lnTo>
                    <a:lnTo>
                      <a:pt x="166" y="158"/>
                    </a:lnTo>
                    <a:lnTo>
                      <a:pt x="164" y="159"/>
                    </a:lnTo>
                    <a:lnTo>
                      <a:pt x="160" y="161"/>
                    </a:lnTo>
                    <a:lnTo>
                      <a:pt x="155" y="164"/>
                    </a:lnTo>
                    <a:lnTo>
                      <a:pt x="155" y="158"/>
                    </a:lnTo>
                    <a:lnTo>
                      <a:pt x="154" y="154"/>
                    </a:lnTo>
                    <a:lnTo>
                      <a:pt x="153" y="150"/>
                    </a:lnTo>
                    <a:lnTo>
                      <a:pt x="151" y="147"/>
                    </a:lnTo>
                    <a:lnTo>
                      <a:pt x="149" y="144"/>
                    </a:lnTo>
                    <a:lnTo>
                      <a:pt x="148" y="139"/>
                    </a:lnTo>
                    <a:lnTo>
                      <a:pt x="146" y="135"/>
                    </a:lnTo>
                    <a:lnTo>
                      <a:pt x="146" y="131"/>
                    </a:lnTo>
                    <a:lnTo>
                      <a:pt x="154" y="132"/>
                    </a:lnTo>
                    <a:lnTo>
                      <a:pt x="161" y="132"/>
                    </a:lnTo>
                    <a:lnTo>
                      <a:pt x="168" y="132"/>
                    </a:lnTo>
                    <a:lnTo>
                      <a:pt x="174" y="132"/>
                    </a:lnTo>
                    <a:lnTo>
                      <a:pt x="184" y="129"/>
                    </a:lnTo>
                    <a:lnTo>
                      <a:pt x="194" y="126"/>
                    </a:lnTo>
                    <a:lnTo>
                      <a:pt x="211" y="115"/>
                    </a:lnTo>
                    <a:lnTo>
                      <a:pt x="228" y="107"/>
                    </a:lnTo>
                    <a:lnTo>
                      <a:pt x="234" y="114"/>
                    </a:lnTo>
                    <a:lnTo>
                      <a:pt x="241" y="120"/>
                    </a:lnTo>
                    <a:lnTo>
                      <a:pt x="249" y="125"/>
                    </a:lnTo>
                    <a:lnTo>
                      <a:pt x="257" y="128"/>
                    </a:lnTo>
                    <a:lnTo>
                      <a:pt x="264" y="129"/>
                    </a:lnTo>
                    <a:lnTo>
                      <a:pt x="273" y="129"/>
                    </a:lnTo>
                    <a:lnTo>
                      <a:pt x="281" y="128"/>
                    </a:lnTo>
                    <a:lnTo>
                      <a:pt x="290" y="125"/>
                    </a:lnTo>
                    <a:lnTo>
                      <a:pt x="305" y="117"/>
                    </a:lnTo>
                    <a:lnTo>
                      <a:pt x="321" y="109"/>
                    </a:lnTo>
                    <a:lnTo>
                      <a:pt x="336" y="99"/>
                    </a:lnTo>
                    <a:lnTo>
                      <a:pt x="350" y="90"/>
                    </a:lnTo>
                    <a:lnTo>
                      <a:pt x="352" y="104"/>
                    </a:lnTo>
                    <a:lnTo>
                      <a:pt x="356" y="116"/>
                    </a:lnTo>
                    <a:lnTo>
                      <a:pt x="361" y="128"/>
                    </a:lnTo>
                    <a:lnTo>
                      <a:pt x="366" y="138"/>
                    </a:lnTo>
                    <a:lnTo>
                      <a:pt x="374" y="137"/>
                    </a:lnTo>
                    <a:lnTo>
                      <a:pt x="382" y="136"/>
                    </a:lnTo>
                    <a:lnTo>
                      <a:pt x="390" y="134"/>
                    </a:lnTo>
                    <a:lnTo>
                      <a:pt x="397" y="132"/>
                    </a:lnTo>
                    <a:lnTo>
                      <a:pt x="403" y="129"/>
                    </a:lnTo>
                    <a:lnTo>
                      <a:pt x="410" y="126"/>
                    </a:lnTo>
                    <a:lnTo>
                      <a:pt x="416" y="121"/>
                    </a:lnTo>
                    <a:lnTo>
                      <a:pt x="421" y="117"/>
                    </a:lnTo>
                    <a:lnTo>
                      <a:pt x="432" y="108"/>
                    </a:lnTo>
                    <a:lnTo>
                      <a:pt x="440" y="97"/>
                    </a:lnTo>
                    <a:lnTo>
                      <a:pt x="449" y="87"/>
                    </a:lnTo>
                    <a:lnTo>
                      <a:pt x="457" y="75"/>
                    </a:lnTo>
                    <a:lnTo>
                      <a:pt x="473" y="52"/>
                    </a:lnTo>
                    <a:lnTo>
                      <a:pt x="490" y="31"/>
                    </a:lnTo>
                    <a:lnTo>
                      <a:pt x="499" y="21"/>
                    </a:lnTo>
                    <a:lnTo>
                      <a:pt x="510" y="13"/>
                    </a:lnTo>
                    <a:lnTo>
                      <a:pt x="516" y="9"/>
                    </a:lnTo>
                    <a:lnTo>
                      <a:pt x="522" y="6"/>
                    </a:lnTo>
                    <a:lnTo>
                      <a:pt x="529" y="2"/>
                    </a:lnTo>
                    <a:lnTo>
                      <a:pt x="536" y="0"/>
                    </a:lnTo>
                    <a:lnTo>
                      <a:pt x="541" y="0"/>
                    </a:lnTo>
                    <a:lnTo>
                      <a:pt x="546" y="1"/>
                    </a:lnTo>
                    <a:lnTo>
                      <a:pt x="550" y="2"/>
                    </a:lnTo>
                    <a:lnTo>
                      <a:pt x="553" y="5"/>
                    </a:lnTo>
                    <a:lnTo>
                      <a:pt x="558" y="10"/>
                    </a:lnTo>
                    <a:lnTo>
                      <a:pt x="561" y="16"/>
                    </a:lnTo>
                    <a:lnTo>
                      <a:pt x="566" y="22"/>
                    </a:lnTo>
                    <a:lnTo>
                      <a:pt x="569" y="30"/>
                    </a:lnTo>
                    <a:lnTo>
                      <a:pt x="572" y="36"/>
                    </a:lnTo>
                    <a:lnTo>
                      <a:pt x="577" y="41"/>
                    </a:lnTo>
                    <a:lnTo>
                      <a:pt x="573" y="46"/>
                    </a:lnTo>
                    <a:lnTo>
                      <a:pt x="568" y="48"/>
                    </a:lnTo>
                    <a:lnTo>
                      <a:pt x="562" y="51"/>
                    </a:lnTo>
                    <a:lnTo>
                      <a:pt x="557" y="53"/>
                    </a:lnTo>
                    <a:lnTo>
                      <a:pt x="552" y="56"/>
                    </a:lnTo>
                    <a:lnTo>
                      <a:pt x="548" y="60"/>
                    </a:lnTo>
                    <a:lnTo>
                      <a:pt x="547" y="64"/>
                    </a:lnTo>
                    <a:lnTo>
                      <a:pt x="546" y="67"/>
                    </a:lnTo>
                    <a:lnTo>
                      <a:pt x="545" y="70"/>
                    </a:lnTo>
                    <a:lnTo>
                      <a:pt x="545" y="74"/>
                    </a:lnTo>
                    <a:lnTo>
                      <a:pt x="558" y="84"/>
                    </a:lnTo>
                    <a:lnTo>
                      <a:pt x="570" y="93"/>
                    </a:lnTo>
                    <a:lnTo>
                      <a:pt x="579" y="103"/>
                    </a:lnTo>
                    <a:lnTo>
                      <a:pt x="588" y="112"/>
                    </a:lnTo>
                    <a:lnTo>
                      <a:pt x="594" y="123"/>
                    </a:lnTo>
                    <a:lnTo>
                      <a:pt x="600" y="133"/>
                    </a:lnTo>
                    <a:lnTo>
                      <a:pt x="605" y="144"/>
                    </a:lnTo>
                    <a:lnTo>
                      <a:pt x="609" y="155"/>
                    </a:lnTo>
                    <a:lnTo>
                      <a:pt x="614" y="179"/>
                    </a:lnTo>
                    <a:lnTo>
                      <a:pt x="617" y="206"/>
                    </a:lnTo>
                    <a:lnTo>
                      <a:pt x="621" y="235"/>
                    </a:lnTo>
                    <a:lnTo>
                      <a:pt x="626" y="269"/>
                    </a:lnTo>
                    <a:lnTo>
                      <a:pt x="615" y="268"/>
                    </a:lnTo>
                    <a:lnTo>
                      <a:pt x="605" y="268"/>
                    </a:lnTo>
                    <a:lnTo>
                      <a:pt x="596" y="269"/>
                    </a:lnTo>
                    <a:lnTo>
                      <a:pt x="588" y="272"/>
                    </a:lnTo>
                    <a:lnTo>
                      <a:pt x="581" y="275"/>
                    </a:lnTo>
                    <a:lnTo>
                      <a:pt x="576" y="280"/>
                    </a:lnTo>
                    <a:lnTo>
                      <a:pt x="572" y="286"/>
                    </a:lnTo>
                    <a:lnTo>
                      <a:pt x="569" y="293"/>
                    </a:lnTo>
                    <a:lnTo>
                      <a:pt x="575" y="296"/>
                    </a:lnTo>
                    <a:lnTo>
                      <a:pt x="581" y="300"/>
                    </a:lnTo>
                    <a:lnTo>
                      <a:pt x="586" y="305"/>
                    </a:lnTo>
                    <a:lnTo>
                      <a:pt x="591" y="310"/>
                    </a:lnTo>
                    <a:lnTo>
                      <a:pt x="599" y="322"/>
                    </a:lnTo>
                    <a:lnTo>
                      <a:pt x="607" y="333"/>
                    </a:lnTo>
                    <a:lnTo>
                      <a:pt x="614" y="345"/>
                    </a:lnTo>
                    <a:lnTo>
                      <a:pt x="621" y="356"/>
                    </a:lnTo>
                    <a:lnTo>
                      <a:pt x="626" y="362"/>
                    </a:lnTo>
                    <a:lnTo>
                      <a:pt x="631" y="367"/>
                    </a:lnTo>
                    <a:lnTo>
                      <a:pt x="636" y="371"/>
                    </a:lnTo>
                    <a:lnTo>
                      <a:pt x="642" y="374"/>
                    </a:lnTo>
                    <a:lnTo>
                      <a:pt x="625" y="396"/>
                    </a:lnTo>
                    <a:lnTo>
                      <a:pt x="608" y="418"/>
                    </a:lnTo>
                    <a:lnTo>
                      <a:pt x="591" y="442"/>
                    </a:lnTo>
                    <a:lnTo>
                      <a:pt x="574" y="465"/>
                    </a:lnTo>
                    <a:lnTo>
                      <a:pt x="559" y="489"/>
                    </a:lnTo>
                    <a:lnTo>
                      <a:pt x="545" y="514"/>
                    </a:lnTo>
                    <a:lnTo>
                      <a:pt x="532" y="542"/>
                    </a:lnTo>
                    <a:lnTo>
                      <a:pt x="520" y="569"/>
                    </a:lnTo>
                    <a:lnTo>
                      <a:pt x="528" y="571"/>
                    </a:lnTo>
                    <a:lnTo>
                      <a:pt x="534" y="573"/>
                    </a:lnTo>
                    <a:lnTo>
                      <a:pt x="540" y="575"/>
                    </a:lnTo>
                    <a:lnTo>
                      <a:pt x="547" y="578"/>
                    </a:lnTo>
                    <a:lnTo>
                      <a:pt x="558" y="585"/>
                    </a:lnTo>
                    <a:lnTo>
                      <a:pt x="568" y="593"/>
                    </a:lnTo>
                    <a:lnTo>
                      <a:pt x="577" y="604"/>
                    </a:lnTo>
                    <a:lnTo>
                      <a:pt x="585" y="615"/>
                    </a:lnTo>
                    <a:lnTo>
                      <a:pt x="591" y="627"/>
                    </a:lnTo>
                    <a:lnTo>
                      <a:pt x="597" y="641"/>
                    </a:lnTo>
                    <a:lnTo>
                      <a:pt x="601" y="654"/>
                    </a:lnTo>
                    <a:lnTo>
                      <a:pt x="606" y="669"/>
                    </a:lnTo>
                    <a:lnTo>
                      <a:pt x="608" y="684"/>
                    </a:lnTo>
                    <a:lnTo>
                      <a:pt x="610" y="699"/>
                    </a:lnTo>
                    <a:lnTo>
                      <a:pt x="611" y="713"/>
                    </a:lnTo>
                    <a:lnTo>
                      <a:pt x="611" y="728"/>
                    </a:lnTo>
                    <a:lnTo>
                      <a:pt x="611" y="743"/>
                    </a:lnTo>
                    <a:lnTo>
                      <a:pt x="610" y="756"/>
                    </a:lnTo>
                    <a:lnTo>
                      <a:pt x="618" y="754"/>
                    </a:lnTo>
                    <a:lnTo>
                      <a:pt x="626" y="754"/>
                    </a:lnTo>
                    <a:lnTo>
                      <a:pt x="631" y="754"/>
                    </a:lnTo>
                    <a:lnTo>
                      <a:pt x="635" y="757"/>
                    </a:lnTo>
                    <a:lnTo>
                      <a:pt x="638" y="761"/>
                    </a:lnTo>
                    <a:lnTo>
                      <a:pt x="640" y="765"/>
                    </a:lnTo>
                    <a:lnTo>
                      <a:pt x="642" y="769"/>
                    </a:lnTo>
                    <a:lnTo>
                      <a:pt x="644" y="774"/>
                    </a:lnTo>
                    <a:lnTo>
                      <a:pt x="646" y="786"/>
                    </a:lnTo>
                    <a:lnTo>
                      <a:pt x="647" y="797"/>
                    </a:lnTo>
                    <a:lnTo>
                      <a:pt x="649" y="803"/>
                    </a:lnTo>
                    <a:lnTo>
                      <a:pt x="651" y="807"/>
                    </a:lnTo>
                    <a:lnTo>
                      <a:pt x="654" y="810"/>
                    </a:lnTo>
                    <a:lnTo>
                      <a:pt x="658" y="812"/>
                    </a:lnTo>
                    <a:lnTo>
                      <a:pt x="658" y="830"/>
                    </a:lnTo>
                    <a:lnTo>
                      <a:pt x="658" y="829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94" name="Slagelse kant"/>
              <p:cNvSpPr>
                <a:spLocks/>
              </p:cNvSpPr>
              <p:nvPr/>
            </p:nvSpPr>
            <p:spPr bwMode="auto">
              <a:xfrm>
                <a:off x="2865438" y="5230813"/>
                <a:ext cx="349250" cy="457200"/>
              </a:xfrm>
              <a:custGeom>
                <a:avLst/>
                <a:gdLst>
                  <a:gd name="T0" fmla="*/ 211 w 658"/>
                  <a:gd name="T1" fmla="*/ 272 h 864"/>
                  <a:gd name="T2" fmla="*/ 202 w 658"/>
                  <a:gd name="T3" fmla="*/ 275 h 864"/>
                  <a:gd name="T4" fmla="*/ 209 w 658"/>
                  <a:gd name="T5" fmla="*/ 270 h 864"/>
                  <a:gd name="T6" fmla="*/ 197 w 658"/>
                  <a:gd name="T7" fmla="*/ 263 h 864"/>
                  <a:gd name="T8" fmla="*/ 186 w 658"/>
                  <a:gd name="T9" fmla="*/ 261 h 864"/>
                  <a:gd name="T10" fmla="*/ 197 w 658"/>
                  <a:gd name="T11" fmla="*/ 269 h 864"/>
                  <a:gd name="T12" fmla="*/ 196 w 658"/>
                  <a:gd name="T13" fmla="*/ 276 h 864"/>
                  <a:gd name="T14" fmla="*/ 192 w 658"/>
                  <a:gd name="T15" fmla="*/ 274 h 864"/>
                  <a:gd name="T16" fmla="*/ 199 w 658"/>
                  <a:gd name="T17" fmla="*/ 277 h 864"/>
                  <a:gd name="T18" fmla="*/ 195 w 658"/>
                  <a:gd name="T19" fmla="*/ 282 h 864"/>
                  <a:gd name="T20" fmla="*/ 183 w 658"/>
                  <a:gd name="T21" fmla="*/ 282 h 864"/>
                  <a:gd name="T22" fmla="*/ 175 w 658"/>
                  <a:gd name="T23" fmla="*/ 277 h 864"/>
                  <a:gd name="T24" fmla="*/ 170 w 658"/>
                  <a:gd name="T25" fmla="*/ 267 h 864"/>
                  <a:gd name="T26" fmla="*/ 153 w 658"/>
                  <a:gd name="T27" fmla="*/ 274 h 864"/>
                  <a:gd name="T28" fmla="*/ 157 w 658"/>
                  <a:gd name="T29" fmla="*/ 275 h 864"/>
                  <a:gd name="T30" fmla="*/ 155 w 658"/>
                  <a:gd name="T31" fmla="*/ 285 h 864"/>
                  <a:gd name="T32" fmla="*/ 144 w 658"/>
                  <a:gd name="T33" fmla="*/ 287 h 864"/>
                  <a:gd name="T34" fmla="*/ 146 w 658"/>
                  <a:gd name="T35" fmla="*/ 282 h 864"/>
                  <a:gd name="T36" fmla="*/ 134 w 658"/>
                  <a:gd name="T37" fmla="*/ 270 h 864"/>
                  <a:gd name="T38" fmla="*/ 121 w 658"/>
                  <a:gd name="T39" fmla="*/ 275 h 864"/>
                  <a:gd name="T40" fmla="*/ 114 w 658"/>
                  <a:gd name="T41" fmla="*/ 284 h 864"/>
                  <a:gd name="T42" fmla="*/ 79 w 658"/>
                  <a:gd name="T43" fmla="*/ 259 h 864"/>
                  <a:gd name="T44" fmla="*/ 84 w 658"/>
                  <a:gd name="T45" fmla="*/ 250 h 864"/>
                  <a:gd name="T46" fmla="*/ 80 w 658"/>
                  <a:gd name="T47" fmla="*/ 237 h 864"/>
                  <a:gd name="T48" fmla="*/ 94 w 658"/>
                  <a:gd name="T49" fmla="*/ 240 h 864"/>
                  <a:gd name="T50" fmla="*/ 100 w 658"/>
                  <a:gd name="T51" fmla="*/ 240 h 864"/>
                  <a:gd name="T52" fmla="*/ 103 w 658"/>
                  <a:gd name="T53" fmla="*/ 239 h 864"/>
                  <a:gd name="T54" fmla="*/ 99 w 658"/>
                  <a:gd name="T55" fmla="*/ 233 h 864"/>
                  <a:gd name="T56" fmla="*/ 90 w 658"/>
                  <a:gd name="T57" fmla="*/ 234 h 864"/>
                  <a:gd name="T58" fmla="*/ 81 w 658"/>
                  <a:gd name="T59" fmla="*/ 227 h 864"/>
                  <a:gd name="T60" fmla="*/ 75 w 658"/>
                  <a:gd name="T61" fmla="*/ 214 h 864"/>
                  <a:gd name="T62" fmla="*/ 56 w 658"/>
                  <a:gd name="T63" fmla="*/ 191 h 864"/>
                  <a:gd name="T64" fmla="*/ 13 w 658"/>
                  <a:gd name="T65" fmla="*/ 156 h 864"/>
                  <a:gd name="T66" fmla="*/ 4 w 658"/>
                  <a:gd name="T67" fmla="*/ 133 h 864"/>
                  <a:gd name="T68" fmla="*/ 31 w 658"/>
                  <a:gd name="T69" fmla="*/ 121 h 864"/>
                  <a:gd name="T70" fmla="*/ 55 w 658"/>
                  <a:gd name="T71" fmla="*/ 108 h 864"/>
                  <a:gd name="T72" fmla="*/ 56 w 658"/>
                  <a:gd name="T73" fmla="*/ 90 h 864"/>
                  <a:gd name="T74" fmla="*/ 50 w 658"/>
                  <a:gd name="T75" fmla="*/ 78 h 864"/>
                  <a:gd name="T76" fmla="*/ 57 w 658"/>
                  <a:gd name="T77" fmla="*/ 66 h 864"/>
                  <a:gd name="T78" fmla="*/ 53 w 658"/>
                  <a:gd name="T79" fmla="*/ 54 h 864"/>
                  <a:gd name="T80" fmla="*/ 49 w 658"/>
                  <a:gd name="T81" fmla="*/ 45 h 864"/>
                  <a:gd name="T82" fmla="*/ 71 w 658"/>
                  <a:gd name="T83" fmla="*/ 38 h 864"/>
                  <a:gd name="T84" fmla="*/ 94 w 658"/>
                  <a:gd name="T85" fmla="*/ 43 h 864"/>
                  <a:gd name="T86" fmla="*/ 121 w 658"/>
                  <a:gd name="T87" fmla="*/ 43 h 864"/>
                  <a:gd name="T88" fmla="*/ 139 w 658"/>
                  <a:gd name="T89" fmla="*/ 40 h 864"/>
                  <a:gd name="T90" fmla="*/ 167 w 658"/>
                  <a:gd name="T91" fmla="*/ 7 h 864"/>
                  <a:gd name="T92" fmla="*/ 184 w 658"/>
                  <a:gd name="T93" fmla="*/ 1 h 864"/>
                  <a:gd name="T94" fmla="*/ 192 w 658"/>
                  <a:gd name="T95" fmla="*/ 15 h 864"/>
                  <a:gd name="T96" fmla="*/ 182 w 658"/>
                  <a:gd name="T97" fmla="*/ 23 h 864"/>
                  <a:gd name="T98" fmla="*/ 202 w 658"/>
                  <a:gd name="T99" fmla="*/ 48 h 864"/>
                  <a:gd name="T100" fmla="*/ 199 w 658"/>
                  <a:gd name="T101" fmla="*/ 90 h 864"/>
                  <a:gd name="T102" fmla="*/ 196 w 658"/>
                  <a:gd name="T103" fmla="*/ 102 h 864"/>
                  <a:gd name="T104" fmla="*/ 213 w 658"/>
                  <a:gd name="T105" fmla="*/ 124 h 864"/>
                  <a:gd name="T106" fmla="*/ 178 w 658"/>
                  <a:gd name="T107" fmla="*/ 181 h 864"/>
                  <a:gd name="T108" fmla="*/ 193 w 658"/>
                  <a:gd name="T109" fmla="*/ 201 h 864"/>
                  <a:gd name="T110" fmla="*/ 204 w 658"/>
                  <a:gd name="T111" fmla="*/ 238 h 864"/>
                  <a:gd name="T112" fmla="*/ 213 w 658"/>
                  <a:gd name="T113" fmla="*/ 254 h 864"/>
                  <a:gd name="T114" fmla="*/ 219 w 658"/>
                  <a:gd name="T115" fmla="*/ 270 h 864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658" h="864">
                    <a:moveTo>
                      <a:pt x="658" y="829"/>
                    </a:moveTo>
                    <a:lnTo>
                      <a:pt x="650" y="829"/>
                    </a:lnTo>
                    <a:lnTo>
                      <a:pt x="642" y="829"/>
                    </a:lnTo>
                    <a:lnTo>
                      <a:pt x="634" y="829"/>
                    </a:lnTo>
                    <a:lnTo>
                      <a:pt x="626" y="829"/>
                    </a:lnTo>
                    <a:lnTo>
                      <a:pt x="630" y="821"/>
                    </a:lnTo>
                    <a:lnTo>
                      <a:pt x="631" y="816"/>
                    </a:lnTo>
                    <a:lnTo>
                      <a:pt x="631" y="815"/>
                    </a:lnTo>
                    <a:lnTo>
                      <a:pt x="628" y="819"/>
                    </a:lnTo>
                    <a:lnTo>
                      <a:pt x="622" y="822"/>
                    </a:lnTo>
                    <a:lnTo>
                      <a:pt x="616" y="826"/>
                    </a:lnTo>
                    <a:lnTo>
                      <a:pt x="613" y="828"/>
                    </a:lnTo>
                    <a:lnTo>
                      <a:pt x="610" y="829"/>
                    </a:lnTo>
                    <a:lnTo>
                      <a:pt x="606" y="829"/>
                    </a:lnTo>
                    <a:lnTo>
                      <a:pt x="601" y="829"/>
                    </a:lnTo>
                    <a:lnTo>
                      <a:pt x="603" y="826"/>
                    </a:lnTo>
                    <a:lnTo>
                      <a:pt x="605" y="823"/>
                    </a:lnTo>
                    <a:lnTo>
                      <a:pt x="607" y="820"/>
                    </a:lnTo>
                    <a:lnTo>
                      <a:pt x="610" y="818"/>
                    </a:lnTo>
                    <a:lnTo>
                      <a:pt x="613" y="815"/>
                    </a:lnTo>
                    <a:lnTo>
                      <a:pt x="616" y="814"/>
                    </a:lnTo>
                    <a:lnTo>
                      <a:pt x="621" y="813"/>
                    </a:lnTo>
                    <a:lnTo>
                      <a:pt x="626" y="813"/>
                    </a:lnTo>
                    <a:lnTo>
                      <a:pt x="625" y="810"/>
                    </a:lnTo>
                    <a:lnTo>
                      <a:pt x="622" y="807"/>
                    </a:lnTo>
                    <a:lnTo>
                      <a:pt x="620" y="804"/>
                    </a:lnTo>
                    <a:lnTo>
                      <a:pt x="617" y="802"/>
                    </a:lnTo>
                    <a:lnTo>
                      <a:pt x="614" y="800"/>
                    </a:lnTo>
                    <a:lnTo>
                      <a:pt x="611" y="799"/>
                    </a:lnTo>
                    <a:lnTo>
                      <a:pt x="607" y="797"/>
                    </a:lnTo>
                    <a:lnTo>
                      <a:pt x="601" y="797"/>
                    </a:lnTo>
                    <a:lnTo>
                      <a:pt x="589" y="788"/>
                    </a:lnTo>
                    <a:lnTo>
                      <a:pt x="575" y="777"/>
                    </a:lnTo>
                    <a:lnTo>
                      <a:pt x="572" y="775"/>
                    </a:lnTo>
                    <a:lnTo>
                      <a:pt x="569" y="774"/>
                    </a:lnTo>
                    <a:lnTo>
                      <a:pt x="566" y="773"/>
                    </a:lnTo>
                    <a:lnTo>
                      <a:pt x="562" y="774"/>
                    </a:lnTo>
                    <a:lnTo>
                      <a:pt x="560" y="776"/>
                    </a:lnTo>
                    <a:lnTo>
                      <a:pt x="557" y="779"/>
                    </a:lnTo>
                    <a:lnTo>
                      <a:pt x="555" y="783"/>
                    </a:lnTo>
                    <a:lnTo>
                      <a:pt x="553" y="789"/>
                    </a:lnTo>
                    <a:lnTo>
                      <a:pt x="566" y="792"/>
                    </a:lnTo>
                    <a:lnTo>
                      <a:pt x="578" y="794"/>
                    </a:lnTo>
                    <a:lnTo>
                      <a:pt x="581" y="796"/>
                    </a:lnTo>
                    <a:lnTo>
                      <a:pt x="583" y="797"/>
                    </a:lnTo>
                    <a:lnTo>
                      <a:pt x="586" y="800"/>
                    </a:lnTo>
                    <a:lnTo>
                      <a:pt x="588" y="802"/>
                    </a:lnTo>
                    <a:lnTo>
                      <a:pt x="590" y="806"/>
                    </a:lnTo>
                    <a:lnTo>
                      <a:pt x="592" y="810"/>
                    </a:lnTo>
                    <a:lnTo>
                      <a:pt x="593" y="815"/>
                    </a:lnTo>
                    <a:lnTo>
                      <a:pt x="593" y="822"/>
                    </a:lnTo>
                    <a:lnTo>
                      <a:pt x="593" y="825"/>
                    </a:lnTo>
                    <a:lnTo>
                      <a:pt x="592" y="828"/>
                    </a:lnTo>
                    <a:lnTo>
                      <a:pt x="591" y="829"/>
                    </a:lnTo>
                    <a:lnTo>
                      <a:pt x="589" y="829"/>
                    </a:lnTo>
                    <a:lnTo>
                      <a:pt x="587" y="828"/>
                    </a:lnTo>
                    <a:lnTo>
                      <a:pt x="583" y="825"/>
                    </a:lnTo>
                    <a:lnTo>
                      <a:pt x="580" y="821"/>
                    </a:lnTo>
                    <a:lnTo>
                      <a:pt x="577" y="816"/>
                    </a:lnTo>
                    <a:lnTo>
                      <a:pt x="575" y="814"/>
                    </a:lnTo>
                    <a:lnTo>
                      <a:pt x="573" y="813"/>
                    </a:lnTo>
                    <a:lnTo>
                      <a:pt x="571" y="813"/>
                    </a:lnTo>
                    <a:lnTo>
                      <a:pt x="569" y="813"/>
                    </a:lnTo>
                    <a:lnTo>
                      <a:pt x="573" y="822"/>
                    </a:lnTo>
                    <a:lnTo>
                      <a:pt x="581" y="831"/>
                    </a:lnTo>
                    <a:lnTo>
                      <a:pt x="586" y="834"/>
                    </a:lnTo>
                    <a:lnTo>
                      <a:pt x="589" y="836"/>
                    </a:lnTo>
                    <a:lnTo>
                      <a:pt x="591" y="835"/>
                    </a:lnTo>
                    <a:lnTo>
                      <a:pt x="592" y="834"/>
                    </a:lnTo>
                    <a:lnTo>
                      <a:pt x="593" y="832"/>
                    </a:lnTo>
                    <a:lnTo>
                      <a:pt x="593" y="829"/>
                    </a:lnTo>
                    <a:lnTo>
                      <a:pt x="596" y="830"/>
                    </a:lnTo>
                    <a:lnTo>
                      <a:pt x="598" y="830"/>
                    </a:lnTo>
                    <a:lnTo>
                      <a:pt x="600" y="831"/>
                    </a:lnTo>
                    <a:lnTo>
                      <a:pt x="600" y="833"/>
                    </a:lnTo>
                    <a:lnTo>
                      <a:pt x="600" y="836"/>
                    </a:lnTo>
                    <a:lnTo>
                      <a:pt x="597" y="840"/>
                    </a:lnTo>
                    <a:lnTo>
                      <a:pt x="593" y="844"/>
                    </a:lnTo>
                    <a:lnTo>
                      <a:pt x="588" y="846"/>
                    </a:lnTo>
                    <a:lnTo>
                      <a:pt x="582" y="847"/>
                    </a:lnTo>
                    <a:lnTo>
                      <a:pt x="577" y="846"/>
                    </a:lnTo>
                    <a:lnTo>
                      <a:pt x="576" y="844"/>
                    </a:lnTo>
                    <a:lnTo>
                      <a:pt x="575" y="843"/>
                    </a:lnTo>
                    <a:lnTo>
                      <a:pt x="573" y="842"/>
                    </a:lnTo>
                    <a:lnTo>
                      <a:pt x="571" y="842"/>
                    </a:lnTo>
                    <a:lnTo>
                      <a:pt x="565" y="842"/>
                    </a:lnTo>
                    <a:lnTo>
                      <a:pt x="557" y="844"/>
                    </a:lnTo>
                    <a:lnTo>
                      <a:pt x="548" y="846"/>
                    </a:lnTo>
                    <a:lnTo>
                      <a:pt x="538" y="848"/>
                    </a:lnTo>
                    <a:lnTo>
                      <a:pt x="534" y="848"/>
                    </a:lnTo>
                    <a:lnTo>
                      <a:pt x="529" y="848"/>
                    </a:lnTo>
                    <a:lnTo>
                      <a:pt x="525" y="847"/>
                    </a:lnTo>
                    <a:lnTo>
                      <a:pt x="520" y="846"/>
                    </a:lnTo>
                    <a:lnTo>
                      <a:pt x="522" y="840"/>
                    </a:lnTo>
                    <a:lnTo>
                      <a:pt x="522" y="834"/>
                    </a:lnTo>
                    <a:lnTo>
                      <a:pt x="522" y="830"/>
                    </a:lnTo>
                    <a:lnTo>
                      <a:pt x="521" y="826"/>
                    </a:lnTo>
                    <a:lnTo>
                      <a:pt x="518" y="820"/>
                    </a:lnTo>
                    <a:lnTo>
                      <a:pt x="513" y="815"/>
                    </a:lnTo>
                    <a:lnTo>
                      <a:pt x="509" y="811"/>
                    </a:lnTo>
                    <a:lnTo>
                      <a:pt x="507" y="808"/>
                    </a:lnTo>
                    <a:lnTo>
                      <a:pt x="507" y="806"/>
                    </a:lnTo>
                    <a:lnTo>
                      <a:pt x="508" y="803"/>
                    </a:lnTo>
                    <a:lnTo>
                      <a:pt x="509" y="801"/>
                    </a:lnTo>
                    <a:lnTo>
                      <a:pt x="512" y="797"/>
                    </a:lnTo>
                    <a:lnTo>
                      <a:pt x="503" y="797"/>
                    </a:lnTo>
                    <a:lnTo>
                      <a:pt x="496" y="797"/>
                    </a:lnTo>
                    <a:lnTo>
                      <a:pt x="488" y="799"/>
                    </a:lnTo>
                    <a:lnTo>
                      <a:pt x="480" y="802"/>
                    </a:lnTo>
                    <a:lnTo>
                      <a:pt x="474" y="806"/>
                    </a:lnTo>
                    <a:lnTo>
                      <a:pt x="469" y="810"/>
                    </a:lnTo>
                    <a:lnTo>
                      <a:pt x="458" y="821"/>
                    </a:lnTo>
                    <a:lnTo>
                      <a:pt x="447" y="829"/>
                    </a:lnTo>
                    <a:lnTo>
                      <a:pt x="452" y="830"/>
                    </a:lnTo>
                    <a:lnTo>
                      <a:pt x="456" y="829"/>
                    </a:lnTo>
                    <a:lnTo>
                      <a:pt x="460" y="828"/>
                    </a:lnTo>
                    <a:lnTo>
                      <a:pt x="463" y="826"/>
                    </a:lnTo>
                    <a:lnTo>
                      <a:pt x="466" y="825"/>
                    </a:lnTo>
                    <a:lnTo>
                      <a:pt x="468" y="825"/>
                    </a:lnTo>
                    <a:lnTo>
                      <a:pt x="470" y="826"/>
                    </a:lnTo>
                    <a:lnTo>
                      <a:pt x="472" y="829"/>
                    </a:lnTo>
                    <a:lnTo>
                      <a:pt x="470" y="836"/>
                    </a:lnTo>
                    <a:lnTo>
                      <a:pt x="467" y="841"/>
                    </a:lnTo>
                    <a:lnTo>
                      <a:pt x="464" y="843"/>
                    </a:lnTo>
                    <a:lnTo>
                      <a:pt x="463" y="846"/>
                    </a:lnTo>
                    <a:lnTo>
                      <a:pt x="463" y="849"/>
                    </a:lnTo>
                    <a:lnTo>
                      <a:pt x="463" y="854"/>
                    </a:lnTo>
                    <a:lnTo>
                      <a:pt x="463" y="856"/>
                    </a:lnTo>
                    <a:lnTo>
                      <a:pt x="463" y="859"/>
                    </a:lnTo>
                    <a:lnTo>
                      <a:pt x="462" y="860"/>
                    </a:lnTo>
                    <a:lnTo>
                      <a:pt x="460" y="862"/>
                    </a:lnTo>
                    <a:lnTo>
                      <a:pt x="454" y="863"/>
                    </a:lnTo>
                    <a:lnTo>
                      <a:pt x="447" y="864"/>
                    </a:lnTo>
                    <a:lnTo>
                      <a:pt x="440" y="863"/>
                    </a:lnTo>
                    <a:lnTo>
                      <a:pt x="434" y="862"/>
                    </a:lnTo>
                    <a:lnTo>
                      <a:pt x="432" y="860"/>
                    </a:lnTo>
                    <a:lnTo>
                      <a:pt x="431" y="859"/>
                    </a:lnTo>
                    <a:lnTo>
                      <a:pt x="430" y="856"/>
                    </a:lnTo>
                    <a:lnTo>
                      <a:pt x="431" y="854"/>
                    </a:lnTo>
                    <a:lnTo>
                      <a:pt x="434" y="853"/>
                    </a:lnTo>
                    <a:lnTo>
                      <a:pt x="436" y="852"/>
                    </a:lnTo>
                    <a:lnTo>
                      <a:pt x="437" y="851"/>
                    </a:lnTo>
                    <a:lnTo>
                      <a:pt x="437" y="849"/>
                    </a:lnTo>
                    <a:lnTo>
                      <a:pt x="436" y="846"/>
                    </a:lnTo>
                    <a:lnTo>
                      <a:pt x="433" y="842"/>
                    </a:lnTo>
                    <a:lnTo>
                      <a:pt x="422" y="834"/>
                    </a:lnTo>
                    <a:lnTo>
                      <a:pt x="415" y="829"/>
                    </a:lnTo>
                    <a:lnTo>
                      <a:pt x="415" y="818"/>
                    </a:lnTo>
                    <a:lnTo>
                      <a:pt x="415" y="805"/>
                    </a:lnTo>
                    <a:lnTo>
                      <a:pt x="410" y="808"/>
                    </a:lnTo>
                    <a:lnTo>
                      <a:pt x="406" y="810"/>
                    </a:lnTo>
                    <a:lnTo>
                      <a:pt x="400" y="811"/>
                    </a:lnTo>
                    <a:lnTo>
                      <a:pt x="395" y="812"/>
                    </a:lnTo>
                    <a:lnTo>
                      <a:pt x="386" y="812"/>
                    </a:lnTo>
                    <a:lnTo>
                      <a:pt x="376" y="813"/>
                    </a:lnTo>
                    <a:lnTo>
                      <a:pt x="372" y="813"/>
                    </a:lnTo>
                    <a:lnTo>
                      <a:pt x="369" y="815"/>
                    </a:lnTo>
                    <a:lnTo>
                      <a:pt x="367" y="818"/>
                    </a:lnTo>
                    <a:lnTo>
                      <a:pt x="364" y="821"/>
                    </a:lnTo>
                    <a:lnTo>
                      <a:pt x="363" y="825"/>
                    </a:lnTo>
                    <a:lnTo>
                      <a:pt x="363" y="830"/>
                    </a:lnTo>
                    <a:lnTo>
                      <a:pt x="363" y="838"/>
                    </a:lnTo>
                    <a:lnTo>
                      <a:pt x="366" y="846"/>
                    </a:lnTo>
                    <a:lnTo>
                      <a:pt x="357" y="846"/>
                    </a:lnTo>
                    <a:lnTo>
                      <a:pt x="350" y="846"/>
                    </a:lnTo>
                    <a:lnTo>
                      <a:pt x="347" y="847"/>
                    </a:lnTo>
                    <a:lnTo>
                      <a:pt x="344" y="849"/>
                    </a:lnTo>
                    <a:lnTo>
                      <a:pt x="342" y="851"/>
                    </a:lnTo>
                    <a:lnTo>
                      <a:pt x="341" y="854"/>
                    </a:lnTo>
                    <a:lnTo>
                      <a:pt x="318" y="843"/>
                    </a:lnTo>
                    <a:lnTo>
                      <a:pt x="293" y="833"/>
                    </a:lnTo>
                    <a:lnTo>
                      <a:pt x="268" y="824"/>
                    </a:lnTo>
                    <a:lnTo>
                      <a:pt x="243" y="813"/>
                    </a:lnTo>
                    <a:lnTo>
                      <a:pt x="240" y="799"/>
                    </a:lnTo>
                    <a:lnTo>
                      <a:pt x="236" y="784"/>
                    </a:lnTo>
                    <a:lnTo>
                      <a:pt x="236" y="776"/>
                    </a:lnTo>
                    <a:lnTo>
                      <a:pt x="236" y="769"/>
                    </a:lnTo>
                    <a:lnTo>
                      <a:pt x="237" y="766"/>
                    </a:lnTo>
                    <a:lnTo>
                      <a:pt x="239" y="763"/>
                    </a:lnTo>
                    <a:lnTo>
                      <a:pt x="241" y="760"/>
                    </a:lnTo>
                    <a:lnTo>
                      <a:pt x="243" y="756"/>
                    </a:lnTo>
                    <a:lnTo>
                      <a:pt x="248" y="755"/>
                    </a:lnTo>
                    <a:lnTo>
                      <a:pt x="250" y="754"/>
                    </a:lnTo>
                    <a:lnTo>
                      <a:pt x="250" y="751"/>
                    </a:lnTo>
                    <a:lnTo>
                      <a:pt x="250" y="749"/>
                    </a:lnTo>
                    <a:lnTo>
                      <a:pt x="245" y="743"/>
                    </a:lnTo>
                    <a:lnTo>
                      <a:pt x="241" y="734"/>
                    </a:lnTo>
                    <a:lnTo>
                      <a:pt x="237" y="727"/>
                    </a:lnTo>
                    <a:lnTo>
                      <a:pt x="234" y="720"/>
                    </a:lnTo>
                    <a:lnTo>
                      <a:pt x="235" y="715"/>
                    </a:lnTo>
                    <a:lnTo>
                      <a:pt x="236" y="712"/>
                    </a:lnTo>
                    <a:lnTo>
                      <a:pt x="239" y="710"/>
                    </a:lnTo>
                    <a:lnTo>
                      <a:pt x="243" y="708"/>
                    </a:lnTo>
                    <a:lnTo>
                      <a:pt x="252" y="709"/>
                    </a:lnTo>
                    <a:lnTo>
                      <a:pt x="259" y="712"/>
                    </a:lnTo>
                    <a:lnTo>
                      <a:pt x="265" y="715"/>
                    </a:lnTo>
                    <a:lnTo>
                      <a:pt x="271" y="719"/>
                    </a:lnTo>
                    <a:lnTo>
                      <a:pt x="274" y="720"/>
                    </a:lnTo>
                    <a:lnTo>
                      <a:pt x="277" y="720"/>
                    </a:lnTo>
                    <a:lnTo>
                      <a:pt x="280" y="720"/>
                    </a:lnTo>
                    <a:lnTo>
                      <a:pt x="284" y="720"/>
                    </a:lnTo>
                    <a:lnTo>
                      <a:pt x="288" y="717"/>
                    </a:lnTo>
                    <a:lnTo>
                      <a:pt x="292" y="715"/>
                    </a:lnTo>
                    <a:lnTo>
                      <a:pt x="296" y="712"/>
                    </a:lnTo>
                    <a:lnTo>
                      <a:pt x="300" y="708"/>
                    </a:lnTo>
                    <a:lnTo>
                      <a:pt x="301" y="712"/>
                    </a:lnTo>
                    <a:lnTo>
                      <a:pt x="300" y="716"/>
                    </a:lnTo>
                    <a:lnTo>
                      <a:pt x="299" y="721"/>
                    </a:lnTo>
                    <a:lnTo>
                      <a:pt x="297" y="724"/>
                    </a:lnTo>
                    <a:lnTo>
                      <a:pt x="296" y="727"/>
                    </a:lnTo>
                    <a:lnTo>
                      <a:pt x="296" y="729"/>
                    </a:lnTo>
                    <a:lnTo>
                      <a:pt x="297" y="730"/>
                    </a:lnTo>
                    <a:lnTo>
                      <a:pt x="300" y="732"/>
                    </a:lnTo>
                    <a:lnTo>
                      <a:pt x="303" y="729"/>
                    </a:lnTo>
                    <a:lnTo>
                      <a:pt x="305" y="724"/>
                    </a:lnTo>
                    <a:lnTo>
                      <a:pt x="308" y="717"/>
                    </a:lnTo>
                    <a:lnTo>
                      <a:pt x="310" y="711"/>
                    </a:lnTo>
                    <a:lnTo>
                      <a:pt x="311" y="704"/>
                    </a:lnTo>
                    <a:lnTo>
                      <a:pt x="310" y="697"/>
                    </a:lnTo>
                    <a:lnTo>
                      <a:pt x="309" y="695"/>
                    </a:lnTo>
                    <a:lnTo>
                      <a:pt x="307" y="693"/>
                    </a:lnTo>
                    <a:lnTo>
                      <a:pt x="304" y="692"/>
                    </a:lnTo>
                    <a:lnTo>
                      <a:pt x="300" y="691"/>
                    </a:lnTo>
                    <a:lnTo>
                      <a:pt x="297" y="700"/>
                    </a:lnTo>
                    <a:lnTo>
                      <a:pt x="291" y="706"/>
                    </a:lnTo>
                    <a:lnTo>
                      <a:pt x="284" y="712"/>
                    </a:lnTo>
                    <a:lnTo>
                      <a:pt x="276" y="715"/>
                    </a:lnTo>
                    <a:lnTo>
                      <a:pt x="277" y="712"/>
                    </a:lnTo>
                    <a:lnTo>
                      <a:pt x="276" y="709"/>
                    </a:lnTo>
                    <a:lnTo>
                      <a:pt x="275" y="707"/>
                    </a:lnTo>
                    <a:lnTo>
                      <a:pt x="273" y="705"/>
                    </a:lnTo>
                    <a:lnTo>
                      <a:pt x="269" y="703"/>
                    </a:lnTo>
                    <a:lnTo>
                      <a:pt x="262" y="702"/>
                    </a:lnTo>
                    <a:lnTo>
                      <a:pt x="256" y="701"/>
                    </a:lnTo>
                    <a:lnTo>
                      <a:pt x="251" y="700"/>
                    </a:lnTo>
                    <a:lnTo>
                      <a:pt x="248" y="697"/>
                    </a:lnTo>
                    <a:lnTo>
                      <a:pt x="247" y="696"/>
                    </a:lnTo>
                    <a:lnTo>
                      <a:pt x="244" y="694"/>
                    </a:lnTo>
                    <a:lnTo>
                      <a:pt x="243" y="691"/>
                    </a:lnTo>
                    <a:lnTo>
                      <a:pt x="243" y="682"/>
                    </a:lnTo>
                    <a:lnTo>
                      <a:pt x="243" y="671"/>
                    </a:lnTo>
                    <a:lnTo>
                      <a:pt x="242" y="667"/>
                    </a:lnTo>
                    <a:lnTo>
                      <a:pt x="241" y="664"/>
                    </a:lnTo>
                    <a:lnTo>
                      <a:pt x="239" y="661"/>
                    </a:lnTo>
                    <a:lnTo>
                      <a:pt x="236" y="659"/>
                    </a:lnTo>
                    <a:lnTo>
                      <a:pt x="231" y="653"/>
                    </a:lnTo>
                    <a:lnTo>
                      <a:pt x="228" y="647"/>
                    </a:lnTo>
                    <a:lnTo>
                      <a:pt x="224" y="641"/>
                    </a:lnTo>
                    <a:lnTo>
                      <a:pt x="222" y="632"/>
                    </a:lnTo>
                    <a:lnTo>
                      <a:pt x="220" y="624"/>
                    </a:lnTo>
                    <a:lnTo>
                      <a:pt x="219" y="614"/>
                    </a:lnTo>
                    <a:lnTo>
                      <a:pt x="219" y="605"/>
                    </a:lnTo>
                    <a:lnTo>
                      <a:pt x="219" y="594"/>
                    </a:lnTo>
                    <a:lnTo>
                      <a:pt x="200" y="587"/>
                    </a:lnTo>
                    <a:lnTo>
                      <a:pt x="183" y="580"/>
                    </a:lnTo>
                    <a:lnTo>
                      <a:pt x="166" y="572"/>
                    </a:lnTo>
                    <a:lnTo>
                      <a:pt x="152" y="563"/>
                    </a:lnTo>
                    <a:lnTo>
                      <a:pt x="137" y="553"/>
                    </a:lnTo>
                    <a:lnTo>
                      <a:pt x="123" y="543"/>
                    </a:lnTo>
                    <a:lnTo>
                      <a:pt x="111" y="532"/>
                    </a:lnTo>
                    <a:lnTo>
                      <a:pt x="98" y="522"/>
                    </a:lnTo>
                    <a:lnTo>
                      <a:pt x="75" y="499"/>
                    </a:lnTo>
                    <a:lnTo>
                      <a:pt x="52" y="478"/>
                    </a:lnTo>
                    <a:lnTo>
                      <a:pt x="39" y="468"/>
                    </a:lnTo>
                    <a:lnTo>
                      <a:pt x="26" y="457"/>
                    </a:lnTo>
                    <a:lnTo>
                      <a:pt x="14" y="448"/>
                    </a:lnTo>
                    <a:lnTo>
                      <a:pt x="0" y="439"/>
                    </a:lnTo>
                    <a:lnTo>
                      <a:pt x="1" y="430"/>
                    </a:lnTo>
                    <a:lnTo>
                      <a:pt x="2" y="421"/>
                    </a:lnTo>
                    <a:lnTo>
                      <a:pt x="5" y="413"/>
                    </a:lnTo>
                    <a:lnTo>
                      <a:pt x="7" y="406"/>
                    </a:lnTo>
                    <a:lnTo>
                      <a:pt x="12" y="399"/>
                    </a:lnTo>
                    <a:lnTo>
                      <a:pt x="16" y="394"/>
                    </a:lnTo>
                    <a:lnTo>
                      <a:pt x="20" y="389"/>
                    </a:lnTo>
                    <a:lnTo>
                      <a:pt x="25" y="385"/>
                    </a:lnTo>
                    <a:lnTo>
                      <a:pt x="36" y="378"/>
                    </a:lnTo>
                    <a:lnTo>
                      <a:pt x="49" y="373"/>
                    </a:lnTo>
                    <a:lnTo>
                      <a:pt x="62" y="369"/>
                    </a:lnTo>
                    <a:lnTo>
                      <a:pt x="77" y="366"/>
                    </a:lnTo>
                    <a:lnTo>
                      <a:pt x="92" y="363"/>
                    </a:lnTo>
                    <a:lnTo>
                      <a:pt x="106" y="359"/>
                    </a:lnTo>
                    <a:lnTo>
                      <a:pt x="120" y="354"/>
                    </a:lnTo>
                    <a:lnTo>
                      <a:pt x="135" y="349"/>
                    </a:lnTo>
                    <a:lnTo>
                      <a:pt x="141" y="345"/>
                    </a:lnTo>
                    <a:lnTo>
                      <a:pt x="148" y="342"/>
                    </a:lnTo>
                    <a:lnTo>
                      <a:pt x="154" y="336"/>
                    </a:lnTo>
                    <a:lnTo>
                      <a:pt x="160" y="331"/>
                    </a:lnTo>
                    <a:lnTo>
                      <a:pt x="165" y="325"/>
                    </a:lnTo>
                    <a:lnTo>
                      <a:pt x="170" y="317"/>
                    </a:lnTo>
                    <a:lnTo>
                      <a:pt x="175" y="310"/>
                    </a:lnTo>
                    <a:lnTo>
                      <a:pt x="179" y="302"/>
                    </a:lnTo>
                    <a:lnTo>
                      <a:pt x="180" y="294"/>
                    </a:lnTo>
                    <a:lnTo>
                      <a:pt x="179" y="289"/>
                    </a:lnTo>
                    <a:lnTo>
                      <a:pt x="178" y="284"/>
                    </a:lnTo>
                    <a:lnTo>
                      <a:pt x="175" y="278"/>
                    </a:lnTo>
                    <a:lnTo>
                      <a:pt x="168" y="270"/>
                    </a:lnTo>
                    <a:lnTo>
                      <a:pt x="158" y="263"/>
                    </a:lnTo>
                    <a:lnTo>
                      <a:pt x="155" y="259"/>
                    </a:lnTo>
                    <a:lnTo>
                      <a:pt x="151" y="255"/>
                    </a:lnTo>
                    <a:lnTo>
                      <a:pt x="149" y="252"/>
                    </a:lnTo>
                    <a:lnTo>
                      <a:pt x="146" y="248"/>
                    </a:lnTo>
                    <a:lnTo>
                      <a:pt x="145" y="244"/>
                    </a:lnTo>
                    <a:lnTo>
                      <a:pt x="146" y="239"/>
                    </a:lnTo>
                    <a:lnTo>
                      <a:pt x="150" y="234"/>
                    </a:lnTo>
                    <a:lnTo>
                      <a:pt x="155" y="228"/>
                    </a:lnTo>
                    <a:lnTo>
                      <a:pt x="156" y="230"/>
                    </a:lnTo>
                    <a:lnTo>
                      <a:pt x="158" y="230"/>
                    </a:lnTo>
                    <a:lnTo>
                      <a:pt x="159" y="229"/>
                    </a:lnTo>
                    <a:lnTo>
                      <a:pt x="161" y="227"/>
                    </a:lnTo>
                    <a:lnTo>
                      <a:pt x="164" y="219"/>
                    </a:lnTo>
                    <a:lnTo>
                      <a:pt x="166" y="210"/>
                    </a:lnTo>
                    <a:lnTo>
                      <a:pt x="169" y="198"/>
                    </a:lnTo>
                    <a:lnTo>
                      <a:pt x="171" y="186"/>
                    </a:lnTo>
                    <a:lnTo>
                      <a:pt x="171" y="173"/>
                    </a:lnTo>
                    <a:lnTo>
                      <a:pt x="171" y="164"/>
                    </a:lnTo>
                    <a:lnTo>
                      <a:pt x="170" y="159"/>
                    </a:lnTo>
                    <a:lnTo>
                      <a:pt x="168" y="158"/>
                    </a:lnTo>
                    <a:lnTo>
                      <a:pt x="166" y="158"/>
                    </a:lnTo>
                    <a:lnTo>
                      <a:pt x="164" y="159"/>
                    </a:lnTo>
                    <a:lnTo>
                      <a:pt x="160" y="161"/>
                    </a:lnTo>
                    <a:lnTo>
                      <a:pt x="155" y="164"/>
                    </a:lnTo>
                    <a:lnTo>
                      <a:pt x="155" y="158"/>
                    </a:lnTo>
                    <a:lnTo>
                      <a:pt x="154" y="154"/>
                    </a:lnTo>
                    <a:lnTo>
                      <a:pt x="153" y="150"/>
                    </a:lnTo>
                    <a:lnTo>
                      <a:pt x="151" y="147"/>
                    </a:lnTo>
                    <a:lnTo>
                      <a:pt x="149" y="144"/>
                    </a:lnTo>
                    <a:lnTo>
                      <a:pt x="148" y="139"/>
                    </a:lnTo>
                    <a:lnTo>
                      <a:pt x="146" y="135"/>
                    </a:lnTo>
                    <a:lnTo>
                      <a:pt x="146" y="131"/>
                    </a:lnTo>
                    <a:lnTo>
                      <a:pt x="154" y="132"/>
                    </a:lnTo>
                    <a:lnTo>
                      <a:pt x="161" y="132"/>
                    </a:lnTo>
                    <a:lnTo>
                      <a:pt x="168" y="132"/>
                    </a:lnTo>
                    <a:lnTo>
                      <a:pt x="174" y="132"/>
                    </a:lnTo>
                    <a:lnTo>
                      <a:pt x="184" y="129"/>
                    </a:lnTo>
                    <a:lnTo>
                      <a:pt x="194" y="126"/>
                    </a:lnTo>
                    <a:lnTo>
                      <a:pt x="211" y="115"/>
                    </a:lnTo>
                    <a:lnTo>
                      <a:pt x="228" y="107"/>
                    </a:lnTo>
                    <a:lnTo>
                      <a:pt x="234" y="114"/>
                    </a:lnTo>
                    <a:lnTo>
                      <a:pt x="241" y="120"/>
                    </a:lnTo>
                    <a:lnTo>
                      <a:pt x="249" y="125"/>
                    </a:lnTo>
                    <a:lnTo>
                      <a:pt x="257" y="128"/>
                    </a:lnTo>
                    <a:lnTo>
                      <a:pt x="264" y="129"/>
                    </a:lnTo>
                    <a:lnTo>
                      <a:pt x="273" y="129"/>
                    </a:lnTo>
                    <a:lnTo>
                      <a:pt x="281" y="128"/>
                    </a:lnTo>
                    <a:lnTo>
                      <a:pt x="290" y="125"/>
                    </a:lnTo>
                    <a:lnTo>
                      <a:pt x="305" y="117"/>
                    </a:lnTo>
                    <a:lnTo>
                      <a:pt x="321" y="109"/>
                    </a:lnTo>
                    <a:lnTo>
                      <a:pt x="336" y="99"/>
                    </a:lnTo>
                    <a:lnTo>
                      <a:pt x="350" y="90"/>
                    </a:lnTo>
                    <a:lnTo>
                      <a:pt x="352" y="104"/>
                    </a:lnTo>
                    <a:lnTo>
                      <a:pt x="356" y="116"/>
                    </a:lnTo>
                    <a:lnTo>
                      <a:pt x="361" y="128"/>
                    </a:lnTo>
                    <a:lnTo>
                      <a:pt x="366" y="138"/>
                    </a:lnTo>
                    <a:lnTo>
                      <a:pt x="374" y="137"/>
                    </a:lnTo>
                    <a:lnTo>
                      <a:pt x="382" y="136"/>
                    </a:lnTo>
                    <a:lnTo>
                      <a:pt x="390" y="134"/>
                    </a:lnTo>
                    <a:lnTo>
                      <a:pt x="397" y="132"/>
                    </a:lnTo>
                    <a:lnTo>
                      <a:pt x="403" y="129"/>
                    </a:lnTo>
                    <a:lnTo>
                      <a:pt x="410" y="126"/>
                    </a:lnTo>
                    <a:lnTo>
                      <a:pt x="416" y="121"/>
                    </a:lnTo>
                    <a:lnTo>
                      <a:pt x="421" y="117"/>
                    </a:lnTo>
                    <a:lnTo>
                      <a:pt x="432" y="108"/>
                    </a:lnTo>
                    <a:lnTo>
                      <a:pt x="440" y="97"/>
                    </a:lnTo>
                    <a:lnTo>
                      <a:pt x="449" y="87"/>
                    </a:lnTo>
                    <a:lnTo>
                      <a:pt x="457" y="75"/>
                    </a:lnTo>
                    <a:lnTo>
                      <a:pt x="473" y="52"/>
                    </a:lnTo>
                    <a:lnTo>
                      <a:pt x="490" y="31"/>
                    </a:lnTo>
                    <a:lnTo>
                      <a:pt x="499" y="21"/>
                    </a:lnTo>
                    <a:lnTo>
                      <a:pt x="510" y="13"/>
                    </a:lnTo>
                    <a:lnTo>
                      <a:pt x="516" y="9"/>
                    </a:lnTo>
                    <a:lnTo>
                      <a:pt x="522" y="6"/>
                    </a:lnTo>
                    <a:lnTo>
                      <a:pt x="529" y="2"/>
                    </a:lnTo>
                    <a:lnTo>
                      <a:pt x="536" y="0"/>
                    </a:lnTo>
                    <a:lnTo>
                      <a:pt x="541" y="0"/>
                    </a:lnTo>
                    <a:lnTo>
                      <a:pt x="546" y="1"/>
                    </a:lnTo>
                    <a:lnTo>
                      <a:pt x="550" y="2"/>
                    </a:lnTo>
                    <a:lnTo>
                      <a:pt x="553" y="5"/>
                    </a:lnTo>
                    <a:lnTo>
                      <a:pt x="558" y="10"/>
                    </a:lnTo>
                    <a:lnTo>
                      <a:pt x="561" y="16"/>
                    </a:lnTo>
                    <a:lnTo>
                      <a:pt x="566" y="22"/>
                    </a:lnTo>
                    <a:lnTo>
                      <a:pt x="569" y="30"/>
                    </a:lnTo>
                    <a:lnTo>
                      <a:pt x="572" y="36"/>
                    </a:lnTo>
                    <a:lnTo>
                      <a:pt x="577" y="41"/>
                    </a:lnTo>
                    <a:lnTo>
                      <a:pt x="573" y="46"/>
                    </a:lnTo>
                    <a:lnTo>
                      <a:pt x="568" y="48"/>
                    </a:lnTo>
                    <a:lnTo>
                      <a:pt x="562" y="51"/>
                    </a:lnTo>
                    <a:lnTo>
                      <a:pt x="557" y="53"/>
                    </a:lnTo>
                    <a:lnTo>
                      <a:pt x="552" y="56"/>
                    </a:lnTo>
                    <a:lnTo>
                      <a:pt x="548" y="60"/>
                    </a:lnTo>
                    <a:lnTo>
                      <a:pt x="547" y="64"/>
                    </a:lnTo>
                    <a:lnTo>
                      <a:pt x="546" y="67"/>
                    </a:lnTo>
                    <a:lnTo>
                      <a:pt x="545" y="70"/>
                    </a:lnTo>
                    <a:lnTo>
                      <a:pt x="545" y="74"/>
                    </a:lnTo>
                    <a:lnTo>
                      <a:pt x="558" y="84"/>
                    </a:lnTo>
                    <a:lnTo>
                      <a:pt x="570" y="93"/>
                    </a:lnTo>
                    <a:lnTo>
                      <a:pt x="579" y="103"/>
                    </a:lnTo>
                    <a:lnTo>
                      <a:pt x="588" y="112"/>
                    </a:lnTo>
                    <a:lnTo>
                      <a:pt x="594" y="123"/>
                    </a:lnTo>
                    <a:lnTo>
                      <a:pt x="600" y="133"/>
                    </a:lnTo>
                    <a:lnTo>
                      <a:pt x="605" y="144"/>
                    </a:lnTo>
                    <a:lnTo>
                      <a:pt x="609" y="155"/>
                    </a:lnTo>
                    <a:lnTo>
                      <a:pt x="614" y="179"/>
                    </a:lnTo>
                    <a:lnTo>
                      <a:pt x="617" y="206"/>
                    </a:lnTo>
                    <a:lnTo>
                      <a:pt x="621" y="235"/>
                    </a:lnTo>
                    <a:lnTo>
                      <a:pt x="626" y="269"/>
                    </a:lnTo>
                    <a:lnTo>
                      <a:pt x="615" y="268"/>
                    </a:lnTo>
                    <a:lnTo>
                      <a:pt x="605" y="268"/>
                    </a:lnTo>
                    <a:lnTo>
                      <a:pt x="596" y="269"/>
                    </a:lnTo>
                    <a:lnTo>
                      <a:pt x="588" y="272"/>
                    </a:lnTo>
                    <a:lnTo>
                      <a:pt x="581" y="275"/>
                    </a:lnTo>
                    <a:lnTo>
                      <a:pt x="576" y="280"/>
                    </a:lnTo>
                    <a:lnTo>
                      <a:pt x="572" y="286"/>
                    </a:lnTo>
                    <a:lnTo>
                      <a:pt x="569" y="293"/>
                    </a:lnTo>
                    <a:lnTo>
                      <a:pt x="575" y="296"/>
                    </a:lnTo>
                    <a:lnTo>
                      <a:pt x="581" y="300"/>
                    </a:lnTo>
                    <a:lnTo>
                      <a:pt x="586" y="305"/>
                    </a:lnTo>
                    <a:lnTo>
                      <a:pt x="591" y="310"/>
                    </a:lnTo>
                    <a:lnTo>
                      <a:pt x="599" y="322"/>
                    </a:lnTo>
                    <a:lnTo>
                      <a:pt x="607" y="333"/>
                    </a:lnTo>
                    <a:lnTo>
                      <a:pt x="614" y="345"/>
                    </a:lnTo>
                    <a:lnTo>
                      <a:pt x="621" y="356"/>
                    </a:lnTo>
                    <a:lnTo>
                      <a:pt x="626" y="362"/>
                    </a:lnTo>
                    <a:lnTo>
                      <a:pt x="631" y="367"/>
                    </a:lnTo>
                    <a:lnTo>
                      <a:pt x="636" y="371"/>
                    </a:lnTo>
                    <a:lnTo>
                      <a:pt x="642" y="374"/>
                    </a:lnTo>
                    <a:lnTo>
                      <a:pt x="625" y="396"/>
                    </a:lnTo>
                    <a:lnTo>
                      <a:pt x="608" y="418"/>
                    </a:lnTo>
                    <a:lnTo>
                      <a:pt x="591" y="442"/>
                    </a:lnTo>
                    <a:lnTo>
                      <a:pt x="574" y="465"/>
                    </a:lnTo>
                    <a:lnTo>
                      <a:pt x="559" y="489"/>
                    </a:lnTo>
                    <a:lnTo>
                      <a:pt x="545" y="514"/>
                    </a:lnTo>
                    <a:lnTo>
                      <a:pt x="532" y="542"/>
                    </a:lnTo>
                    <a:lnTo>
                      <a:pt x="520" y="569"/>
                    </a:lnTo>
                    <a:lnTo>
                      <a:pt x="528" y="571"/>
                    </a:lnTo>
                    <a:lnTo>
                      <a:pt x="534" y="573"/>
                    </a:lnTo>
                    <a:lnTo>
                      <a:pt x="540" y="575"/>
                    </a:lnTo>
                    <a:lnTo>
                      <a:pt x="547" y="578"/>
                    </a:lnTo>
                    <a:lnTo>
                      <a:pt x="558" y="585"/>
                    </a:lnTo>
                    <a:lnTo>
                      <a:pt x="568" y="593"/>
                    </a:lnTo>
                    <a:lnTo>
                      <a:pt x="577" y="604"/>
                    </a:lnTo>
                    <a:lnTo>
                      <a:pt x="585" y="615"/>
                    </a:lnTo>
                    <a:lnTo>
                      <a:pt x="591" y="627"/>
                    </a:lnTo>
                    <a:lnTo>
                      <a:pt x="597" y="641"/>
                    </a:lnTo>
                    <a:lnTo>
                      <a:pt x="601" y="654"/>
                    </a:lnTo>
                    <a:lnTo>
                      <a:pt x="606" y="669"/>
                    </a:lnTo>
                    <a:lnTo>
                      <a:pt x="608" y="684"/>
                    </a:lnTo>
                    <a:lnTo>
                      <a:pt x="610" y="699"/>
                    </a:lnTo>
                    <a:lnTo>
                      <a:pt x="611" y="713"/>
                    </a:lnTo>
                    <a:lnTo>
                      <a:pt x="611" y="728"/>
                    </a:lnTo>
                    <a:lnTo>
                      <a:pt x="611" y="743"/>
                    </a:lnTo>
                    <a:lnTo>
                      <a:pt x="610" y="756"/>
                    </a:lnTo>
                    <a:lnTo>
                      <a:pt x="618" y="754"/>
                    </a:lnTo>
                    <a:lnTo>
                      <a:pt x="626" y="754"/>
                    </a:lnTo>
                    <a:lnTo>
                      <a:pt x="631" y="754"/>
                    </a:lnTo>
                    <a:lnTo>
                      <a:pt x="635" y="757"/>
                    </a:lnTo>
                    <a:lnTo>
                      <a:pt x="638" y="761"/>
                    </a:lnTo>
                    <a:lnTo>
                      <a:pt x="640" y="765"/>
                    </a:lnTo>
                    <a:lnTo>
                      <a:pt x="642" y="769"/>
                    </a:lnTo>
                    <a:lnTo>
                      <a:pt x="644" y="774"/>
                    </a:lnTo>
                    <a:lnTo>
                      <a:pt x="646" y="786"/>
                    </a:lnTo>
                    <a:lnTo>
                      <a:pt x="647" y="797"/>
                    </a:lnTo>
                    <a:lnTo>
                      <a:pt x="649" y="803"/>
                    </a:lnTo>
                    <a:lnTo>
                      <a:pt x="651" y="807"/>
                    </a:lnTo>
                    <a:lnTo>
                      <a:pt x="654" y="810"/>
                    </a:lnTo>
                    <a:lnTo>
                      <a:pt x="658" y="812"/>
                    </a:lnTo>
                    <a:lnTo>
                      <a:pt x="658" y="830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95" name="Slagelse kant"/>
              <p:cNvSpPr>
                <a:spLocks/>
              </p:cNvSpPr>
              <p:nvPr/>
            </p:nvSpPr>
            <p:spPr bwMode="auto">
              <a:xfrm>
                <a:off x="2933700" y="5610225"/>
                <a:ext cx="52387" cy="85725"/>
              </a:xfrm>
              <a:custGeom>
                <a:avLst/>
                <a:gdLst>
                  <a:gd name="T0" fmla="*/ 3 w 100"/>
                  <a:gd name="T1" fmla="*/ 2 h 162"/>
                  <a:gd name="T2" fmla="*/ 5 w 100"/>
                  <a:gd name="T3" fmla="*/ 1 h 162"/>
                  <a:gd name="T4" fmla="*/ 7 w 100"/>
                  <a:gd name="T5" fmla="*/ 0 h 162"/>
                  <a:gd name="T6" fmla="*/ 7 w 100"/>
                  <a:gd name="T7" fmla="*/ 0 h 162"/>
                  <a:gd name="T8" fmla="*/ 8 w 100"/>
                  <a:gd name="T9" fmla="*/ 1 h 162"/>
                  <a:gd name="T10" fmla="*/ 8 w 100"/>
                  <a:gd name="T11" fmla="*/ 2 h 162"/>
                  <a:gd name="T12" fmla="*/ 9 w 100"/>
                  <a:gd name="T13" fmla="*/ 3 h 162"/>
                  <a:gd name="T14" fmla="*/ 10 w 100"/>
                  <a:gd name="T15" fmla="*/ 4 h 162"/>
                  <a:gd name="T16" fmla="*/ 11 w 100"/>
                  <a:gd name="T17" fmla="*/ 5 h 162"/>
                  <a:gd name="T18" fmla="*/ 15 w 100"/>
                  <a:gd name="T19" fmla="*/ 10 h 162"/>
                  <a:gd name="T20" fmla="*/ 18 w 100"/>
                  <a:gd name="T21" fmla="*/ 15 h 162"/>
                  <a:gd name="T22" fmla="*/ 20 w 100"/>
                  <a:gd name="T23" fmla="*/ 20 h 162"/>
                  <a:gd name="T24" fmla="*/ 23 w 100"/>
                  <a:gd name="T25" fmla="*/ 26 h 162"/>
                  <a:gd name="T26" fmla="*/ 28 w 100"/>
                  <a:gd name="T27" fmla="*/ 37 h 162"/>
                  <a:gd name="T28" fmla="*/ 33 w 100"/>
                  <a:gd name="T29" fmla="*/ 48 h 162"/>
                  <a:gd name="T30" fmla="*/ 32 w 100"/>
                  <a:gd name="T31" fmla="*/ 49 h 162"/>
                  <a:gd name="T32" fmla="*/ 31 w 100"/>
                  <a:gd name="T33" fmla="*/ 49 h 162"/>
                  <a:gd name="T34" fmla="*/ 31 w 100"/>
                  <a:gd name="T35" fmla="*/ 50 h 162"/>
                  <a:gd name="T36" fmla="*/ 31 w 100"/>
                  <a:gd name="T37" fmla="*/ 50 h 162"/>
                  <a:gd name="T38" fmla="*/ 30 w 100"/>
                  <a:gd name="T39" fmla="*/ 52 h 162"/>
                  <a:gd name="T40" fmla="*/ 30 w 100"/>
                  <a:gd name="T41" fmla="*/ 54 h 162"/>
                  <a:gd name="T42" fmla="*/ 26 w 100"/>
                  <a:gd name="T43" fmla="*/ 53 h 162"/>
                  <a:gd name="T44" fmla="*/ 22 w 100"/>
                  <a:gd name="T45" fmla="*/ 52 h 162"/>
                  <a:gd name="T46" fmla="*/ 19 w 100"/>
                  <a:gd name="T47" fmla="*/ 50 h 162"/>
                  <a:gd name="T48" fmla="*/ 16 w 100"/>
                  <a:gd name="T49" fmla="*/ 48 h 162"/>
                  <a:gd name="T50" fmla="*/ 12 w 100"/>
                  <a:gd name="T51" fmla="*/ 46 h 162"/>
                  <a:gd name="T52" fmla="*/ 9 w 100"/>
                  <a:gd name="T53" fmla="*/ 43 h 162"/>
                  <a:gd name="T54" fmla="*/ 7 w 100"/>
                  <a:gd name="T55" fmla="*/ 40 h 162"/>
                  <a:gd name="T56" fmla="*/ 5 w 100"/>
                  <a:gd name="T57" fmla="*/ 37 h 162"/>
                  <a:gd name="T58" fmla="*/ 3 w 100"/>
                  <a:gd name="T59" fmla="*/ 33 h 162"/>
                  <a:gd name="T60" fmla="*/ 2 w 100"/>
                  <a:gd name="T61" fmla="*/ 30 h 162"/>
                  <a:gd name="T62" fmla="*/ 1 w 100"/>
                  <a:gd name="T63" fmla="*/ 25 h 162"/>
                  <a:gd name="T64" fmla="*/ 0 w 100"/>
                  <a:gd name="T65" fmla="*/ 21 h 162"/>
                  <a:gd name="T66" fmla="*/ 0 w 100"/>
                  <a:gd name="T67" fmla="*/ 17 h 162"/>
                  <a:gd name="T68" fmla="*/ 1 w 100"/>
                  <a:gd name="T69" fmla="*/ 12 h 162"/>
                  <a:gd name="T70" fmla="*/ 2 w 100"/>
                  <a:gd name="T71" fmla="*/ 7 h 162"/>
                  <a:gd name="T72" fmla="*/ 3 w 100"/>
                  <a:gd name="T73" fmla="*/ 2 h 162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0" t="0" r="r" b="b"/>
                <a:pathLst>
                  <a:path w="100" h="162">
                    <a:moveTo>
                      <a:pt x="10" y="7"/>
                    </a:moveTo>
                    <a:lnTo>
                      <a:pt x="16" y="3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4" y="3"/>
                    </a:lnTo>
                    <a:lnTo>
                      <a:pt x="25" y="6"/>
                    </a:lnTo>
                    <a:lnTo>
                      <a:pt x="27" y="9"/>
                    </a:lnTo>
                    <a:lnTo>
                      <a:pt x="30" y="12"/>
                    </a:lnTo>
                    <a:lnTo>
                      <a:pt x="34" y="15"/>
                    </a:lnTo>
                    <a:lnTo>
                      <a:pt x="45" y="29"/>
                    </a:lnTo>
                    <a:lnTo>
                      <a:pt x="54" y="45"/>
                    </a:lnTo>
                    <a:lnTo>
                      <a:pt x="62" y="60"/>
                    </a:lnTo>
                    <a:lnTo>
                      <a:pt x="70" y="77"/>
                    </a:lnTo>
                    <a:lnTo>
                      <a:pt x="85" y="111"/>
                    </a:lnTo>
                    <a:lnTo>
                      <a:pt x="100" y="145"/>
                    </a:lnTo>
                    <a:lnTo>
                      <a:pt x="97" y="146"/>
                    </a:lnTo>
                    <a:lnTo>
                      <a:pt x="95" y="147"/>
                    </a:lnTo>
                    <a:lnTo>
                      <a:pt x="94" y="149"/>
                    </a:lnTo>
                    <a:lnTo>
                      <a:pt x="93" y="151"/>
                    </a:lnTo>
                    <a:lnTo>
                      <a:pt x="92" y="156"/>
                    </a:lnTo>
                    <a:lnTo>
                      <a:pt x="91" y="162"/>
                    </a:lnTo>
                    <a:lnTo>
                      <a:pt x="80" y="159"/>
                    </a:lnTo>
                    <a:lnTo>
                      <a:pt x="68" y="155"/>
                    </a:lnTo>
                    <a:lnTo>
                      <a:pt x="57" y="151"/>
                    </a:lnTo>
                    <a:lnTo>
                      <a:pt x="47" y="145"/>
                    </a:lnTo>
                    <a:lnTo>
                      <a:pt x="37" y="137"/>
                    </a:lnTo>
                    <a:lnTo>
                      <a:pt x="28" y="130"/>
                    </a:lnTo>
                    <a:lnTo>
                      <a:pt x="21" y="121"/>
                    </a:lnTo>
                    <a:lnTo>
                      <a:pt x="14" y="111"/>
                    </a:lnTo>
                    <a:lnTo>
                      <a:pt x="9" y="99"/>
                    </a:lnTo>
                    <a:lnTo>
                      <a:pt x="5" y="89"/>
                    </a:lnTo>
                    <a:lnTo>
                      <a:pt x="2" y="76"/>
                    </a:lnTo>
                    <a:lnTo>
                      <a:pt x="0" y="64"/>
                    </a:lnTo>
                    <a:lnTo>
                      <a:pt x="0" y="50"/>
                    </a:lnTo>
                    <a:lnTo>
                      <a:pt x="2" y="36"/>
                    </a:lnTo>
                    <a:lnTo>
                      <a:pt x="5" y="22"/>
                    </a:lnTo>
                    <a:lnTo>
                      <a:pt x="10" y="7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96" name="Slagelse"/>
              <p:cNvSpPr>
                <a:spLocks/>
              </p:cNvSpPr>
              <p:nvPr/>
            </p:nvSpPr>
            <p:spPr bwMode="auto">
              <a:xfrm>
                <a:off x="2908300" y="5700713"/>
                <a:ext cx="47625" cy="55563"/>
              </a:xfrm>
              <a:custGeom>
                <a:avLst/>
                <a:gdLst>
                  <a:gd name="T0" fmla="*/ 14 w 90"/>
                  <a:gd name="T1" fmla="*/ 35 h 104"/>
                  <a:gd name="T2" fmla="*/ 12 w 90"/>
                  <a:gd name="T3" fmla="*/ 35 h 104"/>
                  <a:gd name="T4" fmla="*/ 10 w 90"/>
                  <a:gd name="T5" fmla="*/ 34 h 104"/>
                  <a:gd name="T6" fmla="*/ 8 w 90"/>
                  <a:gd name="T7" fmla="*/ 34 h 104"/>
                  <a:gd name="T8" fmla="*/ 7 w 90"/>
                  <a:gd name="T9" fmla="*/ 33 h 104"/>
                  <a:gd name="T10" fmla="*/ 6 w 90"/>
                  <a:gd name="T11" fmla="*/ 32 h 104"/>
                  <a:gd name="T12" fmla="*/ 5 w 90"/>
                  <a:gd name="T13" fmla="*/ 30 h 104"/>
                  <a:gd name="T14" fmla="*/ 5 w 90"/>
                  <a:gd name="T15" fmla="*/ 29 h 104"/>
                  <a:gd name="T16" fmla="*/ 4 w 90"/>
                  <a:gd name="T17" fmla="*/ 27 h 104"/>
                  <a:gd name="T18" fmla="*/ 2 w 90"/>
                  <a:gd name="T19" fmla="*/ 20 h 104"/>
                  <a:gd name="T20" fmla="*/ 0 w 90"/>
                  <a:gd name="T21" fmla="*/ 13 h 104"/>
                  <a:gd name="T22" fmla="*/ 6 w 90"/>
                  <a:gd name="T23" fmla="*/ 8 h 104"/>
                  <a:gd name="T24" fmla="*/ 13 w 90"/>
                  <a:gd name="T25" fmla="*/ 3 h 104"/>
                  <a:gd name="T26" fmla="*/ 15 w 90"/>
                  <a:gd name="T27" fmla="*/ 2 h 104"/>
                  <a:gd name="T28" fmla="*/ 17 w 90"/>
                  <a:gd name="T29" fmla="*/ 1 h 104"/>
                  <a:gd name="T30" fmla="*/ 19 w 90"/>
                  <a:gd name="T31" fmla="*/ 0 h 104"/>
                  <a:gd name="T32" fmla="*/ 21 w 90"/>
                  <a:gd name="T33" fmla="*/ 0 h 104"/>
                  <a:gd name="T34" fmla="*/ 24 w 90"/>
                  <a:gd name="T35" fmla="*/ 0 h 104"/>
                  <a:gd name="T36" fmla="*/ 26 w 90"/>
                  <a:gd name="T37" fmla="*/ 0 h 104"/>
                  <a:gd name="T38" fmla="*/ 28 w 90"/>
                  <a:gd name="T39" fmla="*/ 1 h 104"/>
                  <a:gd name="T40" fmla="*/ 30 w 90"/>
                  <a:gd name="T41" fmla="*/ 2 h 104"/>
                  <a:gd name="T42" fmla="*/ 30 w 90"/>
                  <a:gd name="T43" fmla="*/ 6 h 104"/>
                  <a:gd name="T44" fmla="*/ 30 w 90"/>
                  <a:gd name="T45" fmla="*/ 10 h 104"/>
                  <a:gd name="T46" fmla="*/ 28 w 90"/>
                  <a:gd name="T47" fmla="*/ 11 h 104"/>
                  <a:gd name="T48" fmla="*/ 26 w 90"/>
                  <a:gd name="T49" fmla="*/ 12 h 104"/>
                  <a:gd name="T50" fmla="*/ 25 w 90"/>
                  <a:gd name="T51" fmla="*/ 13 h 104"/>
                  <a:gd name="T52" fmla="*/ 24 w 90"/>
                  <a:gd name="T53" fmla="*/ 14 h 104"/>
                  <a:gd name="T54" fmla="*/ 22 w 90"/>
                  <a:gd name="T55" fmla="*/ 18 h 104"/>
                  <a:gd name="T56" fmla="*/ 20 w 90"/>
                  <a:gd name="T57" fmla="*/ 21 h 104"/>
                  <a:gd name="T58" fmla="*/ 17 w 90"/>
                  <a:gd name="T59" fmla="*/ 28 h 104"/>
                  <a:gd name="T60" fmla="*/ 14 w 90"/>
                  <a:gd name="T61" fmla="*/ 35 h 104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90" h="104">
                    <a:moveTo>
                      <a:pt x="41" y="104"/>
                    </a:moveTo>
                    <a:lnTo>
                      <a:pt x="35" y="103"/>
                    </a:lnTo>
                    <a:lnTo>
                      <a:pt x="30" y="102"/>
                    </a:lnTo>
                    <a:lnTo>
                      <a:pt x="25" y="100"/>
                    </a:lnTo>
                    <a:lnTo>
                      <a:pt x="21" y="97"/>
                    </a:lnTo>
                    <a:lnTo>
                      <a:pt x="18" y="94"/>
                    </a:lnTo>
                    <a:lnTo>
                      <a:pt x="16" y="90"/>
                    </a:lnTo>
                    <a:lnTo>
                      <a:pt x="14" y="85"/>
                    </a:lnTo>
                    <a:lnTo>
                      <a:pt x="12" y="80"/>
                    </a:lnTo>
                    <a:lnTo>
                      <a:pt x="7" y="60"/>
                    </a:lnTo>
                    <a:lnTo>
                      <a:pt x="0" y="39"/>
                    </a:lnTo>
                    <a:lnTo>
                      <a:pt x="19" y="24"/>
                    </a:lnTo>
                    <a:lnTo>
                      <a:pt x="40" y="8"/>
                    </a:lnTo>
                    <a:lnTo>
                      <a:pt x="45" y="5"/>
                    </a:lnTo>
                    <a:lnTo>
                      <a:pt x="52" y="2"/>
                    </a:lnTo>
                    <a:lnTo>
                      <a:pt x="58" y="1"/>
                    </a:lnTo>
                    <a:lnTo>
                      <a:pt x="64" y="0"/>
                    </a:lnTo>
                    <a:lnTo>
                      <a:pt x="71" y="0"/>
                    </a:lnTo>
                    <a:lnTo>
                      <a:pt x="77" y="1"/>
                    </a:lnTo>
                    <a:lnTo>
                      <a:pt x="83" y="3"/>
                    </a:lnTo>
                    <a:lnTo>
                      <a:pt x="90" y="6"/>
                    </a:lnTo>
                    <a:lnTo>
                      <a:pt x="90" y="19"/>
                    </a:lnTo>
                    <a:lnTo>
                      <a:pt x="90" y="31"/>
                    </a:lnTo>
                    <a:lnTo>
                      <a:pt x="84" y="34"/>
                    </a:lnTo>
                    <a:lnTo>
                      <a:pt x="79" y="36"/>
                    </a:lnTo>
                    <a:lnTo>
                      <a:pt x="75" y="39"/>
                    </a:lnTo>
                    <a:lnTo>
                      <a:pt x="72" y="43"/>
                    </a:lnTo>
                    <a:lnTo>
                      <a:pt x="65" y="52"/>
                    </a:lnTo>
                    <a:lnTo>
                      <a:pt x="60" y="62"/>
                    </a:lnTo>
                    <a:lnTo>
                      <a:pt x="51" y="83"/>
                    </a:lnTo>
                    <a:lnTo>
                      <a:pt x="41" y="104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97" name="Slagelse kant"/>
              <p:cNvSpPr>
                <a:spLocks/>
              </p:cNvSpPr>
              <p:nvPr/>
            </p:nvSpPr>
            <p:spPr bwMode="auto">
              <a:xfrm>
                <a:off x="2908300" y="5700713"/>
                <a:ext cx="47625" cy="55563"/>
              </a:xfrm>
              <a:custGeom>
                <a:avLst/>
                <a:gdLst>
                  <a:gd name="T0" fmla="*/ 14 w 90"/>
                  <a:gd name="T1" fmla="*/ 35 h 104"/>
                  <a:gd name="T2" fmla="*/ 12 w 90"/>
                  <a:gd name="T3" fmla="*/ 35 h 104"/>
                  <a:gd name="T4" fmla="*/ 10 w 90"/>
                  <a:gd name="T5" fmla="*/ 34 h 104"/>
                  <a:gd name="T6" fmla="*/ 8 w 90"/>
                  <a:gd name="T7" fmla="*/ 34 h 104"/>
                  <a:gd name="T8" fmla="*/ 7 w 90"/>
                  <a:gd name="T9" fmla="*/ 33 h 104"/>
                  <a:gd name="T10" fmla="*/ 6 w 90"/>
                  <a:gd name="T11" fmla="*/ 32 h 104"/>
                  <a:gd name="T12" fmla="*/ 5 w 90"/>
                  <a:gd name="T13" fmla="*/ 30 h 104"/>
                  <a:gd name="T14" fmla="*/ 5 w 90"/>
                  <a:gd name="T15" fmla="*/ 29 h 104"/>
                  <a:gd name="T16" fmla="*/ 4 w 90"/>
                  <a:gd name="T17" fmla="*/ 27 h 104"/>
                  <a:gd name="T18" fmla="*/ 2 w 90"/>
                  <a:gd name="T19" fmla="*/ 20 h 104"/>
                  <a:gd name="T20" fmla="*/ 0 w 90"/>
                  <a:gd name="T21" fmla="*/ 13 h 104"/>
                  <a:gd name="T22" fmla="*/ 6 w 90"/>
                  <a:gd name="T23" fmla="*/ 8 h 104"/>
                  <a:gd name="T24" fmla="*/ 13 w 90"/>
                  <a:gd name="T25" fmla="*/ 3 h 104"/>
                  <a:gd name="T26" fmla="*/ 15 w 90"/>
                  <a:gd name="T27" fmla="*/ 2 h 104"/>
                  <a:gd name="T28" fmla="*/ 17 w 90"/>
                  <a:gd name="T29" fmla="*/ 1 h 104"/>
                  <a:gd name="T30" fmla="*/ 19 w 90"/>
                  <a:gd name="T31" fmla="*/ 0 h 104"/>
                  <a:gd name="T32" fmla="*/ 21 w 90"/>
                  <a:gd name="T33" fmla="*/ 0 h 104"/>
                  <a:gd name="T34" fmla="*/ 24 w 90"/>
                  <a:gd name="T35" fmla="*/ 0 h 104"/>
                  <a:gd name="T36" fmla="*/ 26 w 90"/>
                  <a:gd name="T37" fmla="*/ 0 h 104"/>
                  <a:gd name="T38" fmla="*/ 28 w 90"/>
                  <a:gd name="T39" fmla="*/ 1 h 104"/>
                  <a:gd name="T40" fmla="*/ 30 w 90"/>
                  <a:gd name="T41" fmla="*/ 2 h 104"/>
                  <a:gd name="T42" fmla="*/ 30 w 90"/>
                  <a:gd name="T43" fmla="*/ 6 h 104"/>
                  <a:gd name="T44" fmla="*/ 30 w 90"/>
                  <a:gd name="T45" fmla="*/ 10 h 104"/>
                  <a:gd name="T46" fmla="*/ 28 w 90"/>
                  <a:gd name="T47" fmla="*/ 11 h 104"/>
                  <a:gd name="T48" fmla="*/ 26 w 90"/>
                  <a:gd name="T49" fmla="*/ 12 h 104"/>
                  <a:gd name="T50" fmla="*/ 25 w 90"/>
                  <a:gd name="T51" fmla="*/ 13 h 104"/>
                  <a:gd name="T52" fmla="*/ 24 w 90"/>
                  <a:gd name="T53" fmla="*/ 14 h 104"/>
                  <a:gd name="T54" fmla="*/ 22 w 90"/>
                  <a:gd name="T55" fmla="*/ 18 h 104"/>
                  <a:gd name="T56" fmla="*/ 20 w 90"/>
                  <a:gd name="T57" fmla="*/ 21 h 104"/>
                  <a:gd name="T58" fmla="*/ 17 w 90"/>
                  <a:gd name="T59" fmla="*/ 28 h 104"/>
                  <a:gd name="T60" fmla="*/ 14 w 90"/>
                  <a:gd name="T61" fmla="*/ 35 h 104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90" h="104">
                    <a:moveTo>
                      <a:pt x="41" y="104"/>
                    </a:moveTo>
                    <a:lnTo>
                      <a:pt x="35" y="103"/>
                    </a:lnTo>
                    <a:lnTo>
                      <a:pt x="30" y="102"/>
                    </a:lnTo>
                    <a:lnTo>
                      <a:pt x="25" y="100"/>
                    </a:lnTo>
                    <a:lnTo>
                      <a:pt x="21" y="97"/>
                    </a:lnTo>
                    <a:lnTo>
                      <a:pt x="18" y="94"/>
                    </a:lnTo>
                    <a:lnTo>
                      <a:pt x="16" y="90"/>
                    </a:lnTo>
                    <a:lnTo>
                      <a:pt x="14" y="85"/>
                    </a:lnTo>
                    <a:lnTo>
                      <a:pt x="12" y="80"/>
                    </a:lnTo>
                    <a:lnTo>
                      <a:pt x="7" y="60"/>
                    </a:lnTo>
                    <a:lnTo>
                      <a:pt x="0" y="39"/>
                    </a:lnTo>
                    <a:lnTo>
                      <a:pt x="19" y="24"/>
                    </a:lnTo>
                    <a:lnTo>
                      <a:pt x="40" y="8"/>
                    </a:lnTo>
                    <a:lnTo>
                      <a:pt x="45" y="5"/>
                    </a:lnTo>
                    <a:lnTo>
                      <a:pt x="52" y="2"/>
                    </a:lnTo>
                    <a:lnTo>
                      <a:pt x="58" y="1"/>
                    </a:lnTo>
                    <a:lnTo>
                      <a:pt x="64" y="0"/>
                    </a:lnTo>
                    <a:lnTo>
                      <a:pt x="71" y="0"/>
                    </a:lnTo>
                    <a:lnTo>
                      <a:pt x="77" y="1"/>
                    </a:lnTo>
                    <a:lnTo>
                      <a:pt x="83" y="3"/>
                    </a:lnTo>
                    <a:lnTo>
                      <a:pt x="90" y="6"/>
                    </a:lnTo>
                    <a:lnTo>
                      <a:pt x="90" y="19"/>
                    </a:lnTo>
                    <a:lnTo>
                      <a:pt x="90" y="31"/>
                    </a:lnTo>
                    <a:lnTo>
                      <a:pt x="84" y="34"/>
                    </a:lnTo>
                    <a:lnTo>
                      <a:pt x="79" y="36"/>
                    </a:lnTo>
                    <a:lnTo>
                      <a:pt x="75" y="39"/>
                    </a:lnTo>
                    <a:lnTo>
                      <a:pt x="72" y="43"/>
                    </a:lnTo>
                    <a:lnTo>
                      <a:pt x="65" y="52"/>
                    </a:lnTo>
                    <a:lnTo>
                      <a:pt x="60" y="62"/>
                    </a:lnTo>
                    <a:lnTo>
                      <a:pt x="51" y="83"/>
                    </a:lnTo>
                    <a:lnTo>
                      <a:pt x="41" y="104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534" name="Holbæk"/>
            <p:cNvSpPr>
              <a:spLocks/>
            </p:cNvSpPr>
            <p:nvPr/>
          </p:nvSpPr>
          <p:spPr bwMode="auto">
            <a:xfrm>
              <a:off x="3071813" y="4778375"/>
              <a:ext cx="387350" cy="431800"/>
            </a:xfrm>
            <a:custGeom>
              <a:avLst/>
              <a:gdLst>
                <a:gd name="T0" fmla="*/ 221 w 732"/>
                <a:gd name="T1" fmla="*/ 109 h 815"/>
                <a:gd name="T2" fmla="*/ 219 w 732"/>
                <a:gd name="T3" fmla="*/ 107 h 815"/>
                <a:gd name="T4" fmla="*/ 219 w 732"/>
                <a:gd name="T5" fmla="*/ 111 h 815"/>
                <a:gd name="T6" fmla="*/ 225 w 732"/>
                <a:gd name="T7" fmla="*/ 118 h 815"/>
                <a:gd name="T8" fmla="*/ 222 w 732"/>
                <a:gd name="T9" fmla="*/ 123 h 815"/>
                <a:gd name="T10" fmla="*/ 212 w 732"/>
                <a:gd name="T11" fmla="*/ 133 h 815"/>
                <a:gd name="T12" fmla="*/ 206 w 732"/>
                <a:gd name="T13" fmla="*/ 152 h 815"/>
                <a:gd name="T14" fmla="*/ 218 w 732"/>
                <a:gd name="T15" fmla="*/ 181 h 815"/>
                <a:gd name="T16" fmla="*/ 231 w 732"/>
                <a:gd name="T17" fmla="*/ 206 h 815"/>
                <a:gd name="T18" fmla="*/ 242 w 732"/>
                <a:gd name="T19" fmla="*/ 213 h 815"/>
                <a:gd name="T20" fmla="*/ 237 w 732"/>
                <a:gd name="T21" fmla="*/ 225 h 815"/>
                <a:gd name="T22" fmla="*/ 220 w 732"/>
                <a:gd name="T23" fmla="*/ 241 h 815"/>
                <a:gd name="T24" fmla="*/ 203 w 732"/>
                <a:gd name="T25" fmla="*/ 243 h 815"/>
                <a:gd name="T26" fmla="*/ 192 w 732"/>
                <a:gd name="T27" fmla="*/ 242 h 815"/>
                <a:gd name="T28" fmla="*/ 187 w 732"/>
                <a:gd name="T29" fmla="*/ 250 h 815"/>
                <a:gd name="T30" fmla="*/ 185 w 732"/>
                <a:gd name="T31" fmla="*/ 266 h 815"/>
                <a:gd name="T32" fmla="*/ 175 w 732"/>
                <a:gd name="T33" fmla="*/ 267 h 815"/>
                <a:gd name="T34" fmla="*/ 166 w 732"/>
                <a:gd name="T35" fmla="*/ 271 h 815"/>
                <a:gd name="T36" fmla="*/ 161 w 732"/>
                <a:gd name="T37" fmla="*/ 268 h 815"/>
                <a:gd name="T38" fmla="*/ 161 w 732"/>
                <a:gd name="T39" fmla="*/ 264 h 815"/>
                <a:gd name="T40" fmla="*/ 157 w 732"/>
                <a:gd name="T41" fmla="*/ 263 h 815"/>
                <a:gd name="T42" fmla="*/ 163 w 732"/>
                <a:gd name="T43" fmla="*/ 253 h 815"/>
                <a:gd name="T44" fmla="*/ 165 w 732"/>
                <a:gd name="T45" fmla="*/ 240 h 815"/>
                <a:gd name="T46" fmla="*/ 161 w 732"/>
                <a:gd name="T47" fmla="*/ 228 h 815"/>
                <a:gd name="T48" fmla="*/ 149 w 732"/>
                <a:gd name="T49" fmla="*/ 224 h 815"/>
                <a:gd name="T50" fmla="*/ 131 w 732"/>
                <a:gd name="T51" fmla="*/ 224 h 815"/>
                <a:gd name="T52" fmla="*/ 111 w 732"/>
                <a:gd name="T53" fmla="*/ 216 h 815"/>
                <a:gd name="T54" fmla="*/ 83 w 732"/>
                <a:gd name="T55" fmla="*/ 207 h 815"/>
                <a:gd name="T56" fmla="*/ 57 w 732"/>
                <a:gd name="T57" fmla="*/ 216 h 815"/>
                <a:gd name="T58" fmla="*/ 37 w 732"/>
                <a:gd name="T59" fmla="*/ 218 h 815"/>
                <a:gd name="T60" fmla="*/ 19 w 732"/>
                <a:gd name="T61" fmla="*/ 202 h 815"/>
                <a:gd name="T62" fmla="*/ 10 w 732"/>
                <a:gd name="T63" fmla="*/ 186 h 815"/>
                <a:gd name="T64" fmla="*/ 8 w 732"/>
                <a:gd name="T65" fmla="*/ 172 h 815"/>
                <a:gd name="T66" fmla="*/ 6 w 732"/>
                <a:gd name="T67" fmla="*/ 167 h 815"/>
                <a:gd name="T68" fmla="*/ 3 w 732"/>
                <a:gd name="T69" fmla="*/ 162 h 815"/>
                <a:gd name="T70" fmla="*/ 12 w 732"/>
                <a:gd name="T71" fmla="*/ 151 h 815"/>
                <a:gd name="T72" fmla="*/ 8 w 732"/>
                <a:gd name="T73" fmla="*/ 143 h 815"/>
                <a:gd name="T74" fmla="*/ 7 w 732"/>
                <a:gd name="T75" fmla="*/ 132 h 815"/>
                <a:gd name="T76" fmla="*/ 16 w 732"/>
                <a:gd name="T77" fmla="*/ 112 h 815"/>
                <a:gd name="T78" fmla="*/ 24 w 732"/>
                <a:gd name="T79" fmla="*/ 90 h 815"/>
                <a:gd name="T80" fmla="*/ 37 w 732"/>
                <a:gd name="T81" fmla="*/ 83 h 815"/>
                <a:gd name="T82" fmla="*/ 50 w 732"/>
                <a:gd name="T83" fmla="*/ 79 h 815"/>
                <a:gd name="T84" fmla="*/ 69 w 732"/>
                <a:gd name="T85" fmla="*/ 66 h 815"/>
                <a:gd name="T86" fmla="*/ 87 w 732"/>
                <a:gd name="T87" fmla="*/ 53 h 815"/>
                <a:gd name="T88" fmla="*/ 100 w 732"/>
                <a:gd name="T89" fmla="*/ 48 h 815"/>
                <a:gd name="T90" fmla="*/ 115 w 732"/>
                <a:gd name="T91" fmla="*/ 45 h 815"/>
                <a:gd name="T92" fmla="*/ 132 w 732"/>
                <a:gd name="T93" fmla="*/ 46 h 815"/>
                <a:gd name="T94" fmla="*/ 144 w 732"/>
                <a:gd name="T95" fmla="*/ 37 h 815"/>
                <a:gd name="T96" fmla="*/ 161 w 732"/>
                <a:gd name="T97" fmla="*/ 25 h 815"/>
                <a:gd name="T98" fmla="*/ 188 w 732"/>
                <a:gd name="T99" fmla="*/ 16 h 815"/>
                <a:gd name="T100" fmla="*/ 223 w 732"/>
                <a:gd name="T101" fmla="*/ 5 h 815"/>
                <a:gd name="T102" fmla="*/ 230 w 732"/>
                <a:gd name="T103" fmla="*/ 4 h 815"/>
                <a:gd name="T104" fmla="*/ 235 w 732"/>
                <a:gd name="T105" fmla="*/ 1 h 815"/>
                <a:gd name="T106" fmla="*/ 241 w 732"/>
                <a:gd name="T107" fmla="*/ 4 h 815"/>
                <a:gd name="T108" fmla="*/ 241 w 732"/>
                <a:gd name="T109" fmla="*/ 17 h 815"/>
                <a:gd name="T110" fmla="*/ 241 w 732"/>
                <a:gd name="T111" fmla="*/ 35 h 815"/>
                <a:gd name="T112" fmla="*/ 234 w 732"/>
                <a:gd name="T113" fmla="*/ 67 h 815"/>
                <a:gd name="T114" fmla="*/ 232 w 732"/>
                <a:gd name="T115" fmla="*/ 91 h 815"/>
                <a:gd name="T116" fmla="*/ 227 w 732"/>
                <a:gd name="T117" fmla="*/ 117 h 815"/>
                <a:gd name="T118" fmla="*/ 225 w 732"/>
                <a:gd name="T119" fmla="*/ 113 h 815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732" h="815">
                  <a:moveTo>
                    <a:pt x="675" y="335"/>
                  </a:moveTo>
                  <a:lnTo>
                    <a:pt x="669" y="333"/>
                  </a:lnTo>
                  <a:lnTo>
                    <a:pt x="664" y="329"/>
                  </a:lnTo>
                  <a:lnTo>
                    <a:pt x="662" y="328"/>
                  </a:lnTo>
                  <a:lnTo>
                    <a:pt x="661" y="325"/>
                  </a:lnTo>
                  <a:lnTo>
                    <a:pt x="659" y="323"/>
                  </a:lnTo>
                  <a:lnTo>
                    <a:pt x="659" y="319"/>
                  </a:lnTo>
                  <a:lnTo>
                    <a:pt x="656" y="320"/>
                  </a:lnTo>
                  <a:lnTo>
                    <a:pt x="655" y="323"/>
                  </a:lnTo>
                  <a:lnTo>
                    <a:pt x="654" y="325"/>
                  </a:lnTo>
                  <a:lnTo>
                    <a:pt x="655" y="327"/>
                  </a:lnTo>
                  <a:lnTo>
                    <a:pt x="658" y="332"/>
                  </a:lnTo>
                  <a:lnTo>
                    <a:pt x="662" y="337"/>
                  </a:lnTo>
                  <a:lnTo>
                    <a:pt x="667" y="345"/>
                  </a:lnTo>
                  <a:lnTo>
                    <a:pt x="673" y="351"/>
                  </a:lnTo>
                  <a:lnTo>
                    <a:pt x="675" y="355"/>
                  </a:lnTo>
                  <a:lnTo>
                    <a:pt x="676" y="359"/>
                  </a:lnTo>
                  <a:lnTo>
                    <a:pt x="676" y="364"/>
                  </a:lnTo>
                  <a:lnTo>
                    <a:pt x="675" y="368"/>
                  </a:lnTo>
                  <a:lnTo>
                    <a:pt x="665" y="370"/>
                  </a:lnTo>
                  <a:lnTo>
                    <a:pt x="657" y="374"/>
                  </a:lnTo>
                  <a:lnTo>
                    <a:pt x="649" y="379"/>
                  </a:lnTo>
                  <a:lnTo>
                    <a:pt x="644" y="386"/>
                  </a:lnTo>
                  <a:lnTo>
                    <a:pt x="635" y="400"/>
                  </a:lnTo>
                  <a:lnTo>
                    <a:pt x="626" y="416"/>
                  </a:lnTo>
                  <a:lnTo>
                    <a:pt x="617" y="424"/>
                  </a:lnTo>
                  <a:lnTo>
                    <a:pt x="609" y="433"/>
                  </a:lnTo>
                  <a:lnTo>
                    <a:pt x="618" y="455"/>
                  </a:lnTo>
                  <a:lnTo>
                    <a:pt x="627" y="476"/>
                  </a:lnTo>
                  <a:lnTo>
                    <a:pt x="636" y="498"/>
                  </a:lnTo>
                  <a:lnTo>
                    <a:pt x="645" y="519"/>
                  </a:lnTo>
                  <a:lnTo>
                    <a:pt x="654" y="542"/>
                  </a:lnTo>
                  <a:lnTo>
                    <a:pt x="662" y="564"/>
                  </a:lnTo>
                  <a:lnTo>
                    <a:pt x="669" y="587"/>
                  </a:lnTo>
                  <a:lnTo>
                    <a:pt x="675" y="612"/>
                  </a:lnTo>
                  <a:lnTo>
                    <a:pt x="694" y="617"/>
                  </a:lnTo>
                  <a:lnTo>
                    <a:pt x="712" y="624"/>
                  </a:lnTo>
                  <a:lnTo>
                    <a:pt x="719" y="629"/>
                  </a:lnTo>
                  <a:lnTo>
                    <a:pt x="725" y="634"/>
                  </a:lnTo>
                  <a:lnTo>
                    <a:pt x="727" y="638"/>
                  </a:lnTo>
                  <a:lnTo>
                    <a:pt x="729" y="643"/>
                  </a:lnTo>
                  <a:lnTo>
                    <a:pt x="731" y="647"/>
                  </a:lnTo>
                  <a:lnTo>
                    <a:pt x="732" y="652"/>
                  </a:lnTo>
                  <a:lnTo>
                    <a:pt x="712" y="673"/>
                  </a:lnTo>
                  <a:lnTo>
                    <a:pt x="690" y="692"/>
                  </a:lnTo>
                  <a:lnTo>
                    <a:pt x="680" y="702"/>
                  </a:lnTo>
                  <a:lnTo>
                    <a:pt x="669" y="712"/>
                  </a:lnTo>
                  <a:lnTo>
                    <a:pt x="660" y="723"/>
                  </a:lnTo>
                  <a:lnTo>
                    <a:pt x="650" y="733"/>
                  </a:lnTo>
                  <a:lnTo>
                    <a:pt x="635" y="732"/>
                  </a:lnTo>
                  <a:lnTo>
                    <a:pt x="621" y="730"/>
                  </a:lnTo>
                  <a:lnTo>
                    <a:pt x="610" y="727"/>
                  </a:lnTo>
                  <a:lnTo>
                    <a:pt x="600" y="725"/>
                  </a:lnTo>
                  <a:lnTo>
                    <a:pt x="592" y="723"/>
                  </a:lnTo>
                  <a:lnTo>
                    <a:pt x="582" y="724"/>
                  </a:lnTo>
                  <a:lnTo>
                    <a:pt x="577" y="725"/>
                  </a:lnTo>
                  <a:lnTo>
                    <a:pt x="573" y="727"/>
                  </a:lnTo>
                  <a:lnTo>
                    <a:pt x="567" y="730"/>
                  </a:lnTo>
                  <a:lnTo>
                    <a:pt x="561" y="733"/>
                  </a:lnTo>
                  <a:lnTo>
                    <a:pt x="561" y="750"/>
                  </a:lnTo>
                  <a:lnTo>
                    <a:pt x="561" y="766"/>
                  </a:lnTo>
                  <a:lnTo>
                    <a:pt x="561" y="783"/>
                  </a:lnTo>
                  <a:lnTo>
                    <a:pt x="561" y="799"/>
                  </a:lnTo>
                  <a:lnTo>
                    <a:pt x="554" y="797"/>
                  </a:lnTo>
                  <a:lnTo>
                    <a:pt x="547" y="797"/>
                  </a:lnTo>
                  <a:lnTo>
                    <a:pt x="541" y="797"/>
                  </a:lnTo>
                  <a:lnTo>
                    <a:pt x="536" y="797"/>
                  </a:lnTo>
                  <a:lnTo>
                    <a:pt x="526" y="801"/>
                  </a:lnTo>
                  <a:lnTo>
                    <a:pt x="518" y="805"/>
                  </a:lnTo>
                  <a:lnTo>
                    <a:pt x="509" y="809"/>
                  </a:lnTo>
                  <a:lnTo>
                    <a:pt x="501" y="812"/>
                  </a:lnTo>
                  <a:lnTo>
                    <a:pt x="497" y="813"/>
                  </a:lnTo>
                  <a:lnTo>
                    <a:pt x="491" y="814"/>
                  </a:lnTo>
                  <a:lnTo>
                    <a:pt x="486" y="815"/>
                  </a:lnTo>
                  <a:lnTo>
                    <a:pt x="480" y="815"/>
                  </a:lnTo>
                  <a:lnTo>
                    <a:pt x="483" y="802"/>
                  </a:lnTo>
                  <a:lnTo>
                    <a:pt x="485" y="794"/>
                  </a:lnTo>
                  <a:lnTo>
                    <a:pt x="484" y="792"/>
                  </a:lnTo>
                  <a:lnTo>
                    <a:pt x="484" y="791"/>
                  </a:lnTo>
                  <a:lnTo>
                    <a:pt x="482" y="791"/>
                  </a:lnTo>
                  <a:lnTo>
                    <a:pt x="480" y="790"/>
                  </a:lnTo>
                  <a:lnTo>
                    <a:pt x="474" y="790"/>
                  </a:lnTo>
                  <a:lnTo>
                    <a:pt x="463" y="790"/>
                  </a:lnTo>
                  <a:lnTo>
                    <a:pt x="470" y="787"/>
                  </a:lnTo>
                  <a:lnTo>
                    <a:pt x="477" y="781"/>
                  </a:lnTo>
                  <a:lnTo>
                    <a:pt x="482" y="774"/>
                  </a:lnTo>
                  <a:lnTo>
                    <a:pt x="486" y="766"/>
                  </a:lnTo>
                  <a:lnTo>
                    <a:pt x="490" y="757"/>
                  </a:lnTo>
                  <a:lnTo>
                    <a:pt x="493" y="748"/>
                  </a:lnTo>
                  <a:lnTo>
                    <a:pt x="495" y="738"/>
                  </a:lnTo>
                  <a:lnTo>
                    <a:pt x="496" y="729"/>
                  </a:lnTo>
                  <a:lnTo>
                    <a:pt x="496" y="720"/>
                  </a:lnTo>
                  <a:lnTo>
                    <a:pt x="495" y="709"/>
                  </a:lnTo>
                  <a:lnTo>
                    <a:pt x="493" y="701"/>
                  </a:lnTo>
                  <a:lnTo>
                    <a:pt x="489" y="692"/>
                  </a:lnTo>
                  <a:lnTo>
                    <a:pt x="484" y="684"/>
                  </a:lnTo>
                  <a:lnTo>
                    <a:pt x="479" y="677"/>
                  </a:lnTo>
                  <a:lnTo>
                    <a:pt x="471" y="672"/>
                  </a:lnTo>
                  <a:lnTo>
                    <a:pt x="463" y="669"/>
                  </a:lnTo>
                  <a:lnTo>
                    <a:pt x="448" y="672"/>
                  </a:lnTo>
                  <a:lnTo>
                    <a:pt x="434" y="673"/>
                  </a:lnTo>
                  <a:lnTo>
                    <a:pt x="420" y="673"/>
                  </a:lnTo>
                  <a:lnTo>
                    <a:pt x="407" y="672"/>
                  </a:lnTo>
                  <a:lnTo>
                    <a:pt x="394" y="670"/>
                  </a:lnTo>
                  <a:lnTo>
                    <a:pt x="381" y="667"/>
                  </a:lnTo>
                  <a:lnTo>
                    <a:pt x="369" y="663"/>
                  </a:lnTo>
                  <a:lnTo>
                    <a:pt x="357" y="658"/>
                  </a:lnTo>
                  <a:lnTo>
                    <a:pt x="334" y="647"/>
                  </a:lnTo>
                  <a:lnTo>
                    <a:pt x="311" y="635"/>
                  </a:lnTo>
                  <a:lnTo>
                    <a:pt x="290" y="623"/>
                  </a:lnTo>
                  <a:lnTo>
                    <a:pt x="268" y="612"/>
                  </a:lnTo>
                  <a:lnTo>
                    <a:pt x="249" y="620"/>
                  </a:lnTo>
                  <a:lnTo>
                    <a:pt x="230" y="627"/>
                  </a:lnTo>
                  <a:lnTo>
                    <a:pt x="211" y="634"/>
                  </a:lnTo>
                  <a:lnTo>
                    <a:pt x="191" y="641"/>
                  </a:lnTo>
                  <a:lnTo>
                    <a:pt x="170" y="646"/>
                  </a:lnTo>
                  <a:lnTo>
                    <a:pt x="148" y="650"/>
                  </a:lnTo>
                  <a:lnTo>
                    <a:pt x="137" y="651"/>
                  </a:lnTo>
                  <a:lnTo>
                    <a:pt x="124" y="652"/>
                  </a:lnTo>
                  <a:lnTo>
                    <a:pt x="111" y="652"/>
                  </a:lnTo>
                  <a:lnTo>
                    <a:pt x="98" y="652"/>
                  </a:lnTo>
                  <a:lnTo>
                    <a:pt x="84" y="637"/>
                  </a:lnTo>
                  <a:lnTo>
                    <a:pt x="71" y="621"/>
                  </a:lnTo>
                  <a:lnTo>
                    <a:pt x="58" y="604"/>
                  </a:lnTo>
                  <a:lnTo>
                    <a:pt x="46" y="585"/>
                  </a:lnTo>
                  <a:lnTo>
                    <a:pt x="41" y="575"/>
                  </a:lnTo>
                  <a:lnTo>
                    <a:pt x="36" y="566"/>
                  </a:lnTo>
                  <a:lnTo>
                    <a:pt x="31" y="556"/>
                  </a:lnTo>
                  <a:lnTo>
                    <a:pt x="28" y="547"/>
                  </a:lnTo>
                  <a:lnTo>
                    <a:pt x="26" y="536"/>
                  </a:lnTo>
                  <a:lnTo>
                    <a:pt x="25" y="527"/>
                  </a:lnTo>
                  <a:lnTo>
                    <a:pt x="24" y="516"/>
                  </a:lnTo>
                  <a:lnTo>
                    <a:pt x="25" y="506"/>
                  </a:lnTo>
                  <a:lnTo>
                    <a:pt x="24" y="503"/>
                  </a:lnTo>
                  <a:lnTo>
                    <a:pt x="22" y="501"/>
                  </a:lnTo>
                  <a:lnTo>
                    <a:pt x="19" y="499"/>
                  </a:lnTo>
                  <a:lnTo>
                    <a:pt x="16" y="498"/>
                  </a:lnTo>
                  <a:lnTo>
                    <a:pt x="8" y="498"/>
                  </a:lnTo>
                  <a:lnTo>
                    <a:pt x="0" y="498"/>
                  </a:lnTo>
                  <a:lnTo>
                    <a:pt x="8" y="486"/>
                  </a:lnTo>
                  <a:lnTo>
                    <a:pt x="18" y="475"/>
                  </a:lnTo>
                  <a:lnTo>
                    <a:pt x="28" y="466"/>
                  </a:lnTo>
                  <a:lnTo>
                    <a:pt x="41" y="457"/>
                  </a:lnTo>
                  <a:lnTo>
                    <a:pt x="36" y="451"/>
                  </a:lnTo>
                  <a:lnTo>
                    <a:pt x="31" y="445"/>
                  </a:lnTo>
                  <a:lnTo>
                    <a:pt x="28" y="438"/>
                  </a:lnTo>
                  <a:lnTo>
                    <a:pt x="25" y="432"/>
                  </a:lnTo>
                  <a:lnTo>
                    <a:pt x="23" y="427"/>
                  </a:lnTo>
                  <a:lnTo>
                    <a:pt x="22" y="420"/>
                  </a:lnTo>
                  <a:lnTo>
                    <a:pt x="21" y="414"/>
                  </a:lnTo>
                  <a:lnTo>
                    <a:pt x="21" y="408"/>
                  </a:lnTo>
                  <a:lnTo>
                    <a:pt x="22" y="396"/>
                  </a:lnTo>
                  <a:lnTo>
                    <a:pt x="25" y="385"/>
                  </a:lnTo>
                  <a:lnTo>
                    <a:pt x="29" y="372"/>
                  </a:lnTo>
                  <a:lnTo>
                    <a:pt x="34" y="360"/>
                  </a:lnTo>
                  <a:lnTo>
                    <a:pt x="47" y="335"/>
                  </a:lnTo>
                  <a:lnTo>
                    <a:pt x="60" y="310"/>
                  </a:lnTo>
                  <a:lnTo>
                    <a:pt x="65" y="296"/>
                  </a:lnTo>
                  <a:lnTo>
                    <a:pt x="69" y="283"/>
                  </a:lnTo>
                  <a:lnTo>
                    <a:pt x="72" y="269"/>
                  </a:lnTo>
                  <a:lnTo>
                    <a:pt x="73" y="254"/>
                  </a:lnTo>
                  <a:lnTo>
                    <a:pt x="86" y="254"/>
                  </a:lnTo>
                  <a:lnTo>
                    <a:pt x="99" y="252"/>
                  </a:lnTo>
                  <a:lnTo>
                    <a:pt x="110" y="250"/>
                  </a:lnTo>
                  <a:lnTo>
                    <a:pt x="121" y="248"/>
                  </a:lnTo>
                  <a:lnTo>
                    <a:pt x="131" y="245"/>
                  </a:lnTo>
                  <a:lnTo>
                    <a:pt x="141" y="240"/>
                  </a:lnTo>
                  <a:lnTo>
                    <a:pt x="150" y="236"/>
                  </a:lnTo>
                  <a:lnTo>
                    <a:pt x="159" y="232"/>
                  </a:lnTo>
                  <a:lnTo>
                    <a:pt x="176" y="221"/>
                  </a:lnTo>
                  <a:lnTo>
                    <a:pt x="190" y="210"/>
                  </a:lnTo>
                  <a:lnTo>
                    <a:pt x="206" y="198"/>
                  </a:lnTo>
                  <a:lnTo>
                    <a:pt x="221" y="186"/>
                  </a:lnTo>
                  <a:lnTo>
                    <a:pt x="236" y="174"/>
                  </a:lnTo>
                  <a:lnTo>
                    <a:pt x="251" y="164"/>
                  </a:lnTo>
                  <a:lnTo>
                    <a:pt x="260" y="158"/>
                  </a:lnTo>
                  <a:lnTo>
                    <a:pt x="269" y="154"/>
                  </a:lnTo>
                  <a:lnTo>
                    <a:pt x="279" y="150"/>
                  </a:lnTo>
                  <a:lnTo>
                    <a:pt x="288" y="146"/>
                  </a:lnTo>
                  <a:lnTo>
                    <a:pt x="299" y="143"/>
                  </a:lnTo>
                  <a:lnTo>
                    <a:pt x="309" y="140"/>
                  </a:lnTo>
                  <a:lnTo>
                    <a:pt x="321" y="138"/>
                  </a:lnTo>
                  <a:lnTo>
                    <a:pt x="334" y="137"/>
                  </a:lnTo>
                  <a:lnTo>
                    <a:pt x="346" y="136"/>
                  </a:lnTo>
                  <a:lnTo>
                    <a:pt x="360" y="137"/>
                  </a:lnTo>
                  <a:lnTo>
                    <a:pt x="375" y="138"/>
                  </a:lnTo>
                  <a:lnTo>
                    <a:pt x="390" y="140"/>
                  </a:lnTo>
                  <a:lnTo>
                    <a:pt x="397" y="137"/>
                  </a:lnTo>
                  <a:lnTo>
                    <a:pt x="403" y="133"/>
                  </a:lnTo>
                  <a:lnTo>
                    <a:pt x="411" y="129"/>
                  </a:lnTo>
                  <a:lnTo>
                    <a:pt x="423" y="124"/>
                  </a:lnTo>
                  <a:lnTo>
                    <a:pt x="433" y="112"/>
                  </a:lnTo>
                  <a:lnTo>
                    <a:pt x="443" y="100"/>
                  </a:lnTo>
                  <a:lnTo>
                    <a:pt x="455" y="91"/>
                  </a:lnTo>
                  <a:lnTo>
                    <a:pt x="468" y="82"/>
                  </a:lnTo>
                  <a:lnTo>
                    <a:pt x="482" y="74"/>
                  </a:lnTo>
                  <a:lnTo>
                    <a:pt x="498" y="68"/>
                  </a:lnTo>
                  <a:lnTo>
                    <a:pt x="514" y="61"/>
                  </a:lnTo>
                  <a:lnTo>
                    <a:pt x="530" y="56"/>
                  </a:lnTo>
                  <a:lnTo>
                    <a:pt x="564" y="47"/>
                  </a:lnTo>
                  <a:lnTo>
                    <a:pt x="599" y="38"/>
                  </a:lnTo>
                  <a:lnTo>
                    <a:pt x="634" y="29"/>
                  </a:lnTo>
                  <a:lnTo>
                    <a:pt x="666" y="18"/>
                  </a:lnTo>
                  <a:lnTo>
                    <a:pt x="668" y="14"/>
                  </a:lnTo>
                  <a:lnTo>
                    <a:pt x="672" y="12"/>
                  </a:lnTo>
                  <a:lnTo>
                    <a:pt x="677" y="10"/>
                  </a:lnTo>
                  <a:lnTo>
                    <a:pt x="683" y="10"/>
                  </a:lnTo>
                  <a:lnTo>
                    <a:pt x="689" y="11"/>
                  </a:lnTo>
                  <a:lnTo>
                    <a:pt x="695" y="10"/>
                  </a:lnTo>
                  <a:lnTo>
                    <a:pt x="698" y="8"/>
                  </a:lnTo>
                  <a:lnTo>
                    <a:pt x="702" y="5"/>
                  </a:lnTo>
                  <a:lnTo>
                    <a:pt x="705" y="2"/>
                  </a:lnTo>
                  <a:lnTo>
                    <a:pt x="711" y="1"/>
                  </a:lnTo>
                  <a:lnTo>
                    <a:pt x="716" y="0"/>
                  </a:lnTo>
                  <a:lnTo>
                    <a:pt x="723" y="2"/>
                  </a:lnTo>
                  <a:lnTo>
                    <a:pt x="723" y="12"/>
                  </a:lnTo>
                  <a:lnTo>
                    <a:pt x="723" y="22"/>
                  </a:lnTo>
                  <a:lnTo>
                    <a:pt x="723" y="33"/>
                  </a:lnTo>
                  <a:lnTo>
                    <a:pt x="723" y="42"/>
                  </a:lnTo>
                  <a:lnTo>
                    <a:pt x="724" y="51"/>
                  </a:lnTo>
                  <a:lnTo>
                    <a:pt x="725" y="60"/>
                  </a:lnTo>
                  <a:lnTo>
                    <a:pt x="725" y="71"/>
                  </a:lnTo>
                  <a:lnTo>
                    <a:pt x="724" y="81"/>
                  </a:lnTo>
                  <a:lnTo>
                    <a:pt x="722" y="105"/>
                  </a:lnTo>
                  <a:lnTo>
                    <a:pt x="718" y="129"/>
                  </a:lnTo>
                  <a:lnTo>
                    <a:pt x="714" y="153"/>
                  </a:lnTo>
                  <a:lnTo>
                    <a:pt x="708" y="177"/>
                  </a:lnTo>
                  <a:lnTo>
                    <a:pt x="703" y="200"/>
                  </a:lnTo>
                  <a:lnTo>
                    <a:pt x="699" y="221"/>
                  </a:lnTo>
                  <a:lnTo>
                    <a:pt x="699" y="239"/>
                  </a:lnTo>
                  <a:lnTo>
                    <a:pt x="698" y="257"/>
                  </a:lnTo>
                  <a:lnTo>
                    <a:pt x="697" y="274"/>
                  </a:lnTo>
                  <a:lnTo>
                    <a:pt x="695" y="290"/>
                  </a:lnTo>
                  <a:lnTo>
                    <a:pt x="688" y="322"/>
                  </a:lnTo>
                  <a:lnTo>
                    <a:pt x="683" y="352"/>
                  </a:lnTo>
                  <a:lnTo>
                    <a:pt x="680" y="351"/>
                  </a:lnTo>
                  <a:lnTo>
                    <a:pt x="679" y="350"/>
                  </a:lnTo>
                  <a:lnTo>
                    <a:pt x="677" y="348"/>
                  </a:lnTo>
                  <a:lnTo>
                    <a:pt x="677" y="346"/>
                  </a:lnTo>
                  <a:lnTo>
                    <a:pt x="676" y="340"/>
                  </a:lnTo>
                  <a:lnTo>
                    <a:pt x="675" y="335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35" name="Holbæk"/>
            <p:cNvSpPr>
              <a:spLocks/>
            </p:cNvSpPr>
            <p:nvPr/>
          </p:nvSpPr>
          <p:spPr bwMode="auto">
            <a:xfrm>
              <a:off x="3071813" y="4778375"/>
              <a:ext cx="387350" cy="431800"/>
            </a:xfrm>
            <a:custGeom>
              <a:avLst/>
              <a:gdLst>
                <a:gd name="T0" fmla="*/ 221 w 732"/>
                <a:gd name="T1" fmla="*/ 109 h 815"/>
                <a:gd name="T2" fmla="*/ 219 w 732"/>
                <a:gd name="T3" fmla="*/ 107 h 815"/>
                <a:gd name="T4" fmla="*/ 219 w 732"/>
                <a:gd name="T5" fmla="*/ 111 h 815"/>
                <a:gd name="T6" fmla="*/ 225 w 732"/>
                <a:gd name="T7" fmla="*/ 118 h 815"/>
                <a:gd name="T8" fmla="*/ 222 w 732"/>
                <a:gd name="T9" fmla="*/ 123 h 815"/>
                <a:gd name="T10" fmla="*/ 212 w 732"/>
                <a:gd name="T11" fmla="*/ 133 h 815"/>
                <a:gd name="T12" fmla="*/ 206 w 732"/>
                <a:gd name="T13" fmla="*/ 152 h 815"/>
                <a:gd name="T14" fmla="*/ 218 w 732"/>
                <a:gd name="T15" fmla="*/ 181 h 815"/>
                <a:gd name="T16" fmla="*/ 231 w 732"/>
                <a:gd name="T17" fmla="*/ 206 h 815"/>
                <a:gd name="T18" fmla="*/ 242 w 732"/>
                <a:gd name="T19" fmla="*/ 213 h 815"/>
                <a:gd name="T20" fmla="*/ 237 w 732"/>
                <a:gd name="T21" fmla="*/ 225 h 815"/>
                <a:gd name="T22" fmla="*/ 220 w 732"/>
                <a:gd name="T23" fmla="*/ 241 h 815"/>
                <a:gd name="T24" fmla="*/ 203 w 732"/>
                <a:gd name="T25" fmla="*/ 243 h 815"/>
                <a:gd name="T26" fmla="*/ 192 w 732"/>
                <a:gd name="T27" fmla="*/ 242 h 815"/>
                <a:gd name="T28" fmla="*/ 187 w 732"/>
                <a:gd name="T29" fmla="*/ 250 h 815"/>
                <a:gd name="T30" fmla="*/ 185 w 732"/>
                <a:gd name="T31" fmla="*/ 266 h 815"/>
                <a:gd name="T32" fmla="*/ 175 w 732"/>
                <a:gd name="T33" fmla="*/ 267 h 815"/>
                <a:gd name="T34" fmla="*/ 166 w 732"/>
                <a:gd name="T35" fmla="*/ 271 h 815"/>
                <a:gd name="T36" fmla="*/ 161 w 732"/>
                <a:gd name="T37" fmla="*/ 268 h 815"/>
                <a:gd name="T38" fmla="*/ 161 w 732"/>
                <a:gd name="T39" fmla="*/ 264 h 815"/>
                <a:gd name="T40" fmla="*/ 157 w 732"/>
                <a:gd name="T41" fmla="*/ 263 h 815"/>
                <a:gd name="T42" fmla="*/ 163 w 732"/>
                <a:gd name="T43" fmla="*/ 253 h 815"/>
                <a:gd name="T44" fmla="*/ 165 w 732"/>
                <a:gd name="T45" fmla="*/ 240 h 815"/>
                <a:gd name="T46" fmla="*/ 161 w 732"/>
                <a:gd name="T47" fmla="*/ 228 h 815"/>
                <a:gd name="T48" fmla="*/ 149 w 732"/>
                <a:gd name="T49" fmla="*/ 224 h 815"/>
                <a:gd name="T50" fmla="*/ 131 w 732"/>
                <a:gd name="T51" fmla="*/ 224 h 815"/>
                <a:gd name="T52" fmla="*/ 111 w 732"/>
                <a:gd name="T53" fmla="*/ 216 h 815"/>
                <a:gd name="T54" fmla="*/ 83 w 732"/>
                <a:gd name="T55" fmla="*/ 207 h 815"/>
                <a:gd name="T56" fmla="*/ 57 w 732"/>
                <a:gd name="T57" fmla="*/ 216 h 815"/>
                <a:gd name="T58" fmla="*/ 37 w 732"/>
                <a:gd name="T59" fmla="*/ 218 h 815"/>
                <a:gd name="T60" fmla="*/ 19 w 732"/>
                <a:gd name="T61" fmla="*/ 202 h 815"/>
                <a:gd name="T62" fmla="*/ 10 w 732"/>
                <a:gd name="T63" fmla="*/ 186 h 815"/>
                <a:gd name="T64" fmla="*/ 8 w 732"/>
                <a:gd name="T65" fmla="*/ 172 h 815"/>
                <a:gd name="T66" fmla="*/ 6 w 732"/>
                <a:gd name="T67" fmla="*/ 167 h 815"/>
                <a:gd name="T68" fmla="*/ 3 w 732"/>
                <a:gd name="T69" fmla="*/ 162 h 815"/>
                <a:gd name="T70" fmla="*/ 12 w 732"/>
                <a:gd name="T71" fmla="*/ 151 h 815"/>
                <a:gd name="T72" fmla="*/ 8 w 732"/>
                <a:gd name="T73" fmla="*/ 143 h 815"/>
                <a:gd name="T74" fmla="*/ 7 w 732"/>
                <a:gd name="T75" fmla="*/ 132 h 815"/>
                <a:gd name="T76" fmla="*/ 16 w 732"/>
                <a:gd name="T77" fmla="*/ 112 h 815"/>
                <a:gd name="T78" fmla="*/ 24 w 732"/>
                <a:gd name="T79" fmla="*/ 90 h 815"/>
                <a:gd name="T80" fmla="*/ 37 w 732"/>
                <a:gd name="T81" fmla="*/ 83 h 815"/>
                <a:gd name="T82" fmla="*/ 50 w 732"/>
                <a:gd name="T83" fmla="*/ 79 h 815"/>
                <a:gd name="T84" fmla="*/ 69 w 732"/>
                <a:gd name="T85" fmla="*/ 66 h 815"/>
                <a:gd name="T86" fmla="*/ 87 w 732"/>
                <a:gd name="T87" fmla="*/ 53 h 815"/>
                <a:gd name="T88" fmla="*/ 100 w 732"/>
                <a:gd name="T89" fmla="*/ 48 h 815"/>
                <a:gd name="T90" fmla="*/ 115 w 732"/>
                <a:gd name="T91" fmla="*/ 45 h 815"/>
                <a:gd name="T92" fmla="*/ 132 w 732"/>
                <a:gd name="T93" fmla="*/ 46 h 815"/>
                <a:gd name="T94" fmla="*/ 144 w 732"/>
                <a:gd name="T95" fmla="*/ 37 h 815"/>
                <a:gd name="T96" fmla="*/ 161 w 732"/>
                <a:gd name="T97" fmla="*/ 25 h 815"/>
                <a:gd name="T98" fmla="*/ 188 w 732"/>
                <a:gd name="T99" fmla="*/ 16 h 815"/>
                <a:gd name="T100" fmla="*/ 223 w 732"/>
                <a:gd name="T101" fmla="*/ 5 h 815"/>
                <a:gd name="T102" fmla="*/ 230 w 732"/>
                <a:gd name="T103" fmla="*/ 4 h 815"/>
                <a:gd name="T104" fmla="*/ 235 w 732"/>
                <a:gd name="T105" fmla="*/ 1 h 815"/>
                <a:gd name="T106" fmla="*/ 241 w 732"/>
                <a:gd name="T107" fmla="*/ 4 h 815"/>
                <a:gd name="T108" fmla="*/ 241 w 732"/>
                <a:gd name="T109" fmla="*/ 17 h 815"/>
                <a:gd name="T110" fmla="*/ 241 w 732"/>
                <a:gd name="T111" fmla="*/ 35 h 815"/>
                <a:gd name="T112" fmla="*/ 234 w 732"/>
                <a:gd name="T113" fmla="*/ 67 h 815"/>
                <a:gd name="T114" fmla="*/ 232 w 732"/>
                <a:gd name="T115" fmla="*/ 91 h 815"/>
                <a:gd name="T116" fmla="*/ 227 w 732"/>
                <a:gd name="T117" fmla="*/ 117 h 815"/>
                <a:gd name="T118" fmla="*/ 225 w 732"/>
                <a:gd name="T119" fmla="*/ 113 h 815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732" h="815">
                  <a:moveTo>
                    <a:pt x="675" y="335"/>
                  </a:moveTo>
                  <a:lnTo>
                    <a:pt x="669" y="333"/>
                  </a:lnTo>
                  <a:lnTo>
                    <a:pt x="664" y="329"/>
                  </a:lnTo>
                  <a:lnTo>
                    <a:pt x="662" y="328"/>
                  </a:lnTo>
                  <a:lnTo>
                    <a:pt x="661" y="325"/>
                  </a:lnTo>
                  <a:lnTo>
                    <a:pt x="659" y="323"/>
                  </a:lnTo>
                  <a:lnTo>
                    <a:pt x="659" y="319"/>
                  </a:lnTo>
                  <a:lnTo>
                    <a:pt x="656" y="320"/>
                  </a:lnTo>
                  <a:lnTo>
                    <a:pt x="655" y="323"/>
                  </a:lnTo>
                  <a:lnTo>
                    <a:pt x="654" y="325"/>
                  </a:lnTo>
                  <a:lnTo>
                    <a:pt x="655" y="327"/>
                  </a:lnTo>
                  <a:lnTo>
                    <a:pt x="658" y="332"/>
                  </a:lnTo>
                  <a:lnTo>
                    <a:pt x="662" y="337"/>
                  </a:lnTo>
                  <a:lnTo>
                    <a:pt x="667" y="345"/>
                  </a:lnTo>
                  <a:lnTo>
                    <a:pt x="673" y="351"/>
                  </a:lnTo>
                  <a:lnTo>
                    <a:pt x="675" y="355"/>
                  </a:lnTo>
                  <a:lnTo>
                    <a:pt x="676" y="359"/>
                  </a:lnTo>
                  <a:lnTo>
                    <a:pt x="676" y="364"/>
                  </a:lnTo>
                  <a:lnTo>
                    <a:pt x="675" y="368"/>
                  </a:lnTo>
                  <a:lnTo>
                    <a:pt x="665" y="370"/>
                  </a:lnTo>
                  <a:lnTo>
                    <a:pt x="657" y="374"/>
                  </a:lnTo>
                  <a:lnTo>
                    <a:pt x="649" y="379"/>
                  </a:lnTo>
                  <a:lnTo>
                    <a:pt x="644" y="386"/>
                  </a:lnTo>
                  <a:lnTo>
                    <a:pt x="635" y="400"/>
                  </a:lnTo>
                  <a:lnTo>
                    <a:pt x="626" y="416"/>
                  </a:lnTo>
                  <a:lnTo>
                    <a:pt x="617" y="424"/>
                  </a:lnTo>
                  <a:lnTo>
                    <a:pt x="609" y="433"/>
                  </a:lnTo>
                  <a:lnTo>
                    <a:pt x="618" y="455"/>
                  </a:lnTo>
                  <a:lnTo>
                    <a:pt x="627" y="476"/>
                  </a:lnTo>
                  <a:lnTo>
                    <a:pt x="636" y="498"/>
                  </a:lnTo>
                  <a:lnTo>
                    <a:pt x="645" y="519"/>
                  </a:lnTo>
                  <a:lnTo>
                    <a:pt x="654" y="542"/>
                  </a:lnTo>
                  <a:lnTo>
                    <a:pt x="662" y="564"/>
                  </a:lnTo>
                  <a:lnTo>
                    <a:pt x="669" y="587"/>
                  </a:lnTo>
                  <a:lnTo>
                    <a:pt x="675" y="612"/>
                  </a:lnTo>
                  <a:lnTo>
                    <a:pt x="694" y="617"/>
                  </a:lnTo>
                  <a:lnTo>
                    <a:pt x="712" y="624"/>
                  </a:lnTo>
                  <a:lnTo>
                    <a:pt x="719" y="629"/>
                  </a:lnTo>
                  <a:lnTo>
                    <a:pt x="725" y="634"/>
                  </a:lnTo>
                  <a:lnTo>
                    <a:pt x="727" y="638"/>
                  </a:lnTo>
                  <a:lnTo>
                    <a:pt x="729" y="643"/>
                  </a:lnTo>
                  <a:lnTo>
                    <a:pt x="731" y="647"/>
                  </a:lnTo>
                  <a:lnTo>
                    <a:pt x="732" y="652"/>
                  </a:lnTo>
                  <a:lnTo>
                    <a:pt x="712" y="673"/>
                  </a:lnTo>
                  <a:lnTo>
                    <a:pt x="690" y="692"/>
                  </a:lnTo>
                  <a:lnTo>
                    <a:pt x="680" y="702"/>
                  </a:lnTo>
                  <a:lnTo>
                    <a:pt x="669" y="712"/>
                  </a:lnTo>
                  <a:lnTo>
                    <a:pt x="660" y="723"/>
                  </a:lnTo>
                  <a:lnTo>
                    <a:pt x="650" y="733"/>
                  </a:lnTo>
                  <a:lnTo>
                    <a:pt x="635" y="732"/>
                  </a:lnTo>
                  <a:lnTo>
                    <a:pt x="621" y="730"/>
                  </a:lnTo>
                  <a:lnTo>
                    <a:pt x="610" y="727"/>
                  </a:lnTo>
                  <a:lnTo>
                    <a:pt x="600" y="725"/>
                  </a:lnTo>
                  <a:lnTo>
                    <a:pt x="592" y="723"/>
                  </a:lnTo>
                  <a:lnTo>
                    <a:pt x="582" y="724"/>
                  </a:lnTo>
                  <a:lnTo>
                    <a:pt x="577" y="725"/>
                  </a:lnTo>
                  <a:lnTo>
                    <a:pt x="573" y="727"/>
                  </a:lnTo>
                  <a:lnTo>
                    <a:pt x="567" y="730"/>
                  </a:lnTo>
                  <a:lnTo>
                    <a:pt x="561" y="733"/>
                  </a:lnTo>
                  <a:lnTo>
                    <a:pt x="561" y="750"/>
                  </a:lnTo>
                  <a:lnTo>
                    <a:pt x="561" y="766"/>
                  </a:lnTo>
                  <a:lnTo>
                    <a:pt x="561" y="783"/>
                  </a:lnTo>
                  <a:lnTo>
                    <a:pt x="561" y="799"/>
                  </a:lnTo>
                  <a:lnTo>
                    <a:pt x="554" y="797"/>
                  </a:lnTo>
                  <a:lnTo>
                    <a:pt x="547" y="797"/>
                  </a:lnTo>
                  <a:lnTo>
                    <a:pt x="541" y="797"/>
                  </a:lnTo>
                  <a:lnTo>
                    <a:pt x="536" y="797"/>
                  </a:lnTo>
                  <a:lnTo>
                    <a:pt x="526" y="801"/>
                  </a:lnTo>
                  <a:lnTo>
                    <a:pt x="518" y="805"/>
                  </a:lnTo>
                  <a:lnTo>
                    <a:pt x="509" y="809"/>
                  </a:lnTo>
                  <a:lnTo>
                    <a:pt x="501" y="812"/>
                  </a:lnTo>
                  <a:lnTo>
                    <a:pt x="497" y="813"/>
                  </a:lnTo>
                  <a:lnTo>
                    <a:pt x="491" y="814"/>
                  </a:lnTo>
                  <a:lnTo>
                    <a:pt x="486" y="815"/>
                  </a:lnTo>
                  <a:lnTo>
                    <a:pt x="480" y="815"/>
                  </a:lnTo>
                  <a:lnTo>
                    <a:pt x="483" y="802"/>
                  </a:lnTo>
                  <a:lnTo>
                    <a:pt x="485" y="794"/>
                  </a:lnTo>
                  <a:lnTo>
                    <a:pt x="484" y="792"/>
                  </a:lnTo>
                  <a:lnTo>
                    <a:pt x="484" y="791"/>
                  </a:lnTo>
                  <a:lnTo>
                    <a:pt x="482" y="791"/>
                  </a:lnTo>
                  <a:lnTo>
                    <a:pt x="480" y="790"/>
                  </a:lnTo>
                  <a:lnTo>
                    <a:pt x="474" y="790"/>
                  </a:lnTo>
                  <a:lnTo>
                    <a:pt x="463" y="790"/>
                  </a:lnTo>
                  <a:lnTo>
                    <a:pt x="470" y="787"/>
                  </a:lnTo>
                  <a:lnTo>
                    <a:pt x="477" y="781"/>
                  </a:lnTo>
                  <a:lnTo>
                    <a:pt x="482" y="774"/>
                  </a:lnTo>
                  <a:lnTo>
                    <a:pt x="486" y="766"/>
                  </a:lnTo>
                  <a:lnTo>
                    <a:pt x="490" y="757"/>
                  </a:lnTo>
                  <a:lnTo>
                    <a:pt x="493" y="748"/>
                  </a:lnTo>
                  <a:lnTo>
                    <a:pt x="495" y="738"/>
                  </a:lnTo>
                  <a:lnTo>
                    <a:pt x="496" y="729"/>
                  </a:lnTo>
                  <a:lnTo>
                    <a:pt x="496" y="720"/>
                  </a:lnTo>
                  <a:lnTo>
                    <a:pt x="495" y="709"/>
                  </a:lnTo>
                  <a:lnTo>
                    <a:pt x="493" y="701"/>
                  </a:lnTo>
                  <a:lnTo>
                    <a:pt x="489" y="692"/>
                  </a:lnTo>
                  <a:lnTo>
                    <a:pt x="484" y="684"/>
                  </a:lnTo>
                  <a:lnTo>
                    <a:pt x="479" y="677"/>
                  </a:lnTo>
                  <a:lnTo>
                    <a:pt x="471" y="672"/>
                  </a:lnTo>
                  <a:lnTo>
                    <a:pt x="463" y="669"/>
                  </a:lnTo>
                  <a:lnTo>
                    <a:pt x="448" y="672"/>
                  </a:lnTo>
                  <a:lnTo>
                    <a:pt x="434" y="673"/>
                  </a:lnTo>
                  <a:lnTo>
                    <a:pt x="420" y="673"/>
                  </a:lnTo>
                  <a:lnTo>
                    <a:pt x="407" y="672"/>
                  </a:lnTo>
                  <a:lnTo>
                    <a:pt x="394" y="670"/>
                  </a:lnTo>
                  <a:lnTo>
                    <a:pt x="381" y="667"/>
                  </a:lnTo>
                  <a:lnTo>
                    <a:pt x="369" y="663"/>
                  </a:lnTo>
                  <a:lnTo>
                    <a:pt x="357" y="658"/>
                  </a:lnTo>
                  <a:lnTo>
                    <a:pt x="334" y="647"/>
                  </a:lnTo>
                  <a:lnTo>
                    <a:pt x="311" y="635"/>
                  </a:lnTo>
                  <a:lnTo>
                    <a:pt x="290" y="623"/>
                  </a:lnTo>
                  <a:lnTo>
                    <a:pt x="268" y="612"/>
                  </a:lnTo>
                  <a:lnTo>
                    <a:pt x="249" y="620"/>
                  </a:lnTo>
                  <a:lnTo>
                    <a:pt x="230" y="627"/>
                  </a:lnTo>
                  <a:lnTo>
                    <a:pt x="211" y="634"/>
                  </a:lnTo>
                  <a:lnTo>
                    <a:pt x="191" y="641"/>
                  </a:lnTo>
                  <a:lnTo>
                    <a:pt x="170" y="646"/>
                  </a:lnTo>
                  <a:lnTo>
                    <a:pt x="148" y="650"/>
                  </a:lnTo>
                  <a:lnTo>
                    <a:pt x="137" y="651"/>
                  </a:lnTo>
                  <a:lnTo>
                    <a:pt x="124" y="652"/>
                  </a:lnTo>
                  <a:lnTo>
                    <a:pt x="111" y="652"/>
                  </a:lnTo>
                  <a:lnTo>
                    <a:pt x="98" y="652"/>
                  </a:lnTo>
                  <a:lnTo>
                    <a:pt x="84" y="637"/>
                  </a:lnTo>
                  <a:lnTo>
                    <a:pt x="71" y="621"/>
                  </a:lnTo>
                  <a:lnTo>
                    <a:pt x="58" y="604"/>
                  </a:lnTo>
                  <a:lnTo>
                    <a:pt x="46" y="585"/>
                  </a:lnTo>
                  <a:lnTo>
                    <a:pt x="41" y="575"/>
                  </a:lnTo>
                  <a:lnTo>
                    <a:pt x="36" y="566"/>
                  </a:lnTo>
                  <a:lnTo>
                    <a:pt x="31" y="556"/>
                  </a:lnTo>
                  <a:lnTo>
                    <a:pt x="28" y="547"/>
                  </a:lnTo>
                  <a:lnTo>
                    <a:pt x="26" y="536"/>
                  </a:lnTo>
                  <a:lnTo>
                    <a:pt x="25" y="527"/>
                  </a:lnTo>
                  <a:lnTo>
                    <a:pt x="24" y="516"/>
                  </a:lnTo>
                  <a:lnTo>
                    <a:pt x="25" y="506"/>
                  </a:lnTo>
                  <a:lnTo>
                    <a:pt x="24" y="503"/>
                  </a:lnTo>
                  <a:lnTo>
                    <a:pt x="22" y="501"/>
                  </a:lnTo>
                  <a:lnTo>
                    <a:pt x="19" y="499"/>
                  </a:lnTo>
                  <a:lnTo>
                    <a:pt x="16" y="498"/>
                  </a:lnTo>
                  <a:lnTo>
                    <a:pt x="8" y="498"/>
                  </a:lnTo>
                  <a:lnTo>
                    <a:pt x="0" y="498"/>
                  </a:lnTo>
                  <a:lnTo>
                    <a:pt x="8" y="486"/>
                  </a:lnTo>
                  <a:lnTo>
                    <a:pt x="18" y="475"/>
                  </a:lnTo>
                  <a:lnTo>
                    <a:pt x="28" y="466"/>
                  </a:lnTo>
                  <a:lnTo>
                    <a:pt x="41" y="457"/>
                  </a:lnTo>
                  <a:lnTo>
                    <a:pt x="36" y="451"/>
                  </a:lnTo>
                  <a:lnTo>
                    <a:pt x="31" y="445"/>
                  </a:lnTo>
                  <a:lnTo>
                    <a:pt x="28" y="438"/>
                  </a:lnTo>
                  <a:lnTo>
                    <a:pt x="25" y="432"/>
                  </a:lnTo>
                  <a:lnTo>
                    <a:pt x="23" y="427"/>
                  </a:lnTo>
                  <a:lnTo>
                    <a:pt x="22" y="420"/>
                  </a:lnTo>
                  <a:lnTo>
                    <a:pt x="21" y="414"/>
                  </a:lnTo>
                  <a:lnTo>
                    <a:pt x="21" y="408"/>
                  </a:lnTo>
                  <a:lnTo>
                    <a:pt x="22" y="396"/>
                  </a:lnTo>
                  <a:lnTo>
                    <a:pt x="25" y="385"/>
                  </a:lnTo>
                  <a:lnTo>
                    <a:pt x="29" y="372"/>
                  </a:lnTo>
                  <a:lnTo>
                    <a:pt x="34" y="360"/>
                  </a:lnTo>
                  <a:lnTo>
                    <a:pt x="47" y="335"/>
                  </a:lnTo>
                  <a:lnTo>
                    <a:pt x="60" y="310"/>
                  </a:lnTo>
                  <a:lnTo>
                    <a:pt x="65" y="296"/>
                  </a:lnTo>
                  <a:lnTo>
                    <a:pt x="69" y="283"/>
                  </a:lnTo>
                  <a:lnTo>
                    <a:pt x="72" y="269"/>
                  </a:lnTo>
                  <a:lnTo>
                    <a:pt x="73" y="254"/>
                  </a:lnTo>
                  <a:lnTo>
                    <a:pt x="86" y="254"/>
                  </a:lnTo>
                  <a:lnTo>
                    <a:pt x="99" y="252"/>
                  </a:lnTo>
                  <a:lnTo>
                    <a:pt x="110" y="250"/>
                  </a:lnTo>
                  <a:lnTo>
                    <a:pt x="121" y="248"/>
                  </a:lnTo>
                  <a:lnTo>
                    <a:pt x="131" y="245"/>
                  </a:lnTo>
                  <a:lnTo>
                    <a:pt x="141" y="240"/>
                  </a:lnTo>
                  <a:lnTo>
                    <a:pt x="150" y="236"/>
                  </a:lnTo>
                  <a:lnTo>
                    <a:pt x="159" y="232"/>
                  </a:lnTo>
                  <a:lnTo>
                    <a:pt x="176" y="221"/>
                  </a:lnTo>
                  <a:lnTo>
                    <a:pt x="190" y="210"/>
                  </a:lnTo>
                  <a:lnTo>
                    <a:pt x="206" y="198"/>
                  </a:lnTo>
                  <a:lnTo>
                    <a:pt x="221" y="186"/>
                  </a:lnTo>
                  <a:lnTo>
                    <a:pt x="236" y="174"/>
                  </a:lnTo>
                  <a:lnTo>
                    <a:pt x="251" y="164"/>
                  </a:lnTo>
                  <a:lnTo>
                    <a:pt x="260" y="158"/>
                  </a:lnTo>
                  <a:lnTo>
                    <a:pt x="269" y="154"/>
                  </a:lnTo>
                  <a:lnTo>
                    <a:pt x="279" y="150"/>
                  </a:lnTo>
                  <a:lnTo>
                    <a:pt x="288" y="146"/>
                  </a:lnTo>
                  <a:lnTo>
                    <a:pt x="299" y="143"/>
                  </a:lnTo>
                  <a:lnTo>
                    <a:pt x="309" y="140"/>
                  </a:lnTo>
                  <a:lnTo>
                    <a:pt x="321" y="138"/>
                  </a:lnTo>
                  <a:lnTo>
                    <a:pt x="334" y="137"/>
                  </a:lnTo>
                  <a:lnTo>
                    <a:pt x="346" y="136"/>
                  </a:lnTo>
                  <a:lnTo>
                    <a:pt x="360" y="137"/>
                  </a:lnTo>
                  <a:lnTo>
                    <a:pt x="375" y="138"/>
                  </a:lnTo>
                  <a:lnTo>
                    <a:pt x="390" y="140"/>
                  </a:lnTo>
                  <a:lnTo>
                    <a:pt x="397" y="137"/>
                  </a:lnTo>
                  <a:lnTo>
                    <a:pt x="403" y="133"/>
                  </a:lnTo>
                  <a:lnTo>
                    <a:pt x="411" y="129"/>
                  </a:lnTo>
                  <a:lnTo>
                    <a:pt x="423" y="124"/>
                  </a:lnTo>
                  <a:lnTo>
                    <a:pt x="433" y="112"/>
                  </a:lnTo>
                  <a:lnTo>
                    <a:pt x="443" y="100"/>
                  </a:lnTo>
                  <a:lnTo>
                    <a:pt x="455" y="91"/>
                  </a:lnTo>
                  <a:lnTo>
                    <a:pt x="468" y="82"/>
                  </a:lnTo>
                  <a:lnTo>
                    <a:pt x="482" y="74"/>
                  </a:lnTo>
                  <a:lnTo>
                    <a:pt x="498" y="68"/>
                  </a:lnTo>
                  <a:lnTo>
                    <a:pt x="514" y="61"/>
                  </a:lnTo>
                  <a:lnTo>
                    <a:pt x="530" y="56"/>
                  </a:lnTo>
                  <a:lnTo>
                    <a:pt x="564" y="47"/>
                  </a:lnTo>
                  <a:lnTo>
                    <a:pt x="599" y="38"/>
                  </a:lnTo>
                  <a:lnTo>
                    <a:pt x="634" y="29"/>
                  </a:lnTo>
                  <a:lnTo>
                    <a:pt x="666" y="18"/>
                  </a:lnTo>
                  <a:lnTo>
                    <a:pt x="668" y="14"/>
                  </a:lnTo>
                  <a:lnTo>
                    <a:pt x="672" y="12"/>
                  </a:lnTo>
                  <a:lnTo>
                    <a:pt x="677" y="10"/>
                  </a:lnTo>
                  <a:lnTo>
                    <a:pt x="683" y="10"/>
                  </a:lnTo>
                  <a:lnTo>
                    <a:pt x="689" y="11"/>
                  </a:lnTo>
                  <a:lnTo>
                    <a:pt x="695" y="10"/>
                  </a:lnTo>
                  <a:lnTo>
                    <a:pt x="698" y="8"/>
                  </a:lnTo>
                  <a:lnTo>
                    <a:pt x="702" y="5"/>
                  </a:lnTo>
                  <a:lnTo>
                    <a:pt x="705" y="2"/>
                  </a:lnTo>
                  <a:lnTo>
                    <a:pt x="711" y="1"/>
                  </a:lnTo>
                  <a:lnTo>
                    <a:pt x="716" y="0"/>
                  </a:lnTo>
                  <a:lnTo>
                    <a:pt x="723" y="2"/>
                  </a:lnTo>
                  <a:lnTo>
                    <a:pt x="723" y="12"/>
                  </a:lnTo>
                  <a:lnTo>
                    <a:pt x="723" y="22"/>
                  </a:lnTo>
                  <a:lnTo>
                    <a:pt x="723" y="33"/>
                  </a:lnTo>
                  <a:lnTo>
                    <a:pt x="723" y="42"/>
                  </a:lnTo>
                  <a:lnTo>
                    <a:pt x="724" y="51"/>
                  </a:lnTo>
                  <a:lnTo>
                    <a:pt x="725" y="60"/>
                  </a:lnTo>
                  <a:lnTo>
                    <a:pt x="725" y="71"/>
                  </a:lnTo>
                  <a:lnTo>
                    <a:pt x="724" y="81"/>
                  </a:lnTo>
                  <a:lnTo>
                    <a:pt x="722" y="105"/>
                  </a:lnTo>
                  <a:lnTo>
                    <a:pt x="718" y="129"/>
                  </a:lnTo>
                  <a:lnTo>
                    <a:pt x="714" y="153"/>
                  </a:lnTo>
                  <a:lnTo>
                    <a:pt x="708" y="177"/>
                  </a:lnTo>
                  <a:lnTo>
                    <a:pt x="703" y="200"/>
                  </a:lnTo>
                  <a:lnTo>
                    <a:pt x="699" y="221"/>
                  </a:lnTo>
                  <a:lnTo>
                    <a:pt x="699" y="239"/>
                  </a:lnTo>
                  <a:lnTo>
                    <a:pt x="698" y="257"/>
                  </a:lnTo>
                  <a:lnTo>
                    <a:pt x="697" y="274"/>
                  </a:lnTo>
                  <a:lnTo>
                    <a:pt x="695" y="290"/>
                  </a:lnTo>
                  <a:lnTo>
                    <a:pt x="688" y="322"/>
                  </a:lnTo>
                  <a:lnTo>
                    <a:pt x="683" y="352"/>
                  </a:lnTo>
                  <a:lnTo>
                    <a:pt x="680" y="351"/>
                  </a:lnTo>
                  <a:lnTo>
                    <a:pt x="679" y="350"/>
                  </a:lnTo>
                  <a:lnTo>
                    <a:pt x="677" y="348"/>
                  </a:lnTo>
                  <a:lnTo>
                    <a:pt x="677" y="346"/>
                  </a:lnTo>
                  <a:lnTo>
                    <a:pt x="676" y="340"/>
                  </a:lnTo>
                  <a:lnTo>
                    <a:pt x="675" y="335"/>
                  </a:lnTo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36" name="Lejre"/>
            <p:cNvSpPr>
              <a:spLocks/>
            </p:cNvSpPr>
            <p:nvPr/>
          </p:nvSpPr>
          <p:spPr bwMode="auto">
            <a:xfrm>
              <a:off x="3403600" y="4891088"/>
              <a:ext cx="228600" cy="288925"/>
            </a:xfrm>
            <a:custGeom>
              <a:avLst/>
              <a:gdLst>
                <a:gd name="T0" fmla="*/ 85 w 431"/>
                <a:gd name="T1" fmla="*/ 3 h 546"/>
                <a:gd name="T2" fmla="*/ 95 w 431"/>
                <a:gd name="T3" fmla="*/ 10 h 546"/>
                <a:gd name="T4" fmla="*/ 100 w 431"/>
                <a:gd name="T5" fmla="*/ 15 h 546"/>
                <a:gd name="T6" fmla="*/ 97 w 431"/>
                <a:gd name="T7" fmla="*/ 25 h 546"/>
                <a:gd name="T8" fmla="*/ 95 w 431"/>
                <a:gd name="T9" fmla="*/ 33 h 546"/>
                <a:gd name="T10" fmla="*/ 97 w 431"/>
                <a:gd name="T11" fmla="*/ 34 h 546"/>
                <a:gd name="T12" fmla="*/ 99 w 431"/>
                <a:gd name="T13" fmla="*/ 30 h 546"/>
                <a:gd name="T14" fmla="*/ 100 w 431"/>
                <a:gd name="T15" fmla="*/ 35 h 546"/>
                <a:gd name="T16" fmla="*/ 109 w 431"/>
                <a:gd name="T17" fmla="*/ 30 h 546"/>
                <a:gd name="T18" fmla="*/ 110 w 431"/>
                <a:gd name="T19" fmla="*/ 26 h 546"/>
                <a:gd name="T20" fmla="*/ 130 w 431"/>
                <a:gd name="T21" fmla="*/ 38 h 546"/>
                <a:gd name="T22" fmla="*/ 139 w 431"/>
                <a:gd name="T23" fmla="*/ 41 h 546"/>
                <a:gd name="T24" fmla="*/ 140 w 431"/>
                <a:gd name="T25" fmla="*/ 50 h 546"/>
                <a:gd name="T26" fmla="*/ 135 w 431"/>
                <a:gd name="T27" fmla="*/ 53 h 546"/>
                <a:gd name="T28" fmla="*/ 119 w 431"/>
                <a:gd name="T29" fmla="*/ 53 h 546"/>
                <a:gd name="T30" fmla="*/ 110 w 431"/>
                <a:gd name="T31" fmla="*/ 60 h 546"/>
                <a:gd name="T32" fmla="*/ 110 w 431"/>
                <a:gd name="T33" fmla="*/ 72 h 546"/>
                <a:gd name="T34" fmla="*/ 104 w 431"/>
                <a:gd name="T35" fmla="*/ 86 h 546"/>
                <a:gd name="T36" fmla="*/ 100 w 431"/>
                <a:gd name="T37" fmla="*/ 102 h 546"/>
                <a:gd name="T38" fmla="*/ 118 w 431"/>
                <a:gd name="T39" fmla="*/ 103 h 546"/>
                <a:gd name="T40" fmla="*/ 131 w 431"/>
                <a:gd name="T41" fmla="*/ 107 h 546"/>
                <a:gd name="T42" fmla="*/ 140 w 431"/>
                <a:gd name="T43" fmla="*/ 120 h 546"/>
                <a:gd name="T44" fmla="*/ 135 w 431"/>
                <a:gd name="T45" fmla="*/ 130 h 546"/>
                <a:gd name="T46" fmla="*/ 127 w 431"/>
                <a:gd name="T47" fmla="*/ 131 h 546"/>
                <a:gd name="T48" fmla="*/ 116 w 431"/>
                <a:gd name="T49" fmla="*/ 130 h 546"/>
                <a:gd name="T50" fmla="*/ 111 w 431"/>
                <a:gd name="T51" fmla="*/ 137 h 546"/>
                <a:gd name="T52" fmla="*/ 106 w 431"/>
                <a:gd name="T53" fmla="*/ 139 h 546"/>
                <a:gd name="T54" fmla="*/ 99 w 431"/>
                <a:gd name="T55" fmla="*/ 142 h 546"/>
                <a:gd name="T56" fmla="*/ 98 w 431"/>
                <a:gd name="T57" fmla="*/ 164 h 546"/>
                <a:gd name="T58" fmla="*/ 93 w 431"/>
                <a:gd name="T59" fmla="*/ 179 h 546"/>
                <a:gd name="T60" fmla="*/ 87 w 431"/>
                <a:gd name="T61" fmla="*/ 181 h 546"/>
                <a:gd name="T62" fmla="*/ 76 w 431"/>
                <a:gd name="T63" fmla="*/ 180 h 546"/>
                <a:gd name="T64" fmla="*/ 57 w 431"/>
                <a:gd name="T65" fmla="*/ 170 h 546"/>
                <a:gd name="T66" fmla="*/ 46 w 431"/>
                <a:gd name="T67" fmla="*/ 166 h 546"/>
                <a:gd name="T68" fmla="*/ 44 w 431"/>
                <a:gd name="T69" fmla="*/ 161 h 546"/>
                <a:gd name="T70" fmla="*/ 38 w 431"/>
                <a:gd name="T71" fmla="*/ 153 h 546"/>
                <a:gd name="T72" fmla="*/ 40 w 431"/>
                <a:gd name="T73" fmla="*/ 145 h 546"/>
                <a:gd name="T74" fmla="*/ 36 w 431"/>
                <a:gd name="T75" fmla="*/ 137 h 546"/>
                <a:gd name="T76" fmla="*/ 27 w 431"/>
                <a:gd name="T77" fmla="*/ 130 h 546"/>
                <a:gd name="T78" fmla="*/ 19 w 431"/>
                <a:gd name="T79" fmla="*/ 120 h 546"/>
                <a:gd name="T80" fmla="*/ 8 w 431"/>
                <a:gd name="T81" fmla="*/ 92 h 546"/>
                <a:gd name="T82" fmla="*/ 3 w 431"/>
                <a:gd name="T83" fmla="*/ 71 h 546"/>
                <a:gd name="T84" fmla="*/ 12 w 431"/>
                <a:gd name="T85" fmla="*/ 67 h 546"/>
                <a:gd name="T86" fmla="*/ 18 w 431"/>
                <a:gd name="T87" fmla="*/ 61 h 546"/>
                <a:gd name="T88" fmla="*/ 23 w 431"/>
                <a:gd name="T89" fmla="*/ 51 h 546"/>
                <a:gd name="T90" fmla="*/ 28 w 431"/>
                <a:gd name="T91" fmla="*/ 20 h 546"/>
                <a:gd name="T92" fmla="*/ 37 w 431"/>
                <a:gd name="T93" fmla="*/ 6 h 546"/>
                <a:gd name="T94" fmla="*/ 37 w 431"/>
                <a:gd name="T95" fmla="*/ 10 h 546"/>
                <a:gd name="T96" fmla="*/ 50 w 431"/>
                <a:gd name="T97" fmla="*/ 8 h 546"/>
                <a:gd name="T98" fmla="*/ 63 w 431"/>
                <a:gd name="T99" fmla="*/ 5 h 546"/>
                <a:gd name="T100" fmla="*/ 63 w 431"/>
                <a:gd name="T101" fmla="*/ 9 h 546"/>
                <a:gd name="T102" fmla="*/ 67 w 431"/>
                <a:gd name="T103" fmla="*/ 8 h 54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0" t="0" r="r" b="b"/>
              <a:pathLst>
                <a:path w="431" h="546">
                  <a:moveTo>
                    <a:pt x="228" y="0"/>
                  </a:moveTo>
                  <a:lnTo>
                    <a:pt x="238" y="2"/>
                  </a:lnTo>
                  <a:lnTo>
                    <a:pt x="247" y="5"/>
                  </a:lnTo>
                  <a:lnTo>
                    <a:pt x="255" y="10"/>
                  </a:lnTo>
                  <a:lnTo>
                    <a:pt x="262" y="15"/>
                  </a:lnTo>
                  <a:lnTo>
                    <a:pt x="269" y="20"/>
                  </a:lnTo>
                  <a:lnTo>
                    <a:pt x="276" y="25"/>
                  </a:lnTo>
                  <a:lnTo>
                    <a:pt x="284" y="30"/>
                  </a:lnTo>
                  <a:lnTo>
                    <a:pt x="293" y="33"/>
                  </a:lnTo>
                  <a:lnTo>
                    <a:pt x="296" y="38"/>
                  </a:lnTo>
                  <a:lnTo>
                    <a:pt x="299" y="42"/>
                  </a:lnTo>
                  <a:lnTo>
                    <a:pt x="300" y="46"/>
                  </a:lnTo>
                  <a:lnTo>
                    <a:pt x="300" y="51"/>
                  </a:lnTo>
                  <a:lnTo>
                    <a:pt x="299" y="59"/>
                  </a:lnTo>
                  <a:lnTo>
                    <a:pt x="295" y="67"/>
                  </a:lnTo>
                  <a:lnTo>
                    <a:pt x="291" y="76"/>
                  </a:lnTo>
                  <a:lnTo>
                    <a:pt x="287" y="84"/>
                  </a:lnTo>
                  <a:lnTo>
                    <a:pt x="286" y="90"/>
                  </a:lnTo>
                  <a:lnTo>
                    <a:pt x="285" y="95"/>
                  </a:lnTo>
                  <a:lnTo>
                    <a:pt x="284" y="100"/>
                  </a:lnTo>
                  <a:lnTo>
                    <a:pt x="285" y="106"/>
                  </a:lnTo>
                  <a:lnTo>
                    <a:pt x="287" y="105"/>
                  </a:lnTo>
                  <a:lnTo>
                    <a:pt x="289" y="104"/>
                  </a:lnTo>
                  <a:lnTo>
                    <a:pt x="290" y="102"/>
                  </a:lnTo>
                  <a:lnTo>
                    <a:pt x="291" y="100"/>
                  </a:lnTo>
                  <a:lnTo>
                    <a:pt x="292" y="95"/>
                  </a:lnTo>
                  <a:lnTo>
                    <a:pt x="293" y="90"/>
                  </a:lnTo>
                  <a:lnTo>
                    <a:pt x="295" y="91"/>
                  </a:lnTo>
                  <a:lnTo>
                    <a:pt x="297" y="93"/>
                  </a:lnTo>
                  <a:lnTo>
                    <a:pt x="299" y="96"/>
                  </a:lnTo>
                  <a:lnTo>
                    <a:pt x="299" y="99"/>
                  </a:lnTo>
                  <a:lnTo>
                    <a:pt x="300" y="106"/>
                  </a:lnTo>
                  <a:lnTo>
                    <a:pt x="300" y="114"/>
                  </a:lnTo>
                  <a:lnTo>
                    <a:pt x="312" y="105"/>
                  </a:lnTo>
                  <a:lnTo>
                    <a:pt x="322" y="95"/>
                  </a:lnTo>
                  <a:lnTo>
                    <a:pt x="327" y="90"/>
                  </a:lnTo>
                  <a:lnTo>
                    <a:pt x="329" y="84"/>
                  </a:lnTo>
                  <a:lnTo>
                    <a:pt x="330" y="82"/>
                  </a:lnTo>
                  <a:lnTo>
                    <a:pt x="329" y="79"/>
                  </a:lnTo>
                  <a:lnTo>
                    <a:pt x="328" y="77"/>
                  </a:lnTo>
                  <a:lnTo>
                    <a:pt x="325" y="74"/>
                  </a:lnTo>
                  <a:lnTo>
                    <a:pt x="349" y="90"/>
                  </a:lnTo>
                  <a:lnTo>
                    <a:pt x="375" y="106"/>
                  </a:lnTo>
                  <a:lnTo>
                    <a:pt x="388" y="114"/>
                  </a:lnTo>
                  <a:lnTo>
                    <a:pt x="400" y="120"/>
                  </a:lnTo>
                  <a:lnTo>
                    <a:pt x="407" y="121"/>
                  </a:lnTo>
                  <a:lnTo>
                    <a:pt x="412" y="123"/>
                  </a:lnTo>
                  <a:lnTo>
                    <a:pt x="417" y="123"/>
                  </a:lnTo>
                  <a:lnTo>
                    <a:pt x="423" y="122"/>
                  </a:lnTo>
                  <a:lnTo>
                    <a:pt x="423" y="134"/>
                  </a:lnTo>
                  <a:lnTo>
                    <a:pt x="421" y="142"/>
                  </a:lnTo>
                  <a:lnTo>
                    <a:pt x="419" y="149"/>
                  </a:lnTo>
                  <a:lnTo>
                    <a:pt x="417" y="153"/>
                  </a:lnTo>
                  <a:lnTo>
                    <a:pt x="413" y="156"/>
                  </a:lnTo>
                  <a:lnTo>
                    <a:pt x="408" y="158"/>
                  </a:lnTo>
                  <a:lnTo>
                    <a:pt x="403" y="158"/>
                  </a:lnTo>
                  <a:lnTo>
                    <a:pt x="396" y="158"/>
                  </a:lnTo>
                  <a:lnTo>
                    <a:pt x="381" y="157"/>
                  </a:lnTo>
                  <a:lnTo>
                    <a:pt x="364" y="158"/>
                  </a:lnTo>
                  <a:lnTo>
                    <a:pt x="355" y="159"/>
                  </a:lnTo>
                  <a:lnTo>
                    <a:pt x="346" y="161"/>
                  </a:lnTo>
                  <a:lnTo>
                    <a:pt x="335" y="165"/>
                  </a:lnTo>
                  <a:lnTo>
                    <a:pt x="325" y="172"/>
                  </a:lnTo>
                  <a:lnTo>
                    <a:pt x="328" y="181"/>
                  </a:lnTo>
                  <a:lnTo>
                    <a:pt x="330" y="191"/>
                  </a:lnTo>
                  <a:lnTo>
                    <a:pt x="330" y="200"/>
                  </a:lnTo>
                  <a:lnTo>
                    <a:pt x="330" y="209"/>
                  </a:lnTo>
                  <a:lnTo>
                    <a:pt x="328" y="217"/>
                  </a:lnTo>
                  <a:lnTo>
                    <a:pt x="326" y="225"/>
                  </a:lnTo>
                  <a:lnTo>
                    <a:pt x="322" y="234"/>
                  </a:lnTo>
                  <a:lnTo>
                    <a:pt x="319" y="241"/>
                  </a:lnTo>
                  <a:lnTo>
                    <a:pt x="312" y="258"/>
                  </a:lnTo>
                  <a:lnTo>
                    <a:pt x="306" y="276"/>
                  </a:lnTo>
                  <a:lnTo>
                    <a:pt x="304" y="285"/>
                  </a:lnTo>
                  <a:lnTo>
                    <a:pt x="301" y="295"/>
                  </a:lnTo>
                  <a:lnTo>
                    <a:pt x="300" y="305"/>
                  </a:lnTo>
                  <a:lnTo>
                    <a:pt x="300" y="317"/>
                  </a:lnTo>
                  <a:lnTo>
                    <a:pt x="321" y="314"/>
                  </a:lnTo>
                  <a:lnTo>
                    <a:pt x="342" y="311"/>
                  </a:lnTo>
                  <a:lnTo>
                    <a:pt x="353" y="309"/>
                  </a:lnTo>
                  <a:lnTo>
                    <a:pt x="365" y="309"/>
                  </a:lnTo>
                  <a:lnTo>
                    <a:pt x="377" y="309"/>
                  </a:lnTo>
                  <a:lnTo>
                    <a:pt x="390" y="310"/>
                  </a:lnTo>
                  <a:lnTo>
                    <a:pt x="393" y="320"/>
                  </a:lnTo>
                  <a:lnTo>
                    <a:pt x="397" y="329"/>
                  </a:lnTo>
                  <a:lnTo>
                    <a:pt x="401" y="337"/>
                  </a:lnTo>
                  <a:lnTo>
                    <a:pt x="407" y="345"/>
                  </a:lnTo>
                  <a:lnTo>
                    <a:pt x="419" y="359"/>
                  </a:lnTo>
                  <a:lnTo>
                    <a:pt x="431" y="374"/>
                  </a:lnTo>
                  <a:lnTo>
                    <a:pt x="420" y="380"/>
                  </a:lnTo>
                  <a:lnTo>
                    <a:pt x="412" y="385"/>
                  </a:lnTo>
                  <a:lnTo>
                    <a:pt x="403" y="390"/>
                  </a:lnTo>
                  <a:lnTo>
                    <a:pt x="394" y="392"/>
                  </a:lnTo>
                  <a:lnTo>
                    <a:pt x="390" y="393"/>
                  </a:lnTo>
                  <a:lnTo>
                    <a:pt x="385" y="393"/>
                  </a:lnTo>
                  <a:lnTo>
                    <a:pt x="380" y="393"/>
                  </a:lnTo>
                  <a:lnTo>
                    <a:pt x="375" y="392"/>
                  </a:lnTo>
                  <a:lnTo>
                    <a:pt x="364" y="389"/>
                  </a:lnTo>
                  <a:lnTo>
                    <a:pt x="350" y="382"/>
                  </a:lnTo>
                  <a:lnTo>
                    <a:pt x="347" y="390"/>
                  </a:lnTo>
                  <a:lnTo>
                    <a:pt x="344" y="397"/>
                  </a:lnTo>
                  <a:lnTo>
                    <a:pt x="339" y="403"/>
                  </a:lnTo>
                  <a:lnTo>
                    <a:pt x="335" y="409"/>
                  </a:lnTo>
                  <a:lnTo>
                    <a:pt x="332" y="411"/>
                  </a:lnTo>
                  <a:lnTo>
                    <a:pt x="329" y="413"/>
                  </a:lnTo>
                  <a:lnTo>
                    <a:pt x="326" y="415"/>
                  </a:lnTo>
                  <a:lnTo>
                    <a:pt x="321" y="416"/>
                  </a:lnTo>
                  <a:lnTo>
                    <a:pt x="317" y="416"/>
                  </a:lnTo>
                  <a:lnTo>
                    <a:pt x="312" y="417"/>
                  </a:lnTo>
                  <a:lnTo>
                    <a:pt x="307" y="416"/>
                  </a:lnTo>
                  <a:lnTo>
                    <a:pt x="300" y="415"/>
                  </a:lnTo>
                  <a:lnTo>
                    <a:pt x="297" y="425"/>
                  </a:lnTo>
                  <a:lnTo>
                    <a:pt x="294" y="437"/>
                  </a:lnTo>
                  <a:lnTo>
                    <a:pt x="293" y="450"/>
                  </a:lnTo>
                  <a:lnTo>
                    <a:pt x="292" y="463"/>
                  </a:lnTo>
                  <a:lnTo>
                    <a:pt x="292" y="492"/>
                  </a:lnTo>
                  <a:lnTo>
                    <a:pt x="293" y="520"/>
                  </a:lnTo>
                  <a:lnTo>
                    <a:pt x="288" y="527"/>
                  </a:lnTo>
                  <a:lnTo>
                    <a:pt x="282" y="532"/>
                  </a:lnTo>
                  <a:lnTo>
                    <a:pt x="277" y="536"/>
                  </a:lnTo>
                  <a:lnTo>
                    <a:pt x="273" y="539"/>
                  </a:lnTo>
                  <a:lnTo>
                    <a:pt x="269" y="541"/>
                  </a:lnTo>
                  <a:lnTo>
                    <a:pt x="264" y="543"/>
                  </a:lnTo>
                  <a:lnTo>
                    <a:pt x="259" y="544"/>
                  </a:lnTo>
                  <a:lnTo>
                    <a:pt x="255" y="546"/>
                  </a:lnTo>
                  <a:lnTo>
                    <a:pt x="246" y="546"/>
                  </a:lnTo>
                  <a:lnTo>
                    <a:pt x="237" y="543"/>
                  </a:lnTo>
                  <a:lnTo>
                    <a:pt x="228" y="540"/>
                  </a:lnTo>
                  <a:lnTo>
                    <a:pt x="219" y="536"/>
                  </a:lnTo>
                  <a:lnTo>
                    <a:pt x="201" y="524"/>
                  </a:lnTo>
                  <a:lnTo>
                    <a:pt x="182" y="514"/>
                  </a:lnTo>
                  <a:lnTo>
                    <a:pt x="172" y="510"/>
                  </a:lnTo>
                  <a:lnTo>
                    <a:pt x="161" y="507"/>
                  </a:lnTo>
                  <a:lnTo>
                    <a:pt x="150" y="504"/>
                  </a:lnTo>
                  <a:lnTo>
                    <a:pt x="138" y="504"/>
                  </a:lnTo>
                  <a:lnTo>
                    <a:pt x="138" y="499"/>
                  </a:lnTo>
                  <a:lnTo>
                    <a:pt x="138" y="495"/>
                  </a:lnTo>
                  <a:lnTo>
                    <a:pt x="137" y="491"/>
                  </a:lnTo>
                  <a:lnTo>
                    <a:pt x="136" y="488"/>
                  </a:lnTo>
                  <a:lnTo>
                    <a:pt x="133" y="482"/>
                  </a:lnTo>
                  <a:lnTo>
                    <a:pt x="128" y="478"/>
                  </a:lnTo>
                  <a:lnTo>
                    <a:pt x="116" y="472"/>
                  </a:lnTo>
                  <a:lnTo>
                    <a:pt x="106" y="463"/>
                  </a:lnTo>
                  <a:lnTo>
                    <a:pt x="113" y="459"/>
                  </a:lnTo>
                  <a:lnTo>
                    <a:pt x="117" y="454"/>
                  </a:lnTo>
                  <a:lnTo>
                    <a:pt x="120" y="449"/>
                  </a:lnTo>
                  <a:lnTo>
                    <a:pt x="121" y="442"/>
                  </a:lnTo>
                  <a:lnTo>
                    <a:pt x="121" y="436"/>
                  </a:lnTo>
                  <a:lnTo>
                    <a:pt x="119" y="430"/>
                  </a:lnTo>
                  <a:lnTo>
                    <a:pt x="116" y="422"/>
                  </a:lnTo>
                  <a:lnTo>
                    <a:pt x="112" y="416"/>
                  </a:lnTo>
                  <a:lnTo>
                    <a:pt x="107" y="410"/>
                  </a:lnTo>
                  <a:lnTo>
                    <a:pt x="101" y="404"/>
                  </a:lnTo>
                  <a:lnTo>
                    <a:pt x="95" y="399"/>
                  </a:lnTo>
                  <a:lnTo>
                    <a:pt x="89" y="394"/>
                  </a:lnTo>
                  <a:lnTo>
                    <a:pt x="82" y="390"/>
                  </a:lnTo>
                  <a:lnTo>
                    <a:pt x="76" y="387"/>
                  </a:lnTo>
                  <a:lnTo>
                    <a:pt x="71" y="384"/>
                  </a:lnTo>
                  <a:lnTo>
                    <a:pt x="64" y="382"/>
                  </a:lnTo>
                  <a:lnTo>
                    <a:pt x="57" y="361"/>
                  </a:lnTo>
                  <a:lnTo>
                    <a:pt x="49" y="340"/>
                  </a:lnTo>
                  <a:lnTo>
                    <a:pt x="40" y="318"/>
                  </a:lnTo>
                  <a:lnTo>
                    <a:pt x="33" y="297"/>
                  </a:lnTo>
                  <a:lnTo>
                    <a:pt x="24" y="276"/>
                  </a:lnTo>
                  <a:lnTo>
                    <a:pt x="16" y="255"/>
                  </a:lnTo>
                  <a:lnTo>
                    <a:pt x="8" y="233"/>
                  </a:lnTo>
                  <a:lnTo>
                    <a:pt x="0" y="212"/>
                  </a:lnTo>
                  <a:lnTo>
                    <a:pt x="9" y="212"/>
                  </a:lnTo>
                  <a:lnTo>
                    <a:pt x="16" y="210"/>
                  </a:lnTo>
                  <a:lnTo>
                    <a:pt x="23" y="209"/>
                  </a:lnTo>
                  <a:lnTo>
                    <a:pt x="31" y="205"/>
                  </a:lnTo>
                  <a:lnTo>
                    <a:pt x="36" y="202"/>
                  </a:lnTo>
                  <a:lnTo>
                    <a:pt x="41" y="199"/>
                  </a:lnTo>
                  <a:lnTo>
                    <a:pt x="47" y="195"/>
                  </a:lnTo>
                  <a:lnTo>
                    <a:pt x="51" y="190"/>
                  </a:lnTo>
                  <a:lnTo>
                    <a:pt x="55" y="184"/>
                  </a:lnTo>
                  <a:lnTo>
                    <a:pt x="58" y="179"/>
                  </a:lnTo>
                  <a:lnTo>
                    <a:pt x="61" y="173"/>
                  </a:lnTo>
                  <a:lnTo>
                    <a:pt x="64" y="166"/>
                  </a:lnTo>
                  <a:lnTo>
                    <a:pt x="69" y="153"/>
                  </a:lnTo>
                  <a:lnTo>
                    <a:pt x="73" y="138"/>
                  </a:lnTo>
                  <a:lnTo>
                    <a:pt x="78" y="106"/>
                  </a:lnTo>
                  <a:lnTo>
                    <a:pt x="82" y="75"/>
                  </a:lnTo>
                  <a:lnTo>
                    <a:pt x="85" y="59"/>
                  </a:lnTo>
                  <a:lnTo>
                    <a:pt x="88" y="44"/>
                  </a:lnTo>
                  <a:lnTo>
                    <a:pt x="92" y="30"/>
                  </a:lnTo>
                  <a:lnTo>
                    <a:pt x="97" y="17"/>
                  </a:lnTo>
                  <a:lnTo>
                    <a:pt x="110" y="17"/>
                  </a:lnTo>
                  <a:lnTo>
                    <a:pt x="122" y="17"/>
                  </a:lnTo>
                  <a:lnTo>
                    <a:pt x="116" y="22"/>
                  </a:lnTo>
                  <a:lnTo>
                    <a:pt x="113" y="26"/>
                  </a:lnTo>
                  <a:lnTo>
                    <a:pt x="112" y="30"/>
                  </a:lnTo>
                  <a:lnTo>
                    <a:pt x="114" y="31"/>
                  </a:lnTo>
                  <a:lnTo>
                    <a:pt x="120" y="31"/>
                  </a:lnTo>
                  <a:lnTo>
                    <a:pt x="133" y="28"/>
                  </a:lnTo>
                  <a:lnTo>
                    <a:pt x="149" y="24"/>
                  </a:lnTo>
                  <a:lnTo>
                    <a:pt x="166" y="20"/>
                  </a:lnTo>
                  <a:lnTo>
                    <a:pt x="174" y="18"/>
                  </a:lnTo>
                  <a:lnTo>
                    <a:pt x="181" y="17"/>
                  </a:lnTo>
                  <a:lnTo>
                    <a:pt x="189" y="16"/>
                  </a:lnTo>
                  <a:lnTo>
                    <a:pt x="195" y="17"/>
                  </a:lnTo>
                  <a:lnTo>
                    <a:pt x="194" y="22"/>
                  </a:lnTo>
                  <a:lnTo>
                    <a:pt x="191" y="27"/>
                  </a:lnTo>
                  <a:lnTo>
                    <a:pt x="190" y="28"/>
                  </a:lnTo>
                  <a:lnTo>
                    <a:pt x="190" y="31"/>
                  </a:lnTo>
                  <a:lnTo>
                    <a:pt x="192" y="32"/>
                  </a:lnTo>
                  <a:lnTo>
                    <a:pt x="195" y="33"/>
                  </a:lnTo>
                  <a:lnTo>
                    <a:pt x="201" y="23"/>
                  </a:lnTo>
                  <a:lnTo>
                    <a:pt x="209" y="14"/>
                  </a:lnTo>
                  <a:lnTo>
                    <a:pt x="217" y="6"/>
                  </a:lnTo>
                  <a:lnTo>
                    <a:pt x="228" y="0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37" name="Lejre kant"/>
            <p:cNvSpPr>
              <a:spLocks/>
            </p:cNvSpPr>
            <p:nvPr/>
          </p:nvSpPr>
          <p:spPr bwMode="auto">
            <a:xfrm>
              <a:off x="3403600" y="4891088"/>
              <a:ext cx="228600" cy="288925"/>
            </a:xfrm>
            <a:custGeom>
              <a:avLst/>
              <a:gdLst>
                <a:gd name="T0" fmla="*/ 85 w 431"/>
                <a:gd name="T1" fmla="*/ 3 h 546"/>
                <a:gd name="T2" fmla="*/ 95 w 431"/>
                <a:gd name="T3" fmla="*/ 10 h 546"/>
                <a:gd name="T4" fmla="*/ 100 w 431"/>
                <a:gd name="T5" fmla="*/ 15 h 546"/>
                <a:gd name="T6" fmla="*/ 97 w 431"/>
                <a:gd name="T7" fmla="*/ 25 h 546"/>
                <a:gd name="T8" fmla="*/ 95 w 431"/>
                <a:gd name="T9" fmla="*/ 33 h 546"/>
                <a:gd name="T10" fmla="*/ 97 w 431"/>
                <a:gd name="T11" fmla="*/ 34 h 546"/>
                <a:gd name="T12" fmla="*/ 99 w 431"/>
                <a:gd name="T13" fmla="*/ 30 h 546"/>
                <a:gd name="T14" fmla="*/ 100 w 431"/>
                <a:gd name="T15" fmla="*/ 35 h 546"/>
                <a:gd name="T16" fmla="*/ 109 w 431"/>
                <a:gd name="T17" fmla="*/ 30 h 546"/>
                <a:gd name="T18" fmla="*/ 110 w 431"/>
                <a:gd name="T19" fmla="*/ 26 h 546"/>
                <a:gd name="T20" fmla="*/ 130 w 431"/>
                <a:gd name="T21" fmla="*/ 38 h 546"/>
                <a:gd name="T22" fmla="*/ 139 w 431"/>
                <a:gd name="T23" fmla="*/ 41 h 546"/>
                <a:gd name="T24" fmla="*/ 140 w 431"/>
                <a:gd name="T25" fmla="*/ 50 h 546"/>
                <a:gd name="T26" fmla="*/ 135 w 431"/>
                <a:gd name="T27" fmla="*/ 53 h 546"/>
                <a:gd name="T28" fmla="*/ 119 w 431"/>
                <a:gd name="T29" fmla="*/ 53 h 546"/>
                <a:gd name="T30" fmla="*/ 110 w 431"/>
                <a:gd name="T31" fmla="*/ 60 h 546"/>
                <a:gd name="T32" fmla="*/ 110 w 431"/>
                <a:gd name="T33" fmla="*/ 72 h 546"/>
                <a:gd name="T34" fmla="*/ 104 w 431"/>
                <a:gd name="T35" fmla="*/ 86 h 546"/>
                <a:gd name="T36" fmla="*/ 100 w 431"/>
                <a:gd name="T37" fmla="*/ 102 h 546"/>
                <a:gd name="T38" fmla="*/ 118 w 431"/>
                <a:gd name="T39" fmla="*/ 103 h 546"/>
                <a:gd name="T40" fmla="*/ 131 w 431"/>
                <a:gd name="T41" fmla="*/ 107 h 546"/>
                <a:gd name="T42" fmla="*/ 140 w 431"/>
                <a:gd name="T43" fmla="*/ 120 h 546"/>
                <a:gd name="T44" fmla="*/ 135 w 431"/>
                <a:gd name="T45" fmla="*/ 130 h 546"/>
                <a:gd name="T46" fmla="*/ 127 w 431"/>
                <a:gd name="T47" fmla="*/ 131 h 546"/>
                <a:gd name="T48" fmla="*/ 116 w 431"/>
                <a:gd name="T49" fmla="*/ 130 h 546"/>
                <a:gd name="T50" fmla="*/ 111 w 431"/>
                <a:gd name="T51" fmla="*/ 137 h 546"/>
                <a:gd name="T52" fmla="*/ 106 w 431"/>
                <a:gd name="T53" fmla="*/ 139 h 546"/>
                <a:gd name="T54" fmla="*/ 99 w 431"/>
                <a:gd name="T55" fmla="*/ 142 h 546"/>
                <a:gd name="T56" fmla="*/ 98 w 431"/>
                <a:gd name="T57" fmla="*/ 164 h 546"/>
                <a:gd name="T58" fmla="*/ 93 w 431"/>
                <a:gd name="T59" fmla="*/ 179 h 546"/>
                <a:gd name="T60" fmla="*/ 87 w 431"/>
                <a:gd name="T61" fmla="*/ 181 h 546"/>
                <a:gd name="T62" fmla="*/ 76 w 431"/>
                <a:gd name="T63" fmla="*/ 180 h 546"/>
                <a:gd name="T64" fmla="*/ 57 w 431"/>
                <a:gd name="T65" fmla="*/ 170 h 546"/>
                <a:gd name="T66" fmla="*/ 46 w 431"/>
                <a:gd name="T67" fmla="*/ 166 h 546"/>
                <a:gd name="T68" fmla="*/ 44 w 431"/>
                <a:gd name="T69" fmla="*/ 161 h 546"/>
                <a:gd name="T70" fmla="*/ 38 w 431"/>
                <a:gd name="T71" fmla="*/ 153 h 546"/>
                <a:gd name="T72" fmla="*/ 40 w 431"/>
                <a:gd name="T73" fmla="*/ 145 h 546"/>
                <a:gd name="T74" fmla="*/ 36 w 431"/>
                <a:gd name="T75" fmla="*/ 137 h 546"/>
                <a:gd name="T76" fmla="*/ 27 w 431"/>
                <a:gd name="T77" fmla="*/ 130 h 546"/>
                <a:gd name="T78" fmla="*/ 19 w 431"/>
                <a:gd name="T79" fmla="*/ 120 h 546"/>
                <a:gd name="T80" fmla="*/ 8 w 431"/>
                <a:gd name="T81" fmla="*/ 92 h 546"/>
                <a:gd name="T82" fmla="*/ 3 w 431"/>
                <a:gd name="T83" fmla="*/ 71 h 546"/>
                <a:gd name="T84" fmla="*/ 12 w 431"/>
                <a:gd name="T85" fmla="*/ 67 h 546"/>
                <a:gd name="T86" fmla="*/ 18 w 431"/>
                <a:gd name="T87" fmla="*/ 61 h 546"/>
                <a:gd name="T88" fmla="*/ 23 w 431"/>
                <a:gd name="T89" fmla="*/ 51 h 546"/>
                <a:gd name="T90" fmla="*/ 28 w 431"/>
                <a:gd name="T91" fmla="*/ 20 h 546"/>
                <a:gd name="T92" fmla="*/ 37 w 431"/>
                <a:gd name="T93" fmla="*/ 6 h 546"/>
                <a:gd name="T94" fmla="*/ 37 w 431"/>
                <a:gd name="T95" fmla="*/ 10 h 546"/>
                <a:gd name="T96" fmla="*/ 50 w 431"/>
                <a:gd name="T97" fmla="*/ 8 h 546"/>
                <a:gd name="T98" fmla="*/ 63 w 431"/>
                <a:gd name="T99" fmla="*/ 5 h 546"/>
                <a:gd name="T100" fmla="*/ 63 w 431"/>
                <a:gd name="T101" fmla="*/ 9 h 546"/>
                <a:gd name="T102" fmla="*/ 67 w 431"/>
                <a:gd name="T103" fmla="*/ 8 h 54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0" t="0" r="r" b="b"/>
              <a:pathLst>
                <a:path w="431" h="546">
                  <a:moveTo>
                    <a:pt x="228" y="0"/>
                  </a:moveTo>
                  <a:lnTo>
                    <a:pt x="238" y="2"/>
                  </a:lnTo>
                  <a:lnTo>
                    <a:pt x="247" y="5"/>
                  </a:lnTo>
                  <a:lnTo>
                    <a:pt x="255" y="10"/>
                  </a:lnTo>
                  <a:lnTo>
                    <a:pt x="262" y="15"/>
                  </a:lnTo>
                  <a:lnTo>
                    <a:pt x="269" y="20"/>
                  </a:lnTo>
                  <a:lnTo>
                    <a:pt x="276" y="25"/>
                  </a:lnTo>
                  <a:lnTo>
                    <a:pt x="284" y="30"/>
                  </a:lnTo>
                  <a:lnTo>
                    <a:pt x="293" y="33"/>
                  </a:lnTo>
                  <a:lnTo>
                    <a:pt x="296" y="38"/>
                  </a:lnTo>
                  <a:lnTo>
                    <a:pt x="299" y="42"/>
                  </a:lnTo>
                  <a:lnTo>
                    <a:pt x="300" y="46"/>
                  </a:lnTo>
                  <a:lnTo>
                    <a:pt x="300" y="51"/>
                  </a:lnTo>
                  <a:lnTo>
                    <a:pt x="299" y="59"/>
                  </a:lnTo>
                  <a:lnTo>
                    <a:pt x="295" y="67"/>
                  </a:lnTo>
                  <a:lnTo>
                    <a:pt x="291" y="76"/>
                  </a:lnTo>
                  <a:lnTo>
                    <a:pt x="287" y="84"/>
                  </a:lnTo>
                  <a:lnTo>
                    <a:pt x="286" y="90"/>
                  </a:lnTo>
                  <a:lnTo>
                    <a:pt x="285" y="95"/>
                  </a:lnTo>
                  <a:lnTo>
                    <a:pt x="284" y="100"/>
                  </a:lnTo>
                  <a:lnTo>
                    <a:pt x="285" y="106"/>
                  </a:lnTo>
                  <a:lnTo>
                    <a:pt x="287" y="105"/>
                  </a:lnTo>
                  <a:lnTo>
                    <a:pt x="289" y="104"/>
                  </a:lnTo>
                  <a:lnTo>
                    <a:pt x="290" y="102"/>
                  </a:lnTo>
                  <a:lnTo>
                    <a:pt x="291" y="100"/>
                  </a:lnTo>
                  <a:lnTo>
                    <a:pt x="292" y="95"/>
                  </a:lnTo>
                  <a:lnTo>
                    <a:pt x="293" y="90"/>
                  </a:lnTo>
                  <a:lnTo>
                    <a:pt x="295" y="91"/>
                  </a:lnTo>
                  <a:lnTo>
                    <a:pt x="297" y="93"/>
                  </a:lnTo>
                  <a:lnTo>
                    <a:pt x="299" y="96"/>
                  </a:lnTo>
                  <a:lnTo>
                    <a:pt x="299" y="99"/>
                  </a:lnTo>
                  <a:lnTo>
                    <a:pt x="300" y="106"/>
                  </a:lnTo>
                  <a:lnTo>
                    <a:pt x="300" y="114"/>
                  </a:lnTo>
                  <a:lnTo>
                    <a:pt x="312" y="105"/>
                  </a:lnTo>
                  <a:lnTo>
                    <a:pt x="322" y="95"/>
                  </a:lnTo>
                  <a:lnTo>
                    <a:pt x="327" y="90"/>
                  </a:lnTo>
                  <a:lnTo>
                    <a:pt x="329" y="84"/>
                  </a:lnTo>
                  <a:lnTo>
                    <a:pt x="330" y="82"/>
                  </a:lnTo>
                  <a:lnTo>
                    <a:pt x="329" y="79"/>
                  </a:lnTo>
                  <a:lnTo>
                    <a:pt x="328" y="77"/>
                  </a:lnTo>
                  <a:lnTo>
                    <a:pt x="325" y="74"/>
                  </a:lnTo>
                  <a:lnTo>
                    <a:pt x="349" y="90"/>
                  </a:lnTo>
                  <a:lnTo>
                    <a:pt x="375" y="106"/>
                  </a:lnTo>
                  <a:lnTo>
                    <a:pt x="388" y="114"/>
                  </a:lnTo>
                  <a:lnTo>
                    <a:pt x="400" y="120"/>
                  </a:lnTo>
                  <a:lnTo>
                    <a:pt x="407" y="121"/>
                  </a:lnTo>
                  <a:lnTo>
                    <a:pt x="412" y="123"/>
                  </a:lnTo>
                  <a:lnTo>
                    <a:pt x="417" y="123"/>
                  </a:lnTo>
                  <a:lnTo>
                    <a:pt x="423" y="122"/>
                  </a:lnTo>
                  <a:lnTo>
                    <a:pt x="423" y="134"/>
                  </a:lnTo>
                  <a:lnTo>
                    <a:pt x="421" y="142"/>
                  </a:lnTo>
                  <a:lnTo>
                    <a:pt x="419" y="149"/>
                  </a:lnTo>
                  <a:lnTo>
                    <a:pt x="417" y="153"/>
                  </a:lnTo>
                  <a:lnTo>
                    <a:pt x="413" y="156"/>
                  </a:lnTo>
                  <a:lnTo>
                    <a:pt x="408" y="158"/>
                  </a:lnTo>
                  <a:lnTo>
                    <a:pt x="403" y="158"/>
                  </a:lnTo>
                  <a:lnTo>
                    <a:pt x="396" y="158"/>
                  </a:lnTo>
                  <a:lnTo>
                    <a:pt x="381" y="157"/>
                  </a:lnTo>
                  <a:lnTo>
                    <a:pt x="364" y="158"/>
                  </a:lnTo>
                  <a:lnTo>
                    <a:pt x="355" y="159"/>
                  </a:lnTo>
                  <a:lnTo>
                    <a:pt x="346" y="161"/>
                  </a:lnTo>
                  <a:lnTo>
                    <a:pt x="335" y="165"/>
                  </a:lnTo>
                  <a:lnTo>
                    <a:pt x="325" y="172"/>
                  </a:lnTo>
                  <a:lnTo>
                    <a:pt x="328" y="181"/>
                  </a:lnTo>
                  <a:lnTo>
                    <a:pt x="330" y="191"/>
                  </a:lnTo>
                  <a:lnTo>
                    <a:pt x="330" y="200"/>
                  </a:lnTo>
                  <a:lnTo>
                    <a:pt x="330" y="209"/>
                  </a:lnTo>
                  <a:lnTo>
                    <a:pt x="328" y="217"/>
                  </a:lnTo>
                  <a:lnTo>
                    <a:pt x="326" y="225"/>
                  </a:lnTo>
                  <a:lnTo>
                    <a:pt x="322" y="234"/>
                  </a:lnTo>
                  <a:lnTo>
                    <a:pt x="319" y="241"/>
                  </a:lnTo>
                  <a:lnTo>
                    <a:pt x="312" y="258"/>
                  </a:lnTo>
                  <a:lnTo>
                    <a:pt x="306" y="276"/>
                  </a:lnTo>
                  <a:lnTo>
                    <a:pt x="304" y="285"/>
                  </a:lnTo>
                  <a:lnTo>
                    <a:pt x="301" y="295"/>
                  </a:lnTo>
                  <a:lnTo>
                    <a:pt x="300" y="305"/>
                  </a:lnTo>
                  <a:lnTo>
                    <a:pt x="300" y="317"/>
                  </a:lnTo>
                  <a:lnTo>
                    <a:pt x="321" y="314"/>
                  </a:lnTo>
                  <a:lnTo>
                    <a:pt x="342" y="311"/>
                  </a:lnTo>
                  <a:lnTo>
                    <a:pt x="353" y="309"/>
                  </a:lnTo>
                  <a:lnTo>
                    <a:pt x="365" y="309"/>
                  </a:lnTo>
                  <a:lnTo>
                    <a:pt x="377" y="309"/>
                  </a:lnTo>
                  <a:lnTo>
                    <a:pt x="390" y="310"/>
                  </a:lnTo>
                  <a:lnTo>
                    <a:pt x="393" y="320"/>
                  </a:lnTo>
                  <a:lnTo>
                    <a:pt x="397" y="329"/>
                  </a:lnTo>
                  <a:lnTo>
                    <a:pt x="401" y="337"/>
                  </a:lnTo>
                  <a:lnTo>
                    <a:pt x="407" y="345"/>
                  </a:lnTo>
                  <a:lnTo>
                    <a:pt x="419" y="359"/>
                  </a:lnTo>
                  <a:lnTo>
                    <a:pt x="431" y="374"/>
                  </a:lnTo>
                  <a:lnTo>
                    <a:pt x="420" y="380"/>
                  </a:lnTo>
                  <a:lnTo>
                    <a:pt x="412" y="385"/>
                  </a:lnTo>
                  <a:lnTo>
                    <a:pt x="403" y="390"/>
                  </a:lnTo>
                  <a:lnTo>
                    <a:pt x="394" y="392"/>
                  </a:lnTo>
                  <a:lnTo>
                    <a:pt x="390" y="393"/>
                  </a:lnTo>
                  <a:lnTo>
                    <a:pt x="385" y="393"/>
                  </a:lnTo>
                  <a:lnTo>
                    <a:pt x="380" y="393"/>
                  </a:lnTo>
                  <a:lnTo>
                    <a:pt x="375" y="392"/>
                  </a:lnTo>
                  <a:lnTo>
                    <a:pt x="364" y="389"/>
                  </a:lnTo>
                  <a:lnTo>
                    <a:pt x="350" y="382"/>
                  </a:lnTo>
                  <a:lnTo>
                    <a:pt x="347" y="390"/>
                  </a:lnTo>
                  <a:lnTo>
                    <a:pt x="344" y="397"/>
                  </a:lnTo>
                  <a:lnTo>
                    <a:pt x="339" y="403"/>
                  </a:lnTo>
                  <a:lnTo>
                    <a:pt x="335" y="409"/>
                  </a:lnTo>
                  <a:lnTo>
                    <a:pt x="332" y="411"/>
                  </a:lnTo>
                  <a:lnTo>
                    <a:pt x="329" y="413"/>
                  </a:lnTo>
                  <a:lnTo>
                    <a:pt x="326" y="415"/>
                  </a:lnTo>
                  <a:lnTo>
                    <a:pt x="321" y="416"/>
                  </a:lnTo>
                  <a:lnTo>
                    <a:pt x="317" y="416"/>
                  </a:lnTo>
                  <a:lnTo>
                    <a:pt x="312" y="417"/>
                  </a:lnTo>
                  <a:lnTo>
                    <a:pt x="307" y="416"/>
                  </a:lnTo>
                  <a:lnTo>
                    <a:pt x="300" y="415"/>
                  </a:lnTo>
                  <a:lnTo>
                    <a:pt x="297" y="425"/>
                  </a:lnTo>
                  <a:lnTo>
                    <a:pt x="294" y="437"/>
                  </a:lnTo>
                  <a:lnTo>
                    <a:pt x="293" y="450"/>
                  </a:lnTo>
                  <a:lnTo>
                    <a:pt x="292" y="463"/>
                  </a:lnTo>
                  <a:lnTo>
                    <a:pt x="292" y="492"/>
                  </a:lnTo>
                  <a:lnTo>
                    <a:pt x="293" y="520"/>
                  </a:lnTo>
                  <a:lnTo>
                    <a:pt x="288" y="527"/>
                  </a:lnTo>
                  <a:lnTo>
                    <a:pt x="282" y="532"/>
                  </a:lnTo>
                  <a:lnTo>
                    <a:pt x="277" y="536"/>
                  </a:lnTo>
                  <a:lnTo>
                    <a:pt x="273" y="539"/>
                  </a:lnTo>
                  <a:lnTo>
                    <a:pt x="269" y="541"/>
                  </a:lnTo>
                  <a:lnTo>
                    <a:pt x="264" y="543"/>
                  </a:lnTo>
                  <a:lnTo>
                    <a:pt x="259" y="544"/>
                  </a:lnTo>
                  <a:lnTo>
                    <a:pt x="255" y="546"/>
                  </a:lnTo>
                  <a:lnTo>
                    <a:pt x="246" y="546"/>
                  </a:lnTo>
                  <a:lnTo>
                    <a:pt x="237" y="543"/>
                  </a:lnTo>
                  <a:lnTo>
                    <a:pt x="228" y="540"/>
                  </a:lnTo>
                  <a:lnTo>
                    <a:pt x="219" y="536"/>
                  </a:lnTo>
                  <a:lnTo>
                    <a:pt x="201" y="524"/>
                  </a:lnTo>
                  <a:lnTo>
                    <a:pt x="182" y="514"/>
                  </a:lnTo>
                  <a:lnTo>
                    <a:pt x="172" y="510"/>
                  </a:lnTo>
                  <a:lnTo>
                    <a:pt x="161" y="507"/>
                  </a:lnTo>
                  <a:lnTo>
                    <a:pt x="150" y="504"/>
                  </a:lnTo>
                  <a:lnTo>
                    <a:pt x="138" y="504"/>
                  </a:lnTo>
                  <a:lnTo>
                    <a:pt x="138" y="499"/>
                  </a:lnTo>
                  <a:lnTo>
                    <a:pt x="138" y="495"/>
                  </a:lnTo>
                  <a:lnTo>
                    <a:pt x="137" y="491"/>
                  </a:lnTo>
                  <a:lnTo>
                    <a:pt x="136" y="488"/>
                  </a:lnTo>
                  <a:lnTo>
                    <a:pt x="133" y="482"/>
                  </a:lnTo>
                  <a:lnTo>
                    <a:pt x="128" y="478"/>
                  </a:lnTo>
                  <a:lnTo>
                    <a:pt x="116" y="472"/>
                  </a:lnTo>
                  <a:lnTo>
                    <a:pt x="106" y="463"/>
                  </a:lnTo>
                  <a:lnTo>
                    <a:pt x="113" y="459"/>
                  </a:lnTo>
                  <a:lnTo>
                    <a:pt x="117" y="454"/>
                  </a:lnTo>
                  <a:lnTo>
                    <a:pt x="120" y="449"/>
                  </a:lnTo>
                  <a:lnTo>
                    <a:pt x="121" y="442"/>
                  </a:lnTo>
                  <a:lnTo>
                    <a:pt x="121" y="436"/>
                  </a:lnTo>
                  <a:lnTo>
                    <a:pt x="119" y="430"/>
                  </a:lnTo>
                  <a:lnTo>
                    <a:pt x="116" y="422"/>
                  </a:lnTo>
                  <a:lnTo>
                    <a:pt x="112" y="416"/>
                  </a:lnTo>
                  <a:lnTo>
                    <a:pt x="107" y="410"/>
                  </a:lnTo>
                  <a:lnTo>
                    <a:pt x="101" y="404"/>
                  </a:lnTo>
                  <a:lnTo>
                    <a:pt x="95" y="399"/>
                  </a:lnTo>
                  <a:lnTo>
                    <a:pt x="89" y="394"/>
                  </a:lnTo>
                  <a:lnTo>
                    <a:pt x="82" y="390"/>
                  </a:lnTo>
                  <a:lnTo>
                    <a:pt x="76" y="387"/>
                  </a:lnTo>
                  <a:lnTo>
                    <a:pt x="71" y="384"/>
                  </a:lnTo>
                  <a:lnTo>
                    <a:pt x="64" y="382"/>
                  </a:lnTo>
                  <a:lnTo>
                    <a:pt x="57" y="361"/>
                  </a:lnTo>
                  <a:lnTo>
                    <a:pt x="49" y="340"/>
                  </a:lnTo>
                  <a:lnTo>
                    <a:pt x="40" y="318"/>
                  </a:lnTo>
                  <a:lnTo>
                    <a:pt x="33" y="297"/>
                  </a:lnTo>
                  <a:lnTo>
                    <a:pt x="24" y="276"/>
                  </a:lnTo>
                  <a:lnTo>
                    <a:pt x="16" y="255"/>
                  </a:lnTo>
                  <a:lnTo>
                    <a:pt x="8" y="233"/>
                  </a:lnTo>
                  <a:lnTo>
                    <a:pt x="0" y="212"/>
                  </a:lnTo>
                  <a:lnTo>
                    <a:pt x="9" y="212"/>
                  </a:lnTo>
                  <a:lnTo>
                    <a:pt x="16" y="210"/>
                  </a:lnTo>
                  <a:lnTo>
                    <a:pt x="23" y="209"/>
                  </a:lnTo>
                  <a:lnTo>
                    <a:pt x="31" y="205"/>
                  </a:lnTo>
                  <a:lnTo>
                    <a:pt x="36" y="202"/>
                  </a:lnTo>
                  <a:lnTo>
                    <a:pt x="41" y="199"/>
                  </a:lnTo>
                  <a:lnTo>
                    <a:pt x="47" y="195"/>
                  </a:lnTo>
                  <a:lnTo>
                    <a:pt x="51" y="190"/>
                  </a:lnTo>
                  <a:lnTo>
                    <a:pt x="55" y="184"/>
                  </a:lnTo>
                  <a:lnTo>
                    <a:pt x="58" y="179"/>
                  </a:lnTo>
                  <a:lnTo>
                    <a:pt x="61" y="173"/>
                  </a:lnTo>
                  <a:lnTo>
                    <a:pt x="64" y="166"/>
                  </a:lnTo>
                  <a:lnTo>
                    <a:pt x="69" y="153"/>
                  </a:lnTo>
                  <a:lnTo>
                    <a:pt x="73" y="138"/>
                  </a:lnTo>
                  <a:lnTo>
                    <a:pt x="78" y="106"/>
                  </a:lnTo>
                  <a:lnTo>
                    <a:pt x="82" y="75"/>
                  </a:lnTo>
                  <a:lnTo>
                    <a:pt x="85" y="59"/>
                  </a:lnTo>
                  <a:lnTo>
                    <a:pt x="88" y="44"/>
                  </a:lnTo>
                  <a:lnTo>
                    <a:pt x="92" y="30"/>
                  </a:lnTo>
                  <a:lnTo>
                    <a:pt x="97" y="17"/>
                  </a:lnTo>
                  <a:lnTo>
                    <a:pt x="110" y="17"/>
                  </a:lnTo>
                  <a:lnTo>
                    <a:pt x="122" y="17"/>
                  </a:lnTo>
                  <a:lnTo>
                    <a:pt x="116" y="22"/>
                  </a:lnTo>
                  <a:lnTo>
                    <a:pt x="113" y="26"/>
                  </a:lnTo>
                  <a:lnTo>
                    <a:pt x="112" y="30"/>
                  </a:lnTo>
                  <a:lnTo>
                    <a:pt x="114" y="31"/>
                  </a:lnTo>
                  <a:lnTo>
                    <a:pt x="120" y="31"/>
                  </a:lnTo>
                  <a:lnTo>
                    <a:pt x="133" y="28"/>
                  </a:lnTo>
                  <a:lnTo>
                    <a:pt x="149" y="24"/>
                  </a:lnTo>
                  <a:lnTo>
                    <a:pt x="166" y="20"/>
                  </a:lnTo>
                  <a:lnTo>
                    <a:pt x="174" y="18"/>
                  </a:lnTo>
                  <a:lnTo>
                    <a:pt x="181" y="17"/>
                  </a:lnTo>
                  <a:lnTo>
                    <a:pt x="189" y="16"/>
                  </a:lnTo>
                  <a:lnTo>
                    <a:pt x="195" y="17"/>
                  </a:lnTo>
                  <a:lnTo>
                    <a:pt x="194" y="22"/>
                  </a:lnTo>
                  <a:lnTo>
                    <a:pt x="191" y="27"/>
                  </a:lnTo>
                  <a:lnTo>
                    <a:pt x="190" y="28"/>
                  </a:lnTo>
                  <a:lnTo>
                    <a:pt x="190" y="31"/>
                  </a:lnTo>
                  <a:lnTo>
                    <a:pt x="192" y="32"/>
                  </a:lnTo>
                  <a:lnTo>
                    <a:pt x="195" y="33"/>
                  </a:lnTo>
                  <a:lnTo>
                    <a:pt x="201" y="23"/>
                  </a:lnTo>
                  <a:lnTo>
                    <a:pt x="209" y="14"/>
                  </a:lnTo>
                  <a:lnTo>
                    <a:pt x="217" y="6"/>
                  </a:lnTo>
                  <a:lnTo>
                    <a:pt x="228" y="0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538" name="Roskilde"/>
            <p:cNvGrpSpPr/>
            <p:nvPr/>
          </p:nvGrpSpPr>
          <p:grpSpPr>
            <a:xfrm>
              <a:off x="3563938" y="4822825"/>
              <a:ext cx="207486" cy="358775"/>
              <a:chOff x="3563938" y="4822825"/>
              <a:chExt cx="207486" cy="358775"/>
            </a:xfrm>
            <a:grpFill/>
          </p:grpSpPr>
          <p:sp>
            <p:nvSpPr>
              <p:cNvPr id="585" name="Roskilde"/>
              <p:cNvSpPr>
                <a:spLocks/>
              </p:cNvSpPr>
              <p:nvPr/>
            </p:nvSpPr>
            <p:spPr bwMode="auto">
              <a:xfrm>
                <a:off x="3563938" y="4822825"/>
                <a:ext cx="207486" cy="358775"/>
              </a:xfrm>
              <a:custGeom>
                <a:avLst/>
                <a:gdLst>
                  <a:gd name="T0" fmla="*/ 62 w 413"/>
                  <a:gd name="T1" fmla="*/ 2 h 677"/>
                  <a:gd name="T2" fmla="*/ 74 w 413"/>
                  <a:gd name="T3" fmla="*/ 15 h 677"/>
                  <a:gd name="T4" fmla="*/ 81 w 413"/>
                  <a:gd name="T5" fmla="*/ 19 h 677"/>
                  <a:gd name="T6" fmla="*/ 86 w 413"/>
                  <a:gd name="T7" fmla="*/ 27 h 677"/>
                  <a:gd name="T8" fmla="*/ 93 w 413"/>
                  <a:gd name="T9" fmla="*/ 29 h 677"/>
                  <a:gd name="T10" fmla="*/ 102 w 413"/>
                  <a:gd name="T11" fmla="*/ 23 h 677"/>
                  <a:gd name="T12" fmla="*/ 117 w 413"/>
                  <a:gd name="T13" fmla="*/ 23 h 677"/>
                  <a:gd name="T14" fmla="*/ 123 w 413"/>
                  <a:gd name="T15" fmla="*/ 30 h 677"/>
                  <a:gd name="T16" fmla="*/ 123 w 413"/>
                  <a:gd name="T17" fmla="*/ 40 h 677"/>
                  <a:gd name="T18" fmla="*/ 125 w 413"/>
                  <a:gd name="T19" fmla="*/ 49 h 677"/>
                  <a:gd name="T20" fmla="*/ 137 w 413"/>
                  <a:gd name="T21" fmla="*/ 57 h 677"/>
                  <a:gd name="T22" fmla="*/ 134 w 413"/>
                  <a:gd name="T23" fmla="*/ 74 h 677"/>
                  <a:gd name="T24" fmla="*/ 122 w 413"/>
                  <a:gd name="T25" fmla="*/ 86 h 677"/>
                  <a:gd name="T26" fmla="*/ 94 w 413"/>
                  <a:gd name="T27" fmla="*/ 100 h 677"/>
                  <a:gd name="T28" fmla="*/ 92 w 413"/>
                  <a:gd name="T29" fmla="*/ 106 h 677"/>
                  <a:gd name="T30" fmla="*/ 88 w 413"/>
                  <a:gd name="T31" fmla="*/ 107 h 677"/>
                  <a:gd name="T32" fmla="*/ 88 w 413"/>
                  <a:gd name="T33" fmla="*/ 93 h 677"/>
                  <a:gd name="T34" fmla="*/ 111 w 413"/>
                  <a:gd name="T35" fmla="*/ 81 h 677"/>
                  <a:gd name="T36" fmla="*/ 123 w 413"/>
                  <a:gd name="T37" fmla="*/ 70 h 677"/>
                  <a:gd name="T38" fmla="*/ 121 w 413"/>
                  <a:gd name="T39" fmla="*/ 67 h 677"/>
                  <a:gd name="T40" fmla="*/ 101 w 413"/>
                  <a:gd name="T41" fmla="*/ 80 h 677"/>
                  <a:gd name="T42" fmla="*/ 80 w 413"/>
                  <a:gd name="T43" fmla="*/ 93 h 677"/>
                  <a:gd name="T44" fmla="*/ 83 w 413"/>
                  <a:gd name="T45" fmla="*/ 115 h 677"/>
                  <a:gd name="T46" fmla="*/ 84 w 413"/>
                  <a:gd name="T47" fmla="*/ 141 h 677"/>
                  <a:gd name="T48" fmla="*/ 79 w 413"/>
                  <a:gd name="T49" fmla="*/ 165 h 677"/>
                  <a:gd name="T50" fmla="*/ 97 w 413"/>
                  <a:gd name="T51" fmla="*/ 181 h 677"/>
                  <a:gd name="T52" fmla="*/ 101 w 413"/>
                  <a:gd name="T53" fmla="*/ 190 h 677"/>
                  <a:gd name="T54" fmla="*/ 87 w 413"/>
                  <a:gd name="T55" fmla="*/ 189 h 677"/>
                  <a:gd name="T56" fmla="*/ 78 w 413"/>
                  <a:gd name="T57" fmla="*/ 197 h 677"/>
                  <a:gd name="T58" fmla="*/ 72 w 413"/>
                  <a:gd name="T59" fmla="*/ 200 h 677"/>
                  <a:gd name="T60" fmla="*/ 61 w 413"/>
                  <a:gd name="T61" fmla="*/ 205 h 677"/>
                  <a:gd name="T62" fmla="*/ 58 w 413"/>
                  <a:gd name="T63" fmla="*/ 220 h 677"/>
                  <a:gd name="T64" fmla="*/ 42 w 413"/>
                  <a:gd name="T65" fmla="*/ 226 h 677"/>
                  <a:gd name="T66" fmla="*/ 13 w 413"/>
                  <a:gd name="T67" fmla="*/ 224 h 677"/>
                  <a:gd name="T68" fmla="*/ 1 w 413"/>
                  <a:gd name="T69" fmla="*/ 221 h 677"/>
                  <a:gd name="T70" fmla="*/ 2 w 413"/>
                  <a:gd name="T71" fmla="*/ 203 h 677"/>
                  <a:gd name="T72" fmla="*/ 2 w 413"/>
                  <a:gd name="T73" fmla="*/ 187 h 677"/>
                  <a:gd name="T74" fmla="*/ 23 w 413"/>
                  <a:gd name="T75" fmla="*/ 181 h 677"/>
                  <a:gd name="T76" fmla="*/ 40 w 413"/>
                  <a:gd name="T77" fmla="*/ 176 h 677"/>
                  <a:gd name="T78" fmla="*/ 45 w 413"/>
                  <a:gd name="T79" fmla="*/ 164 h 677"/>
                  <a:gd name="T80" fmla="*/ 37 w 413"/>
                  <a:gd name="T81" fmla="*/ 152 h 677"/>
                  <a:gd name="T82" fmla="*/ 31 w 413"/>
                  <a:gd name="T83" fmla="*/ 142 h 677"/>
                  <a:gd name="T84" fmla="*/ 11 w 413"/>
                  <a:gd name="T85" fmla="*/ 142 h 677"/>
                  <a:gd name="T86" fmla="*/ 13 w 413"/>
                  <a:gd name="T87" fmla="*/ 117 h 677"/>
                  <a:gd name="T88" fmla="*/ 13 w 413"/>
                  <a:gd name="T89" fmla="*/ 103 h 677"/>
                  <a:gd name="T90" fmla="*/ 25 w 413"/>
                  <a:gd name="T91" fmla="*/ 102 h 677"/>
                  <a:gd name="T92" fmla="*/ 32 w 413"/>
                  <a:gd name="T93" fmla="*/ 107 h 677"/>
                  <a:gd name="T94" fmla="*/ 38 w 413"/>
                  <a:gd name="T95" fmla="*/ 115 h 677"/>
                  <a:gd name="T96" fmla="*/ 48 w 413"/>
                  <a:gd name="T97" fmla="*/ 117 h 677"/>
                  <a:gd name="T98" fmla="*/ 51 w 413"/>
                  <a:gd name="T99" fmla="*/ 106 h 677"/>
                  <a:gd name="T100" fmla="*/ 45 w 413"/>
                  <a:gd name="T101" fmla="*/ 89 h 677"/>
                  <a:gd name="T102" fmla="*/ 54 w 413"/>
                  <a:gd name="T103" fmla="*/ 83 h 677"/>
                  <a:gd name="T104" fmla="*/ 58 w 413"/>
                  <a:gd name="T105" fmla="*/ 70 h 677"/>
                  <a:gd name="T106" fmla="*/ 55 w 413"/>
                  <a:gd name="T107" fmla="*/ 64 h 677"/>
                  <a:gd name="T108" fmla="*/ 56 w 413"/>
                  <a:gd name="T109" fmla="*/ 54 h 677"/>
                  <a:gd name="T110" fmla="*/ 62 w 413"/>
                  <a:gd name="T111" fmla="*/ 51 h 677"/>
                  <a:gd name="T112" fmla="*/ 61 w 413"/>
                  <a:gd name="T113" fmla="*/ 37 h 677"/>
                  <a:gd name="T114" fmla="*/ 50 w 413"/>
                  <a:gd name="T115" fmla="*/ 14 h 677"/>
                  <a:gd name="T116" fmla="*/ 51 w 413"/>
                  <a:gd name="T117" fmla="*/ 2 h 677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8886 w 10000"/>
                  <a:gd name="connsiteY64" fmla="*/ 3811 h 10000"/>
                  <a:gd name="connsiteX65" fmla="*/ 7893 w 10000"/>
                  <a:gd name="connsiteY65" fmla="*/ 4062 h 10000"/>
                  <a:gd name="connsiteX66" fmla="*/ 7361 w 10000"/>
                  <a:gd name="connsiteY66" fmla="*/ 4195 h 10000"/>
                  <a:gd name="connsiteX67" fmla="*/ 6852 w 10000"/>
                  <a:gd name="connsiteY67" fmla="*/ 4313 h 10000"/>
                  <a:gd name="connsiteX68" fmla="*/ 6852 w 10000"/>
                  <a:gd name="connsiteY68" fmla="*/ 4431 h 10000"/>
                  <a:gd name="connsiteX69" fmla="*/ 6852 w 10000"/>
                  <a:gd name="connsiteY69" fmla="*/ 4549 h 10000"/>
                  <a:gd name="connsiteX70" fmla="*/ 6804 w 10000"/>
                  <a:gd name="connsiteY70" fmla="*/ 4564 h 10000"/>
                  <a:gd name="connsiteX71" fmla="*/ 6731 w 10000"/>
                  <a:gd name="connsiteY71" fmla="*/ 4594 h 10000"/>
                  <a:gd name="connsiteX72" fmla="*/ 6683 w 10000"/>
                  <a:gd name="connsiteY72" fmla="*/ 4638 h 10000"/>
                  <a:gd name="connsiteX73" fmla="*/ 6683 w 10000"/>
                  <a:gd name="connsiteY73" fmla="*/ 4697 h 10000"/>
                  <a:gd name="connsiteX74" fmla="*/ 6659 w 10000"/>
                  <a:gd name="connsiteY74" fmla="*/ 4801 h 10000"/>
                  <a:gd name="connsiteX75" fmla="*/ 6659 w 10000"/>
                  <a:gd name="connsiteY75" fmla="*/ 4904 h 10000"/>
                  <a:gd name="connsiteX76" fmla="*/ 6538 w 10000"/>
                  <a:gd name="connsiteY76" fmla="*/ 4860 h 10000"/>
                  <a:gd name="connsiteX77" fmla="*/ 6465 w 10000"/>
                  <a:gd name="connsiteY77" fmla="*/ 4801 h 10000"/>
                  <a:gd name="connsiteX78" fmla="*/ 6392 w 10000"/>
                  <a:gd name="connsiteY78" fmla="*/ 4727 h 10000"/>
                  <a:gd name="connsiteX79" fmla="*/ 6320 w 10000"/>
                  <a:gd name="connsiteY79" fmla="*/ 4638 h 10000"/>
                  <a:gd name="connsiteX80" fmla="*/ 6199 w 10000"/>
                  <a:gd name="connsiteY80" fmla="*/ 4476 h 10000"/>
                  <a:gd name="connsiteX81" fmla="*/ 6077 w 10000"/>
                  <a:gd name="connsiteY81" fmla="*/ 4313 h 10000"/>
                  <a:gd name="connsiteX82" fmla="*/ 6223 w 10000"/>
                  <a:gd name="connsiteY82" fmla="*/ 4210 h 10000"/>
                  <a:gd name="connsiteX83" fmla="*/ 6416 w 10000"/>
                  <a:gd name="connsiteY83" fmla="*/ 4121 h 10000"/>
                  <a:gd name="connsiteX84" fmla="*/ 6634 w 10000"/>
                  <a:gd name="connsiteY84" fmla="*/ 4032 h 10000"/>
                  <a:gd name="connsiteX85" fmla="*/ 6877 w 10000"/>
                  <a:gd name="connsiteY85" fmla="*/ 3959 h 10000"/>
                  <a:gd name="connsiteX86" fmla="*/ 7385 w 10000"/>
                  <a:gd name="connsiteY86" fmla="*/ 3811 h 10000"/>
                  <a:gd name="connsiteX87" fmla="*/ 7893 w 10000"/>
                  <a:gd name="connsiteY87" fmla="*/ 3663 h 10000"/>
                  <a:gd name="connsiteX88" fmla="*/ 8136 w 10000"/>
                  <a:gd name="connsiteY88" fmla="*/ 3589 h 10000"/>
                  <a:gd name="connsiteX89" fmla="*/ 8378 w 10000"/>
                  <a:gd name="connsiteY89" fmla="*/ 3516 h 10000"/>
                  <a:gd name="connsiteX90" fmla="*/ 8571 w 10000"/>
                  <a:gd name="connsiteY90" fmla="*/ 3412 h 10000"/>
                  <a:gd name="connsiteX91" fmla="*/ 8765 w 10000"/>
                  <a:gd name="connsiteY91" fmla="*/ 3338 h 10000"/>
                  <a:gd name="connsiteX92" fmla="*/ 8886 w 10000"/>
                  <a:gd name="connsiteY92" fmla="*/ 3235 h 10000"/>
                  <a:gd name="connsiteX93" fmla="*/ 8983 w 10000"/>
                  <a:gd name="connsiteY93" fmla="*/ 3117 h 10000"/>
                  <a:gd name="connsiteX94" fmla="*/ 9007 w 10000"/>
                  <a:gd name="connsiteY94" fmla="*/ 3072 h 10000"/>
                  <a:gd name="connsiteX95" fmla="*/ 9031 w 10000"/>
                  <a:gd name="connsiteY95" fmla="*/ 3013 h 10000"/>
                  <a:gd name="connsiteX96" fmla="*/ 9031 w 10000"/>
                  <a:gd name="connsiteY96" fmla="*/ 2954 h 10000"/>
                  <a:gd name="connsiteX97" fmla="*/ 9007 w 10000"/>
                  <a:gd name="connsiteY97" fmla="*/ 2866 h 10000"/>
                  <a:gd name="connsiteX98" fmla="*/ 8838 w 10000"/>
                  <a:gd name="connsiteY98" fmla="*/ 2984 h 10000"/>
                  <a:gd name="connsiteX99" fmla="*/ 8644 w 10000"/>
                  <a:gd name="connsiteY99" fmla="*/ 3072 h 10000"/>
                  <a:gd name="connsiteX100" fmla="*/ 8450 w 10000"/>
                  <a:gd name="connsiteY100" fmla="*/ 3161 h 10000"/>
                  <a:gd name="connsiteX101" fmla="*/ 8257 w 10000"/>
                  <a:gd name="connsiteY101" fmla="*/ 3250 h 10000"/>
                  <a:gd name="connsiteX102" fmla="*/ 7821 w 10000"/>
                  <a:gd name="connsiteY102" fmla="*/ 3397 h 10000"/>
                  <a:gd name="connsiteX103" fmla="*/ 7361 w 10000"/>
                  <a:gd name="connsiteY103" fmla="*/ 3545 h 10000"/>
                  <a:gd name="connsiteX104" fmla="*/ 6901 w 10000"/>
                  <a:gd name="connsiteY104" fmla="*/ 3678 h 10000"/>
                  <a:gd name="connsiteX105" fmla="*/ 6465 w 10000"/>
                  <a:gd name="connsiteY105" fmla="*/ 3840 h 10000"/>
                  <a:gd name="connsiteX106" fmla="*/ 6247 w 10000"/>
                  <a:gd name="connsiteY106" fmla="*/ 3914 h 10000"/>
                  <a:gd name="connsiteX107" fmla="*/ 6053 w 10000"/>
                  <a:gd name="connsiteY107" fmla="*/ 4003 h 10000"/>
                  <a:gd name="connsiteX108" fmla="*/ 5860 w 10000"/>
                  <a:gd name="connsiteY108" fmla="*/ 4106 h 10000"/>
                  <a:gd name="connsiteX109" fmla="*/ 5666 w 10000"/>
                  <a:gd name="connsiteY109" fmla="*/ 4195 h 10000"/>
                  <a:gd name="connsiteX110" fmla="*/ 5811 w 10000"/>
                  <a:gd name="connsiteY110" fmla="*/ 4417 h 10000"/>
                  <a:gd name="connsiteX111" fmla="*/ 5908 w 10000"/>
                  <a:gd name="connsiteY111" fmla="*/ 4623 h 10000"/>
                  <a:gd name="connsiteX112" fmla="*/ 6005 w 10000"/>
                  <a:gd name="connsiteY112" fmla="*/ 4845 h 10000"/>
                  <a:gd name="connsiteX113" fmla="*/ 6077 w 10000"/>
                  <a:gd name="connsiteY113" fmla="*/ 5081 h 10000"/>
                  <a:gd name="connsiteX114" fmla="*/ 6126 w 10000"/>
                  <a:gd name="connsiteY114" fmla="*/ 5318 h 10000"/>
                  <a:gd name="connsiteX115" fmla="*/ 6150 w 10000"/>
                  <a:gd name="connsiteY115" fmla="*/ 5539 h 10000"/>
                  <a:gd name="connsiteX116" fmla="*/ 6174 w 10000"/>
                  <a:gd name="connsiteY116" fmla="*/ 5775 h 10000"/>
                  <a:gd name="connsiteX117" fmla="*/ 6174 w 10000"/>
                  <a:gd name="connsiteY117" fmla="*/ 5997 h 10000"/>
                  <a:gd name="connsiteX118" fmla="*/ 6150 w 10000"/>
                  <a:gd name="connsiteY118" fmla="*/ 6233 h 10000"/>
                  <a:gd name="connsiteX119" fmla="*/ 6102 w 10000"/>
                  <a:gd name="connsiteY119" fmla="*/ 6470 h 10000"/>
                  <a:gd name="connsiteX120" fmla="*/ 6053 w 10000"/>
                  <a:gd name="connsiteY120" fmla="*/ 6677 h 10000"/>
                  <a:gd name="connsiteX121" fmla="*/ 5981 w 10000"/>
                  <a:gd name="connsiteY121" fmla="*/ 6898 h 10000"/>
                  <a:gd name="connsiteX122" fmla="*/ 5884 w 10000"/>
                  <a:gd name="connsiteY122" fmla="*/ 7105 h 10000"/>
                  <a:gd name="connsiteX123" fmla="*/ 5763 w 10000"/>
                  <a:gd name="connsiteY123" fmla="*/ 7297 h 10000"/>
                  <a:gd name="connsiteX124" fmla="*/ 5617 w 10000"/>
                  <a:gd name="connsiteY124" fmla="*/ 7489 h 10000"/>
                  <a:gd name="connsiteX125" fmla="*/ 5472 w 10000"/>
                  <a:gd name="connsiteY125" fmla="*/ 7681 h 10000"/>
                  <a:gd name="connsiteX126" fmla="*/ 6174 w 10000"/>
                  <a:gd name="connsiteY126" fmla="*/ 7799 h 10000"/>
                  <a:gd name="connsiteX127" fmla="*/ 6901 w 10000"/>
                  <a:gd name="connsiteY127" fmla="*/ 7962 h 10000"/>
                  <a:gd name="connsiteX128" fmla="*/ 7046 w 10000"/>
                  <a:gd name="connsiteY128" fmla="*/ 8021 h 10000"/>
                  <a:gd name="connsiteX129" fmla="*/ 7167 w 10000"/>
                  <a:gd name="connsiteY129" fmla="*/ 8080 h 10000"/>
                  <a:gd name="connsiteX130" fmla="*/ 7288 w 10000"/>
                  <a:gd name="connsiteY130" fmla="*/ 8139 h 10000"/>
                  <a:gd name="connsiteX131" fmla="*/ 7361 w 10000"/>
                  <a:gd name="connsiteY131" fmla="*/ 8227 h 10000"/>
                  <a:gd name="connsiteX132" fmla="*/ 7385 w 10000"/>
                  <a:gd name="connsiteY132" fmla="*/ 8301 h 10000"/>
                  <a:gd name="connsiteX133" fmla="*/ 7385 w 10000"/>
                  <a:gd name="connsiteY133" fmla="*/ 8405 h 10000"/>
                  <a:gd name="connsiteX134" fmla="*/ 7337 w 10000"/>
                  <a:gd name="connsiteY134" fmla="*/ 8523 h 10000"/>
                  <a:gd name="connsiteX135" fmla="*/ 7264 w 10000"/>
                  <a:gd name="connsiteY135" fmla="*/ 8641 h 10000"/>
                  <a:gd name="connsiteX136" fmla="*/ 6949 w 10000"/>
                  <a:gd name="connsiteY136" fmla="*/ 8552 h 10000"/>
                  <a:gd name="connsiteX137" fmla="*/ 6659 w 10000"/>
                  <a:gd name="connsiteY137" fmla="*/ 8449 h 10000"/>
                  <a:gd name="connsiteX138" fmla="*/ 6368 w 10000"/>
                  <a:gd name="connsiteY138" fmla="*/ 8360 h 10000"/>
                  <a:gd name="connsiteX139" fmla="*/ 6077 w 10000"/>
                  <a:gd name="connsiteY139" fmla="*/ 8287 h 10000"/>
                  <a:gd name="connsiteX140" fmla="*/ 5956 w 10000"/>
                  <a:gd name="connsiteY140" fmla="*/ 8449 h 10000"/>
                  <a:gd name="connsiteX141" fmla="*/ 5860 w 10000"/>
                  <a:gd name="connsiteY141" fmla="*/ 8597 h 10000"/>
                  <a:gd name="connsiteX142" fmla="*/ 5811 w 10000"/>
                  <a:gd name="connsiteY142" fmla="*/ 8656 h 10000"/>
                  <a:gd name="connsiteX143" fmla="*/ 5714 w 10000"/>
                  <a:gd name="connsiteY143" fmla="*/ 8700 h 10000"/>
                  <a:gd name="connsiteX144" fmla="*/ 5642 w 10000"/>
                  <a:gd name="connsiteY144" fmla="*/ 8744 h 10000"/>
                  <a:gd name="connsiteX145" fmla="*/ 5569 w 10000"/>
                  <a:gd name="connsiteY145" fmla="*/ 8774 h 10000"/>
                  <a:gd name="connsiteX146" fmla="*/ 5496 w 10000"/>
                  <a:gd name="connsiteY146" fmla="*/ 8804 h 10000"/>
                  <a:gd name="connsiteX147" fmla="*/ 5400 w 10000"/>
                  <a:gd name="connsiteY147" fmla="*/ 8818 h 10000"/>
                  <a:gd name="connsiteX148" fmla="*/ 5278 w 10000"/>
                  <a:gd name="connsiteY148" fmla="*/ 8833 h 10000"/>
                  <a:gd name="connsiteX149" fmla="*/ 5157 w 10000"/>
                  <a:gd name="connsiteY149" fmla="*/ 8833 h 10000"/>
                  <a:gd name="connsiteX150" fmla="*/ 4867 w 10000"/>
                  <a:gd name="connsiteY150" fmla="*/ 8818 h 10000"/>
                  <a:gd name="connsiteX151" fmla="*/ 4504 w 10000"/>
                  <a:gd name="connsiteY151" fmla="*/ 8744 h 10000"/>
                  <a:gd name="connsiteX152" fmla="*/ 4504 w 10000"/>
                  <a:gd name="connsiteY152" fmla="*/ 8922 h 10000"/>
                  <a:gd name="connsiteX153" fmla="*/ 4479 w 10000"/>
                  <a:gd name="connsiteY153" fmla="*/ 9069 h 10000"/>
                  <a:gd name="connsiteX154" fmla="*/ 4455 w 10000"/>
                  <a:gd name="connsiteY154" fmla="*/ 9232 h 10000"/>
                  <a:gd name="connsiteX155" fmla="*/ 4431 w 10000"/>
                  <a:gd name="connsiteY155" fmla="*/ 9365 h 10000"/>
                  <a:gd name="connsiteX156" fmla="*/ 4383 w 10000"/>
                  <a:gd name="connsiteY156" fmla="*/ 9498 h 10000"/>
                  <a:gd name="connsiteX157" fmla="*/ 4286 w 10000"/>
                  <a:gd name="connsiteY157" fmla="*/ 9616 h 10000"/>
                  <a:gd name="connsiteX158" fmla="*/ 4213 w 10000"/>
                  <a:gd name="connsiteY158" fmla="*/ 9734 h 10000"/>
                  <a:gd name="connsiteX159" fmla="*/ 4092 w 10000"/>
                  <a:gd name="connsiteY159" fmla="*/ 9838 h 10000"/>
                  <a:gd name="connsiteX160" fmla="*/ 3801 w 10000"/>
                  <a:gd name="connsiteY160" fmla="*/ 9897 h 10000"/>
                  <a:gd name="connsiteX161" fmla="*/ 3559 w 10000"/>
                  <a:gd name="connsiteY161" fmla="*/ 9941 h 10000"/>
                  <a:gd name="connsiteX162" fmla="*/ 3269 w 10000"/>
                  <a:gd name="connsiteY162" fmla="*/ 9985 h 10000"/>
                  <a:gd name="connsiteX163" fmla="*/ 3051 w 10000"/>
                  <a:gd name="connsiteY163" fmla="*/ 10000 h 10000"/>
                  <a:gd name="connsiteX164" fmla="*/ 2567 w 10000"/>
                  <a:gd name="connsiteY164" fmla="*/ 10000 h 10000"/>
                  <a:gd name="connsiteX165" fmla="*/ 2107 w 10000"/>
                  <a:gd name="connsiteY165" fmla="*/ 9985 h 10000"/>
                  <a:gd name="connsiteX166" fmla="*/ 1671 w 10000"/>
                  <a:gd name="connsiteY166" fmla="*/ 9941 h 10000"/>
                  <a:gd name="connsiteX167" fmla="*/ 1211 w 10000"/>
                  <a:gd name="connsiteY167" fmla="*/ 9911 h 10000"/>
                  <a:gd name="connsiteX168" fmla="*/ 944 w 10000"/>
                  <a:gd name="connsiteY168" fmla="*/ 9911 h 10000"/>
                  <a:gd name="connsiteX169" fmla="*/ 702 w 10000"/>
                  <a:gd name="connsiteY169" fmla="*/ 9911 h 10000"/>
                  <a:gd name="connsiteX170" fmla="*/ 436 w 10000"/>
                  <a:gd name="connsiteY170" fmla="*/ 9926 h 10000"/>
                  <a:gd name="connsiteX171" fmla="*/ 169 w 10000"/>
                  <a:gd name="connsiteY171" fmla="*/ 9970 h 10000"/>
                  <a:gd name="connsiteX172" fmla="*/ 97 w 10000"/>
                  <a:gd name="connsiteY172" fmla="*/ 9867 h 10000"/>
                  <a:gd name="connsiteX173" fmla="*/ 48 w 10000"/>
                  <a:gd name="connsiteY173" fmla="*/ 9793 h 10000"/>
                  <a:gd name="connsiteX174" fmla="*/ 0 w 10000"/>
                  <a:gd name="connsiteY174" fmla="*/ 9705 h 10000"/>
                  <a:gd name="connsiteX175" fmla="*/ 0 w 10000"/>
                  <a:gd name="connsiteY175" fmla="*/ 9601 h 10000"/>
                  <a:gd name="connsiteX176" fmla="*/ 48 w 10000"/>
                  <a:gd name="connsiteY176" fmla="*/ 9424 h 10000"/>
                  <a:gd name="connsiteX177" fmla="*/ 97 w 10000"/>
                  <a:gd name="connsiteY177" fmla="*/ 9202 h 10000"/>
                  <a:gd name="connsiteX178" fmla="*/ 145 w 10000"/>
                  <a:gd name="connsiteY178" fmla="*/ 8996 h 10000"/>
                  <a:gd name="connsiteX179" fmla="*/ 194 w 10000"/>
                  <a:gd name="connsiteY179" fmla="*/ 8759 h 10000"/>
                  <a:gd name="connsiteX180" fmla="*/ 218 w 10000"/>
                  <a:gd name="connsiteY180" fmla="*/ 8641 h 10000"/>
                  <a:gd name="connsiteX181" fmla="*/ 218 w 10000"/>
                  <a:gd name="connsiteY181" fmla="*/ 8538 h 10000"/>
                  <a:gd name="connsiteX182" fmla="*/ 194 w 10000"/>
                  <a:gd name="connsiteY182" fmla="*/ 8405 h 10000"/>
                  <a:gd name="connsiteX183" fmla="*/ 169 w 10000"/>
                  <a:gd name="connsiteY183" fmla="*/ 8287 h 10000"/>
                  <a:gd name="connsiteX184" fmla="*/ 412 w 10000"/>
                  <a:gd name="connsiteY184" fmla="*/ 8213 h 10000"/>
                  <a:gd name="connsiteX185" fmla="*/ 654 w 10000"/>
                  <a:gd name="connsiteY185" fmla="*/ 8139 h 10000"/>
                  <a:gd name="connsiteX186" fmla="*/ 896 w 10000"/>
                  <a:gd name="connsiteY186" fmla="*/ 8095 h 10000"/>
                  <a:gd name="connsiteX187" fmla="*/ 1162 w 10000"/>
                  <a:gd name="connsiteY187" fmla="*/ 8065 h 10000"/>
                  <a:gd name="connsiteX188" fmla="*/ 1646 w 10000"/>
                  <a:gd name="connsiteY188" fmla="*/ 8021 h 10000"/>
                  <a:gd name="connsiteX189" fmla="*/ 2131 w 10000"/>
                  <a:gd name="connsiteY189" fmla="*/ 7976 h 10000"/>
                  <a:gd name="connsiteX190" fmla="*/ 2349 w 10000"/>
                  <a:gd name="connsiteY190" fmla="*/ 7947 h 10000"/>
                  <a:gd name="connsiteX191" fmla="*/ 2567 w 10000"/>
                  <a:gd name="connsiteY191" fmla="*/ 7917 h 10000"/>
                  <a:gd name="connsiteX192" fmla="*/ 2760 w 10000"/>
                  <a:gd name="connsiteY192" fmla="*/ 7843 h 10000"/>
                  <a:gd name="connsiteX193" fmla="*/ 2954 w 10000"/>
                  <a:gd name="connsiteY193" fmla="*/ 7784 h 10000"/>
                  <a:gd name="connsiteX194" fmla="*/ 3123 w 10000"/>
                  <a:gd name="connsiteY194" fmla="*/ 7710 h 10000"/>
                  <a:gd name="connsiteX195" fmla="*/ 3269 w 10000"/>
                  <a:gd name="connsiteY195" fmla="*/ 7592 h 10000"/>
                  <a:gd name="connsiteX196" fmla="*/ 3414 w 10000"/>
                  <a:gd name="connsiteY196" fmla="*/ 7474 h 10000"/>
                  <a:gd name="connsiteX197" fmla="*/ 3511 w 10000"/>
                  <a:gd name="connsiteY197" fmla="*/ 7312 h 10000"/>
                  <a:gd name="connsiteX198" fmla="*/ 3317 w 10000"/>
                  <a:gd name="connsiteY198" fmla="*/ 7238 h 10000"/>
                  <a:gd name="connsiteX199" fmla="*/ 3148 w 10000"/>
                  <a:gd name="connsiteY199" fmla="*/ 7179 h 10000"/>
                  <a:gd name="connsiteX200" fmla="*/ 3002 w 10000"/>
                  <a:gd name="connsiteY200" fmla="*/ 7090 h 10000"/>
                  <a:gd name="connsiteX201" fmla="*/ 2857 w 10000"/>
                  <a:gd name="connsiteY201" fmla="*/ 6987 h 10000"/>
                  <a:gd name="connsiteX202" fmla="*/ 2760 w 10000"/>
                  <a:gd name="connsiteY202" fmla="*/ 6869 h 10000"/>
                  <a:gd name="connsiteX203" fmla="*/ 2712 w 10000"/>
                  <a:gd name="connsiteY203" fmla="*/ 6721 h 10000"/>
                  <a:gd name="connsiteX204" fmla="*/ 2688 w 10000"/>
                  <a:gd name="connsiteY204" fmla="*/ 6558 h 10000"/>
                  <a:gd name="connsiteX205" fmla="*/ 2712 w 10000"/>
                  <a:gd name="connsiteY205" fmla="*/ 6352 h 10000"/>
                  <a:gd name="connsiteX206" fmla="*/ 2591 w 10000"/>
                  <a:gd name="connsiteY206" fmla="*/ 6322 h 10000"/>
                  <a:gd name="connsiteX207" fmla="*/ 2446 w 10000"/>
                  <a:gd name="connsiteY207" fmla="*/ 6292 h 10000"/>
                  <a:gd name="connsiteX208" fmla="*/ 2276 w 10000"/>
                  <a:gd name="connsiteY208" fmla="*/ 6278 h 10000"/>
                  <a:gd name="connsiteX209" fmla="*/ 2107 w 10000"/>
                  <a:gd name="connsiteY209" fmla="*/ 6263 h 10000"/>
                  <a:gd name="connsiteX210" fmla="*/ 1768 w 10000"/>
                  <a:gd name="connsiteY210" fmla="*/ 6248 h 10000"/>
                  <a:gd name="connsiteX211" fmla="*/ 1404 w 10000"/>
                  <a:gd name="connsiteY211" fmla="*/ 6263 h 10000"/>
                  <a:gd name="connsiteX212" fmla="*/ 1090 w 10000"/>
                  <a:gd name="connsiteY212" fmla="*/ 6278 h 10000"/>
                  <a:gd name="connsiteX213" fmla="*/ 799 w 10000"/>
                  <a:gd name="connsiteY213" fmla="*/ 6278 h 10000"/>
                  <a:gd name="connsiteX214" fmla="*/ 557 w 10000"/>
                  <a:gd name="connsiteY214" fmla="*/ 6263 h 10000"/>
                  <a:gd name="connsiteX215" fmla="*/ 363 w 10000"/>
                  <a:gd name="connsiteY215" fmla="*/ 6233 h 10000"/>
                  <a:gd name="connsiteX216" fmla="*/ 605 w 10000"/>
                  <a:gd name="connsiteY216" fmla="*/ 5805 h 10000"/>
                  <a:gd name="connsiteX217" fmla="*/ 872 w 10000"/>
                  <a:gd name="connsiteY217" fmla="*/ 5391 h 10000"/>
                  <a:gd name="connsiteX218" fmla="*/ 969 w 10000"/>
                  <a:gd name="connsiteY218" fmla="*/ 5170 h 10000"/>
                  <a:gd name="connsiteX219" fmla="*/ 1041 w 10000"/>
                  <a:gd name="connsiteY219" fmla="*/ 4963 h 10000"/>
                  <a:gd name="connsiteX220" fmla="*/ 1065 w 10000"/>
                  <a:gd name="connsiteY220" fmla="*/ 4860 h 10000"/>
                  <a:gd name="connsiteX221" fmla="*/ 1041 w 10000"/>
                  <a:gd name="connsiteY221" fmla="*/ 4756 h 10000"/>
                  <a:gd name="connsiteX222" fmla="*/ 1017 w 10000"/>
                  <a:gd name="connsiteY222" fmla="*/ 4653 h 10000"/>
                  <a:gd name="connsiteX223" fmla="*/ 944 w 10000"/>
                  <a:gd name="connsiteY223" fmla="*/ 4549 h 10000"/>
                  <a:gd name="connsiteX224" fmla="*/ 1211 w 10000"/>
                  <a:gd name="connsiteY224" fmla="*/ 4520 h 10000"/>
                  <a:gd name="connsiteX225" fmla="*/ 1404 w 10000"/>
                  <a:gd name="connsiteY225" fmla="*/ 4505 h 10000"/>
                  <a:gd name="connsiteX226" fmla="*/ 1574 w 10000"/>
                  <a:gd name="connsiteY226" fmla="*/ 4505 h 10000"/>
                  <a:gd name="connsiteX227" fmla="*/ 1719 w 10000"/>
                  <a:gd name="connsiteY227" fmla="*/ 4520 h 10000"/>
                  <a:gd name="connsiteX228" fmla="*/ 1840 w 10000"/>
                  <a:gd name="connsiteY228" fmla="*/ 4520 h 10000"/>
                  <a:gd name="connsiteX229" fmla="*/ 1985 w 10000"/>
                  <a:gd name="connsiteY229" fmla="*/ 4520 h 10000"/>
                  <a:gd name="connsiteX230" fmla="*/ 2131 w 10000"/>
                  <a:gd name="connsiteY230" fmla="*/ 4490 h 10000"/>
                  <a:gd name="connsiteX231" fmla="*/ 2324 w 10000"/>
                  <a:gd name="connsiteY231" fmla="*/ 4446 h 10000"/>
                  <a:gd name="connsiteX232" fmla="*/ 2324 w 10000"/>
                  <a:gd name="connsiteY232" fmla="*/ 4579 h 10000"/>
                  <a:gd name="connsiteX233" fmla="*/ 2324 w 10000"/>
                  <a:gd name="connsiteY233" fmla="*/ 4742 h 10000"/>
                  <a:gd name="connsiteX234" fmla="*/ 2324 w 10000"/>
                  <a:gd name="connsiteY234" fmla="*/ 4874 h 10000"/>
                  <a:gd name="connsiteX235" fmla="*/ 2324 w 10000"/>
                  <a:gd name="connsiteY235" fmla="*/ 5037 h 10000"/>
                  <a:gd name="connsiteX236" fmla="*/ 2542 w 10000"/>
                  <a:gd name="connsiteY236" fmla="*/ 5022 h 10000"/>
                  <a:gd name="connsiteX237" fmla="*/ 2688 w 10000"/>
                  <a:gd name="connsiteY237" fmla="*/ 5037 h 10000"/>
                  <a:gd name="connsiteX238" fmla="*/ 2809 w 10000"/>
                  <a:gd name="connsiteY238" fmla="*/ 5066 h 10000"/>
                  <a:gd name="connsiteX239" fmla="*/ 2930 w 10000"/>
                  <a:gd name="connsiteY239" fmla="*/ 5096 h 10000"/>
                  <a:gd name="connsiteX240" fmla="*/ 3027 w 10000"/>
                  <a:gd name="connsiteY240" fmla="*/ 5126 h 10000"/>
                  <a:gd name="connsiteX241" fmla="*/ 3148 w 10000"/>
                  <a:gd name="connsiteY241" fmla="*/ 5155 h 10000"/>
                  <a:gd name="connsiteX242" fmla="*/ 3293 w 10000"/>
                  <a:gd name="connsiteY242" fmla="*/ 5170 h 10000"/>
                  <a:gd name="connsiteX243" fmla="*/ 3511 w 10000"/>
                  <a:gd name="connsiteY243" fmla="*/ 5155 h 10000"/>
                  <a:gd name="connsiteX244" fmla="*/ 3584 w 10000"/>
                  <a:gd name="connsiteY244" fmla="*/ 5096 h 10000"/>
                  <a:gd name="connsiteX245" fmla="*/ 3656 w 10000"/>
                  <a:gd name="connsiteY245" fmla="*/ 5022 h 10000"/>
                  <a:gd name="connsiteX246" fmla="*/ 3680 w 10000"/>
                  <a:gd name="connsiteY246" fmla="*/ 4934 h 10000"/>
                  <a:gd name="connsiteX247" fmla="*/ 3705 w 10000"/>
                  <a:gd name="connsiteY247" fmla="*/ 4860 h 10000"/>
                  <a:gd name="connsiteX248" fmla="*/ 3729 w 10000"/>
                  <a:gd name="connsiteY248" fmla="*/ 4697 h 10000"/>
                  <a:gd name="connsiteX249" fmla="*/ 3705 w 10000"/>
                  <a:gd name="connsiteY249" fmla="*/ 4520 h 10000"/>
                  <a:gd name="connsiteX250" fmla="*/ 3632 w 10000"/>
                  <a:gd name="connsiteY250" fmla="*/ 4343 h 10000"/>
                  <a:gd name="connsiteX251" fmla="*/ 3559 w 10000"/>
                  <a:gd name="connsiteY251" fmla="*/ 4195 h 10000"/>
                  <a:gd name="connsiteX252" fmla="*/ 3438 w 10000"/>
                  <a:gd name="connsiteY252" fmla="*/ 4047 h 10000"/>
                  <a:gd name="connsiteX253" fmla="*/ 3317 w 10000"/>
                  <a:gd name="connsiteY253" fmla="*/ 3959 h 10000"/>
                  <a:gd name="connsiteX254" fmla="*/ 3462 w 10000"/>
                  <a:gd name="connsiteY254" fmla="*/ 3944 h 10000"/>
                  <a:gd name="connsiteX255" fmla="*/ 3584 w 10000"/>
                  <a:gd name="connsiteY255" fmla="*/ 3914 h 10000"/>
                  <a:gd name="connsiteX256" fmla="*/ 3680 w 10000"/>
                  <a:gd name="connsiteY256" fmla="*/ 3855 h 10000"/>
                  <a:gd name="connsiteX257" fmla="*/ 3801 w 10000"/>
                  <a:gd name="connsiteY257" fmla="*/ 3752 h 10000"/>
                  <a:gd name="connsiteX258" fmla="*/ 3923 w 10000"/>
                  <a:gd name="connsiteY258" fmla="*/ 3663 h 10000"/>
                  <a:gd name="connsiteX259" fmla="*/ 4019 w 10000"/>
                  <a:gd name="connsiteY259" fmla="*/ 3560 h 10000"/>
                  <a:gd name="connsiteX260" fmla="*/ 4092 w 10000"/>
                  <a:gd name="connsiteY260" fmla="*/ 3442 h 10000"/>
                  <a:gd name="connsiteX261" fmla="*/ 4165 w 10000"/>
                  <a:gd name="connsiteY261" fmla="*/ 3323 h 10000"/>
                  <a:gd name="connsiteX262" fmla="*/ 4213 w 10000"/>
                  <a:gd name="connsiteY262" fmla="*/ 3220 h 10000"/>
                  <a:gd name="connsiteX263" fmla="*/ 4237 w 10000"/>
                  <a:gd name="connsiteY263" fmla="*/ 3102 h 10000"/>
                  <a:gd name="connsiteX264" fmla="*/ 4262 w 10000"/>
                  <a:gd name="connsiteY264" fmla="*/ 3013 h 10000"/>
                  <a:gd name="connsiteX265" fmla="*/ 4237 w 10000"/>
                  <a:gd name="connsiteY265" fmla="*/ 2939 h 10000"/>
                  <a:gd name="connsiteX266" fmla="*/ 4213 w 10000"/>
                  <a:gd name="connsiteY266" fmla="*/ 2866 h 10000"/>
                  <a:gd name="connsiteX267" fmla="*/ 4140 w 10000"/>
                  <a:gd name="connsiteY267" fmla="*/ 2836 h 10000"/>
                  <a:gd name="connsiteX268" fmla="*/ 4044 w 10000"/>
                  <a:gd name="connsiteY268" fmla="*/ 2836 h 10000"/>
                  <a:gd name="connsiteX269" fmla="*/ 3923 w 10000"/>
                  <a:gd name="connsiteY269" fmla="*/ 2866 h 10000"/>
                  <a:gd name="connsiteX270" fmla="*/ 4019 w 10000"/>
                  <a:gd name="connsiteY270" fmla="*/ 2777 h 10000"/>
                  <a:gd name="connsiteX271" fmla="*/ 4068 w 10000"/>
                  <a:gd name="connsiteY271" fmla="*/ 2674 h 10000"/>
                  <a:gd name="connsiteX272" fmla="*/ 4092 w 10000"/>
                  <a:gd name="connsiteY272" fmla="*/ 2541 h 10000"/>
                  <a:gd name="connsiteX273" fmla="*/ 4092 w 10000"/>
                  <a:gd name="connsiteY273" fmla="*/ 2393 h 10000"/>
                  <a:gd name="connsiteX274" fmla="*/ 4116 w 10000"/>
                  <a:gd name="connsiteY274" fmla="*/ 2349 h 10000"/>
                  <a:gd name="connsiteX275" fmla="*/ 4165 w 10000"/>
                  <a:gd name="connsiteY275" fmla="*/ 2304 h 10000"/>
                  <a:gd name="connsiteX276" fmla="*/ 4213 w 10000"/>
                  <a:gd name="connsiteY276" fmla="*/ 2290 h 10000"/>
                  <a:gd name="connsiteX277" fmla="*/ 4286 w 10000"/>
                  <a:gd name="connsiteY277" fmla="*/ 2275 h 10000"/>
                  <a:gd name="connsiteX278" fmla="*/ 4504 w 10000"/>
                  <a:gd name="connsiteY278" fmla="*/ 2260 h 10000"/>
                  <a:gd name="connsiteX279" fmla="*/ 4697 w 10000"/>
                  <a:gd name="connsiteY279" fmla="*/ 2275 h 10000"/>
                  <a:gd name="connsiteX280" fmla="*/ 4673 w 10000"/>
                  <a:gd name="connsiteY280" fmla="*/ 2112 h 10000"/>
                  <a:gd name="connsiteX281" fmla="*/ 4625 w 10000"/>
                  <a:gd name="connsiteY281" fmla="*/ 1950 h 10000"/>
                  <a:gd name="connsiteX282" fmla="*/ 4552 w 10000"/>
                  <a:gd name="connsiteY282" fmla="*/ 1802 h 10000"/>
                  <a:gd name="connsiteX283" fmla="*/ 4455 w 10000"/>
                  <a:gd name="connsiteY283" fmla="*/ 1640 h 10000"/>
                  <a:gd name="connsiteX284" fmla="*/ 4213 w 10000"/>
                  <a:gd name="connsiteY284" fmla="*/ 1329 h 10000"/>
                  <a:gd name="connsiteX285" fmla="*/ 3971 w 10000"/>
                  <a:gd name="connsiteY285" fmla="*/ 1034 h 10000"/>
                  <a:gd name="connsiteX286" fmla="*/ 3850 w 10000"/>
                  <a:gd name="connsiteY286" fmla="*/ 901 h 10000"/>
                  <a:gd name="connsiteX287" fmla="*/ 3753 w 10000"/>
                  <a:gd name="connsiteY287" fmla="*/ 753 h 10000"/>
                  <a:gd name="connsiteX288" fmla="*/ 3680 w 10000"/>
                  <a:gd name="connsiteY288" fmla="*/ 620 h 10000"/>
                  <a:gd name="connsiteX289" fmla="*/ 3656 w 10000"/>
                  <a:gd name="connsiteY289" fmla="*/ 487 h 10000"/>
                  <a:gd name="connsiteX290" fmla="*/ 3632 w 10000"/>
                  <a:gd name="connsiteY290" fmla="*/ 355 h 10000"/>
                  <a:gd name="connsiteX291" fmla="*/ 3680 w 10000"/>
                  <a:gd name="connsiteY291" fmla="*/ 222 h 10000"/>
                  <a:gd name="connsiteX292" fmla="*/ 3705 w 10000"/>
                  <a:gd name="connsiteY292" fmla="*/ 162 h 10000"/>
                  <a:gd name="connsiteX293" fmla="*/ 3753 w 10000"/>
                  <a:gd name="connsiteY293" fmla="*/ 103 h 10000"/>
                  <a:gd name="connsiteX294" fmla="*/ 3826 w 10000"/>
                  <a:gd name="connsiteY294" fmla="*/ 59 h 10000"/>
                  <a:gd name="connsiteX295" fmla="*/ 3923 w 10000"/>
                  <a:gd name="connsiteY295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8886 w 10000"/>
                  <a:gd name="connsiteY64" fmla="*/ 3811 h 10000"/>
                  <a:gd name="connsiteX65" fmla="*/ 7361 w 10000"/>
                  <a:gd name="connsiteY65" fmla="*/ 4195 h 10000"/>
                  <a:gd name="connsiteX66" fmla="*/ 6852 w 10000"/>
                  <a:gd name="connsiteY66" fmla="*/ 4313 h 10000"/>
                  <a:gd name="connsiteX67" fmla="*/ 6852 w 10000"/>
                  <a:gd name="connsiteY67" fmla="*/ 4431 h 10000"/>
                  <a:gd name="connsiteX68" fmla="*/ 6852 w 10000"/>
                  <a:gd name="connsiteY68" fmla="*/ 4549 h 10000"/>
                  <a:gd name="connsiteX69" fmla="*/ 6804 w 10000"/>
                  <a:gd name="connsiteY69" fmla="*/ 4564 h 10000"/>
                  <a:gd name="connsiteX70" fmla="*/ 6731 w 10000"/>
                  <a:gd name="connsiteY70" fmla="*/ 4594 h 10000"/>
                  <a:gd name="connsiteX71" fmla="*/ 6683 w 10000"/>
                  <a:gd name="connsiteY71" fmla="*/ 4638 h 10000"/>
                  <a:gd name="connsiteX72" fmla="*/ 6683 w 10000"/>
                  <a:gd name="connsiteY72" fmla="*/ 4697 h 10000"/>
                  <a:gd name="connsiteX73" fmla="*/ 6659 w 10000"/>
                  <a:gd name="connsiteY73" fmla="*/ 4801 h 10000"/>
                  <a:gd name="connsiteX74" fmla="*/ 6659 w 10000"/>
                  <a:gd name="connsiteY74" fmla="*/ 4904 h 10000"/>
                  <a:gd name="connsiteX75" fmla="*/ 6538 w 10000"/>
                  <a:gd name="connsiteY75" fmla="*/ 4860 h 10000"/>
                  <a:gd name="connsiteX76" fmla="*/ 6465 w 10000"/>
                  <a:gd name="connsiteY76" fmla="*/ 4801 h 10000"/>
                  <a:gd name="connsiteX77" fmla="*/ 6392 w 10000"/>
                  <a:gd name="connsiteY77" fmla="*/ 4727 h 10000"/>
                  <a:gd name="connsiteX78" fmla="*/ 6320 w 10000"/>
                  <a:gd name="connsiteY78" fmla="*/ 4638 h 10000"/>
                  <a:gd name="connsiteX79" fmla="*/ 6199 w 10000"/>
                  <a:gd name="connsiteY79" fmla="*/ 4476 h 10000"/>
                  <a:gd name="connsiteX80" fmla="*/ 6077 w 10000"/>
                  <a:gd name="connsiteY80" fmla="*/ 4313 h 10000"/>
                  <a:gd name="connsiteX81" fmla="*/ 6223 w 10000"/>
                  <a:gd name="connsiteY81" fmla="*/ 4210 h 10000"/>
                  <a:gd name="connsiteX82" fmla="*/ 6416 w 10000"/>
                  <a:gd name="connsiteY82" fmla="*/ 4121 h 10000"/>
                  <a:gd name="connsiteX83" fmla="*/ 6634 w 10000"/>
                  <a:gd name="connsiteY83" fmla="*/ 4032 h 10000"/>
                  <a:gd name="connsiteX84" fmla="*/ 6877 w 10000"/>
                  <a:gd name="connsiteY84" fmla="*/ 3959 h 10000"/>
                  <a:gd name="connsiteX85" fmla="*/ 7385 w 10000"/>
                  <a:gd name="connsiteY85" fmla="*/ 3811 h 10000"/>
                  <a:gd name="connsiteX86" fmla="*/ 7893 w 10000"/>
                  <a:gd name="connsiteY86" fmla="*/ 3663 h 10000"/>
                  <a:gd name="connsiteX87" fmla="*/ 8136 w 10000"/>
                  <a:gd name="connsiteY87" fmla="*/ 3589 h 10000"/>
                  <a:gd name="connsiteX88" fmla="*/ 8378 w 10000"/>
                  <a:gd name="connsiteY88" fmla="*/ 3516 h 10000"/>
                  <a:gd name="connsiteX89" fmla="*/ 8571 w 10000"/>
                  <a:gd name="connsiteY89" fmla="*/ 3412 h 10000"/>
                  <a:gd name="connsiteX90" fmla="*/ 8765 w 10000"/>
                  <a:gd name="connsiteY90" fmla="*/ 3338 h 10000"/>
                  <a:gd name="connsiteX91" fmla="*/ 8886 w 10000"/>
                  <a:gd name="connsiteY91" fmla="*/ 3235 h 10000"/>
                  <a:gd name="connsiteX92" fmla="*/ 8983 w 10000"/>
                  <a:gd name="connsiteY92" fmla="*/ 3117 h 10000"/>
                  <a:gd name="connsiteX93" fmla="*/ 9007 w 10000"/>
                  <a:gd name="connsiteY93" fmla="*/ 3072 h 10000"/>
                  <a:gd name="connsiteX94" fmla="*/ 9031 w 10000"/>
                  <a:gd name="connsiteY94" fmla="*/ 3013 h 10000"/>
                  <a:gd name="connsiteX95" fmla="*/ 9031 w 10000"/>
                  <a:gd name="connsiteY95" fmla="*/ 2954 h 10000"/>
                  <a:gd name="connsiteX96" fmla="*/ 9007 w 10000"/>
                  <a:gd name="connsiteY96" fmla="*/ 2866 h 10000"/>
                  <a:gd name="connsiteX97" fmla="*/ 8838 w 10000"/>
                  <a:gd name="connsiteY97" fmla="*/ 2984 h 10000"/>
                  <a:gd name="connsiteX98" fmla="*/ 8644 w 10000"/>
                  <a:gd name="connsiteY98" fmla="*/ 3072 h 10000"/>
                  <a:gd name="connsiteX99" fmla="*/ 8450 w 10000"/>
                  <a:gd name="connsiteY99" fmla="*/ 3161 h 10000"/>
                  <a:gd name="connsiteX100" fmla="*/ 8257 w 10000"/>
                  <a:gd name="connsiteY100" fmla="*/ 3250 h 10000"/>
                  <a:gd name="connsiteX101" fmla="*/ 7821 w 10000"/>
                  <a:gd name="connsiteY101" fmla="*/ 3397 h 10000"/>
                  <a:gd name="connsiteX102" fmla="*/ 7361 w 10000"/>
                  <a:gd name="connsiteY102" fmla="*/ 3545 h 10000"/>
                  <a:gd name="connsiteX103" fmla="*/ 6901 w 10000"/>
                  <a:gd name="connsiteY103" fmla="*/ 3678 h 10000"/>
                  <a:gd name="connsiteX104" fmla="*/ 6465 w 10000"/>
                  <a:gd name="connsiteY104" fmla="*/ 3840 h 10000"/>
                  <a:gd name="connsiteX105" fmla="*/ 6247 w 10000"/>
                  <a:gd name="connsiteY105" fmla="*/ 3914 h 10000"/>
                  <a:gd name="connsiteX106" fmla="*/ 6053 w 10000"/>
                  <a:gd name="connsiteY106" fmla="*/ 4003 h 10000"/>
                  <a:gd name="connsiteX107" fmla="*/ 5860 w 10000"/>
                  <a:gd name="connsiteY107" fmla="*/ 4106 h 10000"/>
                  <a:gd name="connsiteX108" fmla="*/ 5666 w 10000"/>
                  <a:gd name="connsiteY108" fmla="*/ 4195 h 10000"/>
                  <a:gd name="connsiteX109" fmla="*/ 5811 w 10000"/>
                  <a:gd name="connsiteY109" fmla="*/ 4417 h 10000"/>
                  <a:gd name="connsiteX110" fmla="*/ 5908 w 10000"/>
                  <a:gd name="connsiteY110" fmla="*/ 4623 h 10000"/>
                  <a:gd name="connsiteX111" fmla="*/ 6005 w 10000"/>
                  <a:gd name="connsiteY111" fmla="*/ 4845 h 10000"/>
                  <a:gd name="connsiteX112" fmla="*/ 6077 w 10000"/>
                  <a:gd name="connsiteY112" fmla="*/ 5081 h 10000"/>
                  <a:gd name="connsiteX113" fmla="*/ 6126 w 10000"/>
                  <a:gd name="connsiteY113" fmla="*/ 5318 h 10000"/>
                  <a:gd name="connsiteX114" fmla="*/ 6150 w 10000"/>
                  <a:gd name="connsiteY114" fmla="*/ 5539 h 10000"/>
                  <a:gd name="connsiteX115" fmla="*/ 6174 w 10000"/>
                  <a:gd name="connsiteY115" fmla="*/ 5775 h 10000"/>
                  <a:gd name="connsiteX116" fmla="*/ 6174 w 10000"/>
                  <a:gd name="connsiteY116" fmla="*/ 5997 h 10000"/>
                  <a:gd name="connsiteX117" fmla="*/ 6150 w 10000"/>
                  <a:gd name="connsiteY117" fmla="*/ 6233 h 10000"/>
                  <a:gd name="connsiteX118" fmla="*/ 6102 w 10000"/>
                  <a:gd name="connsiteY118" fmla="*/ 6470 h 10000"/>
                  <a:gd name="connsiteX119" fmla="*/ 6053 w 10000"/>
                  <a:gd name="connsiteY119" fmla="*/ 6677 h 10000"/>
                  <a:gd name="connsiteX120" fmla="*/ 5981 w 10000"/>
                  <a:gd name="connsiteY120" fmla="*/ 6898 h 10000"/>
                  <a:gd name="connsiteX121" fmla="*/ 5884 w 10000"/>
                  <a:gd name="connsiteY121" fmla="*/ 7105 h 10000"/>
                  <a:gd name="connsiteX122" fmla="*/ 5763 w 10000"/>
                  <a:gd name="connsiteY122" fmla="*/ 7297 h 10000"/>
                  <a:gd name="connsiteX123" fmla="*/ 5617 w 10000"/>
                  <a:gd name="connsiteY123" fmla="*/ 7489 h 10000"/>
                  <a:gd name="connsiteX124" fmla="*/ 5472 w 10000"/>
                  <a:gd name="connsiteY124" fmla="*/ 7681 h 10000"/>
                  <a:gd name="connsiteX125" fmla="*/ 6174 w 10000"/>
                  <a:gd name="connsiteY125" fmla="*/ 7799 h 10000"/>
                  <a:gd name="connsiteX126" fmla="*/ 6901 w 10000"/>
                  <a:gd name="connsiteY126" fmla="*/ 7962 h 10000"/>
                  <a:gd name="connsiteX127" fmla="*/ 7046 w 10000"/>
                  <a:gd name="connsiteY127" fmla="*/ 8021 h 10000"/>
                  <a:gd name="connsiteX128" fmla="*/ 7167 w 10000"/>
                  <a:gd name="connsiteY128" fmla="*/ 8080 h 10000"/>
                  <a:gd name="connsiteX129" fmla="*/ 7288 w 10000"/>
                  <a:gd name="connsiteY129" fmla="*/ 8139 h 10000"/>
                  <a:gd name="connsiteX130" fmla="*/ 7361 w 10000"/>
                  <a:gd name="connsiteY130" fmla="*/ 8227 h 10000"/>
                  <a:gd name="connsiteX131" fmla="*/ 7385 w 10000"/>
                  <a:gd name="connsiteY131" fmla="*/ 8301 h 10000"/>
                  <a:gd name="connsiteX132" fmla="*/ 7385 w 10000"/>
                  <a:gd name="connsiteY132" fmla="*/ 8405 h 10000"/>
                  <a:gd name="connsiteX133" fmla="*/ 7337 w 10000"/>
                  <a:gd name="connsiteY133" fmla="*/ 8523 h 10000"/>
                  <a:gd name="connsiteX134" fmla="*/ 7264 w 10000"/>
                  <a:gd name="connsiteY134" fmla="*/ 8641 h 10000"/>
                  <a:gd name="connsiteX135" fmla="*/ 6949 w 10000"/>
                  <a:gd name="connsiteY135" fmla="*/ 8552 h 10000"/>
                  <a:gd name="connsiteX136" fmla="*/ 6659 w 10000"/>
                  <a:gd name="connsiteY136" fmla="*/ 8449 h 10000"/>
                  <a:gd name="connsiteX137" fmla="*/ 6368 w 10000"/>
                  <a:gd name="connsiteY137" fmla="*/ 8360 h 10000"/>
                  <a:gd name="connsiteX138" fmla="*/ 6077 w 10000"/>
                  <a:gd name="connsiteY138" fmla="*/ 8287 h 10000"/>
                  <a:gd name="connsiteX139" fmla="*/ 5956 w 10000"/>
                  <a:gd name="connsiteY139" fmla="*/ 8449 h 10000"/>
                  <a:gd name="connsiteX140" fmla="*/ 5860 w 10000"/>
                  <a:gd name="connsiteY140" fmla="*/ 8597 h 10000"/>
                  <a:gd name="connsiteX141" fmla="*/ 5811 w 10000"/>
                  <a:gd name="connsiteY141" fmla="*/ 8656 h 10000"/>
                  <a:gd name="connsiteX142" fmla="*/ 5714 w 10000"/>
                  <a:gd name="connsiteY142" fmla="*/ 8700 h 10000"/>
                  <a:gd name="connsiteX143" fmla="*/ 5642 w 10000"/>
                  <a:gd name="connsiteY143" fmla="*/ 8744 h 10000"/>
                  <a:gd name="connsiteX144" fmla="*/ 5569 w 10000"/>
                  <a:gd name="connsiteY144" fmla="*/ 8774 h 10000"/>
                  <a:gd name="connsiteX145" fmla="*/ 5496 w 10000"/>
                  <a:gd name="connsiteY145" fmla="*/ 8804 h 10000"/>
                  <a:gd name="connsiteX146" fmla="*/ 5400 w 10000"/>
                  <a:gd name="connsiteY146" fmla="*/ 8818 h 10000"/>
                  <a:gd name="connsiteX147" fmla="*/ 5278 w 10000"/>
                  <a:gd name="connsiteY147" fmla="*/ 8833 h 10000"/>
                  <a:gd name="connsiteX148" fmla="*/ 5157 w 10000"/>
                  <a:gd name="connsiteY148" fmla="*/ 8833 h 10000"/>
                  <a:gd name="connsiteX149" fmla="*/ 4867 w 10000"/>
                  <a:gd name="connsiteY149" fmla="*/ 8818 h 10000"/>
                  <a:gd name="connsiteX150" fmla="*/ 4504 w 10000"/>
                  <a:gd name="connsiteY150" fmla="*/ 8744 h 10000"/>
                  <a:gd name="connsiteX151" fmla="*/ 4504 w 10000"/>
                  <a:gd name="connsiteY151" fmla="*/ 8922 h 10000"/>
                  <a:gd name="connsiteX152" fmla="*/ 4479 w 10000"/>
                  <a:gd name="connsiteY152" fmla="*/ 9069 h 10000"/>
                  <a:gd name="connsiteX153" fmla="*/ 4455 w 10000"/>
                  <a:gd name="connsiteY153" fmla="*/ 9232 h 10000"/>
                  <a:gd name="connsiteX154" fmla="*/ 4431 w 10000"/>
                  <a:gd name="connsiteY154" fmla="*/ 9365 h 10000"/>
                  <a:gd name="connsiteX155" fmla="*/ 4383 w 10000"/>
                  <a:gd name="connsiteY155" fmla="*/ 9498 h 10000"/>
                  <a:gd name="connsiteX156" fmla="*/ 4286 w 10000"/>
                  <a:gd name="connsiteY156" fmla="*/ 9616 h 10000"/>
                  <a:gd name="connsiteX157" fmla="*/ 4213 w 10000"/>
                  <a:gd name="connsiteY157" fmla="*/ 9734 h 10000"/>
                  <a:gd name="connsiteX158" fmla="*/ 4092 w 10000"/>
                  <a:gd name="connsiteY158" fmla="*/ 9838 h 10000"/>
                  <a:gd name="connsiteX159" fmla="*/ 3801 w 10000"/>
                  <a:gd name="connsiteY159" fmla="*/ 9897 h 10000"/>
                  <a:gd name="connsiteX160" fmla="*/ 3559 w 10000"/>
                  <a:gd name="connsiteY160" fmla="*/ 9941 h 10000"/>
                  <a:gd name="connsiteX161" fmla="*/ 3269 w 10000"/>
                  <a:gd name="connsiteY161" fmla="*/ 9985 h 10000"/>
                  <a:gd name="connsiteX162" fmla="*/ 3051 w 10000"/>
                  <a:gd name="connsiteY162" fmla="*/ 10000 h 10000"/>
                  <a:gd name="connsiteX163" fmla="*/ 2567 w 10000"/>
                  <a:gd name="connsiteY163" fmla="*/ 10000 h 10000"/>
                  <a:gd name="connsiteX164" fmla="*/ 2107 w 10000"/>
                  <a:gd name="connsiteY164" fmla="*/ 9985 h 10000"/>
                  <a:gd name="connsiteX165" fmla="*/ 1671 w 10000"/>
                  <a:gd name="connsiteY165" fmla="*/ 9941 h 10000"/>
                  <a:gd name="connsiteX166" fmla="*/ 1211 w 10000"/>
                  <a:gd name="connsiteY166" fmla="*/ 9911 h 10000"/>
                  <a:gd name="connsiteX167" fmla="*/ 944 w 10000"/>
                  <a:gd name="connsiteY167" fmla="*/ 9911 h 10000"/>
                  <a:gd name="connsiteX168" fmla="*/ 702 w 10000"/>
                  <a:gd name="connsiteY168" fmla="*/ 9911 h 10000"/>
                  <a:gd name="connsiteX169" fmla="*/ 436 w 10000"/>
                  <a:gd name="connsiteY169" fmla="*/ 9926 h 10000"/>
                  <a:gd name="connsiteX170" fmla="*/ 169 w 10000"/>
                  <a:gd name="connsiteY170" fmla="*/ 9970 h 10000"/>
                  <a:gd name="connsiteX171" fmla="*/ 97 w 10000"/>
                  <a:gd name="connsiteY171" fmla="*/ 9867 h 10000"/>
                  <a:gd name="connsiteX172" fmla="*/ 48 w 10000"/>
                  <a:gd name="connsiteY172" fmla="*/ 9793 h 10000"/>
                  <a:gd name="connsiteX173" fmla="*/ 0 w 10000"/>
                  <a:gd name="connsiteY173" fmla="*/ 9705 h 10000"/>
                  <a:gd name="connsiteX174" fmla="*/ 0 w 10000"/>
                  <a:gd name="connsiteY174" fmla="*/ 9601 h 10000"/>
                  <a:gd name="connsiteX175" fmla="*/ 48 w 10000"/>
                  <a:gd name="connsiteY175" fmla="*/ 9424 h 10000"/>
                  <a:gd name="connsiteX176" fmla="*/ 97 w 10000"/>
                  <a:gd name="connsiteY176" fmla="*/ 9202 h 10000"/>
                  <a:gd name="connsiteX177" fmla="*/ 145 w 10000"/>
                  <a:gd name="connsiteY177" fmla="*/ 8996 h 10000"/>
                  <a:gd name="connsiteX178" fmla="*/ 194 w 10000"/>
                  <a:gd name="connsiteY178" fmla="*/ 8759 h 10000"/>
                  <a:gd name="connsiteX179" fmla="*/ 218 w 10000"/>
                  <a:gd name="connsiteY179" fmla="*/ 8641 h 10000"/>
                  <a:gd name="connsiteX180" fmla="*/ 218 w 10000"/>
                  <a:gd name="connsiteY180" fmla="*/ 8538 h 10000"/>
                  <a:gd name="connsiteX181" fmla="*/ 194 w 10000"/>
                  <a:gd name="connsiteY181" fmla="*/ 8405 h 10000"/>
                  <a:gd name="connsiteX182" fmla="*/ 169 w 10000"/>
                  <a:gd name="connsiteY182" fmla="*/ 8287 h 10000"/>
                  <a:gd name="connsiteX183" fmla="*/ 412 w 10000"/>
                  <a:gd name="connsiteY183" fmla="*/ 8213 h 10000"/>
                  <a:gd name="connsiteX184" fmla="*/ 654 w 10000"/>
                  <a:gd name="connsiteY184" fmla="*/ 8139 h 10000"/>
                  <a:gd name="connsiteX185" fmla="*/ 896 w 10000"/>
                  <a:gd name="connsiteY185" fmla="*/ 8095 h 10000"/>
                  <a:gd name="connsiteX186" fmla="*/ 1162 w 10000"/>
                  <a:gd name="connsiteY186" fmla="*/ 8065 h 10000"/>
                  <a:gd name="connsiteX187" fmla="*/ 1646 w 10000"/>
                  <a:gd name="connsiteY187" fmla="*/ 8021 h 10000"/>
                  <a:gd name="connsiteX188" fmla="*/ 2131 w 10000"/>
                  <a:gd name="connsiteY188" fmla="*/ 7976 h 10000"/>
                  <a:gd name="connsiteX189" fmla="*/ 2349 w 10000"/>
                  <a:gd name="connsiteY189" fmla="*/ 7947 h 10000"/>
                  <a:gd name="connsiteX190" fmla="*/ 2567 w 10000"/>
                  <a:gd name="connsiteY190" fmla="*/ 7917 h 10000"/>
                  <a:gd name="connsiteX191" fmla="*/ 2760 w 10000"/>
                  <a:gd name="connsiteY191" fmla="*/ 7843 h 10000"/>
                  <a:gd name="connsiteX192" fmla="*/ 2954 w 10000"/>
                  <a:gd name="connsiteY192" fmla="*/ 7784 h 10000"/>
                  <a:gd name="connsiteX193" fmla="*/ 3123 w 10000"/>
                  <a:gd name="connsiteY193" fmla="*/ 7710 h 10000"/>
                  <a:gd name="connsiteX194" fmla="*/ 3269 w 10000"/>
                  <a:gd name="connsiteY194" fmla="*/ 7592 h 10000"/>
                  <a:gd name="connsiteX195" fmla="*/ 3414 w 10000"/>
                  <a:gd name="connsiteY195" fmla="*/ 7474 h 10000"/>
                  <a:gd name="connsiteX196" fmla="*/ 3511 w 10000"/>
                  <a:gd name="connsiteY196" fmla="*/ 7312 h 10000"/>
                  <a:gd name="connsiteX197" fmla="*/ 3317 w 10000"/>
                  <a:gd name="connsiteY197" fmla="*/ 7238 h 10000"/>
                  <a:gd name="connsiteX198" fmla="*/ 3148 w 10000"/>
                  <a:gd name="connsiteY198" fmla="*/ 7179 h 10000"/>
                  <a:gd name="connsiteX199" fmla="*/ 3002 w 10000"/>
                  <a:gd name="connsiteY199" fmla="*/ 7090 h 10000"/>
                  <a:gd name="connsiteX200" fmla="*/ 2857 w 10000"/>
                  <a:gd name="connsiteY200" fmla="*/ 6987 h 10000"/>
                  <a:gd name="connsiteX201" fmla="*/ 2760 w 10000"/>
                  <a:gd name="connsiteY201" fmla="*/ 6869 h 10000"/>
                  <a:gd name="connsiteX202" fmla="*/ 2712 w 10000"/>
                  <a:gd name="connsiteY202" fmla="*/ 6721 h 10000"/>
                  <a:gd name="connsiteX203" fmla="*/ 2688 w 10000"/>
                  <a:gd name="connsiteY203" fmla="*/ 6558 h 10000"/>
                  <a:gd name="connsiteX204" fmla="*/ 2712 w 10000"/>
                  <a:gd name="connsiteY204" fmla="*/ 6352 h 10000"/>
                  <a:gd name="connsiteX205" fmla="*/ 2591 w 10000"/>
                  <a:gd name="connsiteY205" fmla="*/ 6322 h 10000"/>
                  <a:gd name="connsiteX206" fmla="*/ 2446 w 10000"/>
                  <a:gd name="connsiteY206" fmla="*/ 6292 h 10000"/>
                  <a:gd name="connsiteX207" fmla="*/ 2276 w 10000"/>
                  <a:gd name="connsiteY207" fmla="*/ 6278 h 10000"/>
                  <a:gd name="connsiteX208" fmla="*/ 2107 w 10000"/>
                  <a:gd name="connsiteY208" fmla="*/ 6263 h 10000"/>
                  <a:gd name="connsiteX209" fmla="*/ 1768 w 10000"/>
                  <a:gd name="connsiteY209" fmla="*/ 6248 h 10000"/>
                  <a:gd name="connsiteX210" fmla="*/ 1404 w 10000"/>
                  <a:gd name="connsiteY210" fmla="*/ 6263 h 10000"/>
                  <a:gd name="connsiteX211" fmla="*/ 1090 w 10000"/>
                  <a:gd name="connsiteY211" fmla="*/ 6278 h 10000"/>
                  <a:gd name="connsiteX212" fmla="*/ 799 w 10000"/>
                  <a:gd name="connsiteY212" fmla="*/ 6278 h 10000"/>
                  <a:gd name="connsiteX213" fmla="*/ 557 w 10000"/>
                  <a:gd name="connsiteY213" fmla="*/ 6263 h 10000"/>
                  <a:gd name="connsiteX214" fmla="*/ 363 w 10000"/>
                  <a:gd name="connsiteY214" fmla="*/ 6233 h 10000"/>
                  <a:gd name="connsiteX215" fmla="*/ 605 w 10000"/>
                  <a:gd name="connsiteY215" fmla="*/ 5805 h 10000"/>
                  <a:gd name="connsiteX216" fmla="*/ 872 w 10000"/>
                  <a:gd name="connsiteY216" fmla="*/ 5391 h 10000"/>
                  <a:gd name="connsiteX217" fmla="*/ 969 w 10000"/>
                  <a:gd name="connsiteY217" fmla="*/ 5170 h 10000"/>
                  <a:gd name="connsiteX218" fmla="*/ 1041 w 10000"/>
                  <a:gd name="connsiteY218" fmla="*/ 4963 h 10000"/>
                  <a:gd name="connsiteX219" fmla="*/ 1065 w 10000"/>
                  <a:gd name="connsiteY219" fmla="*/ 4860 h 10000"/>
                  <a:gd name="connsiteX220" fmla="*/ 1041 w 10000"/>
                  <a:gd name="connsiteY220" fmla="*/ 4756 h 10000"/>
                  <a:gd name="connsiteX221" fmla="*/ 1017 w 10000"/>
                  <a:gd name="connsiteY221" fmla="*/ 4653 h 10000"/>
                  <a:gd name="connsiteX222" fmla="*/ 944 w 10000"/>
                  <a:gd name="connsiteY222" fmla="*/ 4549 h 10000"/>
                  <a:gd name="connsiteX223" fmla="*/ 1211 w 10000"/>
                  <a:gd name="connsiteY223" fmla="*/ 4520 h 10000"/>
                  <a:gd name="connsiteX224" fmla="*/ 1404 w 10000"/>
                  <a:gd name="connsiteY224" fmla="*/ 4505 h 10000"/>
                  <a:gd name="connsiteX225" fmla="*/ 1574 w 10000"/>
                  <a:gd name="connsiteY225" fmla="*/ 4505 h 10000"/>
                  <a:gd name="connsiteX226" fmla="*/ 1719 w 10000"/>
                  <a:gd name="connsiteY226" fmla="*/ 4520 h 10000"/>
                  <a:gd name="connsiteX227" fmla="*/ 1840 w 10000"/>
                  <a:gd name="connsiteY227" fmla="*/ 4520 h 10000"/>
                  <a:gd name="connsiteX228" fmla="*/ 1985 w 10000"/>
                  <a:gd name="connsiteY228" fmla="*/ 4520 h 10000"/>
                  <a:gd name="connsiteX229" fmla="*/ 2131 w 10000"/>
                  <a:gd name="connsiteY229" fmla="*/ 4490 h 10000"/>
                  <a:gd name="connsiteX230" fmla="*/ 2324 w 10000"/>
                  <a:gd name="connsiteY230" fmla="*/ 4446 h 10000"/>
                  <a:gd name="connsiteX231" fmla="*/ 2324 w 10000"/>
                  <a:gd name="connsiteY231" fmla="*/ 4579 h 10000"/>
                  <a:gd name="connsiteX232" fmla="*/ 2324 w 10000"/>
                  <a:gd name="connsiteY232" fmla="*/ 4742 h 10000"/>
                  <a:gd name="connsiteX233" fmla="*/ 2324 w 10000"/>
                  <a:gd name="connsiteY233" fmla="*/ 4874 h 10000"/>
                  <a:gd name="connsiteX234" fmla="*/ 2324 w 10000"/>
                  <a:gd name="connsiteY234" fmla="*/ 5037 h 10000"/>
                  <a:gd name="connsiteX235" fmla="*/ 2542 w 10000"/>
                  <a:gd name="connsiteY235" fmla="*/ 5022 h 10000"/>
                  <a:gd name="connsiteX236" fmla="*/ 2688 w 10000"/>
                  <a:gd name="connsiteY236" fmla="*/ 5037 h 10000"/>
                  <a:gd name="connsiteX237" fmla="*/ 2809 w 10000"/>
                  <a:gd name="connsiteY237" fmla="*/ 5066 h 10000"/>
                  <a:gd name="connsiteX238" fmla="*/ 2930 w 10000"/>
                  <a:gd name="connsiteY238" fmla="*/ 5096 h 10000"/>
                  <a:gd name="connsiteX239" fmla="*/ 3027 w 10000"/>
                  <a:gd name="connsiteY239" fmla="*/ 5126 h 10000"/>
                  <a:gd name="connsiteX240" fmla="*/ 3148 w 10000"/>
                  <a:gd name="connsiteY240" fmla="*/ 5155 h 10000"/>
                  <a:gd name="connsiteX241" fmla="*/ 3293 w 10000"/>
                  <a:gd name="connsiteY241" fmla="*/ 5170 h 10000"/>
                  <a:gd name="connsiteX242" fmla="*/ 3511 w 10000"/>
                  <a:gd name="connsiteY242" fmla="*/ 5155 h 10000"/>
                  <a:gd name="connsiteX243" fmla="*/ 3584 w 10000"/>
                  <a:gd name="connsiteY243" fmla="*/ 5096 h 10000"/>
                  <a:gd name="connsiteX244" fmla="*/ 3656 w 10000"/>
                  <a:gd name="connsiteY244" fmla="*/ 5022 h 10000"/>
                  <a:gd name="connsiteX245" fmla="*/ 3680 w 10000"/>
                  <a:gd name="connsiteY245" fmla="*/ 4934 h 10000"/>
                  <a:gd name="connsiteX246" fmla="*/ 3705 w 10000"/>
                  <a:gd name="connsiteY246" fmla="*/ 4860 h 10000"/>
                  <a:gd name="connsiteX247" fmla="*/ 3729 w 10000"/>
                  <a:gd name="connsiteY247" fmla="*/ 4697 h 10000"/>
                  <a:gd name="connsiteX248" fmla="*/ 3705 w 10000"/>
                  <a:gd name="connsiteY248" fmla="*/ 4520 h 10000"/>
                  <a:gd name="connsiteX249" fmla="*/ 3632 w 10000"/>
                  <a:gd name="connsiteY249" fmla="*/ 4343 h 10000"/>
                  <a:gd name="connsiteX250" fmla="*/ 3559 w 10000"/>
                  <a:gd name="connsiteY250" fmla="*/ 4195 h 10000"/>
                  <a:gd name="connsiteX251" fmla="*/ 3438 w 10000"/>
                  <a:gd name="connsiteY251" fmla="*/ 4047 h 10000"/>
                  <a:gd name="connsiteX252" fmla="*/ 3317 w 10000"/>
                  <a:gd name="connsiteY252" fmla="*/ 3959 h 10000"/>
                  <a:gd name="connsiteX253" fmla="*/ 3462 w 10000"/>
                  <a:gd name="connsiteY253" fmla="*/ 3944 h 10000"/>
                  <a:gd name="connsiteX254" fmla="*/ 3584 w 10000"/>
                  <a:gd name="connsiteY254" fmla="*/ 3914 h 10000"/>
                  <a:gd name="connsiteX255" fmla="*/ 3680 w 10000"/>
                  <a:gd name="connsiteY255" fmla="*/ 3855 h 10000"/>
                  <a:gd name="connsiteX256" fmla="*/ 3801 w 10000"/>
                  <a:gd name="connsiteY256" fmla="*/ 3752 h 10000"/>
                  <a:gd name="connsiteX257" fmla="*/ 3923 w 10000"/>
                  <a:gd name="connsiteY257" fmla="*/ 3663 h 10000"/>
                  <a:gd name="connsiteX258" fmla="*/ 4019 w 10000"/>
                  <a:gd name="connsiteY258" fmla="*/ 3560 h 10000"/>
                  <a:gd name="connsiteX259" fmla="*/ 4092 w 10000"/>
                  <a:gd name="connsiteY259" fmla="*/ 3442 h 10000"/>
                  <a:gd name="connsiteX260" fmla="*/ 4165 w 10000"/>
                  <a:gd name="connsiteY260" fmla="*/ 3323 h 10000"/>
                  <a:gd name="connsiteX261" fmla="*/ 4213 w 10000"/>
                  <a:gd name="connsiteY261" fmla="*/ 3220 h 10000"/>
                  <a:gd name="connsiteX262" fmla="*/ 4237 w 10000"/>
                  <a:gd name="connsiteY262" fmla="*/ 3102 h 10000"/>
                  <a:gd name="connsiteX263" fmla="*/ 4262 w 10000"/>
                  <a:gd name="connsiteY263" fmla="*/ 3013 h 10000"/>
                  <a:gd name="connsiteX264" fmla="*/ 4237 w 10000"/>
                  <a:gd name="connsiteY264" fmla="*/ 2939 h 10000"/>
                  <a:gd name="connsiteX265" fmla="*/ 4213 w 10000"/>
                  <a:gd name="connsiteY265" fmla="*/ 2866 h 10000"/>
                  <a:gd name="connsiteX266" fmla="*/ 4140 w 10000"/>
                  <a:gd name="connsiteY266" fmla="*/ 2836 h 10000"/>
                  <a:gd name="connsiteX267" fmla="*/ 4044 w 10000"/>
                  <a:gd name="connsiteY267" fmla="*/ 2836 h 10000"/>
                  <a:gd name="connsiteX268" fmla="*/ 3923 w 10000"/>
                  <a:gd name="connsiteY268" fmla="*/ 2866 h 10000"/>
                  <a:gd name="connsiteX269" fmla="*/ 4019 w 10000"/>
                  <a:gd name="connsiteY269" fmla="*/ 2777 h 10000"/>
                  <a:gd name="connsiteX270" fmla="*/ 4068 w 10000"/>
                  <a:gd name="connsiteY270" fmla="*/ 2674 h 10000"/>
                  <a:gd name="connsiteX271" fmla="*/ 4092 w 10000"/>
                  <a:gd name="connsiteY271" fmla="*/ 2541 h 10000"/>
                  <a:gd name="connsiteX272" fmla="*/ 4092 w 10000"/>
                  <a:gd name="connsiteY272" fmla="*/ 2393 h 10000"/>
                  <a:gd name="connsiteX273" fmla="*/ 4116 w 10000"/>
                  <a:gd name="connsiteY273" fmla="*/ 2349 h 10000"/>
                  <a:gd name="connsiteX274" fmla="*/ 4165 w 10000"/>
                  <a:gd name="connsiteY274" fmla="*/ 2304 h 10000"/>
                  <a:gd name="connsiteX275" fmla="*/ 4213 w 10000"/>
                  <a:gd name="connsiteY275" fmla="*/ 2290 h 10000"/>
                  <a:gd name="connsiteX276" fmla="*/ 4286 w 10000"/>
                  <a:gd name="connsiteY276" fmla="*/ 2275 h 10000"/>
                  <a:gd name="connsiteX277" fmla="*/ 4504 w 10000"/>
                  <a:gd name="connsiteY277" fmla="*/ 2260 h 10000"/>
                  <a:gd name="connsiteX278" fmla="*/ 4697 w 10000"/>
                  <a:gd name="connsiteY278" fmla="*/ 2275 h 10000"/>
                  <a:gd name="connsiteX279" fmla="*/ 4673 w 10000"/>
                  <a:gd name="connsiteY279" fmla="*/ 2112 h 10000"/>
                  <a:gd name="connsiteX280" fmla="*/ 4625 w 10000"/>
                  <a:gd name="connsiteY280" fmla="*/ 1950 h 10000"/>
                  <a:gd name="connsiteX281" fmla="*/ 4552 w 10000"/>
                  <a:gd name="connsiteY281" fmla="*/ 1802 h 10000"/>
                  <a:gd name="connsiteX282" fmla="*/ 4455 w 10000"/>
                  <a:gd name="connsiteY282" fmla="*/ 1640 h 10000"/>
                  <a:gd name="connsiteX283" fmla="*/ 4213 w 10000"/>
                  <a:gd name="connsiteY283" fmla="*/ 1329 h 10000"/>
                  <a:gd name="connsiteX284" fmla="*/ 3971 w 10000"/>
                  <a:gd name="connsiteY284" fmla="*/ 1034 h 10000"/>
                  <a:gd name="connsiteX285" fmla="*/ 3850 w 10000"/>
                  <a:gd name="connsiteY285" fmla="*/ 901 h 10000"/>
                  <a:gd name="connsiteX286" fmla="*/ 3753 w 10000"/>
                  <a:gd name="connsiteY286" fmla="*/ 753 h 10000"/>
                  <a:gd name="connsiteX287" fmla="*/ 3680 w 10000"/>
                  <a:gd name="connsiteY287" fmla="*/ 620 h 10000"/>
                  <a:gd name="connsiteX288" fmla="*/ 3656 w 10000"/>
                  <a:gd name="connsiteY288" fmla="*/ 487 h 10000"/>
                  <a:gd name="connsiteX289" fmla="*/ 3632 w 10000"/>
                  <a:gd name="connsiteY289" fmla="*/ 355 h 10000"/>
                  <a:gd name="connsiteX290" fmla="*/ 3680 w 10000"/>
                  <a:gd name="connsiteY290" fmla="*/ 222 h 10000"/>
                  <a:gd name="connsiteX291" fmla="*/ 3705 w 10000"/>
                  <a:gd name="connsiteY291" fmla="*/ 162 h 10000"/>
                  <a:gd name="connsiteX292" fmla="*/ 3753 w 10000"/>
                  <a:gd name="connsiteY292" fmla="*/ 103 h 10000"/>
                  <a:gd name="connsiteX293" fmla="*/ 3826 w 10000"/>
                  <a:gd name="connsiteY293" fmla="*/ 59 h 10000"/>
                  <a:gd name="connsiteX294" fmla="*/ 3923 w 10000"/>
                  <a:gd name="connsiteY294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7361 w 10000"/>
                  <a:gd name="connsiteY64" fmla="*/ 4195 h 10000"/>
                  <a:gd name="connsiteX65" fmla="*/ 6852 w 10000"/>
                  <a:gd name="connsiteY65" fmla="*/ 4313 h 10000"/>
                  <a:gd name="connsiteX66" fmla="*/ 6852 w 10000"/>
                  <a:gd name="connsiteY66" fmla="*/ 4431 h 10000"/>
                  <a:gd name="connsiteX67" fmla="*/ 6852 w 10000"/>
                  <a:gd name="connsiteY67" fmla="*/ 4549 h 10000"/>
                  <a:gd name="connsiteX68" fmla="*/ 6804 w 10000"/>
                  <a:gd name="connsiteY68" fmla="*/ 4564 h 10000"/>
                  <a:gd name="connsiteX69" fmla="*/ 6731 w 10000"/>
                  <a:gd name="connsiteY69" fmla="*/ 4594 h 10000"/>
                  <a:gd name="connsiteX70" fmla="*/ 6683 w 10000"/>
                  <a:gd name="connsiteY70" fmla="*/ 4638 h 10000"/>
                  <a:gd name="connsiteX71" fmla="*/ 6683 w 10000"/>
                  <a:gd name="connsiteY71" fmla="*/ 4697 h 10000"/>
                  <a:gd name="connsiteX72" fmla="*/ 6659 w 10000"/>
                  <a:gd name="connsiteY72" fmla="*/ 4801 h 10000"/>
                  <a:gd name="connsiteX73" fmla="*/ 6659 w 10000"/>
                  <a:gd name="connsiteY73" fmla="*/ 4904 h 10000"/>
                  <a:gd name="connsiteX74" fmla="*/ 6538 w 10000"/>
                  <a:gd name="connsiteY74" fmla="*/ 4860 h 10000"/>
                  <a:gd name="connsiteX75" fmla="*/ 6465 w 10000"/>
                  <a:gd name="connsiteY75" fmla="*/ 4801 h 10000"/>
                  <a:gd name="connsiteX76" fmla="*/ 6392 w 10000"/>
                  <a:gd name="connsiteY76" fmla="*/ 4727 h 10000"/>
                  <a:gd name="connsiteX77" fmla="*/ 6320 w 10000"/>
                  <a:gd name="connsiteY77" fmla="*/ 4638 h 10000"/>
                  <a:gd name="connsiteX78" fmla="*/ 6199 w 10000"/>
                  <a:gd name="connsiteY78" fmla="*/ 4476 h 10000"/>
                  <a:gd name="connsiteX79" fmla="*/ 6077 w 10000"/>
                  <a:gd name="connsiteY79" fmla="*/ 4313 h 10000"/>
                  <a:gd name="connsiteX80" fmla="*/ 6223 w 10000"/>
                  <a:gd name="connsiteY80" fmla="*/ 4210 h 10000"/>
                  <a:gd name="connsiteX81" fmla="*/ 6416 w 10000"/>
                  <a:gd name="connsiteY81" fmla="*/ 4121 h 10000"/>
                  <a:gd name="connsiteX82" fmla="*/ 6634 w 10000"/>
                  <a:gd name="connsiteY82" fmla="*/ 4032 h 10000"/>
                  <a:gd name="connsiteX83" fmla="*/ 6877 w 10000"/>
                  <a:gd name="connsiteY83" fmla="*/ 3959 h 10000"/>
                  <a:gd name="connsiteX84" fmla="*/ 7385 w 10000"/>
                  <a:gd name="connsiteY84" fmla="*/ 3811 h 10000"/>
                  <a:gd name="connsiteX85" fmla="*/ 7893 w 10000"/>
                  <a:gd name="connsiteY85" fmla="*/ 3663 h 10000"/>
                  <a:gd name="connsiteX86" fmla="*/ 8136 w 10000"/>
                  <a:gd name="connsiteY86" fmla="*/ 3589 h 10000"/>
                  <a:gd name="connsiteX87" fmla="*/ 8378 w 10000"/>
                  <a:gd name="connsiteY87" fmla="*/ 3516 h 10000"/>
                  <a:gd name="connsiteX88" fmla="*/ 8571 w 10000"/>
                  <a:gd name="connsiteY88" fmla="*/ 3412 h 10000"/>
                  <a:gd name="connsiteX89" fmla="*/ 8765 w 10000"/>
                  <a:gd name="connsiteY89" fmla="*/ 3338 h 10000"/>
                  <a:gd name="connsiteX90" fmla="*/ 8886 w 10000"/>
                  <a:gd name="connsiteY90" fmla="*/ 3235 h 10000"/>
                  <a:gd name="connsiteX91" fmla="*/ 8983 w 10000"/>
                  <a:gd name="connsiteY91" fmla="*/ 3117 h 10000"/>
                  <a:gd name="connsiteX92" fmla="*/ 9007 w 10000"/>
                  <a:gd name="connsiteY92" fmla="*/ 3072 h 10000"/>
                  <a:gd name="connsiteX93" fmla="*/ 9031 w 10000"/>
                  <a:gd name="connsiteY93" fmla="*/ 3013 h 10000"/>
                  <a:gd name="connsiteX94" fmla="*/ 9031 w 10000"/>
                  <a:gd name="connsiteY94" fmla="*/ 2954 h 10000"/>
                  <a:gd name="connsiteX95" fmla="*/ 9007 w 10000"/>
                  <a:gd name="connsiteY95" fmla="*/ 2866 h 10000"/>
                  <a:gd name="connsiteX96" fmla="*/ 8838 w 10000"/>
                  <a:gd name="connsiteY96" fmla="*/ 2984 h 10000"/>
                  <a:gd name="connsiteX97" fmla="*/ 8644 w 10000"/>
                  <a:gd name="connsiteY97" fmla="*/ 3072 h 10000"/>
                  <a:gd name="connsiteX98" fmla="*/ 8450 w 10000"/>
                  <a:gd name="connsiteY98" fmla="*/ 3161 h 10000"/>
                  <a:gd name="connsiteX99" fmla="*/ 8257 w 10000"/>
                  <a:gd name="connsiteY99" fmla="*/ 3250 h 10000"/>
                  <a:gd name="connsiteX100" fmla="*/ 7821 w 10000"/>
                  <a:gd name="connsiteY100" fmla="*/ 3397 h 10000"/>
                  <a:gd name="connsiteX101" fmla="*/ 7361 w 10000"/>
                  <a:gd name="connsiteY101" fmla="*/ 3545 h 10000"/>
                  <a:gd name="connsiteX102" fmla="*/ 6901 w 10000"/>
                  <a:gd name="connsiteY102" fmla="*/ 3678 h 10000"/>
                  <a:gd name="connsiteX103" fmla="*/ 6465 w 10000"/>
                  <a:gd name="connsiteY103" fmla="*/ 3840 h 10000"/>
                  <a:gd name="connsiteX104" fmla="*/ 6247 w 10000"/>
                  <a:gd name="connsiteY104" fmla="*/ 3914 h 10000"/>
                  <a:gd name="connsiteX105" fmla="*/ 6053 w 10000"/>
                  <a:gd name="connsiteY105" fmla="*/ 4003 h 10000"/>
                  <a:gd name="connsiteX106" fmla="*/ 5860 w 10000"/>
                  <a:gd name="connsiteY106" fmla="*/ 4106 h 10000"/>
                  <a:gd name="connsiteX107" fmla="*/ 5666 w 10000"/>
                  <a:gd name="connsiteY107" fmla="*/ 4195 h 10000"/>
                  <a:gd name="connsiteX108" fmla="*/ 5811 w 10000"/>
                  <a:gd name="connsiteY108" fmla="*/ 4417 h 10000"/>
                  <a:gd name="connsiteX109" fmla="*/ 5908 w 10000"/>
                  <a:gd name="connsiteY109" fmla="*/ 4623 h 10000"/>
                  <a:gd name="connsiteX110" fmla="*/ 6005 w 10000"/>
                  <a:gd name="connsiteY110" fmla="*/ 4845 h 10000"/>
                  <a:gd name="connsiteX111" fmla="*/ 6077 w 10000"/>
                  <a:gd name="connsiteY111" fmla="*/ 5081 h 10000"/>
                  <a:gd name="connsiteX112" fmla="*/ 6126 w 10000"/>
                  <a:gd name="connsiteY112" fmla="*/ 5318 h 10000"/>
                  <a:gd name="connsiteX113" fmla="*/ 6150 w 10000"/>
                  <a:gd name="connsiteY113" fmla="*/ 5539 h 10000"/>
                  <a:gd name="connsiteX114" fmla="*/ 6174 w 10000"/>
                  <a:gd name="connsiteY114" fmla="*/ 5775 h 10000"/>
                  <a:gd name="connsiteX115" fmla="*/ 6174 w 10000"/>
                  <a:gd name="connsiteY115" fmla="*/ 5997 h 10000"/>
                  <a:gd name="connsiteX116" fmla="*/ 6150 w 10000"/>
                  <a:gd name="connsiteY116" fmla="*/ 6233 h 10000"/>
                  <a:gd name="connsiteX117" fmla="*/ 6102 w 10000"/>
                  <a:gd name="connsiteY117" fmla="*/ 6470 h 10000"/>
                  <a:gd name="connsiteX118" fmla="*/ 6053 w 10000"/>
                  <a:gd name="connsiteY118" fmla="*/ 6677 h 10000"/>
                  <a:gd name="connsiteX119" fmla="*/ 5981 w 10000"/>
                  <a:gd name="connsiteY119" fmla="*/ 6898 h 10000"/>
                  <a:gd name="connsiteX120" fmla="*/ 5884 w 10000"/>
                  <a:gd name="connsiteY120" fmla="*/ 7105 h 10000"/>
                  <a:gd name="connsiteX121" fmla="*/ 5763 w 10000"/>
                  <a:gd name="connsiteY121" fmla="*/ 7297 h 10000"/>
                  <a:gd name="connsiteX122" fmla="*/ 5617 w 10000"/>
                  <a:gd name="connsiteY122" fmla="*/ 7489 h 10000"/>
                  <a:gd name="connsiteX123" fmla="*/ 5472 w 10000"/>
                  <a:gd name="connsiteY123" fmla="*/ 7681 h 10000"/>
                  <a:gd name="connsiteX124" fmla="*/ 6174 w 10000"/>
                  <a:gd name="connsiteY124" fmla="*/ 7799 h 10000"/>
                  <a:gd name="connsiteX125" fmla="*/ 6901 w 10000"/>
                  <a:gd name="connsiteY125" fmla="*/ 7962 h 10000"/>
                  <a:gd name="connsiteX126" fmla="*/ 7046 w 10000"/>
                  <a:gd name="connsiteY126" fmla="*/ 8021 h 10000"/>
                  <a:gd name="connsiteX127" fmla="*/ 7167 w 10000"/>
                  <a:gd name="connsiteY127" fmla="*/ 8080 h 10000"/>
                  <a:gd name="connsiteX128" fmla="*/ 7288 w 10000"/>
                  <a:gd name="connsiteY128" fmla="*/ 8139 h 10000"/>
                  <a:gd name="connsiteX129" fmla="*/ 7361 w 10000"/>
                  <a:gd name="connsiteY129" fmla="*/ 8227 h 10000"/>
                  <a:gd name="connsiteX130" fmla="*/ 7385 w 10000"/>
                  <a:gd name="connsiteY130" fmla="*/ 8301 h 10000"/>
                  <a:gd name="connsiteX131" fmla="*/ 7385 w 10000"/>
                  <a:gd name="connsiteY131" fmla="*/ 8405 h 10000"/>
                  <a:gd name="connsiteX132" fmla="*/ 7337 w 10000"/>
                  <a:gd name="connsiteY132" fmla="*/ 8523 h 10000"/>
                  <a:gd name="connsiteX133" fmla="*/ 7264 w 10000"/>
                  <a:gd name="connsiteY133" fmla="*/ 8641 h 10000"/>
                  <a:gd name="connsiteX134" fmla="*/ 6949 w 10000"/>
                  <a:gd name="connsiteY134" fmla="*/ 8552 h 10000"/>
                  <a:gd name="connsiteX135" fmla="*/ 6659 w 10000"/>
                  <a:gd name="connsiteY135" fmla="*/ 8449 h 10000"/>
                  <a:gd name="connsiteX136" fmla="*/ 6368 w 10000"/>
                  <a:gd name="connsiteY136" fmla="*/ 8360 h 10000"/>
                  <a:gd name="connsiteX137" fmla="*/ 6077 w 10000"/>
                  <a:gd name="connsiteY137" fmla="*/ 8287 h 10000"/>
                  <a:gd name="connsiteX138" fmla="*/ 5956 w 10000"/>
                  <a:gd name="connsiteY138" fmla="*/ 8449 h 10000"/>
                  <a:gd name="connsiteX139" fmla="*/ 5860 w 10000"/>
                  <a:gd name="connsiteY139" fmla="*/ 8597 h 10000"/>
                  <a:gd name="connsiteX140" fmla="*/ 5811 w 10000"/>
                  <a:gd name="connsiteY140" fmla="*/ 8656 h 10000"/>
                  <a:gd name="connsiteX141" fmla="*/ 5714 w 10000"/>
                  <a:gd name="connsiteY141" fmla="*/ 8700 h 10000"/>
                  <a:gd name="connsiteX142" fmla="*/ 5642 w 10000"/>
                  <a:gd name="connsiteY142" fmla="*/ 8744 h 10000"/>
                  <a:gd name="connsiteX143" fmla="*/ 5569 w 10000"/>
                  <a:gd name="connsiteY143" fmla="*/ 8774 h 10000"/>
                  <a:gd name="connsiteX144" fmla="*/ 5496 w 10000"/>
                  <a:gd name="connsiteY144" fmla="*/ 8804 h 10000"/>
                  <a:gd name="connsiteX145" fmla="*/ 5400 w 10000"/>
                  <a:gd name="connsiteY145" fmla="*/ 8818 h 10000"/>
                  <a:gd name="connsiteX146" fmla="*/ 5278 w 10000"/>
                  <a:gd name="connsiteY146" fmla="*/ 8833 h 10000"/>
                  <a:gd name="connsiteX147" fmla="*/ 5157 w 10000"/>
                  <a:gd name="connsiteY147" fmla="*/ 8833 h 10000"/>
                  <a:gd name="connsiteX148" fmla="*/ 4867 w 10000"/>
                  <a:gd name="connsiteY148" fmla="*/ 8818 h 10000"/>
                  <a:gd name="connsiteX149" fmla="*/ 4504 w 10000"/>
                  <a:gd name="connsiteY149" fmla="*/ 8744 h 10000"/>
                  <a:gd name="connsiteX150" fmla="*/ 4504 w 10000"/>
                  <a:gd name="connsiteY150" fmla="*/ 8922 h 10000"/>
                  <a:gd name="connsiteX151" fmla="*/ 4479 w 10000"/>
                  <a:gd name="connsiteY151" fmla="*/ 9069 h 10000"/>
                  <a:gd name="connsiteX152" fmla="*/ 4455 w 10000"/>
                  <a:gd name="connsiteY152" fmla="*/ 9232 h 10000"/>
                  <a:gd name="connsiteX153" fmla="*/ 4431 w 10000"/>
                  <a:gd name="connsiteY153" fmla="*/ 9365 h 10000"/>
                  <a:gd name="connsiteX154" fmla="*/ 4383 w 10000"/>
                  <a:gd name="connsiteY154" fmla="*/ 9498 h 10000"/>
                  <a:gd name="connsiteX155" fmla="*/ 4286 w 10000"/>
                  <a:gd name="connsiteY155" fmla="*/ 9616 h 10000"/>
                  <a:gd name="connsiteX156" fmla="*/ 4213 w 10000"/>
                  <a:gd name="connsiteY156" fmla="*/ 9734 h 10000"/>
                  <a:gd name="connsiteX157" fmla="*/ 4092 w 10000"/>
                  <a:gd name="connsiteY157" fmla="*/ 9838 h 10000"/>
                  <a:gd name="connsiteX158" fmla="*/ 3801 w 10000"/>
                  <a:gd name="connsiteY158" fmla="*/ 9897 h 10000"/>
                  <a:gd name="connsiteX159" fmla="*/ 3559 w 10000"/>
                  <a:gd name="connsiteY159" fmla="*/ 9941 h 10000"/>
                  <a:gd name="connsiteX160" fmla="*/ 3269 w 10000"/>
                  <a:gd name="connsiteY160" fmla="*/ 9985 h 10000"/>
                  <a:gd name="connsiteX161" fmla="*/ 3051 w 10000"/>
                  <a:gd name="connsiteY161" fmla="*/ 10000 h 10000"/>
                  <a:gd name="connsiteX162" fmla="*/ 2567 w 10000"/>
                  <a:gd name="connsiteY162" fmla="*/ 10000 h 10000"/>
                  <a:gd name="connsiteX163" fmla="*/ 2107 w 10000"/>
                  <a:gd name="connsiteY163" fmla="*/ 9985 h 10000"/>
                  <a:gd name="connsiteX164" fmla="*/ 1671 w 10000"/>
                  <a:gd name="connsiteY164" fmla="*/ 9941 h 10000"/>
                  <a:gd name="connsiteX165" fmla="*/ 1211 w 10000"/>
                  <a:gd name="connsiteY165" fmla="*/ 9911 h 10000"/>
                  <a:gd name="connsiteX166" fmla="*/ 944 w 10000"/>
                  <a:gd name="connsiteY166" fmla="*/ 9911 h 10000"/>
                  <a:gd name="connsiteX167" fmla="*/ 702 w 10000"/>
                  <a:gd name="connsiteY167" fmla="*/ 9911 h 10000"/>
                  <a:gd name="connsiteX168" fmla="*/ 436 w 10000"/>
                  <a:gd name="connsiteY168" fmla="*/ 9926 h 10000"/>
                  <a:gd name="connsiteX169" fmla="*/ 169 w 10000"/>
                  <a:gd name="connsiteY169" fmla="*/ 9970 h 10000"/>
                  <a:gd name="connsiteX170" fmla="*/ 97 w 10000"/>
                  <a:gd name="connsiteY170" fmla="*/ 9867 h 10000"/>
                  <a:gd name="connsiteX171" fmla="*/ 48 w 10000"/>
                  <a:gd name="connsiteY171" fmla="*/ 9793 h 10000"/>
                  <a:gd name="connsiteX172" fmla="*/ 0 w 10000"/>
                  <a:gd name="connsiteY172" fmla="*/ 9705 h 10000"/>
                  <a:gd name="connsiteX173" fmla="*/ 0 w 10000"/>
                  <a:gd name="connsiteY173" fmla="*/ 9601 h 10000"/>
                  <a:gd name="connsiteX174" fmla="*/ 48 w 10000"/>
                  <a:gd name="connsiteY174" fmla="*/ 9424 h 10000"/>
                  <a:gd name="connsiteX175" fmla="*/ 97 w 10000"/>
                  <a:gd name="connsiteY175" fmla="*/ 9202 h 10000"/>
                  <a:gd name="connsiteX176" fmla="*/ 145 w 10000"/>
                  <a:gd name="connsiteY176" fmla="*/ 8996 h 10000"/>
                  <a:gd name="connsiteX177" fmla="*/ 194 w 10000"/>
                  <a:gd name="connsiteY177" fmla="*/ 8759 h 10000"/>
                  <a:gd name="connsiteX178" fmla="*/ 218 w 10000"/>
                  <a:gd name="connsiteY178" fmla="*/ 8641 h 10000"/>
                  <a:gd name="connsiteX179" fmla="*/ 218 w 10000"/>
                  <a:gd name="connsiteY179" fmla="*/ 8538 h 10000"/>
                  <a:gd name="connsiteX180" fmla="*/ 194 w 10000"/>
                  <a:gd name="connsiteY180" fmla="*/ 8405 h 10000"/>
                  <a:gd name="connsiteX181" fmla="*/ 169 w 10000"/>
                  <a:gd name="connsiteY181" fmla="*/ 8287 h 10000"/>
                  <a:gd name="connsiteX182" fmla="*/ 412 w 10000"/>
                  <a:gd name="connsiteY182" fmla="*/ 8213 h 10000"/>
                  <a:gd name="connsiteX183" fmla="*/ 654 w 10000"/>
                  <a:gd name="connsiteY183" fmla="*/ 8139 h 10000"/>
                  <a:gd name="connsiteX184" fmla="*/ 896 w 10000"/>
                  <a:gd name="connsiteY184" fmla="*/ 8095 h 10000"/>
                  <a:gd name="connsiteX185" fmla="*/ 1162 w 10000"/>
                  <a:gd name="connsiteY185" fmla="*/ 8065 h 10000"/>
                  <a:gd name="connsiteX186" fmla="*/ 1646 w 10000"/>
                  <a:gd name="connsiteY186" fmla="*/ 8021 h 10000"/>
                  <a:gd name="connsiteX187" fmla="*/ 2131 w 10000"/>
                  <a:gd name="connsiteY187" fmla="*/ 7976 h 10000"/>
                  <a:gd name="connsiteX188" fmla="*/ 2349 w 10000"/>
                  <a:gd name="connsiteY188" fmla="*/ 7947 h 10000"/>
                  <a:gd name="connsiteX189" fmla="*/ 2567 w 10000"/>
                  <a:gd name="connsiteY189" fmla="*/ 7917 h 10000"/>
                  <a:gd name="connsiteX190" fmla="*/ 2760 w 10000"/>
                  <a:gd name="connsiteY190" fmla="*/ 7843 h 10000"/>
                  <a:gd name="connsiteX191" fmla="*/ 2954 w 10000"/>
                  <a:gd name="connsiteY191" fmla="*/ 7784 h 10000"/>
                  <a:gd name="connsiteX192" fmla="*/ 3123 w 10000"/>
                  <a:gd name="connsiteY192" fmla="*/ 7710 h 10000"/>
                  <a:gd name="connsiteX193" fmla="*/ 3269 w 10000"/>
                  <a:gd name="connsiteY193" fmla="*/ 7592 h 10000"/>
                  <a:gd name="connsiteX194" fmla="*/ 3414 w 10000"/>
                  <a:gd name="connsiteY194" fmla="*/ 7474 h 10000"/>
                  <a:gd name="connsiteX195" fmla="*/ 3511 w 10000"/>
                  <a:gd name="connsiteY195" fmla="*/ 7312 h 10000"/>
                  <a:gd name="connsiteX196" fmla="*/ 3317 w 10000"/>
                  <a:gd name="connsiteY196" fmla="*/ 7238 h 10000"/>
                  <a:gd name="connsiteX197" fmla="*/ 3148 w 10000"/>
                  <a:gd name="connsiteY197" fmla="*/ 7179 h 10000"/>
                  <a:gd name="connsiteX198" fmla="*/ 3002 w 10000"/>
                  <a:gd name="connsiteY198" fmla="*/ 7090 h 10000"/>
                  <a:gd name="connsiteX199" fmla="*/ 2857 w 10000"/>
                  <a:gd name="connsiteY199" fmla="*/ 6987 h 10000"/>
                  <a:gd name="connsiteX200" fmla="*/ 2760 w 10000"/>
                  <a:gd name="connsiteY200" fmla="*/ 6869 h 10000"/>
                  <a:gd name="connsiteX201" fmla="*/ 2712 w 10000"/>
                  <a:gd name="connsiteY201" fmla="*/ 6721 h 10000"/>
                  <a:gd name="connsiteX202" fmla="*/ 2688 w 10000"/>
                  <a:gd name="connsiteY202" fmla="*/ 6558 h 10000"/>
                  <a:gd name="connsiteX203" fmla="*/ 2712 w 10000"/>
                  <a:gd name="connsiteY203" fmla="*/ 6352 h 10000"/>
                  <a:gd name="connsiteX204" fmla="*/ 2591 w 10000"/>
                  <a:gd name="connsiteY204" fmla="*/ 6322 h 10000"/>
                  <a:gd name="connsiteX205" fmla="*/ 2446 w 10000"/>
                  <a:gd name="connsiteY205" fmla="*/ 6292 h 10000"/>
                  <a:gd name="connsiteX206" fmla="*/ 2276 w 10000"/>
                  <a:gd name="connsiteY206" fmla="*/ 6278 h 10000"/>
                  <a:gd name="connsiteX207" fmla="*/ 2107 w 10000"/>
                  <a:gd name="connsiteY207" fmla="*/ 6263 h 10000"/>
                  <a:gd name="connsiteX208" fmla="*/ 1768 w 10000"/>
                  <a:gd name="connsiteY208" fmla="*/ 6248 h 10000"/>
                  <a:gd name="connsiteX209" fmla="*/ 1404 w 10000"/>
                  <a:gd name="connsiteY209" fmla="*/ 6263 h 10000"/>
                  <a:gd name="connsiteX210" fmla="*/ 1090 w 10000"/>
                  <a:gd name="connsiteY210" fmla="*/ 6278 h 10000"/>
                  <a:gd name="connsiteX211" fmla="*/ 799 w 10000"/>
                  <a:gd name="connsiteY211" fmla="*/ 6278 h 10000"/>
                  <a:gd name="connsiteX212" fmla="*/ 557 w 10000"/>
                  <a:gd name="connsiteY212" fmla="*/ 6263 h 10000"/>
                  <a:gd name="connsiteX213" fmla="*/ 363 w 10000"/>
                  <a:gd name="connsiteY213" fmla="*/ 6233 h 10000"/>
                  <a:gd name="connsiteX214" fmla="*/ 605 w 10000"/>
                  <a:gd name="connsiteY214" fmla="*/ 5805 h 10000"/>
                  <a:gd name="connsiteX215" fmla="*/ 872 w 10000"/>
                  <a:gd name="connsiteY215" fmla="*/ 5391 h 10000"/>
                  <a:gd name="connsiteX216" fmla="*/ 969 w 10000"/>
                  <a:gd name="connsiteY216" fmla="*/ 5170 h 10000"/>
                  <a:gd name="connsiteX217" fmla="*/ 1041 w 10000"/>
                  <a:gd name="connsiteY217" fmla="*/ 4963 h 10000"/>
                  <a:gd name="connsiteX218" fmla="*/ 1065 w 10000"/>
                  <a:gd name="connsiteY218" fmla="*/ 4860 h 10000"/>
                  <a:gd name="connsiteX219" fmla="*/ 1041 w 10000"/>
                  <a:gd name="connsiteY219" fmla="*/ 4756 h 10000"/>
                  <a:gd name="connsiteX220" fmla="*/ 1017 w 10000"/>
                  <a:gd name="connsiteY220" fmla="*/ 4653 h 10000"/>
                  <a:gd name="connsiteX221" fmla="*/ 944 w 10000"/>
                  <a:gd name="connsiteY221" fmla="*/ 4549 h 10000"/>
                  <a:gd name="connsiteX222" fmla="*/ 1211 w 10000"/>
                  <a:gd name="connsiteY222" fmla="*/ 4520 h 10000"/>
                  <a:gd name="connsiteX223" fmla="*/ 1404 w 10000"/>
                  <a:gd name="connsiteY223" fmla="*/ 4505 h 10000"/>
                  <a:gd name="connsiteX224" fmla="*/ 1574 w 10000"/>
                  <a:gd name="connsiteY224" fmla="*/ 4505 h 10000"/>
                  <a:gd name="connsiteX225" fmla="*/ 1719 w 10000"/>
                  <a:gd name="connsiteY225" fmla="*/ 4520 h 10000"/>
                  <a:gd name="connsiteX226" fmla="*/ 1840 w 10000"/>
                  <a:gd name="connsiteY226" fmla="*/ 4520 h 10000"/>
                  <a:gd name="connsiteX227" fmla="*/ 1985 w 10000"/>
                  <a:gd name="connsiteY227" fmla="*/ 4520 h 10000"/>
                  <a:gd name="connsiteX228" fmla="*/ 2131 w 10000"/>
                  <a:gd name="connsiteY228" fmla="*/ 4490 h 10000"/>
                  <a:gd name="connsiteX229" fmla="*/ 2324 w 10000"/>
                  <a:gd name="connsiteY229" fmla="*/ 4446 h 10000"/>
                  <a:gd name="connsiteX230" fmla="*/ 2324 w 10000"/>
                  <a:gd name="connsiteY230" fmla="*/ 4579 h 10000"/>
                  <a:gd name="connsiteX231" fmla="*/ 2324 w 10000"/>
                  <a:gd name="connsiteY231" fmla="*/ 4742 h 10000"/>
                  <a:gd name="connsiteX232" fmla="*/ 2324 w 10000"/>
                  <a:gd name="connsiteY232" fmla="*/ 4874 h 10000"/>
                  <a:gd name="connsiteX233" fmla="*/ 2324 w 10000"/>
                  <a:gd name="connsiteY233" fmla="*/ 5037 h 10000"/>
                  <a:gd name="connsiteX234" fmla="*/ 2542 w 10000"/>
                  <a:gd name="connsiteY234" fmla="*/ 5022 h 10000"/>
                  <a:gd name="connsiteX235" fmla="*/ 2688 w 10000"/>
                  <a:gd name="connsiteY235" fmla="*/ 5037 h 10000"/>
                  <a:gd name="connsiteX236" fmla="*/ 2809 w 10000"/>
                  <a:gd name="connsiteY236" fmla="*/ 5066 h 10000"/>
                  <a:gd name="connsiteX237" fmla="*/ 2930 w 10000"/>
                  <a:gd name="connsiteY237" fmla="*/ 5096 h 10000"/>
                  <a:gd name="connsiteX238" fmla="*/ 3027 w 10000"/>
                  <a:gd name="connsiteY238" fmla="*/ 5126 h 10000"/>
                  <a:gd name="connsiteX239" fmla="*/ 3148 w 10000"/>
                  <a:gd name="connsiteY239" fmla="*/ 5155 h 10000"/>
                  <a:gd name="connsiteX240" fmla="*/ 3293 w 10000"/>
                  <a:gd name="connsiteY240" fmla="*/ 5170 h 10000"/>
                  <a:gd name="connsiteX241" fmla="*/ 3511 w 10000"/>
                  <a:gd name="connsiteY241" fmla="*/ 5155 h 10000"/>
                  <a:gd name="connsiteX242" fmla="*/ 3584 w 10000"/>
                  <a:gd name="connsiteY242" fmla="*/ 5096 h 10000"/>
                  <a:gd name="connsiteX243" fmla="*/ 3656 w 10000"/>
                  <a:gd name="connsiteY243" fmla="*/ 5022 h 10000"/>
                  <a:gd name="connsiteX244" fmla="*/ 3680 w 10000"/>
                  <a:gd name="connsiteY244" fmla="*/ 4934 h 10000"/>
                  <a:gd name="connsiteX245" fmla="*/ 3705 w 10000"/>
                  <a:gd name="connsiteY245" fmla="*/ 4860 h 10000"/>
                  <a:gd name="connsiteX246" fmla="*/ 3729 w 10000"/>
                  <a:gd name="connsiteY246" fmla="*/ 4697 h 10000"/>
                  <a:gd name="connsiteX247" fmla="*/ 3705 w 10000"/>
                  <a:gd name="connsiteY247" fmla="*/ 4520 h 10000"/>
                  <a:gd name="connsiteX248" fmla="*/ 3632 w 10000"/>
                  <a:gd name="connsiteY248" fmla="*/ 4343 h 10000"/>
                  <a:gd name="connsiteX249" fmla="*/ 3559 w 10000"/>
                  <a:gd name="connsiteY249" fmla="*/ 4195 h 10000"/>
                  <a:gd name="connsiteX250" fmla="*/ 3438 w 10000"/>
                  <a:gd name="connsiteY250" fmla="*/ 4047 h 10000"/>
                  <a:gd name="connsiteX251" fmla="*/ 3317 w 10000"/>
                  <a:gd name="connsiteY251" fmla="*/ 3959 h 10000"/>
                  <a:gd name="connsiteX252" fmla="*/ 3462 w 10000"/>
                  <a:gd name="connsiteY252" fmla="*/ 3944 h 10000"/>
                  <a:gd name="connsiteX253" fmla="*/ 3584 w 10000"/>
                  <a:gd name="connsiteY253" fmla="*/ 3914 h 10000"/>
                  <a:gd name="connsiteX254" fmla="*/ 3680 w 10000"/>
                  <a:gd name="connsiteY254" fmla="*/ 3855 h 10000"/>
                  <a:gd name="connsiteX255" fmla="*/ 3801 w 10000"/>
                  <a:gd name="connsiteY255" fmla="*/ 3752 h 10000"/>
                  <a:gd name="connsiteX256" fmla="*/ 3923 w 10000"/>
                  <a:gd name="connsiteY256" fmla="*/ 3663 h 10000"/>
                  <a:gd name="connsiteX257" fmla="*/ 4019 w 10000"/>
                  <a:gd name="connsiteY257" fmla="*/ 3560 h 10000"/>
                  <a:gd name="connsiteX258" fmla="*/ 4092 w 10000"/>
                  <a:gd name="connsiteY258" fmla="*/ 3442 h 10000"/>
                  <a:gd name="connsiteX259" fmla="*/ 4165 w 10000"/>
                  <a:gd name="connsiteY259" fmla="*/ 3323 h 10000"/>
                  <a:gd name="connsiteX260" fmla="*/ 4213 w 10000"/>
                  <a:gd name="connsiteY260" fmla="*/ 3220 h 10000"/>
                  <a:gd name="connsiteX261" fmla="*/ 4237 w 10000"/>
                  <a:gd name="connsiteY261" fmla="*/ 3102 h 10000"/>
                  <a:gd name="connsiteX262" fmla="*/ 4262 w 10000"/>
                  <a:gd name="connsiteY262" fmla="*/ 3013 h 10000"/>
                  <a:gd name="connsiteX263" fmla="*/ 4237 w 10000"/>
                  <a:gd name="connsiteY263" fmla="*/ 2939 h 10000"/>
                  <a:gd name="connsiteX264" fmla="*/ 4213 w 10000"/>
                  <a:gd name="connsiteY264" fmla="*/ 2866 h 10000"/>
                  <a:gd name="connsiteX265" fmla="*/ 4140 w 10000"/>
                  <a:gd name="connsiteY265" fmla="*/ 2836 h 10000"/>
                  <a:gd name="connsiteX266" fmla="*/ 4044 w 10000"/>
                  <a:gd name="connsiteY266" fmla="*/ 2836 h 10000"/>
                  <a:gd name="connsiteX267" fmla="*/ 3923 w 10000"/>
                  <a:gd name="connsiteY267" fmla="*/ 2866 h 10000"/>
                  <a:gd name="connsiteX268" fmla="*/ 4019 w 10000"/>
                  <a:gd name="connsiteY268" fmla="*/ 2777 h 10000"/>
                  <a:gd name="connsiteX269" fmla="*/ 4068 w 10000"/>
                  <a:gd name="connsiteY269" fmla="*/ 2674 h 10000"/>
                  <a:gd name="connsiteX270" fmla="*/ 4092 w 10000"/>
                  <a:gd name="connsiteY270" fmla="*/ 2541 h 10000"/>
                  <a:gd name="connsiteX271" fmla="*/ 4092 w 10000"/>
                  <a:gd name="connsiteY271" fmla="*/ 2393 h 10000"/>
                  <a:gd name="connsiteX272" fmla="*/ 4116 w 10000"/>
                  <a:gd name="connsiteY272" fmla="*/ 2349 h 10000"/>
                  <a:gd name="connsiteX273" fmla="*/ 4165 w 10000"/>
                  <a:gd name="connsiteY273" fmla="*/ 2304 h 10000"/>
                  <a:gd name="connsiteX274" fmla="*/ 4213 w 10000"/>
                  <a:gd name="connsiteY274" fmla="*/ 2290 h 10000"/>
                  <a:gd name="connsiteX275" fmla="*/ 4286 w 10000"/>
                  <a:gd name="connsiteY275" fmla="*/ 2275 h 10000"/>
                  <a:gd name="connsiteX276" fmla="*/ 4504 w 10000"/>
                  <a:gd name="connsiteY276" fmla="*/ 2260 h 10000"/>
                  <a:gd name="connsiteX277" fmla="*/ 4697 w 10000"/>
                  <a:gd name="connsiteY277" fmla="*/ 2275 h 10000"/>
                  <a:gd name="connsiteX278" fmla="*/ 4673 w 10000"/>
                  <a:gd name="connsiteY278" fmla="*/ 2112 h 10000"/>
                  <a:gd name="connsiteX279" fmla="*/ 4625 w 10000"/>
                  <a:gd name="connsiteY279" fmla="*/ 1950 h 10000"/>
                  <a:gd name="connsiteX280" fmla="*/ 4552 w 10000"/>
                  <a:gd name="connsiteY280" fmla="*/ 1802 h 10000"/>
                  <a:gd name="connsiteX281" fmla="*/ 4455 w 10000"/>
                  <a:gd name="connsiteY281" fmla="*/ 1640 h 10000"/>
                  <a:gd name="connsiteX282" fmla="*/ 4213 w 10000"/>
                  <a:gd name="connsiteY282" fmla="*/ 1329 h 10000"/>
                  <a:gd name="connsiteX283" fmla="*/ 3971 w 10000"/>
                  <a:gd name="connsiteY283" fmla="*/ 1034 h 10000"/>
                  <a:gd name="connsiteX284" fmla="*/ 3850 w 10000"/>
                  <a:gd name="connsiteY284" fmla="*/ 901 h 10000"/>
                  <a:gd name="connsiteX285" fmla="*/ 3753 w 10000"/>
                  <a:gd name="connsiteY285" fmla="*/ 753 h 10000"/>
                  <a:gd name="connsiteX286" fmla="*/ 3680 w 10000"/>
                  <a:gd name="connsiteY286" fmla="*/ 620 h 10000"/>
                  <a:gd name="connsiteX287" fmla="*/ 3656 w 10000"/>
                  <a:gd name="connsiteY287" fmla="*/ 487 h 10000"/>
                  <a:gd name="connsiteX288" fmla="*/ 3632 w 10000"/>
                  <a:gd name="connsiteY288" fmla="*/ 355 h 10000"/>
                  <a:gd name="connsiteX289" fmla="*/ 3680 w 10000"/>
                  <a:gd name="connsiteY289" fmla="*/ 222 h 10000"/>
                  <a:gd name="connsiteX290" fmla="*/ 3705 w 10000"/>
                  <a:gd name="connsiteY290" fmla="*/ 162 h 10000"/>
                  <a:gd name="connsiteX291" fmla="*/ 3753 w 10000"/>
                  <a:gd name="connsiteY291" fmla="*/ 103 h 10000"/>
                  <a:gd name="connsiteX292" fmla="*/ 3826 w 10000"/>
                  <a:gd name="connsiteY292" fmla="*/ 59 h 10000"/>
                  <a:gd name="connsiteX293" fmla="*/ 3923 w 10000"/>
                  <a:gd name="connsiteY293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7361 w 10000"/>
                  <a:gd name="connsiteY63" fmla="*/ 4195 h 10000"/>
                  <a:gd name="connsiteX64" fmla="*/ 6852 w 10000"/>
                  <a:gd name="connsiteY64" fmla="*/ 4313 h 10000"/>
                  <a:gd name="connsiteX65" fmla="*/ 6852 w 10000"/>
                  <a:gd name="connsiteY65" fmla="*/ 4431 h 10000"/>
                  <a:gd name="connsiteX66" fmla="*/ 6852 w 10000"/>
                  <a:gd name="connsiteY66" fmla="*/ 4549 h 10000"/>
                  <a:gd name="connsiteX67" fmla="*/ 6804 w 10000"/>
                  <a:gd name="connsiteY67" fmla="*/ 4564 h 10000"/>
                  <a:gd name="connsiteX68" fmla="*/ 6731 w 10000"/>
                  <a:gd name="connsiteY68" fmla="*/ 4594 h 10000"/>
                  <a:gd name="connsiteX69" fmla="*/ 6683 w 10000"/>
                  <a:gd name="connsiteY69" fmla="*/ 4638 h 10000"/>
                  <a:gd name="connsiteX70" fmla="*/ 6683 w 10000"/>
                  <a:gd name="connsiteY70" fmla="*/ 4697 h 10000"/>
                  <a:gd name="connsiteX71" fmla="*/ 6659 w 10000"/>
                  <a:gd name="connsiteY71" fmla="*/ 4801 h 10000"/>
                  <a:gd name="connsiteX72" fmla="*/ 6659 w 10000"/>
                  <a:gd name="connsiteY72" fmla="*/ 4904 h 10000"/>
                  <a:gd name="connsiteX73" fmla="*/ 6538 w 10000"/>
                  <a:gd name="connsiteY73" fmla="*/ 4860 h 10000"/>
                  <a:gd name="connsiteX74" fmla="*/ 6465 w 10000"/>
                  <a:gd name="connsiteY74" fmla="*/ 4801 h 10000"/>
                  <a:gd name="connsiteX75" fmla="*/ 6392 w 10000"/>
                  <a:gd name="connsiteY75" fmla="*/ 4727 h 10000"/>
                  <a:gd name="connsiteX76" fmla="*/ 6320 w 10000"/>
                  <a:gd name="connsiteY76" fmla="*/ 4638 h 10000"/>
                  <a:gd name="connsiteX77" fmla="*/ 6199 w 10000"/>
                  <a:gd name="connsiteY77" fmla="*/ 4476 h 10000"/>
                  <a:gd name="connsiteX78" fmla="*/ 6077 w 10000"/>
                  <a:gd name="connsiteY78" fmla="*/ 4313 h 10000"/>
                  <a:gd name="connsiteX79" fmla="*/ 6223 w 10000"/>
                  <a:gd name="connsiteY79" fmla="*/ 4210 h 10000"/>
                  <a:gd name="connsiteX80" fmla="*/ 6416 w 10000"/>
                  <a:gd name="connsiteY80" fmla="*/ 4121 h 10000"/>
                  <a:gd name="connsiteX81" fmla="*/ 6634 w 10000"/>
                  <a:gd name="connsiteY81" fmla="*/ 4032 h 10000"/>
                  <a:gd name="connsiteX82" fmla="*/ 6877 w 10000"/>
                  <a:gd name="connsiteY82" fmla="*/ 3959 h 10000"/>
                  <a:gd name="connsiteX83" fmla="*/ 7385 w 10000"/>
                  <a:gd name="connsiteY83" fmla="*/ 3811 h 10000"/>
                  <a:gd name="connsiteX84" fmla="*/ 7893 w 10000"/>
                  <a:gd name="connsiteY84" fmla="*/ 3663 h 10000"/>
                  <a:gd name="connsiteX85" fmla="*/ 8136 w 10000"/>
                  <a:gd name="connsiteY85" fmla="*/ 3589 h 10000"/>
                  <a:gd name="connsiteX86" fmla="*/ 8378 w 10000"/>
                  <a:gd name="connsiteY86" fmla="*/ 3516 h 10000"/>
                  <a:gd name="connsiteX87" fmla="*/ 8571 w 10000"/>
                  <a:gd name="connsiteY87" fmla="*/ 3412 h 10000"/>
                  <a:gd name="connsiteX88" fmla="*/ 8765 w 10000"/>
                  <a:gd name="connsiteY88" fmla="*/ 3338 h 10000"/>
                  <a:gd name="connsiteX89" fmla="*/ 8886 w 10000"/>
                  <a:gd name="connsiteY89" fmla="*/ 3235 h 10000"/>
                  <a:gd name="connsiteX90" fmla="*/ 8983 w 10000"/>
                  <a:gd name="connsiteY90" fmla="*/ 3117 h 10000"/>
                  <a:gd name="connsiteX91" fmla="*/ 9007 w 10000"/>
                  <a:gd name="connsiteY91" fmla="*/ 3072 h 10000"/>
                  <a:gd name="connsiteX92" fmla="*/ 9031 w 10000"/>
                  <a:gd name="connsiteY92" fmla="*/ 3013 h 10000"/>
                  <a:gd name="connsiteX93" fmla="*/ 9031 w 10000"/>
                  <a:gd name="connsiteY93" fmla="*/ 2954 h 10000"/>
                  <a:gd name="connsiteX94" fmla="*/ 9007 w 10000"/>
                  <a:gd name="connsiteY94" fmla="*/ 2866 h 10000"/>
                  <a:gd name="connsiteX95" fmla="*/ 8838 w 10000"/>
                  <a:gd name="connsiteY95" fmla="*/ 2984 h 10000"/>
                  <a:gd name="connsiteX96" fmla="*/ 8644 w 10000"/>
                  <a:gd name="connsiteY96" fmla="*/ 3072 h 10000"/>
                  <a:gd name="connsiteX97" fmla="*/ 8450 w 10000"/>
                  <a:gd name="connsiteY97" fmla="*/ 3161 h 10000"/>
                  <a:gd name="connsiteX98" fmla="*/ 8257 w 10000"/>
                  <a:gd name="connsiteY98" fmla="*/ 3250 h 10000"/>
                  <a:gd name="connsiteX99" fmla="*/ 7821 w 10000"/>
                  <a:gd name="connsiteY99" fmla="*/ 3397 h 10000"/>
                  <a:gd name="connsiteX100" fmla="*/ 7361 w 10000"/>
                  <a:gd name="connsiteY100" fmla="*/ 3545 h 10000"/>
                  <a:gd name="connsiteX101" fmla="*/ 6901 w 10000"/>
                  <a:gd name="connsiteY101" fmla="*/ 3678 h 10000"/>
                  <a:gd name="connsiteX102" fmla="*/ 6465 w 10000"/>
                  <a:gd name="connsiteY102" fmla="*/ 3840 h 10000"/>
                  <a:gd name="connsiteX103" fmla="*/ 6247 w 10000"/>
                  <a:gd name="connsiteY103" fmla="*/ 3914 h 10000"/>
                  <a:gd name="connsiteX104" fmla="*/ 6053 w 10000"/>
                  <a:gd name="connsiteY104" fmla="*/ 4003 h 10000"/>
                  <a:gd name="connsiteX105" fmla="*/ 5860 w 10000"/>
                  <a:gd name="connsiteY105" fmla="*/ 4106 h 10000"/>
                  <a:gd name="connsiteX106" fmla="*/ 5666 w 10000"/>
                  <a:gd name="connsiteY106" fmla="*/ 4195 h 10000"/>
                  <a:gd name="connsiteX107" fmla="*/ 5811 w 10000"/>
                  <a:gd name="connsiteY107" fmla="*/ 4417 h 10000"/>
                  <a:gd name="connsiteX108" fmla="*/ 5908 w 10000"/>
                  <a:gd name="connsiteY108" fmla="*/ 4623 h 10000"/>
                  <a:gd name="connsiteX109" fmla="*/ 6005 w 10000"/>
                  <a:gd name="connsiteY109" fmla="*/ 4845 h 10000"/>
                  <a:gd name="connsiteX110" fmla="*/ 6077 w 10000"/>
                  <a:gd name="connsiteY110" fmla="*/ 5081 h 10000"/>
                  <a:gd name="connsiteX111" fmla="*/ 6126 w 10000"/>
                  <a:gd name="connsiteY111" fmla="*/ 5318 h 10000"/>
                  <a:gd name="connsiteX112" fmla="*/ 6150 w 10000"/>
                  <a:gd name="connsiteY112" fmla="*/ 5539 h 10000"/>
                  <a:gd name="connsiteX113" fmla="*/ 6174 w 10000"/>
                  <a:gd name="connsiteY113" fmla="*/ 5775 h 10000"/>
                  <a:gd name="connsiteX114" fmla="*/ 6174 w 10000"/>
                  <a:gd name="connsiteY114" fmla="*/ 5997 h 10000"/>
                  <a:gd name="connsiteX115" fmla="*/ 6150 w 10000"/>
                  <a:gd name="connsiteY115" fmla="*/ 6233 h 10000"/>
                  <a:gd name="connsiteX116" fmla="*/ 6102 w 10000"/>
                  <a:gd name="connsiteY116" fmla="*/ 6470 h 10000"/>
                  <a:gd name="connsiteX117" fmla="*/ 6053 w 10000"/>
                  <a:gd name="connsiteY117" fmla="*/ 6677 h 10000"/>
                  <a:gd name="connsiteX118" fmla="*/ 5981 w 10000"/>
                  <a:gd name="connsiteY118" fmla="*/ 6898 h 10000"/>
                  <a:gd name="connsiteX119" fmla="*/ 5884 w 10000"/>
                  <a:gd name="connsiteY119" fmla="*/ 7105 h 10000"/>
                  <a:gd name="connsiteX120" fmla="*/ 5763 w 10000"/>
                  <a:gd name="connsiteY120" fmla="*/ 7297 h 10000"/>
                  <a:gd name="connsiteX121" fmla="*/ 5617 w 10000"/>
                  <a:gd name="connsiteY121" fmla="*/ 7489 h 10000"/>
                  <a:gd name="connsiteX122" fmla="*/ 5472 w 10000"/>
                  <a:gd name="connsiteY122" fmla="*/ 7681 h 10000"/>
                  <a:gd name="connsiteX123" fmla="*/ 6174 w 10000"/>
                  <a:gd name="connsiteY123" fmla="*/ 7799 h 10000"/>
                  <a:gd name="connsiteX124" fmla="*/ 6901 w 10000"/>
                  <a:gd name="connsiteY124" fmla="*/ 7962 h 10000"/>
                  <a:gd name="connsiteX125" fmla="*/ 7046 w 10000"/>
                  <a:gd name="connsiteY125" fmla="*/ 8021 h 10000"/>
                  <a:gd name="connsiteX126" fmla="*/ 7167 w 10000"/>
                  <a:gd name="connsiteY126" fmla="*/ 8080 h 10000"/>
                  <a:gd name="connsiteX127" fmla="*/ 7288 w 10000"/>
                  <a:gd name="connsiteY127" fmla="*/ 8139 h 10000"/>
                  <a:gd name="connsiteX128" fmla="*/ 7361 w 10000"/>
                  <a:gd name="connsiteY128" fmla="*/ 8227 h 10000"/>
                  <a:gd name="connsiteX129" fmla="*/ 7385 w 10000"/>
                  <a:gd name="connsiteY129" fmla="*/ 8301 h 10000"/>
                  <a:gd name="connsiteX130" fmla="*/ 7385 w 10000"/>
                  <a:gd name="connsiteY130" fmla="*/ 8405 h 10000"/>
                  <a:gd name="connsiteX131" fmla="*/ 7337 w 10000"/>
                  <a:gd name="connsiteY131" fmla="*/ 8523 h 10000"/>
                  <a:gd name="connsiteX132" fmla="*/ 7264 w 10000"/>
                  <a:gd name="connsiteY132" fmla="*/ 8641 h 10000"/>
                  <a:gd name="connsiteX133" fmla="*/ 6949 w 10000"/>
                  <a:gd name="connsiteY133" fmla="*/ 8552 h 10000"/>
                  <a:gd name="connsiteX134" fmla="*/ 6659 w 10000"/>
                  <a:gd name="connsiteY134" fmla="*/ 8449 h 10000"/>
                  <a:gd name="connsiteX135" fmla="*/ 6368 w 10000"/>
                  <a:gd name="connsiteY135" fmla="*/ 8360 h 10000"/>
                  <a:gd name="connsiteX136" fmla="*/ 6077 w 10000"/>
                  <a:gd name="connsiteY136" fmla="*/ 8287 h 10000"/>
                  <a:gd name="connsiteX137" fmla="*/ 5956 w 10000"/>
                  <a:gd name="connsiteY137" fmla="*/ 8449 h 10000"/>
                  <a:gd name="connsiteX138" fmla="*/ 5860 w 10000"/>
                  <a:gd name="connsiteY138" fmla="*/ 8597 h 10000"/>
                  <a:gd name="connsiteX139" fmla="*/ 5811 w 10000"/>
                  <a:gd name="connsiteY139" fmla="*/ 8656 h 10000"/>
                  <a:gd name="connsiteX140" fmla="*/ 5714 w 10000"/>
                  <a:gd name="connsiteY140" fmla="*/ 8700 h 10000"/>
                  <a:gd name="connsiteX141" fmla="*/ 5642 w 10000"/>
                  <a:gd name="connsiteY141" fmla="*/ 8744 h 10000"/>
                  <a:gd name="connsiteX142" fmla="*/ 5569 w 10000"/>
                  <a:gd name="connsiteY142" fmla="*/ 8774 h 10000"/>
                  <a:gd name="connsiteX143" fmla="*/ 5496 w 10000"/>
                  <a:gd name="connsiteY143" fmla="*/ 8804 h 10000"/>
                  <a:gd name="connsiteX144" fmla="*/ 5400 w 10000"/>
                  <a:gd name="connsiteY144" fmla="*/ 8818 h 10000"/>
                  <a:gd name="connsiteX145" fmla="*/ 5278 w 10000"/>
                  <a:gd name="connsiteY145" fmla="*/ 8833 h 10000"/>
                  <a:gd name="connsiteX146" fmla="*/ 5157 w 10000"/>
                  <a:gd name="connsiteY146" fmla="*/ 8833 h 10000"/>
                  <a:gd name="connsiteX147" fmla="*/ 4867 w 10000"/>
                  <a:gd name="connsiteY147" fmla="*/ 8818 h 10000"/>
                  <a:gd name="connsiteX148" fmla="*/ 4504 w 10000"/>
                  <a:gd name="connsiteY148" fmla="*/ 8744 h 10000"/>
                  <a:gd name="connsiteX149" fmla="*/ 4504 w 10000"/>
                  <a:gd name="connsiteY149" fmla="*/ 8922 h 10000"/>
                  <a:gd name="connsiteX150" fmla="*/ 4479 w 10000"/>
                  <a:gd name="connsiteY150" fmla="*/ 9069 h 10000"/>
                  <a:gd name="connsiteX151" fmla="*/ 4455 w 10000"/>
                  <a:gd name="connsiteY151" fmla="*/ 9232 h 10000"/>
                  <a:gd name="connsiteX152" fmla="*/ 4431 w 10000"/>
                  <a:gd name="connsiteY152" fmla="*/ 9365 h 10000"/>
                  <a:gd name="connsiteX153" fmla="*/ 4383 w 10000"/>
                  <a:gd name="connsiteY153" fmla="*/ 9498 h 10000"/>
                  <a:gd name="connsiteX154" fmla="*/ 4286 w 10000"/>
                  <a:gd name="connsiteY154" fmla="*/ 9616 h 10000"/>
                  <a:gd name="connsiteX155" fmla="*/ 4213 w 10000"/>
                  <a:gd name="connsiteY155" fmla="*/ 9734 h 10000"/>
                  <a:gd name="connsiteX156" fmla="*/ 4092 w 10000"/>
                  <a:gd name="connsiteY156" fmla="*/ 9838 h 10000"/>
                  <a:gd name="connsiteX157" fmla="*/ 3801 w 10000"/>
                  <a:gd name="connsiteY157" fmla="*/ 9897 h 10000"/>
                  <a:gd name="connsiteX158" fmla="*/ 3559 w 10000"/>
                  <a:gd name="connsiteY158" fmla="*/ 9941 h 10000"/>
                  <a:gd name="connsiteX159" fmla="*/ 3269 w 10000"/>
                  <a:gd name="connsiteY159" fmla="*/ 9985 h 10000"/>
                  <a:gd name="connsiteX160" fmla="*/ 3051 w 10000"/>
                  <a:gd name="connsiteY160" fmla="*/ 10000 h 10000"/>
                  <a:gd name="connsiteX161" fmla="*/ 2567 w 10000"/>
                  <a:gd name="connsiteY161" fmla="*/ 10000 h 10000"/>
                  <a:gd name="connsiteX162" fmla="*/ 2107 w 10000"/>
                  <a:gd name="connsiteY162" fmla="*/ 9985 h 10000"/>
                  <a:gd name="connsiteX163" fmla="*/ 1671 w 10000"/>
                  <a:gd name="connsiteY163" fmla="*/ 9941 h 10000"/>
                  <a:gd name="connsiteX164" fmla="*/ 1211 w 10000"/>
                  <a:gd name="connsiteY164" fmla="*/ 9911 h 10000"/>
                  <a:gd name="connsiteX165" fmla="*/ 944 w 10000"/>
                  <a:gd name="connsiteY165" fmla="*/ 9911 h 10000"/>
                  <a:gd name="connsiteX166" fmla="*/ 702 w 10000"/>
                  <a:gd name="connsiteY166" fmla="*/ 9911 h 10000"/>
                  <a:gd name="connsiteX167" fmla="*/ 436 w 10000"/>
                  <a:gd name="connsiteY167" fmla="*/ 9926 h 10000"/>
                  <a:gd name="connsiteX168" fmla="*/ 169 w 10000"/>
                  <a:gd name="connsiteY168" fmla="*/ 9970 h 10000"/>
                  <a:gd name="connsiteX169" fmla="*/ 97 w 10000"/>
                  <a:gd name="connsiteY169" fmla="*/ 9867 h 10000"/>
                  <a:gd name="connsiteX170" fmla="*/ 48 w 10000"/>
                  <a:gd name="connsiteY170" fmla="*/ 9793 h 10000"/>
                  <a:gd name="connsiteX171" fmla="*/ 0 w 10000"/>
                  <a:gd name="connsiteY171" fmla="*/ 9705 h 10000"/>
                  <a:gd name="connsiteX172" fmla="*/ 0 w 10000"/>
                  <a:gd name="connsiteY172" fmla="*/ 9601 h 10000"/>
                  <a:gd name="connsiteX173" fmla="*/ 48 w 10000"/>
                  <a:gd name="connsiteY173" fmla="*/ 9424 h 10000"/>
                  <a:gd name="connsiteX174" fmla="*/ 97 w 10000"/>
                  <a:gd name="connsiteY174" fmla="*/ 9202 h 10000"/>
                  <a:gd name="connsiteX175" fmla="*/ 145 w 10000"/>
                  <a:gd name="connsiteY175" fmla="*/ 8996 h 10000"/>
                  <a:gd name="connsiteX176" fmla="*/ 194 w 10000"/>
                  <a:gd name="connsiteY176" fmla="*/ 8759 h 10000"/>
                  <a:gd name="connsiteX177" fmla="*/ 218 w 10000"/>
                  <a:gd name="connsiteY177" fmla="*/ 8641 h 10000"/>
                  <a:gd name="connsiteX178" fmla="*/ 218 w 10000"/>
                  <a:gd name="connsiteY178" fmla="*/ 8538 h 10000"/>
                  <a:gd name="connsiteX179" fmla="*/ 194 w 10000"/>
                  <a:gd name="connsiteY179" fmla="*/ 8405 h 10000"/>
                  <a:gd name="connsiteX180" fmla="*/ 169 w 10000"/>
                  <a:gd name="connsiteY180" fmla="*/ 8287 h 10000"/>
                  <a:gd name="connsiteX181" fmla="*/ 412 w 10000"/>
                  <a:gd name="connsiteY181" fmla="*/ 8213 h 10000"/>
                  <a:gd name="connsiteX182" fmla="*/ 654 w 10000"/>
                  <a:gd name="connsiteY182" fmla="*/ 8139 h 10000"/>
                  <a:gd name="connsiteX183" fmla="*/ 896 w 10000"/>
                  <a:gd name="connsiteY183" fmla="*/ 8095 h 10000"/>
                  <a:gd name="connsiteX184" fmla="*/ 1162 w 10000"/>
                  <a:gd name="connsiteY184" fmla="*/ 8065 h 10000"/>
                  <a:gd name="connsiteX185" fmla="*/ 1646 w 10000"/>
                  <a:gd name="connsiteY185" fmla="*/ 8021 h 10000"/>
                  <a:gd name="connsiteX186" fmla="*/ 2131 w 10000"/>
                  <a:gd name="connsiteY186" fmla="*/ 7976 h 10000"/>
                  <a:gd name="connsiteX187" fmla="*/ 2349 w 10000"/>
                  <a:gd name="connsiteY187" fmla="*/ 7947 h 10000"/>
                  <a:gd name="connsiteX188" fmla="*/ 2567 w 10000"/>
                  <a:gd name="connsiteY188" fmla="*/ 7917 h 10000"/>
                  <a:gd name="connsiteX189" fmla="*/ 2760 w 10000"/>
                  <a:gd name="connsiteY189" fmla="*/ 7843 h 10000"/>
                  <a:gd name="connsiteX190" fmla="*/ 2954 w 10000"/>
                  <a:gd name="connsiteY190" fmla="*/ 7784 h 10000"/>
                  <a:gd name="connsiteX191" fmla="*/ 3123 w 10000"/>
                  <a:gd name="connsiteY191" fmla="*/ 7710 h 10000"/>
                  <a:gd name="connsiteX192" fmla="*/ 3269 w 10000"/>
                  <a:gd name="connsiteY192" fmla="*/ 7592 h 10000"/>
                  <a:gd name="connsiteX193" fmla="*/ 3414 w 10000"/>
                  <a:gd name="connsiteY193" fmla="*/ 7474 h 10000"/>
                  <a:gd name="connsiteX194" fmla="*/ 3511 w 10000"/>
                  <a:gd name="connsiteY194" fmla="*/ 7312 h 10000"/>
                  <a:gd name="connsiteX195" fmla="*/ 3317 w 10000"/>
                  <a:gd name="connsiteY195" fmla="*/ 7238 h 10000"/>
                  <a:gd name="connsiteX196" fmla="*/ 3148 w 10000"/>
                  <a:gd name="connsiteY196" fmla="*/ 7179 h 10000"/>
                  <a:gd name="connsiteX197" fmla="*/ 3002 w 10000"/>
                  <a:gd name="connsiteY197" fmla="*/ 7090 h 10000"/>
                  <a:gd name="connsiteX198" fmla="*/ 2857 w 10000"/>
                  <a:gd name="connsiteY198" fmla="*/ 6987 h 10000"/>
                  <a:gd name="connsiteX199" fmla="*/ 2760 w 10000"/>
                  <a:gd name="connsiteY199" fmla="*/ 6869 h 10000"/>
                  <a:gd name="connsiteX200" fmla="*/ 2712 w 10000"/>
                  <a:gd name="connsiteY200" fmla="*/ 6721 h 10000"/>
                  <a:gd name="connsiteX201" fmla="*/ 2688 w 10000"/>
                  <a:gd name="connsiteY201" fmla="*/ 6558 h 10000"/>
                  <a:gd name="connsiteX202" fmla="*/ 2712 w 10000"/>
                  <a:gd name="connsiteY202" fmla="*/ 6352 h 10000"/>
                  <a:gd name="connsiteX203" fmla="*/ 2591 w 10000"/>
                  <a:gd name="connsiteY203" fmla="*/ 6322 h 10000"/>
                  <a:gd name="connsiteX204" fmla="*/ 2446 w 10000"/>
                  <a:gd name="connsiteY204" fmla="*/ 6292 h 10000"/>
                  <a:gd name="connsiteX205" fmla="*/ 2276 w 10000"/>
                  <a:gd name="connsiteY205" fmla="*/ 6278 h 10000"/>
                  <a:gd name="connsiteX206" fmla="*/ 2107 w 10000"/>
                  <a:gd name="connsiteY206" fmla="*/ 6263 h 10000"/>
                  <a:gd name="connsiteX207" fmla="*/ 1768 w 10000"/>
                  <a:gd name="connsiteY207" fmla="*/ 6248 h 10000"/>
                  <a:gd name="connsiteX208" fmla="*/ 1404 w 10000"/>
                  <a:gd name="connsiteY208" fmla="*/ 6263 h 10000"/>
                  <a:gd name="connsiteX209" fmla="*/ 1090 w 10000"/>
                  <a:gd name="connsiteY209" fmla="*/ 6278 h 10000"/>
                  <a:gd name="connsiteX210" fmla="*/ 799 w 10000"/>
                  <a:gd name="connsiteY210" fmla="*/ 6278 h 10000"/>
                  <a:gd name="connsiteX211" fmla="*/ 557 w 10000"/>
                  <a:gd name="connsiteY211" fmla="*/ 6263 h 10000"/>
                  <a:gd name="connsiteX212" fmla="*/ 363 w 10000"/>
                  <a:gd name="connsiteY212" fmla="*/ 6233 h 10000"/>
                  <a:gd name="connsiteX213" fmla="*/ 605 w 10000"/>
                  <a:gd name="connsiteY213" fmla="*/ 5805 h 10000"/>
                  <a:gd name="connsiteX214" fmla="*/ 872 w 10000"/>
                  <a:gd name="connsiteY214" fmla="*/ 5391 h 10000"/>
                  <a:gd name="connsiteX215" fmla="*/ 969 w 10000"/>
                  <a:gd name="connsiteY215" fmla="*/ 5170 h 10000"/>
                  <a:gd name="connsiteX216" fmla="*/ 1041 w 10000"/>
                  <a:gd name="connsiteY216" fmla="*/ 4963 h 10000"/>
                  <a:gd name="connsiteX217" fmla="*/ 1065 w 10000"/>
                  <a:gd name="connsiteY217" fmla="*/ 4860 h 10000"/>
                  <a:gd name="connsiteX218" fmla="*/ 1041 w 10000"/>
                  <a:gd name="connsiteY218" fmla="*/ 4756 h 10000"/>
                  <a:gd name="connsiteX219" fmla="*/ 1017 w 10000"/>
                  <a:gd name="connsiteY219" fmla="*/ 4653 h 10000"/>
                  <a:gd name="connsiteX220" fmla="*/ 944 w 10000"/>
                  <a:gd name="connsiteY220" fmla="*/ 4549 h 10000"/>
                  <a:gd name="connsiteX221" fmla="*/ 1211 w 10000"/>
                  <a:gd name="connsiteY221" fmla="*/ 4520 h 10000"/>
                  <a:gd name="connsiteX222" fmla="*/ 1404 w 10000"/>
                  <a:gd name="connsiteY222" fmla="*/ 4505 h 10000"/>
                  <a:gd name="connsiteX223" fmla="*/ 1574 w 10000"/>
                  <a:gd name="connsiteY223" fmla="*/ 4505 h 10000"/>
                  <a:gd name="connsiteX224" fmla="*/ 1719 w 10000"/>
                  <a:gd name="connsiteY224" fmla="*/ 4520 h 10000"/>
                  <a:gd name="connsiteX225" fmla="*/ 1840 w 10000"/>
                  <a:gd name="connsiteY225" fmla="*/ 4520 h 10000"/>
                  <a:gd name="connsiteX226" fmla="*/ 1985 w 10000"/>
                  <a:gd name="connsiteY226" fmla="*/ 4520 h 10000"/>
                  <a:gd name="connsiteX227" fmla="*/ 2131 w 10000"/>
                  <a:gd name="connsiteY227" fmla="*/ 4490 h 10000"/>
                  <a:gd name="connsiteX228" fmla="*/ 2324 w 10000"/>
                  <a:gd name="connsiteY228" fmla="*/ 4446 h 10000"/>
                  <a:gd name="connsiteX229" fmla="*/ 2324 w 10000"/>
                  <a:gd name="connsiteY229" fmla="*/ 4579 h 10000"/>
                  <a:gd name="connsiteX230" fmla="*/ 2324 w 10000"/>
                  <a:gd name="connsiteY230" fmla="*/ 4742 h 10000"/>
                  <a:gd name="connsiteX231" fmla="*/ 2324 w 10000"/>
                  <a:gd name="connsiteY231" fmla="*/ 4874 h 10000"/>
                  <a:gd name="connsiteX232" fmla="*/ 2324 w 10000"/>
                  <a:gd name="connsiteY232" fmla="*/ 5037 h 10000"/>
                  <a:gd name="connsiteX233" fmla="*/ 2542 w 10000"/>
                  <a:gd name="connsiteY233" fmla="*/ 5022 h 10000"/>
                  <a:gd name="connsiteX234" fmla="*/ 2688 w 10000"/>
                  <a:gd name="connsiteY234" fmla="*/ 5037 h 10000"/>
                  <a:gd name="connsiteX235" fmla="*/ 2809 w 10000"/>
                  <a:gd name="connsiteY235" fmla="*/ 5066 h 10000"/>
                  <a:gd name="connsiteX236" fmla="*/ 2930 w 10000"/>
                  <a:gd name="connsiteY236" fmla="*/ 5096 h 10000"/>
                  <a:gd name="connsiteX237" fmla="*/ 3027 w 10000"/>
                  <a:gd name="connsiteY237" fmla="*/ 5126 h 10000"/>
                  <a:gd name="connsiteX238" fmla="*/ 3148 w 10000"/>
                  <a:gd name="connsiteY238" fmla="*/ 5155 h 10000"/>
                  <a:gd name="connsiteX239" fmla="*/ 3293 w 10000"/>
                  <a:gd name="connsiteY239" fmla="*/ 5170 h 10000"/>
                  <a:gd name="connsiteX240" fmla="*/ 3511 w 10000"/>
                  <a:gd name="connsiteY240" fmla="*/ 5155 h 10000"/>
                  <a:gd name="connsiteX241" fmla="*/ 3584 w 10000"/>
                  <a:gd name="connsiteY241" fmla="*/ 5096 h 10000"/>
                  <a:gd name="connsiteX242" fmla="*/ 3656 w 10000"/>
                  <a:gd name="connsiteY242" fmla="*/ 5022 h 10000"/>
                  <a:gd name="connsiteX243" fmla="*/ 3680 w 10000"/>
                  <a:gd name="connsiteY243" fmla="*/ 4934 h 10000"/>
                  <a:gd name="connsiteX244" fmla="*/ 3705 w 10000"/>
                  <a:gd name="connsiteY244" fmla="*/ 4860 h 10000"/>
                  <a:gd name="connsiteX245" fmla="*/ 3729 w 10000"/>
                  <a:gd name="connsiteY245" fmla="*/ 4697 h 10000"/>
                  <a:gd name="connsiteX246" fmla="*/ 3705 w 10000"/>
                  <a:gd name="connsiteY246" fmla="*/ 4520 h 10000"/>
                  <a:gd name="connsiteX247" fmla="*/ 3632 w 10000"/>
                  <a:gd name="connsiteY247" fmla="*/ 4343 h 10000"/>
                  <a:gd name="connsiteX248" fmla="*/ 3559 w 10000"/>
                  <a:gd name="connsiteY248" fmla="*/ 4195 h 10000"/>
                  <a:gd name="connsiteX249" fmla="*/ 3438 w 10000"/>
                  <a:gd name="connsiteY249" fmla="*/ 4047 h 10000"/>
                  <a:gd name="connsiteX250" fmla="*/ 3317 w 10000"/>
                  <a:gd name="connsiteY250" fmla="*/ 3959 h 10000"/>
                  <a:gd name="connsiteX251" fmla="*/ 3462 w 10000"/>
                  <a:gd name="connsiteY251" fmla="*/ 3944 h 10000"/>
                  <a:gd name="connsiteX252" fmla="*/ 3584 w 10000"/>
                  <a:gd name="connsiteY252" fmla="*/ 3914 h 10000"/>
                  <a:gd name="connsiteX253" fmla="*/ 3680 w 10000"/>
                  <a:gd name="connsiteY253" fmla="*/ 3855 h 10000"/>
                  <a:gd name="connsiteX254" fmla="*/ 3801 w 10000"/>
                  <a:gd name="connsiteY254" fmla="*/ 3752 h 10000"/>
                  <a:gd name="connsiteX255" fmla="*/ 3923 w 10000"/>
                  <a:gd name="connsiteY255" fmla="*/ 3663 h 10000"/>
                  <a:gd name="connsiteX256" fmla="*/ 4019 w 10000"/>
                  <a:gd name="connsiteY256" fmla="*/ 3560 h 10000"/>
                  <a:gd name="connsiteX257" fmla="*/ 4092 w 10000"/>
                  <a:gd name="connsiteY257" fmla="*/ 3442 h 10000"/>
                  <a:gd name="connsiteX258" fmla="*/ 4165 w 10000"/>
                  <a:gd name="connsiteY258" fmla="*/ 3323 h 10000"/>
                  <a:gd name="connsiteX259" fmla="*/ 4213 w 10000"/>
                  <a:gd name="connsiteY259" fmla="*/ 3220 h 10000"/>
                  <a:gd name="connsiteX260" fmla="*/ 4237 w 10000"/>
                  <a:gd name="connsiteY260" fmla="*/ 3102 h 10000"/>
                  <a:gd name="connsiteX261" fmla="*/ 4262 w 10000"/>
                  <a:gd name="connsiteY261" fmla="*/ 3013 h 10000"/>
                  <a:gd name="connsiteX262" fmla="*/ 4237 w 10000"/>
                  <a:gd name="connsiteY262" fmla="*/ 2939 h 10000"/>
                  <a:gd name="connsiteX263" fmla="*/ 4213 w 10000"/>
                  <a:gd name="connsiteY263" fmla="*/ 2866 h 10000"/>
                  <a:gd name="connsiteX264" fmla="*/ 4140 w 10000"/>
                  <a:gd name="connsiteY264" fmla="*/ 2836 h 10000"/>
                  <a:gd name="connsiteX265" fmla="*/ 4044 w 10000"/>
                  <a:gd name="connsiteY265" fmla="*/ 2836 h 10000"/>
                  <a:gd name="connsiteX266" fmla="*/ 3923 w 10000"/>
                  <a:gd name="connsiteY266" fmla="*/ 2866 h 10000"/>
                  <a:gd name="connsiteX267" fmla="*/ 4019 w 10000"/>
                  <a:gd name="connsiteY267" fmla="*/ 2777 h 10000"/>
                  <a:gd name="connsiteX268" fmla="*/ 4068 w 10000"/>
                  <a:gd name="connsiteY268" fmla="*/ 2674 h 10000"/>
                  <a:gd name="connsiteX269" fmla="*/ 4092 w 10000"/>
                  <a:gd name="connsiteY269" fmla="*/ 2541 h 10000"/>
                  <a:gd name="connsiteX270" fmla="*/ 4092 w 10000"/>
                  <a:gd name="connsiteY270" fmla="*/ 2393 h 10000"/>
                  <a:gd name="connsiteX271" fmla="*/ 4116 w 10000"/>
                  <a:gd name="connsiteY271" fmla="*/ 2349 h 10000"/>
                  <a:gd name="connsiteX272" fmla="*/ 4165 w 10000"/>
                  <a:gd name="connsiteY272" fmla="*/ 2304 h 10000"/>
                  <a:gd name="connsiteX273" fmla="*/ 4213 w 10000"/>
                  <a:gd name="connsiteY273" fmla="*/ 2290 h 10000"/>
                  <a:gd name="connsiteX274" fmla="*/ 4286 w 10000"/>
                  <a:gd name="connsiteY274" fmla="*/ 2275 h 10000"/>
                  <a:gd name="connsiteX275" fmla="*/ 4504 w 10000"/>
                  <a:gd name="connsiteY275" fmla="*/ 2260 h 10000"/>
                  <a:gd name="connsiteX276" fmla="*/ 4697 w 10000"/>
                  <a:gd name="connsiteY276" fmla="*/ 2275 h 10000"/>
                  <a:gd name="connsiteX277" fmla="*/ 4673 w 10000"/>
                  <a:gd name="connsiteY277" fmla="*/ 2112 h 10000"/>
                  <a:gd name="connsiteX278" fmla="*/ 4625 w 10000"/>
                  <a:gd name="connsiteY278" fmla="*/ 1950 h 10000"/>
                  <a:gd name="connsiteX279" fmla="*/ 4552 w 10000"/>
                  <a:gd name="connsiteY279" fmla="*/ 1802 h 10000"/>
                  <a:gd name="connsiteX280" fmla="*/ 4455 w 10000"/>
                  <a:gd name="connsiteY280" fmla="*/ 1640 h 10000"/>
                  <a:gd name="connsiteX281" fmla="*/ 4213 w 10000"/>
                  <a:gd name="connsiteY281" fmla="*/ 1329 h 10000"/>
                  <a:gd name="connsiteX282" fmla="*/ 3971 w 10000"/>
                  <a:gd name="connsiteY282" fmla="*/ 1034 h 10000"/>
                  <a:gd name="connsiteX283" fmla="*/ 3850 w 10000"/>
                  <a:gd name="connsiteY283" fmla="*/ 901 h 10000"/>
                  <a:gd name="connsiteX284" fmla="*/ 3753 w 10000"/>
                  <a:gd name="connsiteY284" fmla="*/ 753 h 10000"/>
                  <a:gd name="connsiteX285" fmla="*/ 3680 w 10000"/>
                  <a:gd name="connsiteY285" fmla="*/ 620 h 10000"/>
                  <a:gd name="connsiteX286" fmla="*/ 3656 w 10000"/>
                  <a:gd name="connsiteY286" fmla="*/ 487 h 10000"/>
                  <a:gd name="connsiteX287" fmla="*/ 3632 w 10000"/>
                  <a:gd name="connsiteY287" fmla="*/ 355 h 10000"/>
                  <a:gd name="connsiteX288" fmla="*/ 3680 w 10000"/>
                  <a:gd name="connsiteY288" fmla="*/ 222 h 10000"/>
                  <a:gd name="connsiteX289" fmla="*/ 3705 w 10000"/>
                  <a:gd name="connsiteY289" fmla="*/ 162 h 10000"/>
                  <a:gd name="connsiteX290" fmla="*/ 3753 w 10000"/>
                  <a:gd name="connsiteY290" fmla="*/ 103 h 10000"/>
                  <a:gd name="connsiteX291" fmla="*/ 3826 w 10000"/>
                  <a:gd name="connsiteY291" fmla="*/ 59 h 10000"/>
                  <a:gd name="connsiteX292" fmla="*/ 3923 w 10000"/>
                  <a:gd name="connsiteY292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7361 w 10000"/>
                  <a:gd name="connsiteY62" fmla="*/ 4195 h 10000"/>
                  <a:gd name="connsiteX63" fmla="*/ 6852 w 10000"/>
                  <a:gd name="connsiteY63" fmla="*/ 4313 h 10000"/>
                  <a:gd name="connsiteX64" fmla="*/ 6852 w 10000"/>
                  <a:gd name="connsiteY64" fmla="*/ 4431 h 10000"/>
                  <a:gd name="connsiteX65" fmla="*/ 6852 w 10000"/>
                  <a:gd name="connsiteY65" fmla="*/ 4549 h 10000"/>
                  <a:gd name="connsiteX66" fmla="*/ 6804 w 10000"/>
                  <a:gd name="connsiteY66" fmla="*/ 4564 h 10000"/>
                  <a:gd name="connsiteX67" fmla="*/ 6731 w 10000"/>
                  <a:gd name="connsiteY67" fmla="*/ 4594 h 10000"/>
                  <a:gd name="connsiteX68" fmla="*/ 6683 w 10000"/>
                  <a:gd name="connsiteY68" fmla="*/ 4638 h 10000"/>
                  <a:gd name="connsiteX69" fmla="*/ 6683 w 10000"/>
                  <a:gd name="connsiteY69" fmla="*/ 4697 h 10000"/>
                  <a:gd name="connsiteX70" fmla="*/ 6659 w 10000"/>
                  <a:gd name="connsiteY70" fmla="*/ 4801 h 10000"/>
                  <a:gd name="connsiteX71" fmla="*/ 6659 w 10000"/>
                  <a:gd name="connsiteY71" fmla="*/ 4904 h 10000"/>
                  <a:gd name="connsiteX72" fmla="*/ 6538 w 10000"/>
                  <a:gd name="connsiteY72" fmla="*/ 4860 h 10000"/>
                  <a:gd name="connsiteX73" fmla="*/ 6465 w 10000"/>
                  <a:gd name="connsiteY73" fmla="*/ 4801 h 10000"/>
                  <a:gd name="connsiteX74" fmla="*/ 6392 w 10000"/>
                  <a:gd name="connsiteY74" fmla="*/ 4727 h 10000"/>
                  <a:gd name="connsiteX75" fmla="*/ 6320 w 10000"/>
                  <a:gd name="connsiteY75" fmla="*/ 4638 h 10000"/>
                  <a:gd name="connsiteX76" fmla="*/ 6199 w 10000"/>
                  <a:gd name="connsiteY76" fmla="*/ 4476 h 10000"/>
                  <a:gd name="connsiteX77" fmla="*/ 6077 w 10000"/>
                  <a:gd name="connsiteY77" fmla="*/ 4313 h 10000"/>
                  <a:gd name="connsiteX78" fmla="*/ 6223 w 10000"/>
                  <a:gd name="connsiteY78" fmla="*/ 4210 h 10000"/>
                  <a:gd name="connsiteX79" fmla="*/ 6416 w 10000"/>
                  <a:gd name="connsiteY79" fmla="*/ 4121 h 10000"/>
                  <a:gd name="connsiteX80" fmla="*/ 6634 w 10000"/>
                  <a:gd name="connsiteY80" fmla="*/ 4032 h 10000"/>
                  <a:gd name="connsiteX81" fmla="*/ 6877 w 10000"/>
                  <a:gd name="connsiteY81" fmla="*/ 3959 h 10000"/>
                  <a:gd name="connsiteX82" fmla="*/ 7385 w 10000"/>
                  <a:gd name="connsiteY82" fmla="*/ 3811 h 10000"/>
                  <a:gd name="connsiteX83" fmla="*/ 7893 w 10000"/>
                  <a:gd name="connsiteY83" fmla="*/ 3663 h 10000"/>
                  <a:gd name="connsiteX84" fmla="*/ 8136 w 10000"/>
                  <a:gd name="connsiteY84" fmla="*/ 3589 h 10000"/>
                  <a:gd name="connsiteX85" fmla="*/ 8378 w 10000"/>
                  <a:gd name="connsiteY85" fmla="*/ 3516 h 10000"/>
                  <a:gd name="connsiteX86" fmla="*/ 8571 w 10000"/>
                  <a:gd name="connsiteY86" fmla="*/ 3412 h 10000"/>
                  <a:gd name="connsiteX87" fmla="*/ 8765 w 10000"/>
                  <a:gd name="connsiteY87" fmla="*/ 3338 h 10000"/>
                  <a:gd name="connsiteX88" fmla="*/ 8886 w 10000"/>
                  <a:gd name="connsiteY88" fmla="*/ 3235 h 10000"/>
                  <a:gd name="connsiteX89" fmla="*/ 8983 w 10000"/>
                  <a:gd name="connsiteY89" fmla="*/ 3117 h 10000"/>
                  <a:gd name="connsiteX90" fmla="*/ 9007 w 10000"/>
                  <a:gd name="connsiteY90" fmla="*/ 3072 h 10000"/>
                  <a:gd name="connsiteX91" fmla="*/ 9031 w 10000"/>
                  <a:gd name="connsiteY91" fmla="*/ 3013 h 10000"/>
                  <a:gd name="connsiteX92" fmla="*/ 9031 w 10000"/>
                  <a:gd name="connsiteY92" fmla="*/ 2954 h 10000"/>
                  <a:gd name="connsiteX93" fmla="*/ 9007 w 10000"/>
                  <a:gd name="connsiteY93" fmla="*/ 2866 h 10000"/>
                  <a:gd name="connsiteX94" fmla="*/ 8838 w 10000"/>
                  <a:gd name="connsiteY94" fmla="*/ 2984 h 10000"/>
                  <a:gd name="connsiteX95" fmla="*/ 8644 w 10000"/>
                  <a:gd name="connsiteY95" fmla="*/ 3072 h 10000"/>
                  <a:gd name="connsiteX96" fmla="*/ 8450 w 10000"/>
                  <a:gd name="connsiteY96" fmla="*/ 3161 h 10000"/>
                  <a:gd name="connsiteX97" fmla="*/ 8257 w 10000"/>
                  <a:gd name="connsiteY97" fmla="*/ 3250 h 10000"/>
                  <a:gd name="connsiteX98" fmla="*/ 7821 w 10000"/>
                  <a:gd name="connsiteY98" fmla="*/ 3397 h 10000"/>
                  <a:gd name="connsiteX99" fmla="*/ 7361 w 10000"/>
                  <a:gd name="connsiteY99" fmla="*/ 3545 h 10000"/>
                  <a:gd name="connsiteX100" fmla="*/ 6901 w 10000"/>
                  <a:gd name="connsiteY100" fmla="*/ 3678 h 10000"/>
                  <a:gd name="connsiteX101" fmla="*/ 6465 w 10000"/>
                  <a:gd name="connsiteY101" fmla="*/ 3840 h 10000"/>
                  <a:gd name="connsiteX102" fmla="*/ 6247 w 10000"/>
                  <a:gd name="connsiteY102" fmla="*/ 3914 h 10000"/>
                  <a:gd name="connsiteX103" fmla="*/ 6053 w 10000"/>
                  <a:gd name="connsiteY103" fmla="*/ 4003 h 10000"/>
                  <a:gd name="connsiteX104" fmla="*/ 5860 w 10000"/>
                  <a:gd name="connsiteY104" fmla="*/ 4106 h 10000"/>
                  <a:gd name="connsiteX105" fmla="*/ 5666 w 10000"/>
                  <a:gd name="connsiteY105" fmla="*/ 4195 h 10000"/>
                  <a:gd name="connsiteX106" fmla="*/ 5811 w 10000"/>
                  <a:gd name="connsiteY106" fmla="*/ 4417 h 10000"/>
                  <a:gd name="connsiteX107" fmla="*/ 5908 w 10000"/>
                  <a:gd name="connsiteY107" fmla="*/ 4623 h 10000"/>
                  <a:gd name="connsiteX108" fmla="*/ 6005 w 10000"/>
                  <a:gd name="connsiteY108" fmla="*/ 4845 h 10000"/>
                  <a:gd name="connsiteX109" fmla="*/ 6077 w 10000"/>
                  <a:gd name="connsiteY109" fmla="*/ 5081 h 10000"/>
                  <a:gd name="connsiteX110" fmla="*/ 6126 w 10000"/>
                  <a:gd name="connsiteY110" fmla="*/ 5318 h 10000"/>
                  <a:gd name="connsiteX111" fmla="*/ 6150 w 10000"/>
                  <a:gd name="connsiteY111" fmla="*/ 5539 h 10000"/>
                  <a:gd name="connsiteX112" fmla="*/ 6174 w 10000"/>
                  <a:gd name="connsiteY112" fmla="*/ 5775 h 10000"/>
                  <a:gd name="connsiteX113" fmla="*/ 6174 w 10000"/>
                  <a:gd name="connsiteY113" fmla="*/ 5997 h 10000"/>
                  <a:gd name="connsiteX114" fmla="*/ 6150 w 10000"/>
                  <a:gd name="connsiteY114" fmla="*/ 6233 h 10000"/>
                  <a:gd name="connsiteX115" fmla="*/ 6102 w 10000"/>
                  <a:gd name="connsiteY115" fmla="*/ 6470 h 10000"/>
                  <a:gd name="connsiteX116" fmla="*/ 6053 w 10000"/>
                  <a:gd name="connsiteY116" fmla="*/ 6677 h 10000"/>
                  <a:gd name="connsiteX117" fmla="*/ 5981 w 10000"/>
                  <a:gd name="connsiteY117" fmla="*/ 6898 h 10000"/>
                  <a:gd name="connsiteX118" fmla="*/ 5884 w 10000"/>
                  <a:gd name="connsiteY118" fmla="*/ 7105 h 10000"/>
                  <a:gd name="connsiteX119" fmla="*/ 5763 w 10000"/>
                  <a:gd name="connsiteY119" fmla="*/ 7297 h 10000"/>
                  <a:gd name="connsiteX120" fmla="*/ 5617 w 10000"/>
                  <a:gd name="connsiteY120" fmla="*/ 7489 h 10000"/>
                  <a:gd name="connsiteX121" fmla="*/ 5472 w 10000"/>
                  <a:gd name="connsiteY121" fmla="*/ 7681 h 10000"/>
                  <a:gd name="connsiteX122" fmla="*/ 6174 w 10000"/>
                  <a:gd name="connsiteY122" fmla="*/ 7799 h 10000"/>
                  <a:gd name="connsiteX123" fmla="*/ 6901 w 10000"/>
                  <a:gd name="connsiteY123" fmla="*/ 7962 h 10000"/>
                  <a:gd name="connsiteX124" fmla="*/ 7046 w 10000"/>
                  <a:gd name="connsiteY124" fmla="*/ 8021 h 10000"/>
                  <a:gd name="connsiteX125" fmla="*/ 7167 w 10000"/>
                  <a:gd name="connsiteY125" fmla="*/ 8080 h 10000"/>
                  <a:gd name="connsiteX126" fmla="*/ 7288 w 10000"/>
                  <a:gd name="connsiteY126" fmla="*/ 8139 h 10000"/>
                  <a:gd name="connsiteX127" fmla="*/ 7361 w 10000"/>
                  <a:gd name="connsiteY127" fmla="*/ 8227 h 10000"/>
                  <a:gd name="connsiteX128" fmla="*/ 7385 w 10000"/>
                  <a:gd name="connsiteY128" fmla="*/ 8301 h 10000"/>
                  <a:gd name="connsiteX129" fmla="*/ 7385 w 10000"/>
                  <a:gd name="connsiteY129" fmla="*/ 8405 h 10000"/>
                  <a:gd name="connsiteX130" fmla="*/ 7337 w 10000"/>
                  <a:gd name="connsiteY130" fmla="*/ 8523 h 10000"/>
                  <a:gd name="connsiteX131" fmla="*/ 7264 w 10000"/>
                  <a:gd name="connsiteY131" fmla="*/ 8641 h 10000"/>
                  <a:gd name="connsiteX132" fmla="*/ 6949 w 10000"/>
                  <a:gd name="connsiteY132" fmla="*/ 8552 h 10000"/>
                  <a:gd name="connsiteX133" fmla="*/ 6659 w 10000"/>
                  <a:gd name="connsiteY133" fmla="*/ 8449 h 10000"/>
                  <a:gd name="connsiteX134" fmla="*/ 6368 w 10000"/>
                  <a:gd name="connsiteY134" fmla="*/ 8360 h 10000"/>
                  <a:gd name="connsiteX135" fmla="*/ 6077 w 10000"/>
                  <a:gd name="connsiteY135" fmla="*/ 8287 h 10000"/>
                  <a:gd name="connsiteX136" fmla="*/ 5956 w 10000"/>
                  <a:gd name="connsiteY136" fmla="*/ 8449 h 10000"/>
                  <a:gd name="connsiteX137" fmla="*/ 5860 w 10000"/>
                  <a:gd name="connsiteY137" fmla="*/ 8597 h 10000"/>
                  <a:gd name="connsiteX138" fmla="*/ 5811 w 10000"/>
                  <a:gd name="connsiteY138" fmla="*/ 8656 h 10000"/>
                  <a:gd name="connsiteX139" fmla="*/ 5714 w 10000"/>
                  <a:gd name="connsiteY139" fmla="*/ 8700 h 10000"/>
                  <a:gd name="connsiteX140" fmla="*/ 5642 w 10000"/>
                  <a:gd name="connsiteY140" fmla="*/ 8744 h 10000"/>
                  <a:gd name="connsiteX141" fmla="*/ 5569 w 10000"/>
                  <a:gd name="connsiteY141" fmla="*/ 8774 h 10000"/>
                  <a:gd name="connsiteX142" fmla="*/ 5496 w 10000"/>
                  <a:gd name="connsiteY142" fmla="*/ 8804 h 10000"/>
                  <a:gd name="connsiteX143" fmla="*/ 5400 w 10000"/>
                  <a:gd name="connsiteY143" fmla="*/ 8818 h 10000"/>
                  <a:gd name="connsiteX144" fmla="*/ 5278 w 10000"/>
                  <a:gd name="connsiteY144" fmla="*/ 8833 h 10000"/>
                  <a:gd name="connsiteX145" fmla="*/ 5157 w 10000"/>
                  <a:gd name="connsiteY145" fmla="*/ 8833 h 10000"/>
                  <a:gd name="connsiteX146" fmla="*/ 4867 w 10000"/>
                  <a:gd name="connsiteY146" fmla="*/ 8818 h 10000"/>
                  <a:gd name="connsiteX147" fmla="*/ 4504 w 10000"/>
                  <a:gd name="connsiteY147" fmla="*/ 8744 h 10000"/>
                  <a:gd name="connsiteX148" fmla="*/ 4504 w 10000"/>
                  <a:gd name="connsiteY148" fmla="*/ 8922 h 10000"/>
                  <a:gd name="connsiteX149" fmla="*/ 4479 w 10000"/>
                  <a:gd name="connsiteY149" fmla="*/ 9069 h 10000"/>
                  <a:gd name="connsiteX150" fmla="*/ 4455 w 10000"/>
                  <a:gd name="connsiteY150" fmla="*/ 9232 h 10000"/>
                  <a:gd name="connsiteX151" fmla="*/ 4431 w 10000"/>
                  <a:gd name="connsiteY151" fmla="*/ 9365 h 10000"/>
                  <a:gd name="connsiteX152" fmla="*/ 4383 w 10000"/>
                  <a:gd name="connsiteY152" fmla="*/ 9498 h 10000"/>
                  <a:gd name="connsiteX153" fmla="*/ 4286 w 10000"/>
                  <a:gd name="connsiteY153" fmla="*/ 9616 h 10000"/>
                  <a:gd name="connsiteX154" fmla="*/ 4213 w 10000"/>
                  <a:gd name="connsiteY154" fmla="*/ 9734 h 10000"/>
                  <a:gd name="connsiteX155" fmla="*/ 4092 w 10000"/>
                  <a:gd name="connsiteY155" fmla="*/ 9838 h 10000"/>
                  <a:gd name="connsiteX156" fmla="*/ 3801 w 10000"/>
                  <a:gd name="connsiteY156" fmla="*/ 9897 h 10000"/>
                  <a:gd name="connsiteX157" fmla="*/ 3559 w 10000"/>
                  <a:gd name="connsiteY157" fmla="*/ 9941 h 10000"/>
                  <a:gd name="connsiteX158" fmla="*/ 3269 w 10000"/>
                  <a:gd name="connsiteY158" fmla="*/ 9985 h 10000"/>
                  <a:gd name="connsiteX159" fmla="*/ 3051 w 10000"/>
                  <a:gd name="connsiteY159" fmla="*/ 10000 h 10000"/>
                  <a:gd name="connsiteX160" fmla="*/ 2567 w 10000"/>
                  <a:gd name="connsiteY160" fmla="*/ 10000 h 10000"/>
                  <a:gd name="connsiteX161" fmla="*/ 2107 w 10000"/>
                  <a:gd name="connsiteY161" fmla="*/ 9985 h 10000"/>
                  <a:gd name="connsiteX162" fmla="*/ 1671 w 10000"/>
                  <a:gd name="connsiteY162" fmla="*/ 9941 h 10000"/>
                  <a:gd name="connsiteX163" fmla="*/ 1211 w 10000"/>
                  <a:gd name="connsiteY163" fmla="*/ 9911 h 10000"/>
                  <a:gd name="connsiteX164" fmla="*/ 944 w 10000"/>
                  <a:gd name="connsiteY164" fmla="*/ 9911 h 10000"/>
                  <a:gd name="connsiteX165" fmla="*/ 702 w 10000"/>
                  <a:gd name="connsiteY165" fmla="*/ 9911 h 10000"/>
                  <a:gd name="connsiteX166" fmla="*/ 436 w 10000"/>
                  <a:gd name="connsiteY166" fmla="*/ 9926 h 10000"/>
                  <a:gd name="connsiteX167" fmla="*/ 169 w 10000"/>
                  <a:gd name="connsiteY167" fmla="*/ 9970 h 10000"/>
                  <a:gd name="connsiteX168" fmla="*/ 97 w 10000"/>
                  <a:gd name="connsiteY168" fmla="*/ 9867 h 10000"/>
                  <a:gd name="connsiteX169" fmla="*/ 48 w 10000"/>
                  <a:gd name="connsiteY169" fmla="*/ 9793 h 10000"/>
                  <a:gd name="connsiteX170" fmla="*/ 0 w 10000"/>
                  <a:gd name="connsiteY170" fmla="*/ 9705 h 10000"/>
                  <a:gd name="connsiteX171" fmla="*/ 0 w 10000"/>
                  <a:gd name="connsiteY171" fmla="*/ 9601 h 10000"/>
                  <a:gd name="connsiteX172" fmla="*/ 48 w 10000"/>
                  <a:gd name="connsiteY172" fmla="*/ 9424 h 10000"/>
                  <a:gd name="connsiteX173" fmla="*/ 97 w 10000"/>
                  <a:gd name="connsiteY173" fmla="*/ 9202 h 10000"/>
                  <a:gd name="connsiteX174" fmla="*/ 145 w 10000"/>
                  <a:gd name="connsiteY174" fmla="*/ 8996 h 10000"/>
                  <a:gd name="connsiteX175" fmla="*/ 194 w 10000"/>
                  <a:gd name="connsiteY175" fmla="*/ 8759 h 10000"/>
                  <a:gd name="connsiteX176" fmla="*/ 218 w 10000"/>
                  <a:gd name="connsiteY176" fmla="*/ 8641 h 10000"/>
                  <a:gd name="connsiteX177" fmla="*/ 218 w 10000"/>
                  <a:gd name="connsiteY177" fmla="*/ 8538 h 10000"/>
                  <a:gd name="connsiteX178" fmla="*/ 194 w 10000"/>
                  <a:gd name="connsiteY178" fmla="*/ 8405 h 10000"/>
                  <a:gd name="connsiteX179" fmla="*/ 169 w 10000"/>
                  <a:gd name="connsiteY179" fmla="*/ 8287 h 10000"/>
                  <a:gd name="connsiteX180" fmla="*/ 412 w 10000"/>
                  <a:gd name="connsiteY180" fmla="*/ 8213 h 10000"/>
                  <a:gd name="connsiteX181" fmla="*/ 654 w 10000"/>
                  <a:gd name="connsiteY181" fmla="*/ 8139 h 10000"/>
                  <a:gd name="connsiteX182" fmla="*/ 896 w 10000"/>
                  <a:gd name="connsiteY182" fmla="*/ 8095 h 10000"/>
                  <a:gd name="connsiteX183" fmla="*/ 1162 w 10000"/>
                  <a:gd name="connsiteY183" fmla="*/ 8065 h 10000"/>
                  <a:gd name="connsiteX184" fmla="*/ 1646 w 10000"/>
                  <a:gd name="connsiteY184" fmla="*/ 8021 h 10000"/>
                  <a:gd name="connsiteX185" fmla="*/ 2131 w 10000"/>
                  <a:gd name="connsiteY185" fmla="*/ 7976 h 10000"/>
                  <a:gd name="connsiteX186" fmla="*/ 2349 w 10000"/>
                  <a:gd name="connsiteY186" fmla="*/ 7947 h 10000"/>
                  <a:gd name="connsiteX187" fmla="*/ 2567 w 10000"/>
                  <a:gd name="connsiteY187" fmla="*/ 7917 h 10000"/>
                  <a:gd name="connsiteX188" fmla="*/ 2760 w 10000"/>
                  <a:gd name="connsiteY188" fmla="*/ 7843 h 10000"/>
                  <a:gd name="connsiteX189" fmla="*/ 2954 w 10000"/>
                  <a:gd name="connsiteY189" fmla="*/ 7784 h 10000"/>
                  <a:gd name="connsiteX190" fmla="*/ 3123 w 10000"/>
                  <a:gd name="connsiteY190" fmla="*/ 7710 h 10000"/>
                  <a:gd name="connsiteX191" fmla="*/ 3269 w 10000"/>
                  <a:gd name="connsiteY191" fmla="*/ 7592 h 10000"/>
                  <a:gd name="connsiteX192" fmla="*/ 3414 w 10000"/>
                  <a:gd name="connsiteY192" fmla="*/ 7474 h 10000"/>
                  <a:gd name="connsiteX193" fmla="*/ 3511 w 10000"/>
                  <a:gd name="connsiteY193" fmla="*/ 7312 h 10000"/>
                  <a:gd name="connsiteX194" fmla="*/ 3317 w 10000"/>
                  <a:gd name="connsiteY194" fmla="*/ 7238 h 10000"/>
                  <a:gd name="connsiteX195" fmla="*/ 3148 w 10000"/>
                  <a:gd name="connsiteY195" fmla="*/ 7179 h 10000"/>
                  <a:gd name="connsiteX196" fmla="*/ 3002 w 10000"/>
                  <a:gd name="connsiteY196" fmla="*/ 7090 h 10000"/>
                  <a:gd name="connsiteX197" fmla="*/ 2857 w 10000"/>
                  <a:gd name="connsiteY197" fmla="*/ 6987 h 10000"/>
                  <a:gd name="connsiteX198" fmla="*/ 2760 w 10000"/>
                  <a:gd name="connsiteY198" fmla="*/ 6869 h 10000"/>
                  <a:gd name="connsiteX199" fmla="*/ 2712 w 10000"/>
                  <a:gd name="connsiteY199" fmla="*/ 6721 h 10000"/>
                  <a:gd name="connsiteX200" fmla="*/ 2688 w 10000"/>
                  <a:gd name="connsiteY200" fmla="*/ 6558 h 10000"/>
                  <a:gd name="connsiteX201" fmla="*/ 2712 w 10000"/>
                  <a:gd name="connsiteY201" fmla="*/ 6352 h 10000"/>
                  <a:gd name="connsiteX202" fmla="*/ 2591 w 10000"/>
                  <a:gd name="connsiteY202" fmla="*/ 6322 h 10000"/>
                  <a:gd name="connsiteX203" fmla="*/ 2446 w 10000"/>
                  <a:gd name="connsiteY203" fmla="*/ 6292 h 10000"/>
                  <a:gd name="connsiteX204" fmla="*/ 2276 w 10000"/>
                  <a:gd name="connsiteY204" fmla="*/ 6278 h 10000"/>
                  <a:gd name="connsiteX205" fmla="*/ 2107 w 10000"/>
                  <a:gd name="connsiteY205" fmla="*/ 6263 h 10000"/>
                  <a:gd name="connsiteX206" fmla="*/ 1768 w 10000"/>
                  <a:gd name="connsiteY206" fmla="*/ 6248 h 10000"/>
                  <a:gd name="connsiteX207" fmla="*/ 1404 w 10000"/>
                  <a:gd name="connsiteY207" fmla="*/ 6263 h 10000"/>
                  <a:gd name="connsiteX208" fmla="*/ 1090 w 10000"/>
                  <a:gd name="connsiteY208" fmla="*/ 6278 h 10000"/>
                  <a:gd name="connsiteX209" fmla="*/ 799 w 10000"/>
                  <a:gd name="connsiteY209" fmla="*/ 6278 h 10000"/>
                  <a:gd name="connsiteX210" fmla="*/ 557 w 10000"/>
                  <a:gd name="connsiteY210" fmla="*/ 6263 h 10000"/>
                  <a:gd name="connsiteX211" fmla="*/ 363 w 10000"/>
                  <a:gd name="connsiteY211" fmla="*/ 6233 h 10000"/>
                  <a:gd name="connsiteX212" fmla="*/ 605 w 10000"/>
                  <a:gd name="connsiteY212" fmla="*/ 5805 h 10000"/>
                  <a:gd name="connsiteX213" fmla="*/ 872 w 10000"/>
                  <a:gd name="connsiteY213" fmla="*/ 5391 h 10000"/>
                  <a:gd name="connsiteX214" fmla="*/ 969 w 10000"/>
                  <a:gd name="connsiteY214" fmla="*/ 5170 h 10000"/>
                  <a:gd name="connsiteX215" fmla="*/ 1041 w 10000"/>
                  <a:gd name="connsiteY215" fmla="*/ 4963 h 10000"/>
                  <a:gd name="connsiteX216" fmla="*/ 1065 w 10000"/>
                  <a:gd name="connsiteY216" fmla="*/ 4860 h 10000"/>
                  <a:gd name="connsiteX217" fmla="*/ 1041 w 10000"/>
                  <a:gd name="connsiteY217" fmla="*/ 4756 h 10000"/>
                  <a:gd name="connsiteX218" fmla="*/ 1017 w 10000"/>
                  <a:gd name="connsiteY218" fmla="*/ 4653 h 10000"/>
                  <a:gd name="connsiteX219" fmla="*/ 944 w 10000"/>
                  <a:gd name="connsiteY219" fmla="*/ 4549 h 10000"/>
                  <a:gd name="connsiteX220" fmla="*/ 1211 w 10000"/>
                  <a:gd name="connsiteY220" fmla="*/ 4520 h 10000"/>
                  <a:gd name="connsiteX221" fmla="*/ 1404 w 10000"/>
                  <a:gd name="connsiteY221" fmla="*/ 4505 h 10000"/>
                  <a:gd name="connsiteX222" fmla="*/ 1574 w 10000"/>
                  <a:gd name="connsiteY222" fmla="*/ 4505 h 10000"/>
                  <a:gd name="connsiteX223" fmla="*/ 1719 w 10000"/>
                  <a:gd name="connsiteY223" fmla="*/ 4520 h 10000"/>
                  <a:gd name="connsiteX224" fmla="*/ 1840 w 10000"/>
                  <a:gd name="connsiteY224" fmla="*/ 4520 h 10000"/>
                  <a:gd name="connsiteX225" fmla="*/ 1985 w 10000"/>
                  <a:gd name="connsiteY225" fmla="*/ 4520 h 10000"/>
                  <a:gd name="connsiteX226" fmla="*/ 2131 w 10000"/>
                  <a:gd name="connsiteY226" fmla="*/ 4490 h 10000"/>
                  <a:gd name="connsiteX227" fmla="*/ 2324 w 10000"/>
                  <a:gd name="connsiteY227" fmla="*/ 4446 h 10000"/>
                  <a:gd name="connsiteX228" fmla="*/ 2324 w 10000"/>
                  <a:gd name="connsiteY228" fmla="*/ 4579 h 10000"/>
                  <a:gd name="connsiteX229" fmla="*/ 2324 w 10000"/>
                  <a:gd name="connsiteY229" fmla="*/ 4742 h 10000"/>
                  <a:gd name="connsiteX230" fmla="*/ 2324 w 10000"/>
                  <a:gd name="connsiteY230" fmla="*/ 4874 h 10000"/>
                  <a:gd name="connsiteX231" fmla="*/ 2324 w 10000"/>
                  <a:gd name="connsiteY231" fmla="*/ 5037 h 10000"/>
                  <a:gd name="connsiteX232" fmla="*/ 2542 w 10000"/>
                  <a:gd name="connsiteY232" fmla="*/ 5022 h 10000"/>
                  <a:gd name="connsiteX233" fmla="*/ 2688 w 10000"/>
                  <a:gd name="connsiteY233" fmla="*/ 5037 h 10000"/>
                  <a:gd name="connsiteX234" fmla="*/ 2809 w 10000"/>
                  <a:gd name="connsiteY234" fmla="*/ 5066 h 10000"/>
                  <a:gd name="connsiteX235" fmla="*/ 2930 w 10000"/>
                  <a:gd name="connsiteY235" fmla="*/ 5096 h 10000"/>
                  <a:gd name="connsiteX236" fmla="*/ 3027 w 10000"/>
                  <a:gd name="connsiteY236" fmla="*/ 5126 h 10000"/>
                  <a:gd name="connsiteX237" fmla="*/ 3148 w 10000"/>
                  <a:gd name="connsiteY237" fmla="*/ 5155 h 10000"/>
                  <a:gd name="connsiteX238" fmla="*/ 3293 w 10000"/>
                  <a:gd name="connsiteY238" fmla="*/ 5170 h 10000"/>
                  <a:gd name="connsiteX239" fmla="*/ 3511 w 10000"/>
                  <a:gd name="connsiteY239" fmla="*/ 5155 h 10000"/>
                  <a:gd name="connsiteX240" fmla="*/ 3584 w 10000"/>
                  <a:gd name="connsiteY240" fmla="*/ 5096 h 10000"/>
                  <a:gd name="connsiteX241" fmla="*/ 3656 w 10000"/>
                  <a:gd name="connsiteY241" fmla="*/ 5022 h 10000"/>
                  <a:gd name="connsiteX242" fmla="*/ 3680 w 10000"/>
                  <a:gd name="connsiteY242" fmla="*/ 4934 h 10000"/>
                  <a:gd name="connsiteX243" fmla="*/ 3705 w 10000"/>
                  <a:gd name="connsiteY243" fmla="*/ 4860 h 10000"/>
                  <a:gd name="connsiteX244" fmla="*/ 3729 w 10000"/>
                  <a:gd name="connsiteY244" fmla="*/ 4697 h 10000"/>
                  <a:gd name="connsiteX245" fmla="*/ 3705 w 10000"/>
                  <a:gd name="connsiteY245" fmla="*/ 4520 h 10000"/>
                  <a:gd name="connsiteX246" fmla="*/ 3632 w 10000"/>
                  <a:gd name="connsiteY246" fmla="*/ 4343 h 10000"/>
                  <a:gd name="connsiteX247" fmla="*/ 3559 w 10000"/>
                  <a:gd name="connsiteY247" fmla="*/ 4195 h 10000"/>
                  <a:gd name="connsiteX248" fmla="*/ 3438 w 10000"/>
                  <a:gd name="connsiteY248" fmla="*/ 4047 h 10000"/>
                  <a:gd name="connsiteX249" fmla="*/ 3317 w 10000"/>
                  <a:gd name="connsiteY249" fmla="*/ 3959 h 10000"/>
                  <a:gd name="connsiteX250" fmla="*/ 3462 w 10000"/>
                  <a:gd name="connsiteY250" fmla="*/ 3944 h 10000"/>
                  <a:gd name="connsiteX251" fmla="*/ 3584 w 10000"/>
                  <a:gd name="connsiteY251" fmla="*/ 3914 h 10000"/>
                  <a:gd name="connsiteX252" fmla="*/ 3680 w 10000"/>
                  <a:gd name="connsiteY252" fmla="*/ 3855 h 10000"/>
                  <a:gd name="connsiteX253" fmla="*/ 3801 w 10000"/>
                  <a:gd name="connsiteY253" fmla="*/ 3752 h 10000"/>
                  <a:gd name="connsiteX254" fmla="*/ 3923 w 10000"/>
                  <a:gd name="connsiteY254" fmla="*/ 3663 h 10000"/>
                  <a:gd name="connsiteX255" fmla="*/ 4019 w 10000"/>
                  <a:gd name="connsiteY255" fmla="*/ 3560 h 10000"/>
                  <a:gd name="connsiteX256" fmla="*/ 4092 w 10000"/>
                  <a:gd name="connsiteY256" fmla="*/ 3442 h 10000"/>
                  <a:gd name="connsiteX257" fmla="*/ 4165 w 10000"/>
                  <a:gd name="connsiteY257" fmla="*/ 3323 h 10000"/>
                  <a:gd name="connsiteX258" fmla="*/ 4213 w 10000"/>
                  <a:gd name="connsiteY258" fmla="*/ 3220 h 10000"/>
                  <a:gd name="connsiteX259" fmla="*/ 4237 w 10000"/>
                  <a:gd name="connsiteY259" fmla="*/ 3102 h 10000"/>
                  <a:gd name="connsiteX260" fmla="*/ 4262 w 10000"/>
                  <a:gd name="connsiteY260" fmla="*/ 3013 h 10000"/>
                  <a:gd name="connsiteX261" fmla="*/ 4237 w 10000"/>
                  <a:gd name="connsiteY261" fmla="*/ 2939 h 10000"/>
                  <a:gd name="connsiteX262" fmla="*/ 4213 w 10000"/>
                  <a:gd name="connsiteY262" fmla="*/ 2866 h 10000"/>
                  <a:gd name="connsiteX263" fmla="*/ 4140 w 10000"/>
                  <a:gd name="connsiteY263" fmla="*/ 2836 h 10000"/>
                  <a:gd name="connsiteX264" fmla="*/ 4044 w 10000"/>
                  <a:gd name="connsiteY264" fmla="*/ 2836 h 10000"/>
                  <a:gd name="connsiteX265" fmla="*/ 3923 w 10000"/>
                  <a:gd name="connsiteY265" fmla="*/ 2866 h 10000"/>
                  <a:gd name="connsiteX266" fmla="*/ 4019 w 10000"/>
                  <a:gd name="connsiteY266" fmla="*/ 2777 h 10000"/>
                  <a:gd name="connsiteX267" fmla="*/ 4068 w 10000"/>
                  <a:gd name="connsiteY267" fmla="*/ 2674 h 10000"/>
                  <a:gd name="connsiteX268" fmla="*/ 4092 w 10000"/>
                  <a:gd name="connsiteY268" fmla="*/ 2541 h 10000"/>
                  <a:gd name="connsiteX269" fmla="*/ 4092 w 10000"/>
                  <a:gd name="connsiteY269" fmla="*/ 2393 h 10000"/>
                  <a:gd name="connsiteX270" fmla="*/ 4116 w 10000"/>
                  <a:gd name="connsiteY270" fmla="*/ 2349 h 10000"/>
                  <a:gd name="connsiteX271" fmla="*/ 4165 w 10000"/>
                  <a:gd name="connsiteY271" fmla="*/ 2304 h 10000"/>
                  <a:gd name="connsiteX272" fmla="*/ 4213 w 10000"/>
                  <a:gd name="connsiteY272" fmla="*/ 2290 h 10000"/>
                  <a:gd name="connsiteX273" fmla="*/ 4286 w 10000"/>
                  <a:gd name="connsiteY273" fmla="*/ 2275 h 10000"/>
                  <a:gd name="connsiteX274" fmla="*/ 4504 w 10000"/>
                  <a:gd name="connsiteY274" fmla="*/ 2260 h 10000"/>
                  <a:gd name="connsiteX275" fmla="*/ 4697 w 10000"/>
                  <a:gd name="connsiteY275" fmla="*/ 2275 h 10000"/>
                  <a:gd name="connsiteX276" fmla="*/ 4673 w 10000"/>
                  <a:gd name="connsiteY276" fmla="*/ 2112 h 10000"/>
                  <a:gd name="connsiteX277" fmla="*/ 4625 w 10000"/>
                  <a:gd name="connsiteY277" fmla="*/ 1950 h 10000"/>
                  <a:gd name="connsiteX278" fmla="*/ 4552 w 10000"/>
                  <a:gd name="connsiteY278" fmla="*/ 1802 h 10000"/>
                  <a:gd name="connsiteX279" fmla="*/ 4455 w 10000"/>
                  <a:gd name="connsiteY279" fmla="*/ 1640 h 10000"/>
                  <a:gd name="connsiteX280" fmla="*/ 4213 w 10000"/>
                  <a:gd name="connsiteY280" fmla="*/ 1329 h 10000"/>
                  <a:gd name="connsiteX281" fmla="*/ 3971 w 10000"/>
                  <a:gd name="connsiteY281" fmla="*/ 1034 h 10000"/>
                  <a:gd name="connsiteX282" fmla="*/ 3850 w 10000"/>
                  <a:gd name="connsiteY282" fmla="*/ 901 h 10000"/>
                  <a:gd name="connsiteX283" fmla="*/ 3753 w 10000"/>
                  <a:gd name="connsiteY283" fmla="*/ 753 h 10000"/>
                  <a:gd name="connsiteX284" fmla="*/ 3680 w 10000"/>
                  <a:gd name="connsiteY284" fmla="*/ 620 h 10000"/>
                  <a:gd name="connsiteX285" fmla="*/ 3656 w 10000"/>
                  <a:gd name="connsiteY285" fmla="*/ 487 h 10000"/>
                  <a:gd name="connsiteX286" fmla="*/ 3632 w 10000"/>
                  <a:gd name="connsiteY286" fmla="*/ 355 h 10000"/>
                  <a:gd name="connsiteX287" fmla="*/ 3680 w 10000"/>
                  <a:gd name="connsiteY287" fmla="*/ 222 h 10000"/>
                  <a:gd name="connsiteX288" fmla="*/ 3705 w 10000"/>
                  <a:gd name="connsiteY288" fmla="*/ 162 h 10000"/>
                  <a:gd name="connsiteX289" fmla="*/ 3753 w 10000"/>
                  <a:gd name="connsiteY289" fmla="*/ 103 h 10000"/>
                  <a:gd name="connsiteX290" fmla="*/ 3826 w 10000"/>
                  <a:gd name="connsiteY290" fmla="*/ 59 h 10000"/>
                  <a:gd name="connsiteX291" fmla="*/ 3923 w 10000"/>
                  <a:gd name="connsiteY291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7361 w 10000"/>
                  <a:gd name="connsiteY61" fmla="*/ 4195 h 10000"/>
                  <a:gd name="connsiteX62" fmla="*/ 6852 w 10000"/>
                  <a:gd name="connsiteY62" fmla="*/ 4313 h 10000"/>
                  <a:gd name="connsiteX63" fmla="*/ 6852 w 10000"/>
                  <a:gd name="connsiteY63" fmla="*/ 4431 h 10000"/>
                  <a:gd name="connsiteX64" fmla="*/ 6852 w 10000"/>
                  <a:gd name="connsiteY64" fmla="*/ 4549 h 10000"/>
                  <a:gd name="connsiteX65" fmla="*/ 6804 w 10000"/>
                  <a:gd name="connsiteY65" fmla="*/ 4564 h 10000"/>
                  <a:gd name="connsiteX66" fmla="*/ 6731 w 10000"/>
                  <a:gd name="connsiteY66" fmla="*/ 4594 h 10000"/>
                  <a:gd name="connsiteX67" fmla="*/ 6683 w 10000"/>
                  <a:gd name="connsiteY67" fmla="*/ 4638 h 10000"/>
                  <a:gd name="connsiteX68" fmla="*/ 6683 w 10000"/>
                  <a:gd name="connsiteY68" fmla="*/ 4697 h 10000"/>
                  <a:gd name="connsiteX69" fmla="*/ 6659 w 10000"/>
                  <a:gd name="connsiteY69" fmla="*/ 4801 h 10000"/>
                  <a:gd name="connsiteX70" fmla="*/ 6659 w 10000"/>
                  <a:gd name="connsiteY70" fmla="*/ 4904 h 10000"/>
                  <a:gd name="connsiteX71" fmla="*/ 6538 w 10000"/>
                  <a:gd name="connsiteY71" fmla="*/ 4860 h 10000"/>
                  <a:gd name="connsiteX72" fmla="*/ 6465 w 10000"/>
                  <a:gd name="connsiteY72" fmla="*/ 4801 h 10000"/>
                  <a:gd name="connsiteX73" fmla="*/ 6392 w 10000"/>
                  <a:gd name="connsiteY73" fmla="*/ 4727 h 10000"/>
                  <a:gd name="connsiteX74" fmla="*/ 6320 w 10000"/>
                  <a:gd name="connsiteY74" fmla="*/ 4638 h 10000"/>
                  <a:gd name="connsiteX75" fmla="*/ 6199 w 10000"/>
                  <a:gd name="connsiteY75" fmla="*/ 4476 h 10000"/>
                  <a:gd name="connsiteX76" fmla="*/ 6077 w 10000"/>
                  <a:gd name="connsiteY76" fmla="*/ 4313 h 10000"/>
                  <a:gd name="connsiteX77" fmla="*/ 6223 w 10000"/>
                  <a:gd name="connsiteY77" fmla="*/ 4210 h 10000"/>
                  <a:gd name="connsiteX78" fmla="*/ 6416 w 10000"/>
                  <a:gd name="connsiteY78" fmla="*/ 4121 h 10000"/>
                  <a:gd name="connsiteX79" fmla="*/ 6634 w 10000"/>
                  <a:gd name="connsiteY79" fmla="*/ 4032 h 10000"/>
                  <a:gd name="connsiteX80" fmla="*/ 6877 w 10000"/>
                  <a:gd name="connsiteY80" fmla="*/ 3959 h 10000"/>
                  <a:gd name="connsiteX81" fmla="*/ 7385 w 10000"/>
                  <a:gd name="connsiteY81" fmla="*/ 3811 h 10000"/>
                  <a:gd name="connsiteX82" fmla="*/ 7893 w 10000"/>
                  <a:gd name="connsiteY82" fmla="*/ 3663 h 10000"/>
                  <a:gd name="connsiteX83" fmla="*/ 8136 w 10000"/>
                  <a:gd name="connsiteY83" fmla="*/ 3589 h 10000"/>
                  <a:gd name="connsiteX84" fmla="*/ 8378 w 10000"/>
                  <a:gd name="connsiteY84" fmla="*/ 3516 h 10000"/>
                  <a:gd name="connsiteX85" fmla="*/ 8571 w 10000"/>
                  <a:gd name="connsiteY85" fmla="*/ 3412 h 10000"/>
                  <a:gd name="connsiteX86" fmla="*/ 8765 w 10000"/>
                  <a:gd name="connsiteY86" fmla="*/ 3338 h 10000"/>
                  <a:gd name="connsiteX87" fmla="*/ 8886 w 10000"/>
                  <a:gd name="connsiteY87" fmla="*/ 3235 h 10000"/>
                  <a:gd name="connsiteX88" fmla="*/ 8983 w 10000"/>
                  <a:gd name="connsiteY88" fmla="*/ 3117 h 10000"/>
                  <a:gd name="connsiteX89" fmla="*/ 9007 w 10000"/>
                  <a:gd name="connsiteY89" fmla="*/ 3072 h 10000"/>
                  <a:gd name="connsiteX90" fmla="*/ 9031 w 10000"/>
                  <a:gd name="connsiteY90" fmla="*/ 3013 h 10000"/>
                  <a:gd name="connsiteX91" fmla="*/ 9031 w 10000"/>
                  <a:gd name="connsiteY91" fmla="*/ 2954 h 10000"/>
                  <a:gd name="connsiteX92" fmla="*/ 9007 w 10000"/>
                  <a:gd name="connsiteY92" fmla="*/ 2866 h 10000"/>
                  <a:gd name="connsiteX93" fmla="*/ 8838 w 10000"/>
                  <a:gd name="connsiteY93" fmla="*/ 2984 h 10000"/>
                  <a:gd name="connsiteX94" fmla="*/ 8644 w 10000"/>
                  <a:gd name="connsiteY94" fmla="*/ 3072 h 10000"/>
                  <a:gd name="connsiteX95" fmla="*/ 8450 w 10000"/>
                  <a:gd name="connsiteY95" fmla="*/ 3161 h 10000"/>
                  <a:gd name="connsiteX96" fmla="*/ 8257 w 10000"/>
                  <a:gd name="connsiteY96" fmla="*/ 3250 h 10000"/>
                  <a:gd name="connsiteX97" fmla="*/ 7821 w 10000"/>
                  <a:gd name="connsiteY97" fmla="*/ 3397 h 10000"/>
                  <a:gd name="connsiteX98" fmla="*/ 7361 w 10000"/>
                  <a:gd name="connsiteY98" fmla="*/ 3545 h 10000"/>
                  <a:gd name="connsiteX99" fmla="*/ 6901 w 10000"/>
                  <a:gd name="connsiteY99" fmla="*/ 3678 h 10000"/>
                  <a:gd name="connsiteX100" fmla="*/ 6465 w 10000"/>
                  <a:gd name="connsiteY100" fmla="*/ 3840 h 10000"/>
                  <a:gd name="connsiteX101" fmla="*/ 6247 w 10000"/>
                  <a:gd name="connsiteY101" fmla="*/ 3914 h 10000"/>
                  <a:gd name="connsiteX102" fmla="*/ 6053 w 10000"/>
                  <a:gd name="connsiteY102" fmla="*/ 4003 h 10000"/>
                  <a:gd name="connsiteX103" fmla="*/ 5860 w 10000"/>
                  <a:gd name="connsiteY103" fmla="*/ 4106 h 10000"/>
                  <a:gd name="connsiteX104" fmla="*/ 5666 w 10000"/>
                  <a:gd name="connsiteY104" fmla="*/ 4195 h 10000"/>
                  <a:gd name="connsiteX105" fmla="*/ 5811 w 10000"/>
                  <a:gd name="connsiteY105" fmla="*/ 4417 h 10000"/>
                  <a:gd name="connsiteX106" fmla="*/ 5908 w 10000"/>
                  <a:gd name="connsiteY106" fmla="*/ 4623 h 10000"/>
                  <a:gd name="connsiteX107" fmla="*/ 6005 w 10000"/>
                  <a:gd name="connsiteY107" fmla="*/ 4845 h 10000"/>
                  <a:gd name="connsiteX108" fmla="*/ 6077 w 10000"/>
                  <a:gd name="connsiteY108" fmla="*/ 5081 h 10000"/>
                  <a:gd name="connsiteX109" fmla="*/ 6126 w 10000"/>
                  <a:gd name="connsiteY109" fmla="*/ 5318 h 10000"/>
                  <a:gd name="connsiteX110" fmla="*/ 6150 w 10000"/>
                  <a:gd name="connsiteY110" fmla="*/ 5539 h 10000"/>
                  <a:gd name="connsiteX111" fmla="*/ 6174 w 10000"/>
                  <a:gd name="connsiteY111" fmla="*/ 5775 h 10000"/>
                  <a:gd name="connsiteX112" fmla="*/ 6174 w 10000"/>
                  <a:gd name="connsiteY112" fmla="*/ 5997 h 10000"/>
                  <a:gd name="connsiteX113" fmla="*/ 6150 w 10000"/>
                  <a:gd name="connsiteY113" fmla="*/ 6233 h 10000"/>
                  <a:gd name="connsiteX114" fmla="*/ 6102 w 10000"/>
                  <a:gd name="connsiteY114" fmla="*/ 6470 h 10000"/>
                  <a:gd name="connsiteX115" fmla="*/ 6053 w 10000"/>
                  <a:gd name="connsiteY115" fmla="*/ 6677 h 10000"/>
                  <a:gd name="connsiteX116" fmla="*/ 5981 w 10000"/>
                  <a:gd name="connsiteY116" fmla="*/ 6898 h 10000"/>
                  <a:gd name="connsiteX117" fmla="*/ 5884 w 10000"/>
                  <a:gd name="connsiteY117" fmla="*/ 7105 h 10000"/>
                  <a:gd name="connsiteX118" fmla="*/ 5763 w 10000"/>
                  <a:gd name="connsiteY118" fmla="*/ 7297 h 10000"/>
                  <a:gd name="connsiteX119" fmla="*/ 5617 w 10000"/>
                  <a:gd name="connsiteY119" fmla="*/ 7489 h 10000"/>
                  <a:gd name="connsiteX120" fmla="*/ 5472 w 10000"/>
                  <a:gd name="connsiteY120" fmla="*/ 7681 h 10000"/>
                  <a:gd name="connsiteX121" fmla="*/ 6174 w 10000"/>
                  <a:gd name="connsiteY121" fmla="*/ 7799 h 10000"/>
                  <a:gd name="connsiteX122" fmla="*/ 6901 w 10000"/>
                  <a:gd name="connsiteY122" fmla="*/ 7962 h 10000"/>
                  <a:gd name="connsiteX123" fmla="*/ 7046 w 10000"/>
                  <a:gd name="connsiteY123" fmla="*/ 8021 h 10000"/>
                  <a:gd name="connsiteX124" fmla="*/ 7167 w 10000"/>
                  <a:gd name="connsiteY124" fmla="*/ 8080 h 10000"/>
                  <a:gd name="connsiteX125" fmla="*/ 7288 w 10000"/>
                  <a:gd name="connsiteY125" fmla="*/ 8139 h 10000"/>
                  <a:gd name="connsiteX126" fmla="*/ 7361 w 10000"/>
                  <a:gd name="connsiteY126" fmla="*/ 8227 h 10000"/>
                  <a:gd name="connsiteX127" fmla="*/ 7385 w 10000"/>
                  <a:gd name="connsiteY127" fmla="*/ 8301 h 10000"/>
                  <a:gd name="connsiteX128" fmla="*/ 7385 w 10000"/>
                  <a:gd name="connsiteY128" fmla="*/ 8405 h 10000"/>
                  <a:gd name="connsiteX129" fmla="*/ 7337 w 10000"/>
                  <a:gd name="connsiteY129" fmla="*/ 8523 h 10000"/>
                  <a:gd name="connsiteX130" fmla="*/ 7264 w 10000"/>
                  <a:gd name="connsiteY130" fmla="*/ 8641 h 10000"/>
                  <a:gd name="connsiteX131" fmla="*/ 6949 w 10000"/>
                  <a:gd name="connsiteY131" fmla="*/ 8552 h 10000"/>
                  <a:gd name="connsiteX132" fmla="*/ 6659 w 10000"/>
                  <a:gd name="connsiteY132" fmla="*/ 8449 h 10000"/>
                  <a:gd name="connsiteX133" fmla="*/ 6368 w 10000"/>
                  <a:gd name="connsiteY133" fmla="*/ 8360 h 10000"/>
                  <a:gd name="connsiteX134" fmla="*/ 6077 w 10000"/>
                  <a:gd name="connsiteY134" fmla="*/ 8287 h 10000"/>
                  <a:gd name="connsiteX135" fmla="*/ 5956 w 10000"/>
                  <a:gd name="connsiteY135" fmla="*/ 8449 h 10000"/>
                  <a:gd name="connsiteX136" fmla="*/ 5860 w 10000"/>
                  <a:gd name="connsiteY136" fmla="*/ 8597 h 10000"/>
                  <a:gd name="connsiteX137" fmla="*/ 5811 w 10000"/>
                  <a:gd name="connsiteY137" fmla="*/ 8656 h 10000"/>
                  <a:gd name="connsiteX138" fmla="*/ 5714 w 10000"/>
                  <a:gd name="connsiteY138" fmla="*/ 8700 h 10000"/>
                  <a:gd name="connsiteX139" fmla="*/ 5642 w 10000"/>
                  <a:gd name="connsiteY139" fmla="*/ 8744 h 10000"/>
                  <a:gd name="connsiteX140" fmla="*/ 5569 w 10000"/>
                  <a:gd name="connsiteY140" fmla="*/ 8774 h 10000"/>
                  <a:gd name="connsiteX141" fmla="*/ 5496 w 10000"/>
                  <a:gd name="connsiteY141" fmla="*/ 8804 h 10000"/>
                  <a:gd name="connsiteX142" fmla="*/ 5400 w 10000"/>
                  <a:gd name="connsiteY142" fmla="*/ 8818 h 10000"/>
                  <a:gd name="connsiteX143" fmla="*/ 5278 w 10000"/>
                  <a:gd name="connsiteY143" fmla="*/ 8833 h 10000"/>
                  <a:gd name="connsiteX144" fmla="*/ 5157 w 10000"/>
                  <a:gd name="connsiteY144" fmla="*/ 8833 h 10000"/>
                  <a:gd name="connsiteX145" fmla="*/ 4867 w 10000"/>
                  <a:gd name="connsiteY145" fmla="*/ 8818 h 10000"/>
                  <a:gd name="connsiteX146" fmla="*/ 4504 w 10000"/>
                  <a:gd name="connsiteY146" fmla="*/ 8744 h 10000"/>
                  <a:gd name="connsiteX147" fmla="*/ 4504 w 10000"/>
                  <a:gd name="connsiteY147" fmla="*/ 8922 h 10000"/>
                  <a:gd name="connsiteX148" fmla="*/ 4479 w 10000"/>
                  <a:gd name="connsiteY148" fmla="*/ 9069 h 10000"/>
                  <a:gd name="connsiteX149" fmla="*/ 4455 w 10000"/>
                  <a:gd name="connsiteY149" fmla="*/ 9232 h 10000"/>
                  <a:gd name="connsiteX150" fmla="*/ 4431 w 10000"/>
                  <a:gd name="connsiteY150" fmla="*/ 9365 h 10000"/>
                  <a:gd name="connsiteX151" fmla="*/ 4383 w 10000"/>
                  <a:gd name="connsiteY151" fmla="*/ 9498 h 10000"/>
                  <a:gd name="connsiteX152" fmla="*/ 4286 w 10000"/>
                  <a:gd name="connsiteY152" fmla="*/ 9616 h 10000"/>
                  <a:gd name="connsiteX153" fmla="*/ 4213 w 10000"/>
                  <a:gd name="connsiteY153" fmla="*/ 9734 h 10000"/>
                  <a:gd name="connsiteX154" fmla="*/ 4092 w 10000"/>
                  <a:gd name="connsiteY154" fmla="*/ 9838 h 10000"/>
                  <a:gd name="connsiteX155" fmla="*/ 3801 w 10000"/>
                  <a:gd name="connsiteY155" fmla="*/ 9897 h 10000"/>
                  <a:gd name="connsiteX156" fmla="*/ 3559 w 10000"/>
                  <a:gd name="connsiteY156" fmla="*/ 9941 h 10000"/>
                  <a:gd name="connsiteX157" fmla="*/ 3269 w 10000"/>
                  <a:gd name="connsiteY157" fmla="*/ 9985 h 10000"/>
                  <a:gd name="connsiteX158" fmla="*/ 3051 w 10000"/>
                  <a:gd name="connsiteY158" fmla="*/ 10000 h 10000"/>
                  <a:gd name="connsiteX159" fmla="*/ 2567 w 10000"/>
                  <a:gd name="connsiteY159" fmla="*/ 10000 h 10000"/>
                  <a:gd name="connsiteX160" fmla="*/ 2107 w 10000"/>
                  <a:gd name="connsiteY160" fmla="*/ 9985 h 10000"/>
                  <a:gd name="connsiteX161" fmla="*/ 1671 w 10000"/>
                  <a:gd name="connsiteY161" fmla="*/ 9941 h 10000"/>
                  <a:gd name="connsiteX162" fmla="*/ 1211 w 10000"/>
                  <a:gd name="connsiteY162" fmla="*/ 9911 h 10000"/>
                  <a:gd name="connsiteX163" fmla="*/ 944 w 10000"/>
                  <a:gd name="connsiteY163" fmla="*/ 9911 h 10000"/>
                  <a:gd name="connsiteX164" fmla="*/ 702 w 10000"/>
                  <a:gd name="connsiteY164" fmla="*/ 9911 h 10000"/>
                  <a:gd name="connsiteX165" fmla="*/ 436 w 10000"/>
                  <a:gd name="connsiteY165" fmla="*/ 9926 h 10000"/>
                  <a:gd name="connsiteX166" fmla="*/ 169 w 10000"/>
                  <a:gd name="connsiteY166" fmla="*/ 9970 h 10000"/>
                  <a:gd name="connsiteX167" fmla="*/ 97 w 10000"/>
                  <a:gd name="connsiteY167" fmla="*/ 9867 h 10000"/>
                  <a:gd name="connsiteX168" fmla="*/ 48 w 10000"/>
                  <a:gd name="connsiteY168" fmla="*/ 9793 h 10000"/>
                  <a:gd name="connsiteX169" fmla="*/ 0 w 10000"/>
                  <a:gd name="connsiteY169" fmla="*/ 9705 h 10000"/>
                  <a:gd name="connsiteX170" fmla="*/ 0 w 10000"/>
                  <a:gd name="connsiteY170" fmla="*/ 9601 h 10000"/>
                  <a:gd name="connsiteX171" fmla="*/ 48 w 10000"/>
                  <a:gd name="connsiteY171" fmla="*/ 9424 h 10000"/>
                  <a:gd name="connsiteX172" fmla="*/ 97 w 10000"/>
                  <a:gd name="connsiteY172" fmla="*/ 9202 h 10000"/>
                  <a:gd name="connsiteX173" fmla="*/ 145 w 10000"/>
                  <a:gd name="connsiteY173" fmla="*/ 8996 h 10000"/>
                  <a:gd name="connsiteX174" fmla="*/ 194 w 10000"/>
                  <a:gd name="connsiteY174" fmla="*/ 8759 h 10000"/>
                  <a:gd name="connsiteX175" fmla="*/ 218 w 10000"/>
                  <a:gd name="connsiteY175" fmla="*/ 8641 h 10000"/>
                  <a:gd name="connsiteX176" fmla="*/ 218 w 10000"/>
                  <a:gd name="connsiteY176" fmla="*/ 8538 h 10000"/>
                  <a:gd name="connsiteX177" fmla="*/ 194 w 10000"/>
                  <a:gd name="connsiteY177" fmla="*/ 8405 h 10000"/>
                  <a:gd name="connsiteX178" fmla="*/ 169 w 10000"/>
                  <a:gd name="connsiteY178" fmla="*/ 8287 h 10000"/>
                  <a:gd name="connsiteX179" fmla="*/ 412 w 10000"/>
                  <a:gd name="connsiteY179" fmla="*/ 8213 h 10000"/>
                  <a:gd name="connsiteX180" fmla="*/ 654 w 10000"/>
                  <a:gd name="connsiteY180" fmla="*/ 8139 h 10000"/>
                  <a:gd name="connsiteX181" fmla="*/ 896 w 10000"/>
                  <a:gd name="connsiteY181" fmla="*/ 8095 h 10000"/>
                  <a:gd name="connsiteX182" fmla="*/ 1162 w 10000"/>
                  <a:gd name="connsiteY182" fmla="*/ 8065 h 10000"/>
                  <a:gd name="connsiteX183" fmla="*/ 1646 w 10000"/>
                  <a:gd name="connsiteY183" fmla="*/ 8021 h 10000"/>
                  <a:gd name="connsiteX184" fmla="*/ 2131 w 10000"/>
                  <a:gd name="connsiteY184" fmla="*/ 7976 h 10000"/>
                  <a:gd name="connsiteX185" fmla="*/ 2349 w 10000"/>
                  <a:gd name="connsiteY185" fmla="*/ 7947 h 10000"/>
                  <a:gd name="connsiteX186" fmla="*/ 2567 w 10000"/>
                  <a:gd name="connsiteY186" fmla="*/ 7917 h 10000"/>
                  <a:gd name="connsiteX187" fmla="*/ 2760 w 10000"/>
                  <a:gd name="connsiteY187" fmla="*/ 7843 h 10000"/>
                  <a:gd name="connsiteX188" fmla="*/ 2954 w 10000"/>
                  <a:gd name="connsiteY188" fmla="*/ 7784 h 10000"/>
                  <a:gd name="connsiteX189" fmla="*/ 3123 w 10000"/>
                  <a:gd name="connsiteY189" fmla="*/ 7710 h 10000"/>
                  <a:gd name="connsiteX190" fmla="*/ 3269 w 10000"/>
                  <a:gd name="connsiteY190" fmla="*/ 7592 h 10000"/>
                  <a:gd name="connsiteX191" fmla="*/ 3414 w 10000"/>
                  <a:gd name="connsiteY191" fmla="*/ 7474 h 10000"/>
                  <a:gd name="connsiteX192" fmla="*/ 3511 w 10000"/>
                  <a:gd name="connsiteY192" fmla="*/ 7312 h 10000"/>
                  <a:gd name="connsiteX193" fmla="*/ 3317 w 10000"/>
                  <a:gd name="connsiteY193" fmla="*/ 7238 h 10000"/>
                  <a:gd name="connsiteX194" fmla="*/ 3148 w 10000"/>
                  <a:gd name="connsiteY194" fmla="*/ 7179 h 10000"/>
                  <a:gd name="connsiteX195" fmla="*/ 3002 w 10000"/>
                  <a:gd name="connsiteY195" fmla="*/ 7090 h 10000"/>
                  <a:gd name="connsiteX196" fmla="*/ 2857 w 10000"/>
                  <a:gd name="connsiteY196" fmla="*/ 6987 h 10000"/>
                  <a:gd name="connsiteX197" fmla="*/ 2760 w 10000"/>
                  <a:gd name="connsiteY197" fmla="*/ 6869 h 10000"/>
                  <a:gd name="connsiteX198" fmla="*/ 2712 w 10000"/>
                  <a:gd name="connsiteY198" fmla="*/ 6721 h 10000"/>
                  <a:gd name="connsiteX199" fmla="*/ 2688 w 10000"/>
                  <a:gd name="connsiteY199" fmla="*/ 6558 h 10000"/>
                  <a:gd name="connsiteX200" fmla="*/ 2712 w 10000"/>
                  <a:gd name="connsiteY200" fmla="*/ 6352 h 10000"/>
                  <a:gd name="connsiteX201" fmla="*/ 2591 w 10000"/>
                  <a:gd name="connsiteY201" fmla="*/ 6322 h 10000"/>
                  <a:gd name="connsiteX202" fmla="*/ 2446 w 10000"/>
                  <a:gd name="connsiteY202" fmla="*/ 6292 h 10000"/>
                  <a:gd name="connsiteX203" fmla="*/ 2276 w 10000"/>
                  <a:gd name="connsiteY203" fmla="*/ 6278 h 10000"/>
                  <a:gd name="connsiteX204" fmla="*/ 2107 w 10000"/>
                  <a:gd name="connsiteY204" fmla="*/ 6263 h 10000"/>
                  <a:gd name="connsiteX205" fmla="*/ 1768 w 10000"/>
                  <a:gd name="connsiteY205" fmla="*/ 6248 h 10000"/>
                  <a:gd name="connsiteX206" fmla="*/ 1404 w 10000"/>
                  <a:gd name="connsiteY206" fmla="*/ 6263 h 10000"/>
                  <a:gd name="connsiteX207" fmla="*/ 1090 w 10000"/>
                  <a:gd name="connsiteY207" fmla="*/ 6278 h 10000"/>
                  <a:gd name="connsiteX208" fmla="*/ 799 w 10000"/>
                  <a:gd name="connsiteY208" fmla="*/ 6278 h 10000"/>
                  <a:gd name="connsiteX209" fmla="*/ 557 w 10000"/>
                  <a:gd name="connsiteY209" fmla="*/ 6263 h 10000"/>
                  <a:gd name="connsiteX210" fmla="*/ 363 w 10000"/>
                  <a:gd name="connsiteY210" fmla="*/ 6233 h 10000"/>
                  <a:gd name="connsiteX211" fmla="*/ 605 w 10000"/>
                  <a:gd name="connsiteY211" fmla="*/ 5805 h 10000"/>
                  <a:gd name="connsiteX212" fmla="*/ 872 w 10000"/>
                  <a:gd name="connsiteY212" fmla="*/ 5391 h 10000"/>
                  <a:gd name="connsiteX213" fmla="*/ 969 w 10000"/>
                  <a:gd name="connsiteY213" fmla="*/ 5170 h 10000"/>
                  <a:gd name="connsiteX214" fmla="*/ 1041 w 10000"/>
                  <a:gd name="connsiteY214" fmla="*/ 4963 h 10000"/>
                  <a:gd name="connsiteX215" fmla="*/ 1065 w 10000"/>
                  <a:gd name="connsiteY215" fmla="*/ 4860 h 10000"/>
                  <a:gd name="connsiteX216" fmla="*/ 1041 w 10000"/>
                  <a:gd name="connsiteY216" fmla="*/ 4756 h 10000"/>
                  <a:gd name="connsiteX217" fmla="*/ 1017 w 10000"/>
                  <a:gd name="connsiteY217" fmla="*/ 4653 h 10000"/>
                  <a:gd name="connsiteX218" fmla="*/ 944 w 10000"/>
                  <a:gd name="connsiteY218" fmla="*/ 4549 h 10000"/>
                  <a:gd name="connsiteX219" fmla="*/ 1211 w 10000"/>
                  <a:gd name="connsiteY219" fmla="*/ 4520 h 10000"/>
                  <a:gd name="connsiteX220" fmla="*/ 1404 w 10000"/>
                  <a:gd name="connsiteY220" fmla="*/ 4505 h 10000"/>
                  <a:gd name="connsiteX221" fmla="*/ 1574 w 10000"/>
                  <a:gd name="connsiteY221" fmla="*/ 4505 h 10000"/>
                  <a:gd name="connsiteX222" fmla="*/ 1719 w 10000"/>
                  <a:gd name="connsiteY222" fmla="*/ 4520 h 10000"/>
                  <a:gd name="connsiteX223" fmla="*/ 1840 w 10000"/>
                  <a:gd name="connsiteY223" fmla="*/ 4520 h 10000"/>
                  <a:gd name="connsiteX224" fmla="*/ 1985 w 10000"/>
                  <a:gd name="connsiteY224" fmla="*/ 4520 h 10000"/>
                  <a:gd name="connsiteX225" fmla="*/ 2131 w 10000"/>
                  <a:gd name="connsiteY225" fmla="*/ 4490 h 10000"/>
                  <a:gd name="connsiteX226" fmla="*/ 2324 w 10000"/>
                  <a:gd name="connsiteY226" fmla="*/ 4446 h 10000"/>
                  <a:gd name="connsiteX227" fmla="*/ 2324 w 10000"/>
                  <a:gd name="connsiteY227" fmla="*/ 4579 h 10000"/>
                  <a:gd name="connsiteX228" fmla="*/ 2324 w 10000"/>
                  <a:gd name="connsiteY228" fmla="*/ 4742 h 10000"/>
                  <a:gd name="connsiteX229" fmla="*/ 2324 w 10000"/>
                  <a:gd name="connsiteY229" fmla="*/ 4874 h 10000"/>
                  <a:gd name="connsiteX230" fmla="*/ 2324 w 10000"/>
                  <a:gd name="connsiteY230" fmla="*/ 5037 h 10000"/>
                  <a:gd name="connsiteX231" fmla="*/ 2542 w 10000"/>
                  <a:gd name="connsiteY231" fmla="*/ 5022 h 10000"/>
                  <a:gd name="connsiteX232" fmla="*/ 2688 w 10000"/>
                  <a:gd name="connsiteY232" fmla="*/ 5037 h 10000"/>
                  <a:gd name="connsiteX233" fmla="*/ 2809 w 10000"/>
                  <a:gd name="connsiteY233" fmla="*/ 5066 h 10000"/>
                  <a:gd name="connsiteX234" fmla="*/ 2930 w 10000"/>
                  <a:gd name="connsiteY234" fmla="*/ 5096 h 10000"/>
                  <a:gd name="connsiteX235" fmla="*/ 3027 w 10000"/>
                  <a:gd name="connsiteY235" fmla="*/ 5126 h 10000"/>
                  <a:gd name="connsiteX236" fmla="*/ 3148 w 10000"/>
                  <a:gd name="connsiteY236" fmla="*/ 5155 h 10000"/>
                  <a:gd name="connsiteX237" fmla="*/ 3293 w 10000"/>
                  <a:gd name="connsiteY237" fmla="*/ 5170 h 10000"/>
                  <a:gd name="connsiteX238" fmla="*/ 3511 w 10000"/>
                  <a:gd name="connsiteY238" fmla="*/ 5155 h 10000"/>
                  <a:gd name="connsiteX239" fmla="*/ 3584 w 10000"/>
                  <a:gd name="connsiteY239" fmla="*/ 5096 h 10000"/>
                  <a:gd name="connsiteX240" fmla="*/ 3656 w 10000"/>
                  <a:gd name="connsiteY240" fmla="*/ 5022 h 10000"/>
                  <a:gd name="connsiteX241" fmla="*/ 3680 w 10000"/>
                  <a:gd name="connsiteY241" fmla="*/ 4934 h 10000"/>
                  <a:gd name="connsiteX242" fmla="*/ 3705 w 10000"/>
                  <a:gd name="connsiteY242" fmla="*/ 4860 h 10000"/>
                  <a:gd name="connsiteX243" fmla="*/ 3729 w 10000"/>
                  <a:gd name="connsiteY243" fmla="*/ 4697 h 10000"/>
                  <a:gd name="connsiteX244" fmla="*/ 3705 w 10000"/>
                  <a:gd name="connsiteY244" fmla="*/ 4520 h 10000"/>
                  <a:gd name="connsiteX245" fmla="*/ 3632 w 10000"/>
                  <a:gd name="connsiteY245" fmla="*/ 4343 h 10000"/>
                  <a:gd name="connsiteX246" fmla="*/ 3559 w 10000"/>
                  <a:gd name="connsiteY246" fmla="*/ 4195 h 10000"/>
                  <a:gd name="connsiteX247" fmla="*/ 3438 w 10000"/>
                  <a:gd name="connsiteY247" fmla="*/ 4047 h 10000"/>
                  <a:gd name="connsiteX248" fmla="*/ 3317 w 10000"/>
                  <a:gd name="connsiteY248" fmla="*/ 3959 h 10000"/>
                  <a:gd name="connsiteX249" fmla="*/ 3462 w 10000"/>
                  <a:gd name="connsiteY249" fmla="*/ 3944 h 10000"/>
                  <a:gd name="connsiteX250" fmla="*/ 3584 w 10000"/>
                  <a:gd name="connsiteY250" fmla="*/ 3914 h 10000"/>
                  <a:gd name="connsiteX251" fmla="*/ 3680 w 10000"/>
                  <a:gd name="connsiteY251" fmla="*/ 3855 h 10000"/>
                  <a:gd name="connsiteX252" fmla="*/ 3801 w 10000"/>
                  <a:gd name="connsiteY252" fmla="*/ 3752 h 10000"/>
                  <a:gd name="connsiteX253" fmla="*/ 3923 w 10000"/>
                  <a:gd name="connsiteY253" fmla="*/ 3663 h 10000"/>
                  <a:gd name="connsiteX254" fmla="*/ 4019 w 10000"/>
                  <a:gd name="connsiteY254" fmla="*/ 3560 h 10000"/>
                  <a:gd name="connsiteX255" fmla="*/ 4092 w 10000"/>
                  <a:gd name="connsiteY255" fmla="*/ 3442 h 10000"/>
                  <a:gd name="connsiteX256" fmla="*/ 4165 w 10000"/>
                  <a:gd name="connsiteY256" fmla="*/ 3323 h 10000"/>
                  <a:gd name="connsiteX257" fmla="*/ 4213 w 10000"/>
                  <a:gd name="connsiteY257" fmla="*/ 3220 h 10000"/>
                  <a:gd name="connsiteX258" fmla="*/ 4237 w 10000"/>
                  <a:gd name="connsiteY258" fmla="*/ 3102 h 10000"/>
                  <a:gd name="connsiteX259" fmla="*/ 4262 w 10000"/>
                  <a:gd name="connsiteY259" fmla="*/ 3013 h 10000"/>
                  <a:gd name="connsiteX260" fmla="*/ 4237 w 10000"/>
                  <a:gd name="connsiteY260" fmla="*/ 2939 h 10000"/>
                  <a:gd name="connsiteX261" fmla="*/ 4213 w 10000"/>
                  <a:gd name="connsiteY261" fmla="*/ 2866 h 10000"/>
                  <a:gd name="connsiteX262" fmla="*/ 4140 w 10000"/>
                  <a:gd name="connsiteY262" fmla="*/ 2836 h 10000"/>
                  <a:gd name="connsiteX263" fmla="*/ 4044 w 10000"/>
                  <a:gd name="connsiteY263" fmla="*/ 2836 h 10000"/>
                  <a:gd name="connsiteX264" fmla="*/ 3923 w 10000"/>
                  <a:gd name="connsiteY264" fmla="*/ 2866 h 10000"/>
                  <a:gd name="connsiteX265" fmla="*/ 4019 w 10000"/>
                  <a:gd name="connsiteY265" fmla="*/ 2777 h 10000"/>
                  <a:gd name="connsiteX266" fmla="*/ 4068 w 10000"/>
                  <a:gd name="connsiteY266" fmla="*/ 2674 h 10000"/>
                  <a:gd name="connsiteX267" fmla="*/ 4092 w 10000"/>
                  <a:gd name="connsiteY267" fmla="*/ 2541 h 10000"/>
                  <a:gd name="connsiteX268" fmla="*/ 4092 w 10000"/>
                  <a:gd name="connsiteY268" fmla="*/ 2393 h 10000"/>
                  <a:gd name="connsiteX269" fmla="*/ 4116 w 10000"/>
                  <a:gd name="connsiteY269" fmla="*/ 2349 h 10000"/>
                  <a:gd name="connsiteX270" fmla="*/ 4165 w 10000"/>
                  <a:gd name="connsiteY270" fmla="*/ 2304 h 10000"/>
                  <a:gd name="connsiteX271" fmla="*/ 4213 w 10000"/>
                  <a:gd name="connsiteY271" fmla="*/ 2290 h 10000"/>
                  <a:gd name="connsiteX272" fmla="*/ 4286 w 10000"/>
                  <a:gd name="connsiteY272" fmla="*/ 2275 h 10000"/>
                  <a:gd name="connsiteX273" fmla="*/ 4504 w 10000"/>
                  <a:gd name="connsiteY273" fmla="*/ 2260 h 10000"/>
                  <a:gd name="connsiteX274" fmla="*/ 4697 w 10000"/>
                  <a:gd name="connsiteY274" fmla="*/ 2275 h 10000"/>
                  <a:gd name="connsiteX275" fmla="*/ 4673 w 10000"/>
                  <a:gd name="connsiteY275" fmla="*/ 2112 h 10000"/>
                  <a:gd name="connsiteX276" fmla="*/ 4625 w 10000"/>
                  <a:gd name="connsiteY276" fmla="*/ 1950 h 10000"/>
                  <a:gd name="connsiteX277" fmla="*/ 4552 w 10000"/>
                  <a:gd name="connsiteY277" fmla="*/ 1802 h 10000"/>
                  <a:gd name="connsiteX278" fmla="*/ 4455 w 10000"/>
                  <a:gd name="connsiteY278" fmla="*/ 1640 h 10000"/>
                  <a:gd name="connsiteX279" fmla="*/ 4213 w 10000"/>
                  <a:gd name="connsiteY279" fmla="*/ 1329 h 10000"/>
                  <a:gd name="connsiteX280" fmla="*/ 3971 w 10000"/>
                  <a:gd name="connsiteY280" fmla="*/ 1034 h 10000"/>
                  <a:gd name="connsiteX281" fmla="*/ 3850 w 10000"/>
                  <a:gd name="connsiteY281" fmla="*/ 901 h 10000"/>
                  <a:gd name="connsiteX282" fmla="*/ 3753 w 10000"/>
                  <a:gd name="connsiteY282" fmla="*/ 753 h 10000"/>
                  <a:gd name="connsiteX283" fmla="*/ 3680 w 10000"/>
                  <a:gd name="connsiteY283" fmla="*/ 620 h 10000"/>
                  <a:gd name="connsiteX284" fmla="*/ 3656 w 10000"/>
                  <a:gd name="connsiteY284" fmla="*/ 487 h 10000"/>
                  <a:gd name="connsiteX285" fmla="*/ 3632 w 10000"/>
                  <a:gd name="connsiteY285" fmla="*/ 355 h 10000"/>
                  <a:gd name="connsiteX286" fmla="*/ 3680 w 10000"/>
                  <a:gd name="connsiteY286" fmla="*/ 222 h 10000"/>
                  <a:gd name="connsiteX287" fmla="*/ 3705 w 10000"/>
                  <a:gd name="connsiteY287" fmla="*/ 162 h 10000"/>
                  <a:gd name="connsiteX288" fmla="*/ 3753 w 10000"/>
                  <a:gd name="connsiteY288" fmla="*/ 103 h 10000"/>
                  <a:gd name="connsiteX289" fmla="*/ 3826 w 10000"/>
                  <a:gd name="connsiteY289" fmla="*/ 59 h 10000"/>
                  <a:gd name="connsiteX290" fmla="*/ 3923 w 10000"/>
                  <a:gd name="connsiteY290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6852 w 10000"/>
                  <a:gd name="connsiteY61" fmla="*/ 4313 h 10000"/>
                  <a:gd name="connsiteX62" fmla="*/ 6852 w 10000"/>
                  <a:gd name="connsiteY62" fmla="*/ 4431 h 10000"/>
                  <a:gd name="connsiteX63" fmla="*/ 6852 w 10000"/>
                  <a:gd name="connsiteY63" fmla="*/ 4549 h 10000"/>
                  <a:gd name="connsiteX64" fmla="*/ 6804 w 10000"/>
                  <a:gd name="connsiteY64" fmla="*/ 4564 h 10000"/>
                  <a:gd name="connsiteX65" fmla="*/ 6731 w 10000"/>
                  <a:gd name="connsiteY65" fmla="*/ 4594 h 10000"/>
                  <a:gd name="connsiteX66" fmla="*/ 6683 w 10000"/>
                  <a:gd name="connsiteY66" fmla="*/ 4638 h 10000"/>
                  <a:gd name="connsiteX67" fmla="*/ 6683 w 10000"/>
                  <a:gd name="connsiteY67" fmla="*/ 4697 h 10000"/>
                  <a:gd name="connsiteX68" fmla="*/ 6659 w 10000"/>
                  <a:gd name="connsiteY68" fmla="*/ 4801 h 10000"/>
                  <a:gd name="connsiteX69" fmla="*/ 6659 w 10000"/>
                  <a:gd name="connsiteY69" fmla="*/ 4904 h 10000"/>
                  <a:gd name="connsiteX70" fmla="*/ 6538 w 10000"/>
                  <a:gd name="connsiteY70" fmla="*/ 4860 h 10000"/>
                  <a:gd name="connsiteX71" fmla="*/ 6465 w 10000"/>
                  <a:gd name="connsiteY71" fmla="*/ 4801 h 10000"/>
                  <a:gd name="connsiteX72" fmla="*/ 6392 w 10000"/>
                  <a:gd name="connsiteY72" fmla="*/ 4727 h 10000"/>
                  <a:gd name="connsiteX73" fmla="*/ 6320 w 10000"/>
                  <a:gd name="connsiteY73" fmla="*/ 4638 h 10000"/>
                  <a:gd name="connsiteX74" fmla="*/ 6199 w 10000"/>
                  <a:gd name="connsiteY74" fmla="*/ 4476 h 10000"/>
                  <a:gd name="connsiteX75" fmla="*/ 6077 w 10000"/>
                  <a:gd name="connsiteY75" fmla="*/ 4313 h 10000"/>
                  <a:gd name="connsiteX76" fmla="*/ 6223 w 10000"/>
                  <a:gd name="connsiteY76" fmla="*/ 4210 h 10000"/>
                  <a:gd name="connsiteX77" fmla="*/ 6416 w 10000"/>
                  <a:gd name="connsiteY77" fmla="*/ 4121 h 10000"/>
                  <a:gd name="connsiteX78" fmla="*/ 6634 w 10000"/>
                  <a:gd name="connsiteY78" fmla="*/ 4032 h 10000"/>
                  <a:gd name="connsiteX79" fmla="*/ 6877 w 10000"/>
                  <a:gd name="connsiteY79" fmla="*/ 3959 h 10000"/>
                  <a:gd name="connsiteX80" fmla="*/ 7385 w 10000"/>
                  <a:gd name="connsiteY80" fmla="*/ 3811 h 10000"/>
                  <a:gd name="connsiteX81" fmla="*/ 7893 w 10000"/>
                  <a:gd name="connsiteY81" fmla="*/ 3663 h 10000"/>
                  <a:gd name="connsiteX82" fmla="*/ 8136 w 10000"/>
                  <a:gd name="connsiteY82" fmla="*/ 3589 h 10000"/>
                  <a:gd name="connsiteX83" fmla="*/ 8378 w 10000"/>
                  <a:gd name="connsiteY83" fmla="*/ 3516 h 10000"/>
                  <a:gd name="connsiteX84" fmla="*/ 8571 w 10000"/>
                  <a:gd name="connsiteY84" fmla="*/ 3412 h 10000"/>
                  <a:gd name="connsiteX85" fmla="*/ 8765 w 10000"/>
                  <a:gd name="connsiteY85" fmla="*/ 3338 h 10000"/>
                  <a:gd name="connsiteX86" fmla="*/ 8886 w 10000"/>
                  <a:gd name="connsiteY86" fmla="*/ 3235 h 10000"/>
                  <a:gd name="connsiteX87" fmla="*/ 8983 w 10000"/>
                  <a:gd name="connsiteY87" fmla="*/ 3117 h 10000"/>
                  <a:gd name="connsiteX88" fmla="*/ 9007 w 10000"/>
                  <a:gd name="connsiteY88" fmla="*/ 3072 h 10000"/>
                  <a:gd name="connsiteX89" fmla="*/ 9031 w 10000"/>
                  <a:gd name="connsiteY89" fmla="*/ 3013 h 10000"/>
                  <a:gd name="connsiteX90" fmla="*/ 9031 w 10000"/>
                  <a:gd name="connsiteY90" fmla="*/ 2954 h 10000"/>
                  <a:gd name="connsiteX91" fmla="*/ 9007 w 10000"/>
                  <a:gd name="connsiteY91" fmla="*/ 2866 h 10000"/>
                  <a:gd name="connsiteX92" fmla="*/ 8838 w 10000"/>
                  <a:gd name="connsiteY92" fmla="*/ 2984 h 10000"/>
                  <a:gd name="connsiteX93" fmla="*/ 8644 w 10000"/>
                  <a:gd name="connsiteY93" fmla="*/ 3072 h 10000"/>
                  <a:gd name="connsiteX94" fmla="*/ 8450 w 10000"/>
                  <a:gd name="connsiteY94" fmla="*/ 3161 h 10000"/>
                  <a:gd name="connsiteX95" fmla="*/ 8257 w 10000"/>
                  <a:gd name="connsiteY95" fmla="*/ 3250 h 10000"/>
                  <a:gd name="connsiteX96" fmla="*/ 7821 w 10000"/>
                  <a:gd name="connsiteY96" fmla="*/ 3397 h 10000"/>
                  <a:gd name="connsiteX97" fmla="*/ 7361 w 10000"/>
                  <a:gd name="connsiteY97" fmla="*/ 3545 h 10000"/>
                  <a:gd name="connsiteX98" fmla="*/ 6901 w 10000"/>
                  <a:gd name="connsiteY98" fmla="*/ 3678 h 10000"/>
                  <a:gd name="connsiteX99" fmla="*/ 6465 w 10000"/>
                  <a:gd name="connsiteY99" fmla="*/ 3840 h 10000"/>
                  <a:gd name="connsiteX100" fmla="*/ 6247 w 10000"/>
                  <a:gd name="connsiteY100" fmla="*/ 3914 h 10000"/>
                  <a:gd name="connsiteX101" fmla="*/ 6053 w 10000"/>
                  <a:gd name="connsiteY101" fmla="*/ 4003 h 10000"/>
                  <a:gd name="connsiteX102" fmla="*/ 5860 w 10000"/>
                  <a:gd name="connsiteY102" fmla="*/ 4106 h 10000"/>
                  <a:gd name="connsiteX103" fmla="*/ 5666 w 10000"/>
                  <a:gd name="connsiteY103" fmla="*/ 4195 h 10000"/>
                  <a:gd name="connsiteX104" fmla="*/ 5811 w 10000"/>
                  <a:gd name="connsiteY104" fmla="*/ 4417 h 10000"/>
                  <a:gd name="connsiteX105" fmla="*/ 5908 w 10000"/>
                  <a:gd name="connsiteY105" fmla="*/ 4623 h 10000"/>
                  <a:gd name="connsiteX106" fmla="*/ 6005 w 10000"/>
                  <a:gd name="connsiteY106" fmla="*/ 4845 h 10000"/>
                  <a:gd name="connsiteX107" fmla="*/ 6077 w 10000"/>
                  <a:gd name="connsiteY107" fmla="*/ 5081 h 10000"/>
                  <a:gd name="connsiteX108" fmla="*/ 6126 w 10000"/>
                  <a:gd name="connsiteY108" fmla="*/ 5318 h 10000"/>
                  <a:gd name="connsiteX109" fmla="*/ 6150 w 10000"/>
                  <a:gd name="connsiteY109" fmla="*/ 5539 h 10000"/>
                  <a:gd name="connsiteX110" fmla="*/ 6174 w 10000"/>
                  <a:gd name="connsiteY110" fmla="*/ 5775 h 10000"/>
                  <a:gd name="connsiteX111" fmla="*/ 6174 w 10000"/>
                  <a:gd name="connsiteY111" fmla="*/ 5997 h 10000"/>
                  <a:gd name="connsiteX112" fmla="*/ 6150 w 10000"/>
                  <a:gd name="connsiteY112" fmla="*/ 6233 h 10000"/>
                  <a:gd name="connsiteX113" fmla="*/ 6102 w 10000"/>
                  <a:gd name="connsiteY113" fmla="*/ 6470 h 10000"/>
                  <a:gd name="connsiteX114" fmla="*/ 6053 w 10000"/>
                  <a:gd name="connsiteY114" fmla="*/ 6677 h 10000"/>
                  <a:gd name="connsiteX115" fmla="*/ 5981 w 10000"/>
                  <a:gd name="connsiteY115" fmla="*/ 6898 h 10000"/>
                  <a:gd name="connsiteX116" fmla="*/ 5884 w 10000"/>
                  <a:gd name="connsiteY116" fmla="*/ 7105 h 10000"/>
                  <a:gd name="connsiteX117" fmla="*/ 5763 w 10000"/>
                  <a:gd name="connsiteY117" fmla="*/ 7297 h 10000"/>
                  <a:gd name="connsiteX118" fmla="*/ 5617 w 10000"/>
                  <a:gd name="connsiteY118" fmla="*/ 7489 h 10000"/>
                  <a:gd name="connsiteX119" fmla="*/ 5472 w 10000"/>
                  <a:gd name="connsiteY119" fmla="*/ 7681 h 10000"/>
                  <a:gd name="connsiteX120" fmla="*/ 6174 w 10000"/>
                  <a:gd name="connsiteY120" fmla="*/ 7799 h 10000"/>
                  <a:gd name="connsiteX121" fmla="*/ 6901 w 10000"/>
                  <a:gd name="connsiteY121" fmla="*/ 7962 h 10000"/>
                  <a:gd name="connsiteX122" fmla="*/ 7046 w 10000"/>
                  <a:gd name="connsiteY122" fmla="*/ 8021 h 10000"/>
                  <a:gd name="connsiteX123" fmla="*/ 7167 w 10000"/>
                  <a:gd name="connsiteY123" fmla="*/ 8080 h 10000"/>
                  <a:gd name="connsiteX124" fmla="*/ 7288 w 10000"/>
                  <a:gd name="connsiteY124" fmla="*/ 8139 h 10000"/>
                  <a:gd name="connsiteX125" fmla="*/ 7361 w 10000"/>
                  <a:gd name="connsiteY125" fmla="*/ 8227 h 10000"/>
                  <a:gd name="connsiteX126" fmla="*/ 7385 w 10000"/>
                  <a:gd name="connsiteY126" fmla="*/ 8301 h 10000"/>
                  <a:gd name="connsiteX127" fmla="*/ 7385 w 10000"/>
                  <a:gd name="connsiteY127" fmla="*/ 8405 h 10000"/>
                  <a:gd name="connsiteX128" fmla="*/ 7337 w 10000"/>
                  <a:gd name="connsiteY128" fmla="*/ 8523 h 10000"/>
                  <a:gd name="connsiteX129" fmla="*/ 7264 w 10000"/>
                  <a:gd name="connsiteY129" fmla="*/ 8641 h 10000"/>
                  <a:gd name="connsiteX130" fmla="*/ 6949 w 10000"/>
                  <a:gd name="connsiteY130" fmla="*/ 8552 h 10000"/>
                  <a:gd name="connsiteX131" fmla="*/ 6659 w 10000"/>
                  <a:gd name="connsiteY131" fmla="*/ 8449 h 10000"/>
                  <a:gd name="connsiteX132" fmla="*/ 6368 w 10000"/>
                  <a:gd name="connsiteY132" fmla="*/ 8360 h 10000"/>
                  <a:gd name="connsiteX133" fmla="*/ 6077 w 10000"/>
                  <a:gd name="connsiteY133" fmla="*/ 8287 h 10000"/>
                  <a:gd name="connsiteX134" fmla="*/ 5956 w 10000"/>
                  <a:gd name="connsiteY134" fmla="*/ 8449 h 10000"/>
                  <a:gd name="connsiteX135" fmla="*/ 5860 w 10000"/>
                  <a:gd name="connsiteY135" fmla="*/ 8597 h 10000"/>
                  <a:gd name="connsiteX136" fmla="*/ 5811 w 10000"/>
                  <a:gd name="connsiteY136" fmla="*/ 8656 h 10000"/>
                  <a:gd name="connsiteX137" fmla="*/ 5714 w 10000"/>
                  <a:gd name="connsiteY137" fmla="*/ 8700 h 10000"/>
                  <a:gd name="connsiteX138" fmla="*/ 5642 w 10000"/>
                  <a:gd name="connsiteY138" fmla="*/ 8744 h 10000"/>
                  <a:gd name="connsiteX139" fmla="*/ 5569 w 10000"/>
                  <a:gd name="connsiteY139" fmla="*/ 8774 h 10000"/>
                  <a:gd name="connsiteX140" fmla="*/ 5496 w 10000"/>
                  <a:gd name="connsiteY140" fmla="*/ 8804 h 10000"/>
                  <a:gd name="connsiteX141" fmla="*/ 5400 w 10000"/>
                  <a:gd name="connsiteY141" fmla="*/ 8818 h 10000"/>
                  <a:gd name="connsiteX142" fmla="*/ 5278 w 10000"/>
                  <a:gd name="connsiteY142" fmla="*/ 8833 h 10000"/>
                  <a:gd name="connsiteX143" fmla="*/ 5157 w 10000"/>
                  <a:gd name="connsiteY143" fmla="*/ 8833 h 10000"/>
                  <a:gd name="connsiteX144" fmla="*/ 4867 w 10000"/>
                  <a:gd name="connsiteY144" fmla="*/ 8818 h 10000"/>
                  <a:gd name="connsiteX145" fmla="*/ 4504 w 10000"/>
                  <a:gd name="connsiteY145" fmla="*/ 8744 h 10000"/>
                  <a:gd name="connsiteX146" fmla="*/ 4504 w 10000"/>
                  <a:gd name="connsiteY146" fmla="*/ 8922 h 10000"/>
                  <a:gd name="connsiteX147" fmla="*/ 4479 w 10000"/>
                  <a:gd name="connsiteY147" fmla="*/ 9069 h 10000"/>
                  <a:gd name="connsiteX148" fmla="*/ 4455 w 10000"/>
                  <a:gd name="connsiteY148" fmla="*/ 9232 h 10000"/>
                  <a:gd name="connsiteX149" fmla="*/ 4431 w 10000"/>
                  <a:gd name="connsiteY149" fmla="*/ 9365 h 10000"/>
                  <a:gd name="connsiteX150" fmla="*/ 4383 w 10000"/>
                  <a:gd name="connsiteY150" fmla="*/ 9498 h 10000"/>
                  <a:gd name="connsiteX151" fmla="*/ 4286 w 10000"/>
                  <a:gd name="connsiteY151" fmla="*/ 9616 h 10000"/>
                  <a:gd name="connsiteX152" fmla="*/ 4213 w 10000"/>
                  <a:gd name="connsiteY152" fmla="*/ 9734 h 10000"/>
                  <a:gd name="connsiteX153" fmla="*/ 4092 w 10000"/>
                  <a:gd name="connsiteY153" fmla="*/ 9838 h 10000"/>
                  <a:gd name="connsiteX154" fmla="*/ 3801 w 10000"/>
                  <a:gd name="connsiteY154" fmla="*/ 9897 h 10000"/>
                  <a:gd name="connsiteX155" fmla="*/ 3559 w 10000"/>
                  <a:gd name="connsiteY155" fmla="*/ 9941 h 10000"/>
                  <a:gd name="connsiteX156" fmla="*/ 3269 w 10000"/>
                  <a:gd name="connsiteY156" fmla="*/ 9985 h 10000"/>
                  <a:gd name="connsiteX157" fmla="*/ 3051 w 10000"/>
                  <a:gd name="connsiteY157" fmla="*/ 10000 h 10000"/>
                  <a:gd name="connsiteX158" fmla="*/ 2567 w 10000"/>
                  <a:gd name="connsiteY158" fmla="*/ 10000 h 10000"/>
                  <a:gd name="connsiteX159" fmla="*/ 2107 w 10000"/>
                  <a:gd name="connsiteY159" fmla="*/ 9985 h 10000"/>
                  <a:gd name="connsiteX160" fmla="*/ 1671 w 10000"/>
                  <a:gd name="connsiteY160" fmla="*/ 9941 h 10000"/>
                  <a:gd name="connsiteX161" fmla="*/ 1211 w 10000"/>
                  <a:gd name="connsiteY161" fmla="*/ 9911 h 10000"/>
                  <a:gd name="connsiteX162" fmla="*/ 944 w 10000"/>
                  <a:gd name="connsiteY162" fmla="*/ 9911 h 10000"/>
                  <a:gd name="connsiteX163" fmla="*/ 702 w 10000"/>
                  <a:gd name="connsiteY163" fmla="*/ 9911 h 10000"/>
                  <a:gd name="connsiteX164" fmla="*/ 436 w 10000"/>
                  <a:gd name="connsiteY164" fmla="*/ 9926 h 10000"/>
                  <a:gd name="connsiteX165" fmla="*/ 169 w 10000"/>
                  <a:gd name="connsiteY165" fmla="*/ 9970 h 10000"/>
                  <a:gd name="connsiteX166" fmla="*/ 97 w 10000"/>
                  <a:gd name="connsiteY166" fmla="*/ 9867 h 10000"/>
                  <a:gd name="connsiteX167" fmla="*/ 48 w 10000"/>
                  <a:gd name="connsiteY167" fmla="*/ 9793 h 10000"/>
                  <a:gd name="connsiteX168" fmla="*/ 0 w 10000"/>
                  <a:gd name="connsiteY168" fmla="*/ 9705 h 10000"/>
                  <a:gd name="connsiteX169" fmla="*/ 0 w 10000"/>
                  <a:gd name="connsiteY169" fmla="*/ 9601 h 10000"/>
                  <a:gd name="connsiteX170" fmla="*/ 48 w 10000"/>
                  <a:gd name="connsiteY170" fmla="*/ 9424 h 10000"/>
                  <a:gd name="connsiteX171" fmla="*/ 97 w 10000"/>
                  <a:gd name="connsiteY171" fmla="*/ 9202 h 10000"/>
                  <a:gd name="connsiteX172" fmla="*/ 145 w 10000"/>
                  <a:gd name="connsiteY172" fmla="*/ 8996 h 10000"/>
                  <a:gd name="connsiteX173" fmla="*/ 194 w 10000"/>
                  <a:gd name="connsiteY173" fmla="*/ 8759 h 10000"/>
                  <a:gd name="connsiteX174" fmla="*/ 218 w 10000"/>
                  <a:gd name="connsiteY174" fmla="*/ 8641 h 10000"/>
                  <a:gd name="connsiteX175" fmla="*/ 218 w 10000"/>
                  <a:gd name="connsiteY175" fmla="*/ 8538 h 10000"/>
                  <a:gd name="connsiteX176" fmla="*/ 194 w 10000"/>
                  <a:gd name="connsiteY176" fmla="*/ 8405 h 10000"/>
                  <a:gd name="connsiteX177" fmla="*/ 169 w 10000"/>
                  <a:gd name="connsiteY177" fmla="*/ 8287 h 10000"/>
                  <a:gd name="connsiteX178" fmla="*/ 412 w 10000"/>
                  <a:gd name="connsiteY178" fmla="*/ 8213 h 10000"/>
                  <a:gd name="connsiteX179" fmla="*/ 654 w 10000"/>
                  <a:gd name="connsiteY179" fmla="*/ 8139 h 10000"/>
                  <a:gd name="connsiteX180" fmla="*/ 896 w 10000"/>
                  <a:gd name="connsiteY180" fmla="*/ 8095 h 10000"/>
                  <a:gd name="connsiteX181" fmla="*/ 1162 w 10000"/>
                  <a:gd name="connsiteY181" fmla="*/ 8065 h 10000"/>
                  <a:gd name="connsiteX182" fmla="*/ 1646 w 10000"/>
                  <a:gd name="connsiteY182" fmla="*/ 8021 h 10000"/>
                  <a:gd name="connsiteX183" fmla="*/ 2131 w 10000"/>
                  <a:gd name="connsiteY183" fmla="*/ 7976 h 10000"/>
                  <a:gd name="connsiteX184" fmla="*/ 2349 w 10000"/>
                  <a:gd name="connsiteY184" fmla="*/ 7947 h 10000"/>
                  <a:gd name="connsiteX185" fmla="*/ 2567 w 10000"/>
                  <a:gd name="connsiteY185" fmla="*/ 7917 h 10000"/>
                  <a:gd name="connsiteX186" fmla="*/ 2760 w 10000"/>
                  <a:gd name="connsiteY186" fmla="*/ 7843 h 10000"/>
                  <a:gd name="connsiteX187" fmla="*/ 2954 w 10000"/>
                  <a:gd name="connsiteY187" fmla="*/ 7784 h 10000"/>
                  <a:gd name="connsiteX188" fmla="*/ 3123 w 10000"/>
                  <a:gd name="connsiteY188" fmla="*/ 7710 h 10000"/>
                  <a:gd name="connsiteX189" fmla="*/ 3269 w 10000"/>
                  <a:gd name="connsiteY189" fmla="*/ 7592 h 10000"/>
                  <a:gd name="connsiteX190" fmla="*/ 3414 w 10000"/>
                  <a:gd name="connsiteY190" fmla="*/ 7474 h 10000"/>
                  <a:gd name="connsiteX191" fmla="*/ 3511 w 10000"/>
                  <a:gd name="connsiteY191" fmla="*/ 7312 h 10000"/>
                  <a:gd name="connsiteX192" fmla="*/ 3317 w 10000"/>
                  <a:gd name="connsiteY192" fmla="*/ 7238 h 10000"/>
                  <a:gd name="connsiteX193" fmla="*/ 3148 w 10000"/>
                  <a:gd name="connsiteY193" fmla="*/ 7179 h 10000"/>
                  <a:gd name="connsiteX194" fmla="*/ 3002 w 10000"/>
                  <a:gd name="connsiteY194" fmla="*/ 7090 h 10000"/>
                  <a:gd name="connsiteX195" fmla="*/ 2857 w 10000"/>
                  <a:gd name="connsiteY195" fmla="*/ 6987 h 10000"/>
                  <a:gd name="connsiteX196" fmla="*/ 2760 w 10000"/>
                  <a:gd name="connsiteY196" fmla="*/ 6869 h 10000"/>
                  <a:gd name="connsiteX197" fmla="*/ 2712 w 10000"/>
                  <a:gd name="connsiteY197" fmla="*/ 6721 h 10000"/>
                  <a:gd name="connsiteX198" fmla="*/ 2688 w 10000"/>
                  <a:gd name="connsiteY198" fmla="*/ 6558 h 10000"/>
                  <a:gd name="connsiteX199" fmla="*/ 2712 w 10000"/>
                  <a:gd name="connsiteY199" fmla="*/ 6352 h 10000"/>
                  <a:gd name="connsiteX200" fmla="*/ 2591 w 10000"/>
                  <a:gd name="connsiteY200" fmla="*/ 6322 h 10000"/>
                  <a:gd name="connsiteX201" fmla="*/ 2446 w 10000"/>
                  <a:gd name="connsiteY201" fmla="*/ 6292 h 10000"/>
                  <a:gd name="connsiteX202" fmla="*/ 2276 w 10000"/>
                  <a:gd name="connsiteY202" fmla="*/ 6278 h 10000"/>
                  <a:gd name="connsiteX203" fmla="*/ 2107 w 10000"/>
                  <a:gd name="connsiteY203" fmla="*/ 6263 h 10000"/>
                  <a:gd name="connsiteX204" fmla="*/ 1768 w 10000"/>
                  <a:gd name="connsiteY204" fmla="*/ 6248 h 10000"/>
                  <a:gd name="connsiteX205" fmla="*/ 1404 w 10000"/>
                  <a:gd name="connsiteY205" fmla="*/ 6263 h 10000"/>
                  <a:gd name="connsiteX206" fmla="*/ 1090 w 10000"/>
                  <a:gd name="connsiteY206" fmla="*/ 6278 h 10000"/>
                  <a:gd name="connsiteX207" fmla="*/ 799 w 10000"/>
                  <a:gd name="connsiteY207" fmla="*/ 6278 h 10000"/>
                  <a:gd name="connsiteX208" fmla="*/ 557 w 10000"/>
                  <a:gd name="connsiteY208" fmla="*/ 6263 h 10000"/>
                  <a:gd name="connsiteX209" fmla="*/ 363 w 10000"/>
                  <a:gd name="connsiteY209" fmla="*/ 6233 h 10000"/>
                  <a:gd name="connsiteX210" fmla="*/ 605 w 10000"/>
                  <a:gd name="connsiteY210" fmla="*/ 5805 h 10000"/>
                  <a:gd name="connsiteX211" fmla="*/ 872 w 10000"/>
                  <a:gd name="connsiteY211" fmla="*/ 5391 h 10000"/>
                  <a:gd name="connsiteX212" fmla="*/ 969 w 10000"/>
                  <a:gd name="connsiteY212" fmla="*/ 5170 h 10000"/>
                  <a:gd name="connsiteX213" fmla="*/ 1041 w 10000"/>
                  <a:gd name="connsiteY213" fmla="*/ 4963 h 10000"/>
                  <a:gd name="connsiteX214" fmla="*/ 1065 w 10000"/>
                  <a:gd name="connsiteY214" fmla="*/ 4860 h 10000"/>
                  <a:gd name="connsiteX215" fmla="*/ 1041 w 10000"/>
                  <a:gd name="connsiteY215" fmla="*/ 4756 h 10000"/>
                  <a:gd name="connsiteX216" fmla="*/ 1017 w 10000"/>
                  <a:gd name="connsiteY216" fmla="*/ 4653 h 10000"/>
                  <a:gd name="connsiteX217" fmla="*/ 944 w 10000"/>
                  <a:gd name="connsiteY217" fmla="*/ 4549 h 10000"/>
                  <a:gd name="connsiteX218" fmla="*/ 1211 w 10000"/>
                  <a:gd name="connsiteY218" fmla="*/ 4520 h 10000"/>
                  <a:gd name="connsiteX219" fmla="*/ 1404 w 10000"/>
                  <a:gd name="connsiteY219" fmla="*/ 4505 h 10000"/>
                  <a:gd name="connsiteX220" fmla="*/ 1574 w 10000"/>
                  <a:gd name="connsiteY220" fmla="*/ 4505 h 10000"/>
                  <a:gd name="connsiteX221" fmla="*/ 1719 w 10000"/>
                  <a:gd name="connsiteY221" fmla="*/ 4520 h 10000"/>
                  <a:gd name="connsiteX222" fmla="*/ 1840 w 10000"/>
                  <a:gd name="connsiteY222" fmla="*/ 4520 h 10000"/>
                  <a:gd name="connsiteX223" fmla="*/ 1985 w 10000"/>
                  <a:gd name="connsiteY223" fmla="*/ 4520 h 10000"/>
                  <a:gd name="connsiteX224" fmla="*/ 2131 w 10000"/>
                  <a:gd name="connsiteY224" fmla="*/ 4490 h 10000"/>
                  <a:gd name="connsiteX225" fmla="*/ 2324 w 10000"/>
                  <a:gd name="connsiteY225" fmla="*/ 4446 h 10000"/>
                  <a:gd name="connsiteX226" fmla="*/ 2324 w 10000"/>
                  <a:gd name="connsiteY226" fmla="*/ 4579 h 10000"/>
                  <a:gd name="connsiteX227" fmla="*/ 2324 w 10000"/>
                  <a:gd name="connsiteY227" fmla="*/ 4742 h 10000"/>
                  <a:gd name="connsiteX228" fmla="*/ 2324 w 10000"/>
                  <a:gd name="connsiteY228" fmla="*/ 4874 h 10000"/>
                  <a:gd name="connsiteX229" fmla="*/ 2324 w 10000"/>
                  <a:gd name="connsiteY229" fmla="*/ 5037 h 10000"/>
                  <a:gd name="connsiteX230" fmla="*/ 2542 w 10000"/>
                  <a:gd name="connsiteY230" fmla="*/ 5022 h 10000"/>
                  <a:gd name="connsiteX231" fmla="*/ 2688 w 10000"/>
                  <a:gd name="connsiteY231" fmla="*/ 5037 h 10000"/>
                  <a:gd name="connsiteX232" fmla="*/ 2809 w 10000"/>
                  <a:gd name="connsiteY232" fmla="*/ 5066 h 10000"/>
                  <a:gd name="connsiteX233" fmla="*/ 2930 w 10000"/>
                  <a:gd name="connsiteY233" fmla="*/ 5096 h 10000"/>
                  <a:gd name="connsiteX234" fmla="*/ 3027 w 10000"/>
                  <a:gd name="connsiteY234" fmla="*/ 5126 h 10000"/>
                  <a:gd name="connsiteX235" fmla="*/ 3148 w 10000"/>
                  <a:gd name="connsiteY235" fmla="*/ 5155 h 10000"/>
                  <a:gd name="connsiteX236" fmla="*/ 3293 w 10000"/>
                  <a:gd name="connsiteY236" fmla="*/ 5170 h 10000"/>
                  <a:gd name="connsiteX237" fmla="*/ 3511 w 10000"/>
                  <a:gd name="connsiteY237" fmla="*/ 5155 h 10000"/>
                  <a:gd name="connsiteX238" fmla="*/ 3584 w 10000"/>
                  <a:gd name="connsiteY238" fmla="*/ 5096 h 10000"/>
                  <a:gd name="connsiteX239" fmla="*/ 3656 w 10000"/>
                  <a:gd name="connsiteY239" fmla="*/ 5022 h 10000"/>
                  <a:gd name="connsiteX240" fmla="*/ 3680 w 10000"/>
                  <a:gd name="connsiteY240" fmla="*/ 4934 h 10000"/>
                  <a:gd name="connsiteX241" fmla="*/ 3705 w 10000"/>
                  <a:gd name="connsiteY241" fmla="*/ 4860 h 10000"/>
                  <a:gd name="connsiteX242" fmla="*/ 3729 w 10000"/>
                  <a:gd name="connsiteY242" fmla="*/ 4697 h 10000"/>
                  <a:gd name="connsiteX243" fmla="*/ 3705 w 10000"/>
                  <a:gd name="connsiteY243" fmla="*/ 4520 h 10000"/>
                  <a:gd name="connsiteX244" fmla="*/ 3632 w 10000"/>
                  <a:gd name="connsiteY244" fmla="*/ 4343 h 10000"/>
                  <a:gd name="connsiteX245" fmla="*/ 3559 w 10000"/>
                  <a:gd name="connsiteY245" fmla="*/ 4195 h 10000"/>
                  <a:gd name="connsiteX246" fmla="*/ 3438 w 10000"/>
                  <a:gd name="connsiteY246" fmla="*/ 4047 h 10000"/>
                  <a:gd name="connsiteX247" fmla="*/ 3317 w 10000"/>
                  <a:gd name="connsiteY247" fmla="*/ 3959 h 10000"/>
                  <a:gd name="connsiteX248" fmla="*/ 3462 w 10000"/>
                  <a:gd name="connsiteY248" fmla="*/ 3944 h 10000"/>
                  <a:gd name="connsiteX249" fmla="*/ 3584 w 10000"/>
                  <a:gd name="connsiteY249" fmla="*/ 3914 h 10000"/>
                  <a:gd name="connsiteX250" fmla="*/ 3680 w 10000"/>
                  <a:gd name="connsiteY250" fmla="*/ 3855 h 10000"/>
                  <a:gd name="connsiteX251" fmla="*/ 3801 w 10000"/>
                  <a:gd name="connsiteY251" fmla="*/ 3752 h 10000"/>
                  <a:gd name="connsiteX252" fmla="*/ 3923 w 10000"/>
                  <a:gd name="connsiteY252" fmla="*/ 3663 h 10000"/>
                  <a:gd name="connsiteX253" fmla="*/ 4019 w 10000"/>
                  <a:gd name="connsiteY253" fmla="*/ 3560 h 10000"/>
                  <a:gd name="connsiteX254" fmla="*/ 4092 w 10000"/>
                  <a:gd name="connsiteY254" fmla="*/ 3442 h 10000"/>
                  <a:gd name="connsiteX255" fmla="*/ 4165 w 10000"/>
                  <a:gd name="connsiteY255" fmla="*/ 3323 h 10000"/>
                  <a:gd name="connsiteX256" fmla="*/ 4213 w 10000"/>
                  <a:gd name="connsiteY256" fmla="*/ 3220 h 10000"/>
                  <a:gd name="connsiteX257" fmla="*/ 4237 w 10000"/>
                  <a:gd name="connsiteY257" fmla="*/ 3102 h 10000"/>
                  <a:gd name="connsiteX258" fmla="*/ 4262 w 10000"/>
                  <a:gd name="connsiteY258" fmla="*/ 3013 h 10000"/>
                  <a:gd name="connsiteX259" fmla="*/ 4237 w 10000"/>
                  <a:gd name="connsiteY259" fmla="*/ 2939 h 10000"/>
                  <a:gd name="connsiteX260" fmla="*/ 4213 w 10000"/>
                  <a:gd name="connsiteY260" fmla="*/ 2866 h 10000"/>
                  <a:gd name="connsiteX261" fmla="*/ 4140 w 10000"/>
                  <a:gd name="connsiteY261" fmla="*/ 2836 h 10000"/>
                  <a:gd name="connsiteX262" fmla="*/ 4044 w 10000"/>
                  <a:gd name="connsiteY262" fmla="*/ 2836 h 10000"/>
                  <a:gd name="connsiteX263" fmla="*/ 3923 w 10000"/>
                  <a:gd name="connsiteY263" fmla="*/ 2866 h 10000"/>
                  <a:gd name="connsiteX264" fmla="*/ 4019 w 10000"/>
                  <a:gd name="connsiteY264" fmla="*/ 2777 h 10000"/>
                  <a:gd name="connsiteX265" fmla="*/ 4068 w 10000"/>
                  <a:gd name="connsiteY265" fmla="*/ 2674 h 10000"/>
                  <a:gd name="connsiteX266" fmla="*/ 4092 w 10000"/>
                  <a:gd name="connsiteY266" fmla="*/ 2541 h 10000"/>
                  <a:gd name="connsiteX267" fmla="*/ 4092 w 10000"/>
                  <a:gd name="connsiteY267" fmla="*/ 2393 h 10000"/>
                  <a:gd name="connsiteX268" fmla="*/ 4116 w 10000"/>
                  <a:gd name="connsiteY268" fmla="*/ 2349 h 10000"/>
                  <a:gd name="connsiteX269" fmla="*/ 4165 w 10000"/>
                  <a:gd name="connsiteY269" fmla="*/ 2304 h 10000"/>
                  <a:gd name="connsiteX270" fmla="*/ 4213 w 10000"/>
                  <a:gd name="connsiteY270" fmla="*/ 2290 h 10000"/>
                  <a:gd name="connsiteX271" fmla="*/ 4286 w 10000"/>
                  <a:gd name="connsiteY271" fmla="*/ 2275 h 10000"/>
                  <a:gd name="connsiteX272" fmla="*/ 4504 w 10000"/>
                  <a:gd name="connsiteY272" fmla="*/ 2260 h 10000"/>
                  <a:gd name="connsiteX273" fmla="*/ 4697 w 10000"/>
                  <a:gd name="connsiteY273" fmla="*/ 2275 h 10000"/>
                  <a:gd name="connsiteX274" fmla="*/ 4673 w 10000"/>
                  <a:gd name="connsiteY274" fmla="*/ 2112 h 10000"/>
                  <a:gd name="connsiteX275" fmla="*/ 4625 w 10000"/>
                  <a:gd name="connsiteY275" fmla="*/ 1950 h 10000"/>
                  <a:gd name="connsiteX276" fmla="*/ 4552 w 10000"/>
                  <a:gd name="connsiteY276" fmla="*/ 1802 h 10000"/>
                  <a:gd name="connsiteX277" fmla="*/ 4455 w 10000"/>
                  <a:gd name="connsiteY277" fmla="*/ 1640 h 10000"/>
                  <a:gd name="connsiteX278" fmla="*/ 4213 w 10000"/>
                  <a:gd name="connsiteY278" fmla="*/ 1329 h 10000"/>
                  <a:gd name="connsiteX279" fmla="*/ 3971 w 10000"/>
                  <a:gd name="connsiteY279" fmla="*/ 1034 h 10000"/>
                  <a:gd name="connsiteX280" fmla="*/ 3850 w 10000"/>
                  <a:gd name="connsiteY280" fmla="*/ 901 h 10000"/>
                  <a:gd name="connsiteX281" fmla="*/ 3753 w 10000"/>
                  <a:gd name="connsiteY281" fmla="*/ 753 h 10000"/>
                  <a:gd name="connsiteX282" fmla="*/ 3680 w 10000"/>
                  <a:gd name="connsiteY282" fmla="*/ 620 h 10000"/>
                  <a:gd name="connsiteX283" fmla="*/ 3656 w 10000"/>
                  <a:gd name="connsiteY283" fmla="*/ 487 h 10000"/>
                  <a:gd name="connsiteX284" fmla="*/ 3632 w 10000"/>
                  <a:gd name="connsiteY284" fmla="*/ 355 h 10000"/>
                  <a:gd name="connsiteX285" fmla="*/ 3680 w 10000"/>
                  <a:gd name="connsiteY285" fmla="*/ 222 h 10000"/>
                  <a:gd name="connsiteX286" fmla="*/ 3705 w 10000"/>
                  <a:gd name="connsiteY286" fmla="*/ 162 h 10000"/>
                  <a:gd name="connsiteX287" fmla="*/ 3753 w 10000"/>
                  <a:gd name="connsiteY287" fmla="*/ 103 h 10000"/>
                  <a:gd name="connsiteX288" fmla="*/ 3826 w 10000"/>
                  <a:gd name="connsiteY288" fmla="*/ 59 h 10000"/>
                  <a:gd name="connsiteX289" fmla="*/ 3923 w 10000"/>
                  <a:gd name="connsiteY289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6852 w 10000"/>
                  <a:gd name="connsiteY60" fmla="*/ 4313 h 10000"/>
                  <a:gd name="connsiteX61" fmla="*/ 6852 w 10000"/>
                  <a:gd name="connsiteY61" fmla="*/ 4431 h 10000"/>
                  <a:gd name="connsiteX62" fmla="*/ 6852 w 10000"/>
                  <a:gd name="connsiteY62" fmla="*/ 4549 h 10000"/>
                  <a:gd name="connsiteX63" fmla="*/ 6804 w 10000"/>
                  <a:gd name="connsiteY63" fmla="*/ 4564 h 10000"/>
                  <a:gd name="connsiteX64" fmla="*/ 6731 w 10000"/>
                  <a:gd name="connsiteY64" fmla="*/ 4594 h 10000"/>
                  <a:gd name="connsiteX65" fmla="*/ 6683 w 10000"/>
                  <a:gd name="connsiteY65" fmla="*/ 4638 h 10000"/>
                  <a:gd name="connsiteX66" fmla="*/ 6683 w 10000"/>
                  <a:gd name="connsiteY66" fmla="*/ 4697 h 10000"/>
                  <a:gd name="connsiteX67" fmla="*/ 6659 w 10000"/>
                  <a:gd name="connsiteY67" fmla="*/ 4801 h 10000"/>
                  <a:gd name="connsiteX68" fmla="*/ 6659 w 10000"/>
                  <a:gd name="connsiteY68" fmla="*/ 4904 h 10000"/>
                  <a:gd name="connsiteX69" fmla="*/ 6538 w 10000"/>
                  <a:gd name="connsiteY69" fmla="*/ 4860 h 10000"/>
                  <a:gd name="connsiteX70" fmla="*/ 6465 w 10000"/>
                  <a:gd name="connsiteY70" fmla="*/ 4801 h 10000"/>
                  <a:gd name="connsiteX71" fmla="*/ 6392 w 10000"/>
                  <a:gd name="connsiteY71" fmla="*/ 4727 h 10000"/>
                  <a:gd name="connsiteX72" fmla="*/ 6320 w 10000"/>
                  <a:gd name="connsiteY72" fmla="*/ 4638 h 10000"/>
                  <a:gd name="connsiteX73" fmla="*/ 6199 w 10000"/>
                  <a:gd name="connsiteY73" fmla="*/ 4476 h 10000"/>
                  <a:gd name="connsiteX74" fmla="*/ 6077 w 10000"/>
                  <a:gd name="connsiteY74" fmla="*/ 4313 h 10000"/>
                  <a:gd name="connsiteX75" fmla="*/ 6223 w 10000"/>
                  <a:gd name="connsiteY75" fmla="*/ 4210 h 10000"/>
                  <a:gd name="connsiteX76" fmla="*/ 6416 w 10000"/>
                  <a:gd name="connsiteY76" fmla="*/ 4121 h 10000"/>
                  <a:gd name="connsiteX77" fmla="*/ 6634 w 10000"/>
                  <a:gd name="connsiteY77" fmla="*/ 4032 h 10000"/>
                  <a:gd name="connsiteX78" fmla="*/ 6877 w 10000"/>
                  <a:gd name="connsiteY78" fmla="*/ 3959 h 10000"/>
                  <a:gd name="connsiteX79" fmla="*/ 7385 w 10000"/>
                  <a:gd name="connsiteY79" fmla="*/ 3811 h 10000"/>
                  <a:gd name="connsiteX80" fmla="*/ 7893 w 10000"/>
                  <a:gd name="connsiteY80" fmla="*/ 3663 h 10000"/>
                  <a:gd name="connsiteX81" fmla="*/ 8136 w 10000"/>
                  <a:gd name="connsiteY81" fmla="*/ 3589 h 10000"/>
                  <a:gd name="connsiteX82" fmla="*/ 8378 w 10000"/>
                  <a:gd name="connsiteY82" fmla="*/ 3516 h 10000"/>
                  <a:gd name="connsiteX83" fmla="*/ 8571 w 10000"/>
                  <a:gd name="connsiteY83" fmla="*/ 3412 h 10000"/>
                  <a:gd name="connsiteX84" fmla="*/ 8765 w 10000"/>
                  <a:gd name="connsiteY84" fmla="*/ 3338 h 10000"/>
                  <a:gd name="connsiteX85" fmla="*/ 8886 w 10000"/>
                  <a:gd name="connsiteY85" fmla="*/ 3235 h 10000"/>
                  <a:gd name="connsiteX86" fmla="*/ 8983 w 10000"/>
                  <a:gd name="connsiteY86" fmla="*/ 3117 h 10000"/>
                  <a:gd name="connsiteX87" fmla="*/ 9007 w 10000"/>
                  <a:gd name="connsiteY87" fmla="*/ 3072 h 10000"/>
                  <a:gd name="connsiteX88" fmla="*/ 9031 w 10000"/>
                  <a:gd name="connsiteY88" fmla="*/ 3013 h 10000"/>
                  <a:gd name="connsiteX89" fmla="*/ 9031 w 10000"/>
                  <a:gd name="connsiteY89" fmla="*/ 2954 h 10000"/>
                  <a:gd name="connsiteX90" fmla="*/ 9007 w 10000"/>
                  <a:gd name="connsiteY90" fmla="*/ 2866 h 10000"/>
                  <a:gd name="connsiteX91" fmla="*/ 8838 w 10000"/>
                  <a:gd name="connsiteY91" fmla="*/ 2984 h 10000"/>
                  <a:gd name="connsiteX92" fmla="*/ 8644 w 10000"/>
                  <a:gd name="connsiteY92" fmla="*/ 3072 h 10000"/>
                  <a:gd name="connsiteX93" fmla="*/ 8450 w 10000"/>
                  <a:gd name="connsiteY93" fmla="*/ 3161 h 10000"/>
                  <a:gd name="connsiteX94" fmla="*/ 8257 w 10000"/>
                  <a:gd name="connsiteY94" fmla="*/ 3250 h 10000"/>
                  <a:gd name="connsiteX95" fmla="*/ 7821 w 10000"/>
                  <a:gd name="connsiteY95" fmla="*/ 3397 h 10000"/>
                  <a:gd name="connsiteX96" fmla="*/ 7361 w 10000"/>
                  <a:gd name="connsiteY96" fmla="*/ 3545 h 10000"/>
                  <a:gd name="connsiteX97" fmla="*/ 6901 w 10000"/>
                  <a:gd name="connsiteY97" fmla="*/ 3678 h 10000"/>
                  <a:gd name="connsiteX98" fmla="*/ 6465 w 10000"/>
                  <a:gd name="connsiteY98" fmla="*/ 3840 h 10000"/>
                  <a:gd name="connsiteX99" fmla="*/ 6247 w 10000"/>
                  <a:gd name="connsiteY99" fmla="*/ 3914 h 10000"/>
                  <a:gd name="connsiteX100" fmla="*/ 6053 w 10000"/>
                  <a:gd name="connsiteY100" fmla="*/ 4003 h 10000"/>
                  <a:gd name="connsiteX101" fmla="*/ 5860 w 10000"/>
                  <a:gd name="connsiteY101" fmla="*/ 4106 h 10000"/>
                  <a:gd name="connsiteX102" fmla="*/ 5666 w 10000"/>
                  <a:gd name="connsiteY102" fmla="*/ 4195 h 10000"/>
                  <a:gd name="connsiteX103" fmla="*/ 5811 w 10000"/>
                  <a:gd name="connsiteY103" fmla="*/ 4417 h 10000"/>
                  <a:gd name="connsiteX104" fmla="*/ 5908 w 10000"/>
                  <a:gd name="connsiteY104" fmla="*/ 4623 h 10000"/>
                  <a:gd name="connsiteX105" fmla="*/ 6005 w 10000"/>
                  <a:gd name="connsiteY105" fmla="*/ 4845 h 10000"/>
                  <a:gd name="connsiteX106" fmla="*/ 6077 w 10000"/>
                  <a:gd name="connsiteY106" fmla="*/ 5081 h 10000"/>
                  <a:gd name="connsiteX107" fmla="*/ 6126 w 10000"/>
                  <a:gd name="connsiteY107" fmla="*/ 5318 h 10000"/>
                  <a:gd name="connsiteX108" fmla="*/ 6150 w 10000"/>
                  <a:gd name="connsiteY108" fmla="*/ 5539 h 10000"/>
                  <a:gd name="connsiteX109" fmla="*/ 6174 w 10000"/>
                  <a:gd name="connsiteY109" fmla="*/ 5775 h 10000"/>
                  <a:gd name="connsiteX110" fmla="*/ 6174 w 10000"/>
                  <a:gd name="connsiteY110" fmla="*/ 5997 h 10000"/>
                  <a:gd name="connsiteX111" fmla="*/ 6150 w 10000"/>
                  <a:gd name="connsiteY111" fmla="*/ 6233 h 10000"/>
                  <a:gd name="connsiteX112" fmla="*/ 6102 w 10000"/>
                  <a:gd name="connsiteY112" fmla="*/ 6470 h 10000"/>
                  <a:gd name="connsiteX113" fmla="*/ 6053 w 10000"/>
                  <a:gd name="connsiteY113" fmla="*/ 6677 h 10000"/>
                  <a:gd name="connsiteX114" fmla="*/ 5981 w 10000"/>
                  <a:gd name="connsiteY114" fmla="*/ 6898 h 10000"/>
                  <a:gd name="connsiteX115" fmla="*/ 5884 w 10000"/>
                  <a:gd name="connsiteY115" fmla="*/ 7105 h 10000"/>
                  <a:gd name="connsiteX116" fmla="*/ 5763 w 10000"/>
                  <a:gd name="connsiteY116" fmla="*/ 7297 h 10000"/>
                  <a:gd name="connsiteX117" fmla="*/ 5617 w 10000"/>
                  <a:gd name="connsiteY117" fmla="*/ 7489 h 10000"/>
                  <a:gd name="connsiteX118" fmla="*/ 5472 w 10000"/>
                  <a:gd name="connsiteY118" fmla="*/ 7681 h 10000"/>
                  <a:gd name="connsiteX119" fmla="*/ 6174 w 10000"/>
                  <a:gd name="connsiteY119" fmla="*/ 7799 h 10000"/>
                  <a:gd name="connsiteX120" fmla="*/ 6901 w 10000"/>
                  <a:gd name="connsiteY120" fmla="*/ 7962 h 10000"/>
                  <a:gd name="connsiteX121" fmla="*/ 7046 w 10000"/>
                  <a:gd name="connsiteY121" fmla="*/ 8021 h 10000"/>
                  <a:gd name="connsiteX122" fmla="*/ 7167 w 10000"/>
                  <a:gd name="connsiteY122" fmla="*/ 8080 h 10000"/>
                  <a:gd name="connsiteX123" fmla="*/ 7288 w 10000"/>
                  <a:gd name="connsiteY123" fmla="*/ 8139 h 10000"/>
                  <a:gd name="connsiteX124" fmla="*/ 7361 w 10000"/>
                  <a:gd name="connsiteY124" fmla="*/ 8227 h 10000"/>
                  <a:gd name="connsiteX125" fmla="*/ 7385 w 10000"/>
                  <a:gd name="connsiteY125" fmla="*/ 8301 h 10000"/>
                  <a:gd name="connsiteX126" fmla="*/ 7385 w 10000"/>
                  <a:gd name="connsiteY126" fmla="*/ 8405 h 10000"/>
                  <a:gd name="connsiteX127" fmla="*/ 7337 w 10000"/>
                  <a:gd name="connsiteY127" fmla="*/ 8523 h 10000"/>
                  <a:gd name="connsiteX128" fmla="*/ 7264 w 10000"/>
                  <a:gd name="connsiteY128" fmla="*/ 8641 h 10000"/>
                  <a:gd name="connsiteX129" fmla="*/ 6949 w 10000"/>
                  <a:gd name="connsiteY129" fmla="*/ 8552 h 10000"/>
                  <a:gd name="connsiteX130" fmla="*/ 6659 w 10000"/>
                  <a:gd name="connsiteY130" fmla="*/ 8449 h 10000"/>
                  <a:gd name="connsiteX131" fmla="*/ 6368 w 10000"/>
                  <a:gd name="connsiteY131" fmla="*/ 8360 h 10000"/>
                  <a:gd name="connsiteX132" fmla="*/ 6077 w 10000"/>
                  <a:gd name="connsiteY132" fmla="*/ 8287 h 10000"/>
                  <a:gd name="connsiteX133" fmla="*/ 5956 w 10000"/>
                  <a:gd name="connsiteY133" fmla="*/ 8449 h 10000"/>
                  <a:gd name="connsiteX134" fmla="*/ 5860 w 10000"/>
                  <a:gd name="connsiteY134" fmla="*/ 8597 h 10000"/>
                  <a:gd name="connsiteX135" fmla="*/ 5811 w 10000"/>
                  <a:gd name="connsiteY135" fmla="*/ 8656 h 10000"/>
                  <a:gd name="connsiteX136" fmla="*/ 5714 w 10000"/>
                  <a:gd name="connsiteY136" fmla="*/ 8700 h 10000"/>
                  <a:gd name="connsiteX137" fmla="*/ 5642 w 10000"/>
                  <a:gd name="connsiteY137" fmla="*/ 8744 h 10000"/>
                  <a:gd name="connsiteX138" fmla="*/ 5569 w 10000"/>
                  <a:gd name="connsiteY138" fmla="*/ 8774 h 10000"/>
                  <a:gd name="connsiteX139" fmla="*/ 5496 w 10000"/>
                  <a:gd name="connsiteY139" fmla="*/ 8804 h 10000"/>
                  <a:gd name="connsiteX140" fmla="*/ 5400 w 10000"/>
                  <a:gd name="connsiteY140" fmla="*/ 8818 h 10000"/>
                  <a:gd name="connsiteX141" fmla="*/ 5278 w 10000"/>
                  <a:gd name="connsiteY141" fmla="*/ 8833 h 10000"/>
                  <a:gd name="connsiteX142" fmla="*/ 5157 w 10000"/>
                  <a:gd name="connsiteY142" fmla="*/ 8833 h 10000"/>
                  <a:gd name="connsiteX143" fmla="*/ 4867 w 10000"/>
                  <a:gd name="connsiteY143" fmla="*/ 8818 h 10000"/>
                  <a:gd name="connsiteX144" fmla="*/ 4504 w 10000"/>
                  <a:gd name="connsiteY144" fmla="*/ 8744 h 10000"/>
                  <a:gd name="connsiteX145" fmla="*/ 4504 w 10000"/>
                  <a:gd name="connsiteY145" fmla="*/ 8922 h 10000"/>
                  <a:gd name="connsiteX146" fmla="*/ 4479 w 10000"/>
                  <a:gd name="connsiteY146" fmla="*/ 9069 h 10000"/>
                  <a:gd name="connsiteX147" fmla="*/ 4455 w 10000"/>
                  <a:gd name="connsiteY147" fmla="*/ 9232 h 10000"/>
                  <a:gd name="connsiteX148" fmla="*/ 4431 w 10000"/>
                  <a:gd name="connsiteY148" fmla="*/ 9365 h 10000"/>
                  <a:gd name="connsiteX149" fmla="*/ 4383 w 10000"/>
                  <a:gd name="connsiteY149" fmla="*/ 9498 h 10000"/>
                  <a:gd name="connsiteX150" fmla="*/ 4286 w 10000"/>
                  <a:gd name="connsiteY150" fmla="*/ 9616 h 10000"/>
                  <a:gd name="connsiteX151" fmla="*/ 4213 w 10000"/>
                  <a:gd name="connsiteY151" fmla="*/ 9734 h 10000"/>
                  <a:gd name="connsiteX152" fmla="*/ 4092 w 10000"/>
                  <a:gd name="connsiteY152" fmla="*/ 9838 h 10000"/>
                  <a:gd name="connsiteX153" fmla="*/ 3801 w 10000"/>
                  <a:gd name="connsiteY153" fmla="*/ 9897 h 10000"/>
                  <a:gd name="connsiteX154" fmla="*/ 3559 w 10000"/>
                  <a:gd name="connsiteY154" fmla="*/ 9941 h 10000"/>
                  <a:gd name="connsiteX155" fmla="*/ 3269 w 10000"/>
                  <a:gd name="connsiteY155" fmla="*/ 9985 h 10000"/>
                  <a:gd name="connsiteX156" fmla="*/ 3051 w 10000"/>
                  <a:gd name="connsiteY156" fmla="*/ 10000 h 10000"/>
                  <a:gd name="connsiteX157" fmla="*/ 2567 w 10000"/>
                  <a:gd name="connsiteY157" fmla="*/ 10000 h 10000"/>
                  <a:gd name="connsiteX158" fmla="*/ 2107 w 10000"/>
                  <a:gd name="connsiteY158" fmla="*/ 9985 h 10000"/>
                  <a:gd name="connsiteX159" fmla="*/ 1671 w 10000"/>
                  <a:gd name="connsiteY159" fmla="*/ 9941 h 10000"/>
                  <a:gd name="connsiteX160" fmla="*/ 1211 w 10000"/>
                  <a:gd name="connsiteY160" fmla="*/ 9911 h 10000"/>
                  <a:gd name="connsiteX161" fmla="*/ 944 w 10000"/>
                  <a:gd name="connsiteY161" fmla="*/ 9911 h 10000"/>
                  <a:gd name="connsiteX162" fmla="*/ 702 w 10000"/>
                  <a:gd name="connsiteY162" fmla="*/ 9911 h 10000"/>
                  <a:gd name="connsiteX163" fmla="*/ 436 w 10000"/>
                  <a:gd name="connsiteY163" fmla="*/ 9926 h 10000"/>
                  <a:gd name="connsiteX164" fmla="*/ 169 w 10000"/>
                  <a:gd name="connsiteY164" fmla="*/ 9970 h 10000"/>
                  <a:gd name="connsiteX165" fmla="*/ 97 w 10000"/>
                  <a:gd name="connsiteY165" fmla="*/ 9867 h 10000"/>
                  <a:gd name="connsiteX166" fmla="*/ 48 w 10000"/>
                  <a:gd name="connsiteY166" fmla="*/ 9793 h 10000"/>
                  <a:gd name="connsiteX167" fmla="*/ 0 w 10000"/>
                  <a:gd name="connsiteY167" fmla="*/ 9705 h 10000"/>
                  <a:gd name="connsiteX168" fmla="*/ 0 w 10000"/>
                  <a:gd name="connsiteY168" fmla="*/ 9601 h 10000"/>
                  <a:gd name="connsiteX169" fmla="*/ 48 w 10000"/>
                  <a:gd name="connsiteY169" fmla="*/ 9424 h 10000"/>
                  <a:gd name="connsiteX170" fmla="*/ 97 w 10000"/>
                  <a:gd name="connsiteY170" fmla="*/ 9202 h 10000"/>
                  <a:gd name="connsiteX171" fmla="*/ 145 w 10000"/>
                  <a:gd name="connsiteY171" fmla="*/ 8996 h 10000"/>
                  <a:gd name="connsiteX172" fmla="*/ 194 w 10000"/>
                  <a:gd name="connsiteY172" fmla="*/ 8759 h 10000"/>
                  <a:gd name="connsiteX173" fmla="*/ 218 w 10000"/>
                  <a:gd name="connsiteY173" fmla="*/ 8641 h 10000"/>
                  <a:gd name="connsiteX174" fmla="*/ 218 w 10000"/>
                  <a:gd name="connsiteY174" fmla="*/ 8538 h 10000"/>
                  <a:gd name="connsiteX175" fmla="*/ 194 w 10000"/>
                  <a:gd name="connsiteY175" fmla="*/ 8405 h 10000"/>
                  <a:gd name="connsiteX176" fmla="*/ 169 w 10000"/>
                  <a:gd name="connsiteY176" fmla="*/ 8287 h 10000"/>
                  <a:gd name="connsiteX177" fmla="*/ 412 w 10000"/>
                  <a:gd name="connsiteY177" fmla="*/ 8213 h 10000"/>
                  <a:gd name="connsiteX178" fmla="*/ 654 w 10000"/>
                  <a:gd name="connsiteY178" fmla="*/ 8139 h 10000"/>
                  <a:gd name="connsiteX179" fmla="*/ 896 w 10000"/>
                  <a:gd name="connsiteY179" fmla="*/ 8095 h 10000"/>
                  <a:gd name="connsiteX180" fmla="*/ 1162 w 10000"/>
                  <a:gd name="connsiteY180" fmla="*/ 8065 h 10000"/>
                  <a:gd name="connsiteX181" fmla="*/ 1646 w 10000"/>
                  <a:gd name="connsiteY181" fmla="*/ 8021 h 10000"/>
                  <a:gd name="connsiteX182" fmla="*/ 2131 w 10000"/>
                  <a:gd name="connsiteY182" fmla="*/ 7976 h 10000"/>
                  <a:gd name="connsiteX183" fmla="*/ 2349 w 10000"/>
                  <a:gd name="connsiteY183" fmla="*/ 7947 h 10000"/>
                  <a:gd name="connsiteX184" fmla="*/ 2567 w 10000"/>
                  <a:gd name="connsiteY184" fmla="*/ 7917 h 10000"/>
                  <a:gd name="connsiteX185" fmla="*/ 2760 w 10000"/>
                  <a:gd name="connsiteY185" fmla="*/ 7843 h 10000"/>
                  <a:gd name="connsiteX186" fmla="*/ 2954 w 10000"/>
                  <a:gd name="connsiteY186" fmla="*/ 7784 h 10000"/>
                  <a:gd name="connsiteX187" fmla="*/ 3123 w 10000"/>
                  <a:gd name="connsiteY187" fmla="*/ 7710 h 10000"/>
                  <a:gd name="connsiteX188" fmla="*/ 3269 w 10000"/>
                  <a:gd name="connsiteY188" fmla="*/ 7592 h 10000"/>
                  <a:gd name="connsiteX189" fmla="*/ 3414 w 10000"/>
                  <a:gd name="connsiteY189" fmla="*/ 7474 h 10000"/>
                  <a:gd name="connsiteX190" fmla="*/ 3511 w 10000"/>
                  <a:gd name="connsiteY190" fmla="*/ 7312 h 10000"/>
                  <a:gd name="connsiteX191" fmla="*/ 3317 w 10000"/>
                  <a:gd name="connsiteY191" fmla="*/ 7238 h 10000"/>
                  <a:gd name="connsiteX192" fmla="*/ 3148 w 10000"/>
                  <a:gd name="connsiteY192" fmla="*/ 7179 h 10000"/>
                  <a:gd name="connsiteX193" fmla="*/ 3002 w 10000"/>
                  <a:gd name="connsiteY193" fmla="*/ 7090 h 10000"/>
                  <a:gd name="connsiteX194" fmla="*/ 2857 w 10000"/>
                  <a:gd name="connsiteY194" fmla="*/ 6987 h 10000"/>
                  <a:gd name="connsiteX195" fmla="*/ 2760 w 10000"/>
                  <a:gd name="connsiteY195" fmla="*/ 6869 h 10000"/>
                  <a:gd name="connsiteX196" fmla="*/ 2712 w 10000"/>
                  <a:gd name="connsiteY196" fmla="*/ 6721 h 10000"/>
                  <a:gd name="connsiteX197" fmla="*/ 2688 w 10000"/>
                  <a:gd name="connsiteY197" fmla="*/ 6558 h 10000"/>
                  <a:gd name="connsiteX198" fmla="*/ 2712 w 10000"/>
                  <a:gd name="connsiteY198" fmla="*/ 6352 h 10000"/>
                  <a:gd name="connsiteX199" fmla="*/ 2591 w 10000"/>
                  <a:gd name="connsiteY199" fmla="*/ 6322 h 10000"/>
                  <a:gd name="connsiteX200" fmla="*/ 2446 w 10000"/>
                  <a:gd name="connsiteY200" fmla="*/ 6292 h 10000"/>
                  <a:gd name="connsiteX201" fmla="*/ 2276 w 10000"/>
                  <a:gd name="connsiteY201" fmla="*/ 6278 h 10000"/>
                  <a:gd name="connsiteX202" fmla="*/ 2107 w 10000"/>
                  <a:gd name="connsiteY202" fmla="*/ 6263 h 10000"/>
                  <a:gd name="connsiteX203" fmla="*/ 1768 w 10000"/>
                  <a:gd name="connsiteY203" fmla="*/ 6248 h 10000"/>
                  <a:gd name="connsiteX204" fmla="*/ 1404 w 10000"/>
                  <a:gd name="connsiteY204" fmla="*/ 6263 h 10000"/>
                  <a:gd name="connsiteX205" fmla="*/ 1090 w 10000"/>
                  <a:gd name="connsiteY205" fmla="*/ 6278 h 10000"/>
                  <a:gd name="connsiteX206" fmla="*/ 799 w 10000"/>
                  <a:gd name="connsiteY206" fmla="*/ 6278 h 10000"/>
                  <a:gd name="connsiteX207" fmla="*/ 557 w 10000"/>
                  <a:gd name="connsiteY207" fmla="*/ 6263 h 10000"/>
                  <a:gd name="connsiteX208" fmla="*/ 363 w 10000"/>
                  <a:gd name="connsiteY208" fmla="*/ 6233 h 10000"/>
                  <a:gd name="connsiteX209" fmla="*/ 605 w 10000"/>
                  <a:gd name="connsiteY209" fmla="*/ 5805 h 10000"/>
                  <a:gd name="connsiteX210" fmla="*/ 872 w 10000"/>
                  <a:gd name="connsiteY210" fmla="*/ 5391 h 10000"/>
                  <a:gd name="connsiteX211" fmla="*/ 969 w 10000"/>
                  <a:gd name="connsiteY211" fmla="*/ 5170 h 10000"/>
                  <a:gd name="connsiteX212" fmla="*/ 1041 w 10000"/>
                  <a:gd name="connsiteY212" fmla="*/ 4963 h 10000"/>
                  <a:gd name="connsiteX213" fmla="*/ 1065 w 10000"/>
                  <a:gd name="connsiteY213" fmla="*/ 4860 h 10000"/>
                  <a:gd name="connsiteX214" fmla="*/ 1041 w 10000"/>
                  <a:gd name="connsiteY214" fmla="*/ 4756 h 10000"/>
                  <a:gd name="connsiteX215" fmla="*/ 1017 w 10000"/>
                  <a:gd name="connsiteY215" fmla="*/ 4653 h 10000"/>
                  <a:gd name="connsiteX216" fmla="*/ 944 w 10000"/>
                  <a:gd name="connsiteY216" fmla="*/ 4549 h 10000"/>
                  <a:gd name="connsiteX217" fmla="*/ 1211 w 10000"/>
                  <a:gd name="connsiteY217" fmla="*/ 4520 h 10000"/>
                  <a:gd name="connsiteX218" fmla="*/ 1404 w 10000"/>
                  <a:gd name="connsiteY218" fmla="*/ 4505 h 10000"/>
                  <a:gd name="connsiteX219" fmla="*/ 1574 w 10000"/>
                  <a:gd name="connsiteY219" fmla="*/ 4505 h 10000"/>
                  <a:gd name="connsiteX220" fmla="*/ 1719 w 10000"/>
                  <a:gd name="connsiteY220" fmla="*/ 4520 h 10000"/>
                  <a:gd name="connsiteX221" fmla="*/ 1840 w 10000"/>
                  <a:gd name="connsiteY221" fmla="*/ 4520 h 10000"/>
                  <a:gd name="connsiteX222" fmla="*/ 1985 w 10000"/>
                  <a:gd name="connsiteY222" fmla="*/ 4520 h 10000"/>
                  <a:gd name="connsiteX223" fmla="*/ 2131 w 10000"/>
                  <a:gd name="connsiteY223" fmla="*/ 4490 h 10000"/>
                  <a:gd name="connsiteX224" fmla="*/ 2324 w 10000"/>
                  <a:gd name="connsiteY224" fmla="*/ 4446 h 10000"/>
                  <a:gd name="connsiteX225" fmla="*/ 2324 w 10000"/>
                  <a:gd name="connsiteY225" fmla="*/ 4579 h 10000"/>
                  <a:gd name="connsiteX226" fmla="*/ 2324 w 10000"/>
                  <a:gd name="connsiteY226" fmla="*/ 4742 h 10000"/>
                  <a:gd name="connsiteX227" fmla="*/ 2324 w 10000"/>
                  <a:gd name="connsiteY227" fmla="*/ 4874 h 10000"/>
                  <a:gd name="connsiteX228" fmla="*/ 2324 w 10000"/>
                  <a:gd name="connsiteY228" fmla="*/ 5037 h 10000"/>
                  <a:gd name="connsiteX229" fmla="*/ 2542 w 10000"/>
                  <a:gd name="connsiteY229" fmla="*/ 5022 h 10000"/>
                  <a:gd name="connsiteX230" fmla="*/ 2688 w 10000"/>
                  <a:gd name="connsiteY230" fmla="*/ 5037 h 10000"/>
                  <a:gd name="connsiteX231" fmla="*/ 2809 w 10000"/>
                  <a:gd name="connsiteY231" fmla="*/ 5066 h 10000"/>
                  <a:gd name="connsiteX232" fmla="*/ 2930 w 10000"/>
                  <a:gd name="connsiteY232" fmla="*/ 5096 h 10000"/>
                  <a:gd name="connsiteX233" fmla="*/ 3027 w 10000"/>
                  <a:gd name="connsiteY233" fmla="*/ 5126 h 10000"/>
                  <a:gd name="connsiteX234" fmla="*/ 3148 w 10000"/>
                  <a:gd name="connsiteY234" fmla="*/ 5155 h 10000"/>
                  <a:gd name="connsiteX235" fmla="*/ 3293 w 10000"/>
                  <a:gd name="connsiteY235" fmla="*/ 5170 h 10000"/>
                  <a:gd name="connsiteX236" fmla="*/ 3511 w 10000"/>
                  <a:gd name="connsiteY236" fmla="*/ 5155 h 10000"/>
                  <a:gd name="connsiteX237" fmla="*/ 3584 w 10000"/>
                  <a:gd name="connsiteY237" fmla="*/ 5096 h 10000"/>
                  <a:gd name="connsiteX238" fmla="*/ 3656 w 10000"/>
                  <a:gd name="connsiteY238" fmla="*/ 5022 h 10000"/>
                  <a:gd name="connsiteX239" fmla="*/ 3680 w 10000"/>
                  <a:gd name="connsiteY239" fmla="*/ 4934 h 10000"/>
                  <a:gd name="connsiteX240" fmla="*/ 3705 w 10000"/>
                  <a:gd name="connsiteY240" fmla="*/ 4860 h 10000"/>
                  <a:gd name="connsiteX241" fmla="*/ 3729 w 10000"/>
                  <a:gd name="connsiteY241" fmla="*/ 4697 h 10000"/>
                  <a:gd name="connsiteX242" fmla="*/ 3705 w 10000"/>
                  <a:gd name="connsiteY242" fmla="*/ 4520 h 10000"/>
                  <a:gd name="connsiteX243" fmla="*/ 3632 w 10000"/>
                  <a:gd name="connsiteY243" fmla="*/ 4343 h 10000"/>
                  <a:gd name="connsiteX244" fmla="*/ 3559 w 10000"/>
                  <a:gd name="connsiteY244" fmla="*/ 4195 h 10000"/>
                  <a:gd name="connsiteX245" fmla="*/ 3438 w 10000"/>
                  <a:gd name="connsiteY245" fmla="*/ 4047 h 10000"/>
                  <a:gd name="connsiteX246" fmla="*/ 3317 w 10000"/>
                  <a:gd name="connsiteY246" fmla="*/ 3959 h 10000"/>
                  <a:gd name="connsiteX247" fmla="*/ 3462 w 10000"/>
                  <a:gd name="connsiteY247" fmla="*/ 3944 h 10000"/>
                  <a:gd name="connsiteX248" fmla="*/ 3584 w 10000"/>
                  <a:gd name="connsiteY248" fmla="*/ 3914 h 10000"/>
                  <a:gd name="connsiteX249" fmla="*/ 3680 w 10000"/>
                  <a:gd name="connsiteY249" fmla="*/ 3855 h 10000"/>
                  <a:gd name="connsiteX250" fmla="*/ 3801 w 10000"/>
                  <a:gd name="connsiteY250" fmla="*/ 3752 h 10000"/>
                  <a:gd name="connsiteX251" fmla="*/ 3923 w 10000"/>
                  <a:gd name="connsiteY251" fmla="*/ 3663 h 10000"/>
                  <a:gd name="connsiteX252" fmla="*/ 4019 w 10000"/>
                  <a:gd name="connsiteY252" fmla="*/ 3560 h 10000"/>
                  <a:gd name="connsiteX253" fmla="*/ 4092 w 10000"/>
                  <a:gd name="connsiteY253" fmla="*/ 3442 h 10000"/>
                  <a:gd name="connsiteX254" fmla="*/ 4165 w 10000"/>
                  <a:gd name="connsiteY254" fmla="*/ 3323 h 10000"/>
                  <a:gd name="connsiteX255" fmla="*/ 4213 w 10000"/>
                  <a:gd name="connsiteY255" fmla="*/ 3220 h 10000"/>
                  <a:gd name="connsiteX256" fmla="*/ 4237 w 10000"/>
                  <a:gd name="connsiteY256" fmla="*/ 3102 h 10000"/>
                  <a:gd name="connsiteX257" fmla="*/ 4262 w 10000"/>
                  <a:gd name="connsiteY257" fmla="*/ 3013 h 10000"/>
                  <a:gd name="connsiteX258" fmla="*/ 4237 w 10000"/>
                  <a:gd name="connsiteY258" fmla="*/ 2939 h 10000"/>
                  <a:gd name="connsiteX259" fmla="*/ 4213 w 10000"/>
                  <a:gd name="connsiteY259" fmla="*/ 2866 h 10000"/>
                  <a:gd name="connsiteX260" fmla="*/ 4140 w 10000"/>
                  <a:gd name="connsiteY260" fmla="*/ 2836 h 10000"/>
                  <a:gd name="connsiteX261" fmla="*/ 4044 w 10000"/>
                  <a:gd name="connsiteY261" fmla="*/ 2836 h 10000"/>
                  <a:gd name="connsiteX262" fmla="*/ 3923 w 10000"/>
                  <a:gd name="connsiteY262" fmla="*/ 2866 h 10000"/>
                  <a:gd name="connsiteX263" fmla="*/ 4019 w 10000"/>
                  <a:gd name="connsiteY263" fmla="*/ 2777 h 10000"/>
                  <a:gd name="connsiteX264" fmla="*/ 4068 w 10000"/>
                  <a:gd name="connsiteY264" fmla="*/ 2674 h 10000"/>
                  <a:gd name="connsiteX265" fmla="*/ 4092 w 10000"/>
                  <a:gd name="connsiteY265" fmla="*/ 2541 h 10000"/>
                  <a:gd name="connsiteX266" fmla="*/ 4092 w 10000"/>
                  <a:gd name="connsiteY266" fmla="*/ 2393 h 10000"/>
                  <a:gd name="connsiteX267" fmla="*/ 4116 w 10000"/>
                  <a:gd name="connsiteY267" fmla="*/ 2349 h 10000"/>
                  <a:gd name="connsiteX268" fmla="*/ 4165 w 10000"/>
                  <a:gd name="connsiteY268" fmla="*/ 2304 h 10000"/>
                  <a:gd name="connsiteX269" fmla="*/ 4213 w 10000"/>
                  <a:gd name="connsiteY269" fmla="*/ 2290 h 10000"/>
                  <a:gd name="connsiteX270" fmla="*/ 4286 w 10000"/>
                  <a:gd name="connsiteY270" fmla="*/ 2275 h 10000"/>
                  <a:gd name="connsiteX271" fmla="*/ 4504 w 10000"/>
                  <a:gd name="connsiteY271" fmla="*/ 2260 h 10000"/>
                  <a:gd name="connsiteX272" fmla="*/ 4697 w 10000"/>
                  <a:gd name="connsiteY272" fmla="*/ 2275 h 10000"/>
                  <a:gd name="connsiteX273" fmla="*/ 4673 w 10000"/>
                  <a:gd name="connsiteY273" fmla="*/ 2112 h 10000"/>
                  <a:gd name="connsiteX274" fmla="*/ 4625 w 10000"/>
                  <a:gd name="connsiteY274" fmla="*/ 1950 h 10000"/>
                  <a:gd name="connsiteX275" fmla="*/ 4552 w 10000"/>
                  <a:gd name="connsiteY275" fmla="*/ 1802 h 10000"/>
                  <a:gd name="connsiteX276" fmla="*/ 4455 w 10000"/>
                  <a:gd name="connsiteY276" fmla="*/ 1640 h 10000"/>
                  <a:gd name="connsiteX277" fmla="*/ 4213 w 10000"/>
                  <a:gd name="connsiteY277" fmla="*/ 1329 h 10000"/>
                  <a:gd name="connsiteX278" fmla="*/ 3971 w 10000"/>
                  <a:gd name="connsiteY278" fmla="*/ 1034 h 10000"/>
                  <a:gd name="connsiteX279" fmla="*/ 3850 w 10000"/>
                  <a:gd name="connsiteY279" fmla="*/ 901 h 10000"/>
                  <a:gd name="connsiteX280" fmla="*/ 3753 w 10000"/>
                  <a:gd name="connsiteY280" fmla="*/ 753 h 10000"/>
                  <a:gd name="connsiteX281" fmla="*/ 3680 w 10000"/>
                  <a:gd name="connsiteY281" fmla="*/ 620 h 10000"/>
                  <a:gd name="connsiteX282" fmla="*/ 3656 w 10000"/>
                  <a:gd name="connsiteY282" fmla="*/ 487 h 10000"/>
                  <a:gd name="connsiteX283" fmla="*/ 3632 w 10000"/>
                  <a:gd name="connsiteY283" fmla="*/ 355 h 10000"/>
                  <a:gd name="connsiteX284" fmla="*/ 3680 w 10000"/>
                  <a:gd name="connsiteY284" fmla="*/ 222 h 10000"/>
                  <a:gd name="connsiteX285" fmla="*/ 3705 w 10000"/>
                  <a:gd name="connsiteY285" fmla="*/ 162 h 10000"/>
                  <a:gd name="connsiteX286" fmla="*/ 3753 w 10000"/>
                  <a:gd name="connsiteY286" fmla="*/ 103 h 10000"/>
                  <a:gd name="connsiteX287" fmla="*/ 3826 w 10000"/>
                  <a:gd name="connsiteY287" fmla="*/ 59 h 10000"/>
                  <a:gd name="connsiteX288" fmla="*/ 3923 w 10000"/>
                  <a:gd name="connsiteY288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6852 w 10000"/>
                  <a:gd name="connsiteY59" fmla="*/ 4313 h 10000"/>
                  <a:gd name="connsiteX60" fmla="*/ 6852 w 10000"/>
                  <a:gd name="connsiteY60" fmla="*/ 4431 h 10000"/>
                  <a:gd name="connsiteX61" fmla="*/ 6852 w 10000"/>
                  <a:gd name="connsiteY61" fmla="*/ 4549 h 10000"/>
                  <a:gd name="connsiteX62" fmla="*/ 6804 w 10000"/>
                  <a:gd name="connsiteY62" fmla="*/ 4564 h 10000"/>
                  <a:gd name="connsiteX63" fmla="*/ 6731 w 10000"/>
                  <a:gd name="connsiteY63" fmla="*/ 4594 h 10000"/>
                  <a:gd name="connsiteX64" fmla="*/ 6683 w 10000"/>
                  <a:gd name="connsiteY64" fmla="*/ 4638 h 10000"/>
                  <a:gd name="connsiteX65" fmla="*/ 6683 w 10000"/>
                  <a:gd name="connsiteY65" fmla="*/ 4697 h 10000"/>
                  <a:gd name="connsiteX66" fmla="*/ 6659 w 10000"/>
                  <a:gd name="connsiteY66" fmla="*/ 4801 h 10000"/>
                  <a:gd name="connsiteX67" fmla="*/ 6659 w 10000"/>
                  <a:gd name="connsiteY67" fmla="*/ 4904 h 10000"/>
                  <a:gd name="connsiteX68" fmla="*/ 6538 w 10000"/>
                  <a:gd name="connsiteY68" fmla="*/ 4860 h 10000"/>
                  <a:gd name="connsiteX69" fmla="*/ 6465 w 10000"/>
                  <a:gd name="connsiteY69" fmla="*/ 4801 h 10000"/>
                  <a:gd name="connsiteX70" fmla="*/ 6392 w 10000"/>
                  <a:gd name="connsiteY70" fmla="*/ 4727 h 10000"/>
                  <a:gd name="connsiteX71" fmla="*/ 6320 w 10000"/>
                  <a:gd name="connsiteY71" fmla="*/ 4638 h 10000"/>
                  <a:gd name="connsiteX72" fmla="*/ 6199 w 10000"/>
                  <a:gd name="connsiteY72" fmla="*/ 4476 h 10000"/>
                  <a:gd name="connsiteX73" fmla="*/ 6077 w 10000"/>
                  <a:gd name="connsiteY73" fmla="*/ 4313 h 10000"/>
                  <a:gd name="connsiteX74" fmla="*/ 6223 w 10000"/>
                  <a:gd name="connsiteY74" fmla="*/ 4210 h 10000"/>
                  <a:gd name="connsiteX75" fmla="*/ 6416 w 10000"/>
                  <a:gd name="connsiteY75" fmla="*/ 4121 h 10000"/>
                  <a:gd name="connsiteX76" fmla="*/ 6634 w 10000"/>
                  <a:gd name="connsiteY76" fmla="*/ 4032 h 10000"/>
                  <a:gd name="connsiteX77" fmla="*/ 6877 w 10000"/>
                  <a:gd name="connsiteY77" fmla="*/ 3959 h 10000"/>
                  <a:gd name="connsiteX78" fmla="*/ 7385 w 10000"/>
                  <a:gd name="connsiteY78" fmla="*/ 3811 h 10000"/>
                  <a:gd name="connsiteX79" fmla="*/ 7893 w 10000"/>
                  <a:gd name="connsiteY79" fmla="*/ 3663 h 10000"/>
                  <a:gd name="connsiteX80" fmla="*/ 8136 w 10000"/>
                  <a:gd name="connsiteY80" fmla="*/ 3589 h 10000"/>
                  <a:gd name="connsiteX81" fmla="*/ 8378 w 10000"/>
                  <a:gd name="connsiteY81" fmla="*/ 3516 h 10000"/>
                  <a:gd name="connsiteX82" fmla="*/ 8571 w 10000"/>
                  <a:gd name="connsiteY82" fmla="*/ 3412 h 10000"/>
                  <a:gd name="connsiteX83" fmla="*/ 8765 w 10000"/>
                  <a:gd name="connsiteY83" fmla="*/ 3338 h 10000"/>
                  <a:gd name="connsiteX84" fmla="*/ 8886 w 10000"/>
                  <a:gd name="connsiteY84" fmla="*/ 3235 h 10000"/>
                  <a:gd name="connsiteX85" fmla="*/ 8983 w 10000"/>
                  <a:gd name="connsiteY85" fmla="*/ 3117 h 10000"/>
                  <a:gd name="connsiteX86" fmla="*/ 9007 w 10000"/>
                  <a:gd name="connsiteY86" fmla="*/ 3072 h 10000"/>
                  <a:gd name="connsiteX87" fmla="*/ 9031 w 10000"/>
                  <a:gd name="connsiteY87" fmla="*/ 3013 h 10000"/>
                  <a:gd name="connsiteX88" fmla="*/ 9031 w 10000"/>
                  <a:gd name="connsiteY88" fmla="*/ 2954 h 10000"/>
                  <a:gd name="connsiteX89" fmla="*/ 9007 w 10000"/>
                  <a:gd name="connsiteY89" fmla="*/ 2866 h 10000"/>
                  <a:gd name="connsiteX90" fmla="*/ 8838 w 10000"/>
                  <a:gd name="connsiteY90" fmla="*/ 2984 h 10000"/>
                  <a:gd name="connsiteX91" fmla="*/ 8644 w 10000"/>
                  <a:gd name="connsiteY91" fmla="*/ 3072 h 10000"/>
                  <a:gd name="connsiteX92" fmla="*/ 8450 w 10000"/>
                  <a:gd name="connsiteY92" fmla="*/ 3161 h 10000"/>
                  <a:gd name="connsiteX93" fmla="*/ 8257 w 10000"/>
                  <a:gd name="connsiteY93" fmla="*/ 3250 h 10000"/>
                  <a:gd name="connsiteX94" fmla="*/ 7821 w 10000"/>
                  <a:gd name="connsiteY94" fmla="*/ 3397 h 10000"/>
                  <a:gd name="connsiteX95" fmla="*/ 7361 w 10000"/>
                  <a:gd name="connsiteY95" fmla="*/ 3545 h 10000"/>
                  <a:gd name="connsiteX96" fmla="*/ 6901 w 10000"/>
                  <a:gd name="connsiteY96" fmla="*/ 3678 h 10000"/>
                  <a:gd name="connsiteX97" fmla="*/ 6465 w 10000"/>
                  <a:gd name="connsiteY97" fmla="*/ 3840 h 10000"/>
                  <a:gd name="connsiteX98" fmla="*/ 6247 w 10000"/>
                  <a:gd name="connsiteY98" fmla="*/ 3914 h 10000"/>
                  <a:gd name="connsiteX99" fmla="*/ 6053 w 10000"/>
                  <a:gd name="connsiteY99" fmla="*/ 4003 h 10000"/>
                  <a:gd name="connsiteX100" fmla="*/ 5860 w 10000"/>
                  <a:gd name="connsiteY100" fmla="*/ 4106 h 10000"/>
                  <a:gd name="connsiteX101" fmla="*/ 5666 w 10000"/>
                  <a:gd name="connsiteY101" fmla="*/ 4195 h 10000"/>
                  <a:gd name="connsiteX102" fmla="*/ 5811 w 10000"/>
                  <a:gd name="connsiteY102" fmla="*/ 4417 h 10000"/>
                  <a:gd name="connsiteX103" fmla="*/ 5908 w 10000"/>
                  <a:gd name="connsiteY103" fmla="*/ 4623 h 10000"/>
                  <a:gd name="connsiteX104" fmla="*/ 6005 w 10000"/>
                  <a:gd name="connsiteY104" fmla="*/ 4845 h 10000"/>
                  <a:gd name="connsiteX105" fmla="*/ 6077 w 10000"/>
                  <a:gd name="connsiteY105" fmla="*/ 5081 h 10000"/>
                  <a:gd name="connsiteX106" fmla="*/ 6126 w 10000"/>
                  <a:gd name="connsiteY106" fmla="*/ 5318 h 10000"/>
                  <a:gd name="connsiteX107" fmla="*/ 6150 w 10000"/>
                  <a:gd name="connsiteY107" fmla="*/ 5539 h 10000"/>
                  <a:gd name="connsiteX108" fmla="*/ 6174 w 10000"/>
                  <a:gd name="connsiteY108" fmla="*/ 5775 h 10000"/>
                  <a:gd name="connsiteX109" fmla="*/ 6174 w 10000"/>
                  <a:gd name="connsiteY109" fmla="*/ 5997 h 10000"/>
                  <a:gd name="connsiteX110" fmla="*/ 6150 w 10000"/>
                  <a:gd name="connsiteY110" fmla="*/ 6233 h 10000"/>
                  <a:gd name="connsiteX111" fmla="*/ 6102 w 10000"/>
                  <a:gd name="connsiteY111" fmla="*/ 6470 h 10000"/>
                  <a:gd name="connsiteX112" fmla="*/ 6053 w 10000"/>
                  <a:gd name="connsiteY112" fmla="*/ 6677 h 10000"/>
                  <a:gd name="connsiteX113" fmla="*/ 5981 w 10000"/>
                  <a:gd name="connsiteY113" fmla="*/ 6898 h 10000"/>
                  <a:gd name="connsiteX114" fmla="*/ 5884 w 10000"/>
                  <a:gd name="connsiteY114" fmla="*/ 7105 h 10000"/>
                  <a:gd name="connsiteX115" fmla="*/ 5763 w 10000"/>
                  <a:gd name="connsiteY115" fmla="*/ 7297 h 10000"/>
                  <a:gd name="connsiteX116" fmla="*/ 5617 w 10000"/>
                  <a:gd name="connsiteY116" fmla="*/ 7489 h 10000"/>
                  <a:gd name="connsiteX117" fmla="*/ 5472 w 10000"/>
                  <a:gd name="connsiteY117" fmla="*/ 7681 h 10000"/>
                  <a:gd name="connsiteX118" fmla="*/ 6174 w 10000"/>
                  <a:gd name="connsiteY118" fmla="*/ 7799 h 10000"/>
                  <a:gd name="connsiteX119" fmla="*/ 6901 w 10000"/>
                  <a:gd name="connsiteY119" fmla="*/ 7962 h 10000"/>
                  <a:gd name="connsiteX120" fmla="*/ 7046 w 10000"/>
                  <a:gd name="connsiteY120" fmla="*/ 8021 h 10000"/>
                  <a:gd name="connsiteX121" fmla="*/ 7167 w 10000"/>
                  <a:gd name="connsiteY121" fmla="*/ 8080 h 10000"/>
                  <a:gd name="connsiteX122" fmla="*/ 7288 w 10000"/>
                  <a:gd name="connsiteY122" fmla="*/ 8139 h 10000"/>
                  <a:gd name="connsiteX123" fmla="*/ 7361 w 10000"/>
                  <a:gd name="connsiteY123" fmla="*/ 8227 h 10000"/>
                  <a:gd name="connsiteX124" fmla="*/ 7385 w 10000"/>
                  <a:gd name="connsiteY124" fmla="*/ 8301 h 10000"/>
                  <a:gd name="connsiteX125" fmla="*/ 7385 w 10000"/>
                  <a:gd name="connsiteY125" fmla="*/ 8405 h 10000"/>
                  <a:gd name="connsiteX126" fmla="*/ 7337 w 10000"/>
                  <a:gd name="connsiteY126" fmla="*/ 8523 h 10000"/>
                  <a:gd name="connsiteX127" fmla="*/ 7264 w 10000"/>
                  <a:gd name="connsiteY127" fmla="*/ 8641 h 10000"/>
                  <a:gd name="connsiteX128" fmla="*/ 6949 w 10000"/>
                  <a:gd name="connsiteY128" fmla="*/ 8552 h 10000"/>
                  <a:gd name="connsiteX129" fmla="*/ 6659 w 10000"/>
                  <a:gd name="connsiteY129" fmla="*/ 8449 h 10000"/>
                  <a:gd name="connsiteX130" fmla="*/ 6368 w 10000"/>
                  <a:gd name="connsiteY130" fmla="*/ 8360 h 10000"/>
                  <a:gd name="connsiteX131" fmla="*/ 6077 w 10000"/>
                  <a:gd name="connsiteY131" fmla="*/ 8287 h 10000"/>
                  <a:gd name="connsiteX132" fmla="*/ 5956 w 10000"/>
                  <a:gd name="connsiteY132" fmla="*/ 8449 h 10000"/>
                  <a:gd name="connsiteX133" fmla="*/ 5860 w 10000"/>
                  <a:gd name="connsiteY133" fmla="*/ 8597 h 10000"/>
                  <a:gd name="connsiteX134" fmla="*/ 5811 w 10000"/>
                  <a:gd name="connsiteY134" fmla="*/ 8656 h 10000"/>
                  <a:gd name="connsiteX135" fmla="*/ 5714 w 10000"/>
                  <a:gd name="connsiteY135" fmla="*/ 8700 h 10000"/>
                  <a:gd name="connsiteX136" fmla="*/ 5642 w 10000"/>
                  <a:gd name="connsiteY136" fmla="*/ 8744 h 10000"/>
                  <a:gd name="connsiteX137" fmla="*/ 5569 w 10000"/>
                  <a:gd name="connsiteY137" fmla="*/ 8774 h 10000"/>
                  <a:gd name="connsiteX138" fmla="*/ 5496 w 10000"/>
                  <a:gd name="connsiteY138" fmla="*/ 8804 h 10000"/>
                  <a:gd name="connsiteX139" fmla="*/ 5400 w 10000"/>
                  <a:gd name="connsiteY139" fmla="*/ 8818 h 10000"/>
                  <a:gd name="connsiteX140" fmla="*/ 5278 w 10000"/>
                  <a:gd name="connsiteY140" fmla="*/ 8833 h 10000"/>
                  <a:gd name="connsiteX141" fmla="*/ 5157 w 10000"/>
                  <a:gd name="connsiteY141" fmla="*/ 8833 h 10000"/>
                  <a:gd name="connsiteX142" fmla="*/ 4867 w 10000"/>
                  <a:gd name="connsiteY142" fmla="*/ 8818 h 10000"/>
                  <a:gd name="connsiteX143" fmla="*/ 4504 w 10000"/>
                  <a:gd name="connsiteY143" fmla="*/ 8744 h 10000"/>
                  <a:gd name="connsiteX144" fmla="*/ 4504 w 10000"/>
                  <a:gd name="connsiteY144" fmla="*/ 8922 h 10000"/>
                  <a:gd name="connsiteX145" fmla="*/ 4479 w 10000"/>
                  <a:gd name="connsiteY145" fmla="*/ 9069 h 10000"/>
                  <a:gd name="connsiteX146" fmla="*/ 4455 w 10000"/>
                  <a:gd name="connsiteY146" fmla="*/ 9232 h 10000"/>
                  <a:gd name="connsiteX147" fmla="*/ 4431 w 10000"/>
                  <a:gd name="connsiteY147" fmla="*/ 9365 h 10000"/>
                  <a:gd name="connsiteX148" fmla="*/ 4383 w 10000"/>
                  <a:gd name="connsiteY148" fmla="*/ 9498 h 10000"/>
                  <a:gd name="connsiteX149" fmla="*/ 4286 w 10000"/>
                  <a:gd name="connsiteY149" fmla="*/ 9616 h 10000"/>
                  <a:gd name="connsiteX150" fmla="*/ 4213 w 10000"/>
                  <a:gd name="connsiteY150" fmla="*/ 9734 h 10000"/>
                  <a:gd name="connsiteX151" fmla="*/ 4092 w 10000"/>
                  <a:gd name="connsiteY151" fmla="*/ 9838 h 10000"/>
                  <a:gd name="connsiteX152" fmla="*/ 3801 w 10000"/>
                  <a:gd name="connsiteY152" fmla="*/ 9897 h 10000"/>
                  <a:gd name="connsiteX153" fmla="*/ 3559 w 10000"/>
                  <a:gd name="connsiteY153" fmla="*/ 9941 h 10000"/>
                  <a:gd name="connsiteX154" fmla="*/ 3269 w 10000"/>
                  <a:gd name="connsiteY154" fmla="*/ 9985 h 10000"/>
                  <a:gd name="connsiteX155" fmla="*/ 3051 w 10000"/>
                  <a:gd name="connsiteY155" fmla="*/ 10000 h 10000"/>
                  <a:gd name="connsiteX156" fmla="*/ 2567 w 10000"/>
                  <a:gd name="connsiteY156" fmla="*/ 10000 h 10000"/>
                  <a:gd name="connsiteX157" fmla="*/ 2107 w 10000"/>
                  <a:gd name="connsiteY157" fmla="*/ 9985 h 10000"/>
                  <a:gd name="connsiteX158" fmla="*/ 1671 w 10000"/>
                  <a:gd name="connsiteY158" fmla="*/ 9941 h 10000"/>
                  <a:gd name="connsiteX159" fmla="*/ 1211 w 10000"/>
                  <a:gd name="connsiteY159" fmla="*/ 9911 h 10000"/>
                  <a:gd name="connsiteX160" fmla="*/ 944 w 10000"/>
                  <a:gd name="connsiteY160" fmla="*/ 9911 h 10000"/>
                  <a:gd name="connsiteX161" fmla="*/ 702 w 10000"/>
                  <a:gd name="connsiteY161" fmla="*/ 9911 h 10000"/>
                  <a:gd name="connsiteX162" fmla="*/ 436 w 10000"/>
                  <a:gd name="connsiteY162" fmla="*/ 9926 h 10000"/>
                  <a:gd name="connsiteX163" fmla="*/ 169 w 10000"/>
                  <a:gd name="connsiteY163" fmla="*/ 9970 h 10000"/>
                  <a:gd name="connsiteX164" fmla="*/ 97 w 10000"/>
                  <a:gd name="connsiteY164" fmla="*/ 9867 h 10000"/>
                  <a:gd name="connsiteX165" fmla="*/ 48 w 10000"/>
                  <a:gd name="connsiteY165" fmla="*/ 9793 h 10000"/>
                  <a:gd name="connsiteX166" fmla="*/ 0 w 10000"/>
                  <a:gd name="connsiteY166" fmla="*/ 9705 h 10000"/>
                  <a:gd name="connsiteX167" fmla="*/ 0 w 10000"/>
                  <a:gd name="connsiteY167" fmla="*/ 9601 h 10000"/>
                  <a:gd name="connsiteX168" fmla="*/ 48 w 10000"/>
                  <a:gd name="connsiteY168" fmla="*/ 9424 h 10000"/>
                  <a:gd name="connsiteX169" fmla="*/ 97 w 10000"/>
                  <a:gd name="connsiteY169" fmla="*/ 9202 h 10000"/>
                  <a:gd name="connsiteX170" fmla="*/ 145 w 10000"/>
                  <a:gd name="connsiteY170" fmla="*/ 8996 h 10000"/>
                  <a:gd name="connsiteX171" fmla="*/ 194 w 10000"/>
                  <a:gd name="connsiteY171" fmla="*/ 8759 h 10000"/>
                  <a:gd name="connsiteX172" fmla="*/ 218 w 10000"/>
                  <a:gd name="connsiteY172" fmla="*/ 8641 h 10000"/>
                  <a:gd name="connsiteX173" fmla="*/ 218 w 10000"/>
                  <a:gd name="connsiteY173" fmla="*/ 8538 h 10000"/>
                  <a:gd name="connsiteX174" fmla="*/ 194 w 10000"/>
                  <a:gd name="connsiteY174" fmla="*/ 8405 h 10000"/>
                  <a:gd name="connsiteX175" fmla="*/ 169 w 10000"/>
                  <a:gd name="connsiteY175" fmla="*/ 8287 h 10000"/>
                  <a:gd name="connsiteX176" fmla="*/ 412 w 10000"/>
                  <a:gd name="connsiteY176" fmla="*/ 8213 h 10000"/>
                  <a:gd name="connsiteX177" fmla="*/ 654 w 10000"/>
                  <a:gd name="connsiteY177" fmla="*/ 8139 h 10000"/>
                  <a:gd name="connsiteX178" fmla="*/ 896 w 10000"/>
                  <a:gd name="connsiteY178" fmla="*/ 8095 h 10000"/>
                  <a:gd name="connsiteX179" fmla="*/ 1162 w 10000"/>
                  <a:gd name="connsiteY179" fmla="*/ 8065 h 10000"/>
                  <a:gd name="connsiteX180" fmla="*/ 1646 w 10000"/>
                  <a:gd name="connsiteY180" fmla="*/ 8021 h 10000"/>
                  <a:gd name="connsiteX181" fmla="*/ 2131 w 10000"/>
                  <a:gd name="connsiteY181" fmla="*/ 7976 h 10000"/>
                  <a:gd name="connsiteX182" fmla="*/ 2349 w 10000"/>
                  <a:gd name="connsiteY182" fmla="*/ 7947 h 10000"/>
                  <a:gd name="connsiteX183" fmla="*/ 2567 w 10000"/>
                  <a:gd name="connsiteY183" fmla="*/ 7917 h 10000"/>
                  <a:gd name="connsiteX184" fmla="*/ 2760 w 10000"/>
                  <a:gd name="connsiteY184" fmla="*/ 7843 h 10000"/>
                  <a:gd name="connsiteX185" fmla="*/ 2954 w 10000"/>
                  <a:gd name="connsiteY185" fmla="*/ 7784 h 10000"/>
                  <a:gd name="connsiteX186" fmla="*/ 3123 w 10000"/>
                  <a:gd name="connsiteY186" fmla="*/ 7710 h 10000"/>
                  <a:gd name="connsiteX187" fmla="*/ 3269 w 10000"/>
                  <a:gd name="connsiteY187" fmla="*/ 7592 h 10000"/>
                  <a:gd name="connsiteX188" fmla="*/ 3414 w 10000"/>
                  <a:gd name="connsiteY188" fmla="*/ 7474 h 10000"/>
                  <a:gd name="connsiteX189" fmla="*/ 3511 w 10000"/>
                  <a:gd name="connsiteY189" fmla="*/ 7312 h 10000"/>
                  <a:gd name="connsiteX190" fmla="*/ 3317 w 10000"/>
                  <a:gd name="connsiteY190" fmla="*/ 7238 h 10000"/>
                  <a:gd name="connsiteX191" fmla="*/ 3148 w 10000"/>
                  <a:gd name="connsiteY191" fmla="*/ 7179 h 10000"/>
                  <a:gd name="connsiteX192" fmla="*/ 3002 w 10000"/>
                  <a:gd name="connsiteY192" fmla="*/ 7090 h 10000"/>
                  <a:gd name="connsiteX193" fmla="*/ 2857 w 10000"/>
                  <a:gd name="connsiteY193" fmla="*/ 6987 h 10000"/>
                  <a:gd name="connsiteX194" fmla="*/ 2760 w 10000"/>
                  <a:gd name="connsiteY194" fmla="*/ 6869 h 10000"/>
                  <a:gd name="connsiteX195" fmla="*/ 2712 w 10000"/>
                  <a:gd name="connsiteY195" fmla="*/ 6721 h 10000"/>
                  <a:gd name="connsiteX196" fmla="*/ 2688 w 10000"/>
                  <a:gd name="connsiteY196" fmla="*/ 6558 h 10000"/>
                  <a:gd name="connsiteX197" fmla="*/ 2712 w 10000"/>
                  <a:gd name="connsiteY197" fmla="*/ 6352 h 10000"/>
                  <a:gd name="connsiteX198" fmla="*/ 2591 w 10000"/>
                  <a:gd name="connsiteY198" fmla="*/ 6322 h 10000"/>
                  <a:gd name="connsiteX199" fmla="*/ 2446 w 10000"/>
                  <a:gd name="connsiteY199" fmla="*/ 6292 h 10000"/>
                  <a:gd name="connsiteX200" fmla="*/ 2276 w 10000"/>
                  <a:gd name="connsiteY200" fmla="*/ 6278 h 10000"/>
                  <a:gd name="connsiteX201" fmla="*/ 2107 w 10000"/>
                  <a:gd name="connsiteY201" fmla="*/ 6263 h 10000"/>
                  <a:gd name="connsiteX202" fmla="*/ 1768 w 10000"/>
                  <a:gd name="connsiteY202" fmla="*/ 6248 h 10000"/>
                  <a:gd name="connsiteX203" fmla="*/ 1404 w 10000"/>
                  <a:gd name="connsiteY203" fmla="*/ 6263 h 10000"/>
                  <a:gd name="connsiteX204" fmla="*/ 1090 w 10000"/>
                  <a:gd name="connsiteY204" fmla="*/ 6278 h 10000"/>
                  <a:gd name="connsiteX205" fmla="*/ 799 w 10000"/>
                  <a:gd name="connsiteY205" fmla="*/ 6278 h 10000"/>
                  <a:gd name="connsiteX206" fmla="*/ 557 w 10000"/>
                  <a:gd name="connsiteY206" fmla="*/ 6263 h 10000"/>
                  <a:gd name="connsiteX207" fmla="*/ 363 w 10000"/>
                  <a:gd name="connsiteY207" fmla="*/ 6233 h 10000"/>
                  <a:gd name="connsiteX208" fmla="*/ 605 w 10000"/>
                  <a:gd name="connsiteY208" fmla="*/ 5805 h 10000"/>
                  <a:gd name="connsiteX209" fmla="*/ 872 w 10000"/>
                  <a:gd name="connsiteY209" fmla="*/ 5391 h 10000"/>
                  <a:gd name="connsiteX210" fmla="*/ 969 w 10000"/>
                  <a:gd name="connsiteY210" fmla="*/ 5170 h 10000"/>
                  <a:gd name="connsiteX211" fmla="*/ 1041 w 10000"/>
                  <a:gd name="connsiteY211" fmla="*/ 4963 h 10000"/>
                  <a:gd name="connsiteX212" fmla="*/ 1065 w 10000"/>
                  <a:gd name="connsiteY212" fmla="*/ 4860 h 10000"/>
                  <a:gd name="connsiteX213" fmla="*/ 1041 w 10000"/>
                  <a:gd name="connsiteY213" fmla="*/ 4756 h 10000"/>
                  <a:gd name="connsiteX214" fmla="*/ 1017 w 10000"/>
                  <a:gd name="connsiteY214" fmla="*/ 4653 h 10000"/>
                  <a:gd name="connsiteX215" fmla="*/ 944 w 10000"/>
                  <a:gd name="connsiteY215" fmla="*/ 4549 h 10000"/>
                  <a:gd name="connsiteX216" fmla="*/ 1211 w 10000"/>
                  <a:gd name="connsiteY216" fmla="*/ 4520 h 10000"/>
                  <a:gd name="connsiteX217" fmla="*/ 1404 w 10000"/>
                  <a:gd name="connsiteY217" fmla="*/ 4505 h 10000"/>
                  <a:gd name="connsiteX218" fmla="*/ 1574 w 10000"/>
                  <a:gd name="connsiteY218" fmla="*/ 4505 h 10000"/>
                  <a:gd name="connsiteX219" fmla="*/ 1719 w 10000"/>
                  <a:gd name="connsiteY219" fmla="*/ 4520 h 10000"/>
                  <a:gd name="connsiteX220" fmla="*/ 1840 w 10000"/>
                  <a:gd name="connsiteY220" fmla="*/ 4520 h 10000"/>
                  <a:gd name="connsiteX221" fmla="*/ 1985 w 10000"/>
                  <a:gd name="connsiteY221" fmla="*/ 4520 h 10000"/>
                  <a:gd name="connsiteX222" fmla="*/ 2131 w 10000"/>
                  <a:gd name="connsiteY222" fmla="*/ 4490 h 10000"/>
                  <a:gd name="connsiteX223" fmla="*/ 2324 w 10000"/>
                  <a:gd name="connsiteY223" fmla="*/ 4446 h 10000"/>
                  <a:gd name="connsiteX224" fmla="*/ 2324 w 10000"/>
                  <a:gd name="connsiteY224" fmla="*/ 4579 h 10000"/>
                  <a:gd name="connsiteX225" fmla="*/ 2324 w 10000"/>
                  <a:gd name="connsiteY225" fmla="*/ 4742 h 10000"/>
                  <a:gd name="connsiteX226" fmla="*/ 2324 w 10000"/>
                  <a:gd name="connsiteY226" fmla="*/ 4874 h 10000"/>
                  <a:gd name="connsiteX227" fmla="*/ 2324 w 10000"/>
                  <a:gd name="connsiteY227" fmla="*/ 5037 h 10000"/>
                  <a:gd name="connsiteX228" fmla="*/ 2542 w 10000"/>
                  <a:gd name="connsiteY228" fmla="*/ 5022 h 10000"/>
                  <a:gd name="connsiteX229" fmla="*/ 2688 w 10000"/>
                  <a:gd name="connsiteY229" fmla="*/ 5037 h 10000"/>
                  <a:gd name="connsiteX230" fmla="*/ 2809 w 10000"/>
                  <a:gd name="connsiteY230" fmla="*/ 5066 h 10000"/>
                  <a:gd name="connsiteX231" fmla="*/ 2930 w 10000"/>
                  <a:gd name="connsiteY231" fmla="*/ 5096 h 10000"/>
                  <a:gd name="connsiteX232" fmla="*/ 3027 w 10000"/>
                  <a:gd name="connsiteY232" fmla="*/ 5126 h 10000"/>
                  <a:gd name="connsiteX233" fmla="*/ 3148 w 10000"/>
                  <a:gd name="connsiteY233" fmla="*/ 5155 h 10000"/>
                  <a:gd name="connsiteX234" fmla="*/ 3293 w 10000"/>
                  <a:gd name="connsiteY234" fmla="*/ 5170 h 10000"/>
                  <a:gd name="connsiteX235" fmla="*/ 3511 w 10000"/>
                  <a:gd name="connsiteY235" fmla="*/ 5155 h 10000"/>
                  <a:gd name="connsiteX236" fmla="*/ 3584 w 10000"/>
                  <a:gd name="connsiteY236" fmla="*/ 5096 h 10000"/>
                  <a:gd name="connsiteX237" fmla="*/ 3656 w 10000"/>
                  <a:gd name="connsiteY237" fmla="*/ 5022 h 10000"/>
                  <a:gd name="connsiteX238" fmla="*/ 3680 w 10000"/>
                  <a:gd name="connsiteY238" fmla="*/ 4934 h 10000"/>
                  <a:gd name="connsiteX239" fmla="*/ 3705 w 10000"/>
                  <a:gd name="connsiteY239" fmla="*/ 4860 h 10000"/>
                  <a:gd name="connsiteX240" fmla="*/ 3729 w 10000"/>
                  <a:gd name="connsiteY240" fmla="*/ 4697 h 10000"/>
                  <a:gd name="connsiteX241" fmla="*/ 3705 w 10000"/>
                  <a:gd name="connsiteY241" fmla="*/ 4520 h 10000"/>
                  <a:gd name="connsiteX242" fmla="*/ 3632 w 10000"/>
                  <a:gd name="connsiteY242" fmla="*/ 4343 h 10000"/>
                  <a:gd name="connsiteX243" fmla="*/ 3559 w 10000"/>
                  <a:gd name="connsiteY243" fmla="*/ 4195 h 10000"/>
                  <a:gd name="connsiteX244" fmla="*/ 3438 w 10000"/>
                  <a:gd name="connsiteY244" fmla="*/ 4047 h 10000"/>
                  <a:gd name="connsiteX245" fmla="*/ 3317 w 10000"/>
                  <a:gd name="connsiteY245" fmla="*/ 3959 h 10000"/>
                  <a:gd name="connsiteX246" fmla="*/ 3462 w 10000"/>
                  <a:gd name="connsiteY246" fmla="*/ 3944 h 10000"/>
                  <a:gd name="connsiteX247" fmla="*/ 3584 w 10000"/>
                  <a:gd name="connsiteY247" fmla="*/ 3914 h 10000"/>
                  <a:gd name="connsiteX248" fmla="*/ 3680 w 10000"/>
                  <a:gd name="connsiteY248" fmla="*/ 3855 h 10000"/>
                  <a:gd name="connsiteX249" fmla="*/ 3801 w 10000"/>
                  <a:gd name="connsiteY249" fmla="*/ 3752 h 10000"/>
                  <a:gd name="connsiteX250" fmla="*/ 3923 w 10000"/>
                  <a:gd name="connsiteY250" fmla="*/ 3663 h 10000"/>
                  <a:gd name="connsiteX251" fmla="*/ 4019 w 10000"/>
                  <a:gd name="connsiteY251" fmla="*/ 3560 h 10000"/>
                  <a:gd name="connsiteX252" fmla="*/ 4092 w 10000"/>
                  <a:gd name="connsiteY252" fmla="*/ 3442 h 10000"/>
                  <a:gd name="connsiteX253" fmla="*/ 4165 w 10000"/>
                  <a:gd name="connsiteY253" fmla="*/ 3323 h 10000"/>
                  <a:gd name="connsiteX254" fmla="*/ 4213 w 10000"/>
                  <a:gd name="connsiteY254" fmla="*/ 3220 h 10000"/>
                  <a:gd name="connsiteX255" fmla="*/ 4237 w 10000"/>
                  <a:gd name="connsiteY255" fmla="*/ 3102 h 10000"/>
                  <a:gd name="connsiteX256" fmla="*/ 4262 w 10000"/>
                  <a:gd name="connsiteY256" fmla="*/ 3013 h 10000"/>
                  <a:gd name="connsiteX257" fmla="*/ 4237 w 10000"/>
                  <a:gd name="connsiteY257" fmla="*/ 2939 h 10000"/>
                  <a:gd name="connsiteX258" fmla="*/ 4213 w 10000"/>
                  <a:gd name="connsiteY258" fmla="*/ 2866 h 10000"/>
                  <a:gd name="connsiteX259" fmla="*/ 4140 w 10000"/>
                  <a:gd name="connsiteY259" fmla="*/ 2836 h 10000"/>
                  <a:gd name="connsiteX260" fmla="*/ 4044 w 10000"/>
                  <a:gd name="connsiteY260" fmla="*/ 2836 h 10000"/>
                  <a:gd name="connsiteX261" fmla="*/ 3923 w 10000"/>
                  <a:gd name="connsiteY261" fmla="*/ 2866 h 10000"/>
                  <a:gd name="connsiteX262" fmla="*/ 4019 w 10000"/>
                  <a:gd name="connsiteY262" fmla="*/ 2777 h 10000"/>
                  <a:gd name="connsiteX263" fmla="*/ 4068 w 10000"/>
                  <a:gd name="connsiteY263" fmla="*/ 2674 h 10000"/>
                  <a:gd name="connsiteX264" fmla="*/ 4092 w 10000"/>
                  <a:gd name="connsiteY264" fmla="*/ 2541 h 10000"/>
                  <a:gd name="connsiteX265" fmla="*/ 4092 w 10000"/>
                  <a:gd name="connsiteY265" fmla="*/ 2393 h 10000"/>
                  <a:gd name="connsiteX266" fmla="*/ 4116 w 10000"/>
                  <a:gd name="connsiteY266" fmla="*/ 2349 h 10000"/>
                  <a:gd name="connsiteX267" fmla="*/ 4165 w 10000"/>
                  <a:gd name="connsiteY267" fmla="*/ 2304 h 10000"/>
                  <a:gd name="connsiteX268" fmla="*/ 4213 w 10000"/>
                  <a:gd name="connsiteY268" fmla="*/ 2290 h 10000"/>
                  <a:gd name="connsiteX269" fmla="*/ 4286 w 10000"/>
                  <a:gd name="connsiteY269" fmla="*/ 2275 h 10000"/>
                  <a:gd name="connsiteX270" fmla="*/ 4504 w 10000"/>
                  <a:gd name="connsiteY270" fmla="*/ 2260 h 10000"/>
                  <a:gd name="connsiteX271" fmla="*/ 4697 w 10000"/>
                  <a:gd name="connsiteY271" fmla="*/ 2275 h 10000"/>
                  <a:gd name="connsiteX272" fmla="*/ 4673 w 10000"/>
                  <a:gd name="connsiteY272" fmla="*/ 2112 h 10000"/>
                  <a:gd name="connsiteX273" fmla="*/ 4625 w 10000"/>
                  <a:gd name="connsiteY273" fmla="*/ 1950 h 10000"/>
                  <a:gd name="connsiteX274" fmla="*/ 4552 w 10000"/>
                  <a:gd name="connsiteY274" fmla="*/ 1802 h 10000"/>
                  <a:gd name="connsiteX275" fmla="*/ 4455 w 10000"/>
                  <a:gd name="connsiteY275" fmla="*/ 1640 h 10000"/>
                  <a:gd name="connsiteX276" fmla="*/ 4213 w 10000"/>
                  <a:gd name="connsiteY276" fmla="*/ 1329 h 10000"/>
                  <a:gd name="connsiteX277" fmla="*/ 3971 w 10000"/>
                  <a:gd name="connsiteY277" fmla="*/ 1034 h 10000"/>
                  <a:gd name="connsiteX278" fmla="*/ 3850 w 10000"/>
                  <a:gd name="connsiteY278" fmla="*/ 901 h 10000"/>
                  <a:gd name="connsiteX279" fmla="*/ 3753 w 10000"/>
                  <a:gd name="connsiteY279" fmla="*/ 753 h 10000"/>
                  <a:gd name="connsiteX280" fmla="*/ 3680 w 10000"/>
                  <a:gd name="connsiteY280" fmla="*/ 620 h 10000"/>
                  <a:gd name="connsiteX281" fmla="*/ 3656 w 10000"/>
                  <a:gd name="connsiteY281" fmla="*/ 487 h 10000"/>
                  <a:gd name="connsiteX282" fmla="*/ 3632 w 10000"/>
                  <a:gd name="connsiteY282" fmla="*/ 355 h 10000"/>
                  <a:gd name="connsiteX283" fmla="*/ 3680 w 10000"/>
                  <a:gd name="connsiteY283" fmla="*/ 222 h 10000"/>
                  <a:gd name="connsiteX284" fmla="*/ 3705 w 10000"/>
                  <a:gd name="connsiteY284" fmla="*/ 162 h 10000"/>
                  <a:gd name="connsiteX285" fmla="*/ 3753 w 10000"/>
                  <a:gd name="connsiteY285" fmla="*/ 103 h 10000"/>
                  <a:gd name="connsiteX286" fmla="*/ 3826 w 10000"/>
                  <a:gd name="connsiteY286" fmla="*/ 59 h 10000"/>
                  <a:gd name="connsiteX287" fmla="*/ 3923 w 10000"/>
                  <a:gd name="connsiteY287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6852 w 10000"/>
                  <a:gd name="connsiteY58" fmla="*/ 4313 h 10000"/>
                  <a:gd name="connsiteX59" fmla="*/ 6852 w 10000"/>
                  <a:gd name="connsiteY59" fmla="*/ 4431 h 10000"/>
                  <a:gd name="connsiteX60" fmla="*/ 6852 w 10000"/>
                  <a:gd name="connsiteY60" fmla="*/ 4549 h 10000"/>
                  <a:gd name="connsiteX61" fmla="*/ 6804 w 10000"/>
                  <a:gd name="connsiteY61" fmla="*/ 4564 h 10000"/>
                  <a:gd name="connsiteX62" fmla="*/ 6731 w 10000"/>
                  <a:gd name="connsiteY62" fmla="*/ 4594 h 10000"/>
                  <a:gd name="connsiteX63" fmla="*/ 6683 w 10000"/>
                  <a:gd name="connsiteY63" fmla="*/ 4638 h 10000"/>
                  <a:gd name="connsiteX64" fmla="*/ 6683 w 10000"/>
                  <a:gd name="connsiteY64" fmla="*/ 4697 h 10000"/>
                  <a:gd name="connsiteX65" fmla="*/ 6659 w 10000"/>
                  <a:gd name="connsiteY65" fmla="*/ 4801 h 10000"/>
                  <a:gd name="connsiteX66" fmla="*/ 6659 w 10000"/>
                  <a:gd name="connsiteY66" fmla="*/ 4904 h 10000"/>
                  <a:gd name="connsiteX67" fmla="*/ 6538 w 10000"/>
                  <a:gd name="connsiteY67" fmla="*/ 4860 h 10000"/>
                  <a:gd name="connsiteX68" fmla="*/ 6465 w 10000"/>
                  <a:gd name="connsiteY68" fmla="*/ 4801 h 10000"/>
                  <a:gd name="connsiteX69" fmla="*/ 6392 w 10000"/>
                  <a:gd name="connsiteY69" fmla="*/ 4727 h 10000"/>
                  <a:gd name="connsiteX70" fmla="*/ 6320 w 10000"/>
                  <a:gd name="connsiteY70" fmla="*/ 4638 h 10000"/>
                  <a:gd name="connsiteX71" fmla="*/ 6199 w 10000"/>
                  <a:gd name="connsiteY71" fmla="*/ 4476 h 10000"/>
                  <a:gd name="connsiteX72" fmla="*/ 6077 w 10000"/>
                  <a:gd name="connsiteY72" fmla="*/ 4313 h 10000"/>
                  <a:gd name="connsiteX73" fmla="*/ 6223 w 10000"/>
                  <a:gd name="connsiteY73" fmla="*/ 4210 h 10000"/>
                  <a:gd name="connsiteX74" fmla="*/ 6416 w 10000"/>
                  <a:gd name="connsiteY74" fmla="*/ 4121 h 10000"/>
                  <a:gd name="connsiteX75" fmla="*/ 6634 w 10000"/>
                  <a:gd name="connsiteY75" fmla="*/ 4032 h 10000"/>
                  <a:gd name="connsiteX76" fmla="*/ 6877 w 10000"/>
                  <a:gd name="connsiteY76" fmla="*/ 3959 h 10000"/>
                  <a:gd name="connsiteX77" fmla="*/ 7385 w 10000"/>
                  <a:gd name="connsiteY77" fmla="*/ 3811 h 10000"/>
                  <a:gd name="connsiteX78" fmla="*/ 7893 w 10000"/>
                  <a:gd name="connsiteY78" fmla="*/ 3663 h 10000"/>
                  <a:gd name="connsiteX79" fmla="*/ 8136 w 10000"/>
                  <a:gd name="connsiteY79" fmla="*/ 3589 h 10000"/>
                  <a:gd name="connsiteX80" fmla="*/ 8378 w 10000"/>
                  <a:gd name="connsiteY80" fmla="*/ 3516 h 10000"/>
                  <a:gd name="connsiteX81" fmla="*/ 8571 w 10000"/>
                  <a:gd name="connsiteY81" fmla="*/ 3412 h 10000"/>
                  <a:gd name="connsiteX82" fmla="*/ 8765 w 10000"/>
                  <a:gd name="connsiteY82" fmla="*/ 3338 h 10000"/>
                  <a:gd name="connsiteX83" fmla="*/ 8886 w 10000"/>
                  <a:gd name="connsiteY83" fmla="*/ 3235 h 10000"/>
                  <a:gd name="connsiteX84" fmla="*/ 8983 w 10000"/>
                  <a:gd name="connsiteY84" fmla="*/ 3117 h 10000"/>
                  <a:gd name="connsiteX85" fmla="*/ 9007 w 10000"/>
                  <a:gd name="connsiteY85" fmla="*/ 3072 h 10000"/>
                  <a:gd name="connsiteX86" fmla="*/ 9031 w 10000"/>
                  <a:gd name="connsiteY86" fmla="*/ 3013 h 10000"/>
                  <a:gd name="connsiteX87" fmla="*/ 9031 w 10000"/>
                  <a:gd name="connsiteY87" fmla="*/ 2954 h 10000"/>
                  <a:gd name="connsiteX88" fmla="*/ 9007 w 10000"/>
                  <a:gd name="connsiteY88" fmla="*/ 2866 h 10000"/>
                  <a:gd name="connsiteX89" fmla="*/ 8838 w 10000"/>
                  <a:gd name="connsiteY89" fmla="*/ 2984 h 10000"/>
                  <a:gd name="connsiteX90" fmla="*/ 8644 w 10000"/>
                  <a:gd name="connsiteY90" fmla="*/ 3072 h 10000"/>
                  <a:gd name="connsiteX91" fmla="*/ 8450 w 10000"/>
                  <a:gd name="connsiteY91" fmla="*/ 3161 h 10000"/>
                  <a:gd name="connsiteX92" fmla="*/ 8257 w 10000"/>
                  <a:gd name="connsiteY92" fmla="*/ 3250 h 10000"/>
                  <a:gd name="connsiteX93" fmla="*/ 7821 w 10000"/>
                  <a:gd name="connsiteY93" fmla="*/ 3397 h 10000"/>
                  <a:gd name="connsiteX94" fmla="*/ 7361 w 10000"/>
                  <a:gd name="connsiteY94" fmla="*/ 3545 h 10000"/>
                  <a:gd name="connsiteX95" fmla="*/ 6901 w 10000"/>
                  <a:gd name="connsiteY95" fmla="*/ 3678 h 10000"/>
                  <a:gd name="connsiteX96" fmla="*/ 6465 w 10000"/>
                  <a:gd name="connsiteY96" fmla="*/ 3840 h 10000"/>
                  <a:gd name="connsiteX97" fmla="*/ 6247 w 10000"/>
                  <a:gd name="connsiteY97" fmla="*/ 3914 h 10000"/>
                  <a:gd name="connsiteX98" fmla="*/ 6053 w 10000"/>
                  <a:gd name="connsiteY98" fmla="*/ 4003 h 10000"/>
                  <a:gd name="connsiteX99" fmla="*/ 5860 w 10000"/>
                  <a:gd name="connsiteY99" fmla="*/ 4106 h 10000"/>
                  <a:gd name="connsiteX100" fmla="*/ 5666 w 10000"/>
                  <a:gd name="connsiteY100" fmla="*/ 4195 h 10000"/>
                  <a:gd name="connsiteX101" fmla="*/ 5811 w 10000"/>
                  <a:gd name="connsiteY101" fmla="*/ 4417 h 10000"/>
                  <a:gd name="connsiteX102" fmla="*/ 5908 w 10000"/>
                  <a:gd name="connsiteY102" fmla="*/ 4623 h 10000"/>
                  <a:gd name="connsiteX103" fmla="*/ 6005 w 10000"/>
                  <a:gd name="connsiteY103" fmla="*/ 4845 h 10000"/>
                  <a:gd name="connsiteX104" fmla="*/ 6077 w 10000"/>
                  <a:gd name="connsiteY104" fmla="*/ 5081 h 10000"/>
                  <a:gd name="connsiteX105" fmla="*/ 6126 w 10000"/>
                  <a:gd name="connsiteY105" fmla="*/ 5318 h 10000"/>
                  <a:gd name="connsiteX106" fmla="*/ 6150 w 10000"/>
                  <a:gd name="connsiteY106" fmla="*/ 5539 h 10000"/>
                  <a:gd name="connsiteX107" fmla="*/ 6174 w 10000"/>
                  <a:gd name="connsiteY107" fmla="*/ 5775 h 10000"/>
                  <a:gd name="connsiteX108" fmla="*/ 6174 w 10000"/>
                  <a:gd name="connsiteY108" fmla="*/ 5997 h 10000"/>
                  <a:gd name="connsiteX109" fmla="*/ 6150 w 10000"/>
                  <a:gd name="connsiteY109" fmla="*/ 6233 h 10000"/>
                  <a:gd name="connsiteX110" fmla="*/ 6102 w 10000"/>
                  <a:gd name="connsiteY110" fmla="*/ 6470 h 10000"/>
                  <a:gd name="connsiteX111" fmla="*/ 6053 w 10000"/>
                  <a:gd name="connsiteY111" fmla="*/ 6677 h 10000"/>
                  <a:gd name="connsiteX112" fmla="*/ 5981 w 10000"/>
                  <a:gd name="connsiteY112" fmla="*/ 6898 h 10000"/>
                  <a:gd name="connsiteX113" fmla="*/ 5884 w 10000"/>
                  <a:gd name="connsiteY113" fmla="*/ 7105 h 10000"/>
                  <a:gd name="connsiteX114" fmla="*/ 5763 w 10000"/>
                  <a:gd name="connsiteY114" fmla="*/ 7297 h 10000"/>
                  <a:gd name="connsiteX115" fmla="*/ 5617 w 10000"/>
                  <a:gd name="connsiteY115" fmla="*/ 7489 h 10000"/>
                  <a:gd name="connsiteX116" fmla="*/ 5472 w 10000"/>
                  <a:gd name="connsiteY116" fmla="*/ 7681 h 10000"/>
                  <a:gd name="connsiteX117" fmla="*/ 6174 w 10000"/>
                  <a:gd name="connsiteY117" fmla="*/ 7799 h 10000"/>
                  <a:gd name="connsiteX118" fmla="*/ 6901 w 10000"/>
                  <a:gd name="connsiteY118" fmla="*/ 7962 h 10000"/>
                  <a:gd name="connsiteX119" fmla="*/ 7046 w 10000"/>
                  <a:gd name="connsiteY119" fmla="*/ 8021 h 10000"/>
                  <a:gd name="connsiteX120" fmla="*/ 7167 w 10000"/>
                  <a:gd name="connsiteY120" fmla="*/ 8080 h 10000"/>
                  <a:gd name="connsiteX121" fmla="*/ 7288 w 10000"/>
                  <a:gd name="connsiteY121" fmla="*/ 8139 h 10000"/>
                  <a:gd name="connsiteX122" fmla="*/ 7361 w 10000"/>
                  <a:gd name="connsiteY122" fmla="*/ 8227 h 10000"/>
                  <a:gd name="connsiteX123" fmla="*/ 7385 w 10000"/>
                  <a:gd name="connsiteY123" fmla="*/ 8301 h 10000"/>
                  <a:gd name="connsiteX124" fmla="*/ 7385 w 10000"/>
                  <a:gd name="connsiteY124" fmla="*/ 8405 h 10000"/>
                  <a:gd name="connsiteX125" fmla="*/ 7337 w 10000"/>
                  <a:gd name="connsiteY125" fmla="*/ 8523 h 10000"/>
                  <a:gd name="connsiteX126" fmla="*/ 7264 w 10000"/>
                  <a:gd name="connsiteY126" fmla="*/ 8641 h 10000"/>
                  <a:gd name="connsiteX127" fmla="*/ 6949 w 10000"/>
                  <a:gd name="connsiteY127" fmla="*/ 8552 h 10000"/>
                  <a:gd name="connsiteX128" fmla="*/ 6659 w 10000"/>
                  <a:gd name="connsiteY128" fmla="*/ 8449 h 10000"/>
                  <a:gd name="connsiteX129" fmla="*/ 6368 w 10000"/>
                  <a:gd name="connsiteY129" fmla="*/ 8360 h 10000"/>
                  <a:gd name="connsiteX130" fmla="*/ 6077 w 10000"/>
                  <a:gd name="connsiteY130" fmla="*/ 8287 h 10000"/>
                  <a:gd name="connsiteX131" fmla="*/ 5956 w 10000"/>
                  <a:gd name="connsiteY131" fmla="*/ 8449 h 10000"/>
                  <a:gd name="connsiteX132" fmla="*/ 5860 w 10000"/>
                  <a:gd name="connsiteY132" fmla="*/ 8597 h 10000"/>
                  <a:gd name="connsiteX133" fmla="*/ 5811 w 10000"/>
                  <a:gd name="connsiteY133" fmla="*/ 8656 h 10000"/>
                  <a:gd name="connsiteX134" fmla="*/ 5714 w 10000"/>
                  <a:gd name="connsiteY134" fmla="*/ 8700 h 10000"/>
                  <a:gd name="connsiteX135" fmla="*/ 5642 w 10000"/>
                  <a:gd name="connsiteY135" fmla="*/ 8744 h 10000"/>
                  <a:gd name="connsiteX136" fmla="*/ 5569 w 10000"/>
                  <a:gd name="connsiteY136" fmla="*/ 8774 h 10000"/>
                  <a:gd name="connsiteX137" fmla="*/ 5496 w 10000"/>
                  <a:gd name="connsiteY137" fmla="*/ 8804 h 10000"/>
                  <a:gd name="connsiteX138" fmla="*/ 5400 w 10000"/>
                  <a:gd name="connsiteY138" fmla="*/ 8818 h 10000"/>
                  <a:gd name="connsiteX139" fmla="*/ 5278 w 10000"/>
                  <a:gd name="connsiteY139" fmla="*/ 8833 h 10000"/>
                  <a:gd name="connsiteX140" fmla="*/ 5157 w 10000"/>
                  <a:gd name="connsiteY140" fmla="*/ 8833 h 10000"/>
                  <a:gd name="connsiteX141" fmla="*/ 4867 w 10000"/>
                  <a:gd name="connsiteY141" fmla="*/ 8818 h 10000"/>
                  <a:gd name="connsiteX142" fmla="*/ 4504 w 10000"/>
                  <a:gd name="connsiteY142" fmla="*/ 8744 h 10000"/>
                  <a:gd name="connsiteX143" fmla="*/ 4504 w 10000"/>
                  <a:gd name="connsiteY143" fmla="*/ 8922 h 10000"/>
                  <a:gd name="connsiteX144" fmla="*/ 4479 w 10000"/>
                  <a:gd name="connsiteY144" fmla="*/ 9069 h 10000"/>
                  <a:gd name="connsiteX145" fmla="*/ 4455 w 10000"/>
                  <a:gd name="connsiteY145" fmla="*/ 9232 h 10000"/>
                  <a:gd name="connsiteX146" fmla="*/ 4431 w 10000"/>
                  <a:gd name="connsiteY146" fmla="*/ 9365 h 10000"/>
                  <a:gd name="connsiteX147" fmla="*/ 4383 w 10000"/>
                  <a:gd name="connsiteY147" fmla="*/ 9498 h 10000"/>
                  <a:gd name="connsiteX148" fmla="*/ 4286 w 10000"/>
                  <a:gd name="connsiteY148" fmla="*/ 9616 h 10000"/>
                  <a:gd name="connsiteX149" fmla="*/ 4213 w 10000"/>
                  <a:gd name="connsiteY149" fmla="*/ 9734 h 10000"/>
                  <a:gd name="connsiteX150" fmla="*/ 4092 w 10000"/>
                  <a:gd name="connsiteY150" fmla="*/ 9838 h 10000"/>
                  <a:gd name="connsiteX151" fmla="*/ 3801 w 10000"/>
                  <a:gd name="connsiteY151" fmla="*/ 9897 h 10000"/>
                  <a:gd name="connsiteX152" fmla="*/ 3559 w 10000"/>
                  <a:gd name="connsiteY152" fmla="*/ 9941 h 10000"/>
                  <a:gd name="connsiteX153" fmla="*/ 3269 w 10000"/>
                  <a:gd name="connsiteY153" fmla="*/ 9985 h 10000"/>
                  <a:gd name="connsiteX154" fmla="*/ 3051 w 10000"/>
                  <a:gd name="connsiteY154" fmla="*/ 10000 h 10000"/>
                  <a:gd name="connsiteX155" fmla="*/ 2567 w 10000"/>
                  <a:gd name="connsiteY155" fmla="*/ 10000 h 10000"/>
                  <a:gd name="connsiteX156" fmla="*/ 2107 w 10000"/>
                  <a:gd name="connsiteY156" fmla="*/ 9985 h 10000"/>
                  <a:gd name="connsiteX157" fmla="*/ 1671 w 10000"/>
                  <a:gd name="connsiteY157" fmla="*/ 9941 h 10000"/>
                  <a:gd name="connsiteX158" fmla="*/ 1211 w 10000"/>
                  <a:gd name="connsiteY158" fmla="*/ 9911 h 10000"/>
                  <a:gd name="connsiteX159" fmla="*/ 944 w 10000"/>
                  <a:gd name="connsiteY159" fmla="*/ 9911 h 10000"/>
                  <a:gd name="connsiteX160" fmla="*/ 702 w 10000"/>
                  <a:gd name="connsiteY160" fmla="*/ 9911 h 10000"/>
                  <a:gd name="connsiteX161" fmla="*/ 436 w 10000"/>
                  <a:gd name="connsiteY161" fmla="*/ 9926 h 10000"/>
                  <a:gd name="connsiteX162" fmla="*/ 169 w 10000"/>
                  <a:gd name="connsiteY162" fmla="*/ 9970 h 10000"/>
                  <a:gd name="connsiteX163" fmla="*/ 97 w 10000"/>
                  <a:gd name="connsiteY163" fmla="*/ 9867 h 10000"/>
                  <a:gd name="connsiteX164" fmla="*/ 48 w 10000"/>
                  <a:gd name="connsiteY164" fmla="*/ 9793 h 10000"/>
                  <a:gd name="connsiteX165" fmla="*/ 0 w 10000"/>
                  <a:gd name="connsiteY165" fmla="*/ 9705 h 10000"/>
                  <a:gd name="connsiteX166" fmla="*/ 0 w 10000"/>
                  <a:gd name="connsiteY166" fmla="*/ 9601 h 10000"/>
                  <a:gd name="connsiteX167" fmla="*/ 48 w 10000"/>
                  <a:gd name="connsiteY167" fmla="*/ 9424 h 10000"/>
                  <a:gd name="connsiteX168" fmla="*/ 97 w 10000"/>
                  <a:gd name="connsiteY168" fmla="*/ 9202 h 10000"/>
                  <a:gd name="connsiteX169" fmla="*/ 145 w 10000"/>
                  <a:gd name="connsiteY169" fmla="*/ 8996 h 10000"/>
                  <a:gd name="connsiteX170" fmla="*/ 194 w 10000"/>
                  <a:gd name="connsiteY170" fmla="*/ 8759 h 10000"/>
                  <a:gd name="connsiteX171" fmla="*/ 218 w 10000"/>
                  <a:gd name="connsiteY171" fmla="*/ 8641 h 10000"/>
                  <a:gd name="connsiteX172" fmla="*/ 218 w 10000"/>
                  <a:gd name="connsiteY172" fmla="*/ 8538 h 10000"/>
                  <a:gd name="connsiteX173" fmla="*/ 194 w 10000"/>
                  <a:gd name="connsiteY173" fmla="*/ 8405 h 10000"/>
                  <a:gd name="connsiteX174" fmla="*/ 169 w 10000"/>
                  <a:gd name="connsiteY174" fmla="*/ 8287 h 10000"/>
                  <a:gd name="connsiteX175" fmla="*/ 412 w 10000"/>
                  <a:gd name="connsiteY175" fmla="*/ 8213 h 10000"/>
                  <a:gd name="connsiteX176" fmla="*/ 654 w 10000"/>
                  <a:gd name="connsiteY176" fmla="*/ 8139 h 10000"/>
                  <a:gd name="connsiteX177" fmla="*/ 896 w 10000"/>
                  <a:gd name="connsiteY177" fmla="*/ 8095 h 10000"/>
                  <a:gd name="connsiteX178" fmla="*/ 1162 w 10000"/>
                  <a:gd name="connsiteY178" fmla="*/ 8065 h 10000"/>
                  <a:gd name="connsiteX179" fmla="*/ 1646 w 10000"/>
                  <a:gd name="connsiteY179" fmla="*/ 8021 h 10000"/>
                  <a:gd name="connsiteX180" fmla="*/ 2131 w 10000"/>
                  <a:gd name="connsiteY180" fmla="*/ 7976 h 10000"/>
                  <a:gd name="connsiteX181" fmla="*/ 2349 w 10000"/>
                  <a:gd name="connsiteY181" fmla="*/ 7947 h 10000"/>
                  <a:gd name="connsiteX182" fmla="*/ 2567 w 10000"/>
                  <a:gd name="connsiteY182" fmla="*/ 7917 h 10000"/>
                  <a:gd name="connsiteX183" fmla="*/ 2760 w 10000"/>
                  <a:gd name="connsiteY183" fmla="*/ 7843 h 10000"/>
                  <a:gd name="connsiteX184" fmla="*/ 2954 w 10000"/>
                  <a:gd name="connsiteY184" fmla="*/ 7784 h 10000"/>
                  <a:gd name="connsiteX185" fmla="*/ 3123 w 10000"/>
                  <a:gd name="connsiteY185" fmla="*/ 7710 h 10000"/>
                  <a:gd name="connsiteX186" fmla="*/ 3269 w 10000"/>
                  <a:gd name="connsiteY186" fmla="*/ 7592 h 10000"/>
                  <a:gd name="connsiteX187" fmla="*/ 3414 w 10000"/>
                  <a:gd name="connsiteY187" fmla="*/ 7474 h 10000"/>
                  <a:gd name="connsiteX188" fmla="*/ 3511 w 10000"/>
                  <a:gd name="connsiteY188" fmla="*/ 7312 h 10000"/>
                  <a:gd name="connsiteX189" fmla="*/ 3317 w 10000"/>
                  <a:gd name="connsiteY189" fmla="*/ 7238 h 10000"/>
                  <a:gd name="connsiteX190" fmla="*/ 3148 w 10000"/>
                  <a:gd name="connsiteY190" fmla="*/ 7179 h 10000"/>
                  <a:gd name="connsiteX191" fmla="*/ 3002 w 10000"/>
                  <a:gd name="connsiteY191" fmla="*/ 7090 h 10000"/>
                  <a:gd name="connsiteX192" fmla="*/ 2857 w 10000"/>
                  <a:gd name="connsiteY192" fmla="*/ 6987 h 10000"/>
                  <a:gd name="connsiteX193" fmla="*/ 2760 w 10000"/>
                  <a:gd name="connsiteY193" fmla="*/ 6869 h 10000"/>
                  <a:gd name="connsiteX194" fmla="*/ 2712 w 10000"/>
                  <a:gd name="connsiteY194" fmla="*/ 6721 h 10000"/>
                  <a:gd name="connsiteX195" fmla="*/ 2688 w 10000"/>
                  <a:gd name="connsiteY195" fmla="*/ 6558 h 10000"/>
                  <a:gd name="connsiteX196" fmla="*/ 2712 w 10000"/>
                  <a:gd name="connsiteY196" fmla="*/ 6352 h 10000"/>
                  <a:gd name="connsiteX197" fmla="*/ 2591 w 10000"/>
                  <a:gd name="connsiteY197" fmla="*/ 6322 h 10000"/>
                  <a:gd name="connsiteX198" fmla="*/ 2446 w 10000"/>
                  <a:gd name="connsiteY198" fmla="*/ 6292 h 10000"/>
                  <a:gd name="connsiteX199" fmla="*/ 2276 w 10000"/>
                  <a:gd name="connsiteY199" fmla="*/ 6278 h 10000"/>
                  <a:gd name="connsiteX200" fmla="*/ 2107 w 10000"/>
                  <a:gd name="connsiteY200" fmla="*/ 6263 h 10000"/>
                  <a:gd name="connsiteX201" fmla="*/ 1768 w 10000"/>
                  <a:gd name="connsiteY201" fmla="*/ 6248 h 10000"/>
                  <a:gd name="connsiteX202" fmla="*/ 1404 w 10000"/>
                  <a:gd name="connsiteY202" fmla="*/ 6263 h 10000"/>
                  <a:gd name="connsiteX203" fmla="*/ 1090 w 10000"/>
                  <a:gd name="connsiteY203" fmla="*/ 6278 h 10000"/>
                  <a:gd name="connsiteX204" fmla="*/ 799 w 10000"/>
                  <a:gd name="connsiteY204" fmla="*/ 6278 h 10000"/>
                  <a:gd name="connsiteX205" fmla="*/ 557 w 10000"/>
                  <a:gd name="connsiteY205" fmla="*/ 6263 h 10000"/>
                  <a:gd name="connsiteX206" fmla="*/ 363 w 10000"/>
                  <a:gd name="connsiteY206" fmla="*/ 6233 h 10000"/>
                  <a:gd name="connsiteX207" fmla="*/ 605 w 10000"/>
                  <a:gd name="connsiteY207" fmla="*/ 5805 h 10000"/>
                  <a:gd name="connsiteX208" fmla="*/ 872 w 10000"/>
                  <a:gd name="connsiteY208" fmla="*/ 5391 h 10000"/>
                  <a:gd name="connsiteX209" fmla="*/ 969 w 10000"/>
                  <a:gd name="connsiteY209" fmla="*/ 5170 h 10000"/>
                  <a:gd name="connsiteX210" fmla="*/ 1041 w 10000"/>
                  <a:gd name="connsiteY210" fmla="*/ 4963 h 10000"/>
                  <a:gd name="connsiteX211" fmla="*/ 1065 w 10000"/>
                  <a:gd name="connsiteY211" fmla="*/ 4860 h 10000"/>
                  <a:gd name="connsiteX212" fmla="*/ 1041 w 10000"/>
                  <a:gd name="connsiteY212" fmla="*/ 4756 h 10000"/>
                  <a:gd name="connsiteX213" fmla="*/ 1017 w 10000"/>
                  <a:gd name="connsiteY213" fmla="*/ 4653 h 10000"/>
                  <a:gd name="connsiteX214" fmla="*/ 944 w 10000"/>
                  <a:gd name="connsiteY214" fmla="*/ 4549 h 10000"/>
                  <a:gd name="connsiteX215" fmla="*/ 1211 w 10000"/>
                  <a:gd name="connsiteY215" fmla="*/ 4520 h 10000"/>
                  <a:gd name="connsiteX216" fmla="*/ 1404 w 10000"/>
                  <a:gd name="connsiteY216" fmla="*/ 4505 h 10000"/>
                  <a:gd name="connsiteX217" fmla="*/ 1574 w 10000"/>
                  <a:gd name="connsiteY217" fmla="*/ 4505 h 10000"/>
                  <a:gd name="connsiteX218" fmla="*/ 1719 w 10000"/>
                  <a:gd name="connsiteY218" fmla="*/ 4520 h 10000"/>
                  <a:gd name="connsiteX219" fmla="*/ 1840 w 10000"/>
                  <a:gd name="connsiteY219" fmla="*/ 4520 h 10000"/>
                  <a:gd name="connsiteX220" fmla="*/ 1985 w 10000"/>
                  <a:gd name="connsiteY220" fmla="*/ 4520 h 10000"/>
                  <a:gd name="connsiteX221" fmla="*/ 2131 w 10000"/>
                  <a:gd name="connsiteY221" fmla="*/ 4490 h 10000"/>
                  <a:gd name="connsiteX222" fmla="*/ 2324 w 10000"/>
                  <a:gd name="connsiteY222" fmla="*/ 4446 h 10000"/>
                  <a:gd name="connsiteX223" fmla="*/ 2324 w 10000"/>
                  <a:gd name="connsiteY223" fmla="*/ 4579 h 10000"/>
                  <a:gd name="connsiteX224" fmla="*/ 2324 w 10000"/>
                  <a:gd name="connsiteY224" fmla="*/ 4742 h 10000"/>
                  <a:gd name="connsiteX225" fmla="*/ 2324 w 10000"/>
                  <a:gd name="connsiteY225" fmla="*/ 4874 h 10000"/>
                  <a:gd name="connsiteX226" fmla="*/ 2324 w 10000"/>
                  <a:gd name="connsiteY226" fmla="*/ 5037 h 10000"/>
                  <a:gd name="connsiteX227" fmla="*/ 2542 w 10000"/>
                  <a:gd name="connsiteY227" fmla="*/ 5022 h 10000"/>
                  <a:gd name="connsiteX228" fmla="*/ 2688 w 10000"/>
                  <a:gd name="connsiteY228" fmla="*/ 5037 h 10000"/>
                  <a:gd name="connsiteX229" fmla="*/ 2809 w 10000"/>
                  <a:gd name="connsiteY229" fmla="*/ 5066 h 10000"/>
                  <a:gd name="connsiteX230" fmla="*/ 2930 w 10000"/>
                  <a:gd name="connsiteY230" fmla="*/ 5096 h 10000"/>
                  <a:gd name="connsiteX231" fmla="*/ 3027 w 10000"/>
                  <a:gd name="connsiteY231" fmla="*/ 5126 h 10000"/>
                  <a:gd name="connsiteX232" fmla="*/ 3148 w 10000"/>
                  <a:gd name="connsiteY232" fmla="*/ 5155 h 10000"/>
                  <a:gd name="connsiteX233" fmla="*/ 3293 w 10000"/>
                  <a:gd name="connsiteY233" fmla="*/ 5170 h 10000"/>
                  <a:gd name="connsiteX234" fmla="*/ 3511 w 10000"/>
                  <a:gd name="connsiteY234" fmla="*/ 5155 h 10000"/>
                  <a:gd name="connsiteX235" fmla="*/ 3584 w 10000"/>
                  <a:gd name="connsiteY235" fmla="*/ 5096 h 10000"/>
                  <a:gd name="connsiteX236" fmla="*/ 3656 w 10000"/>
                  <a:gd name="connsiteY236" fmla="*/ 5022 h 10000"/>
                  <a:gd name="connsiteX237" fmla="*/ 3680 w 10000"/>
                  <a:gd name="connsiteY237" fmla="*/ 4934 h 10000"/>
                  <a:gd name="connsiteX238" fmla="*/ 3705 w 10000"/>
                  <a:gd name="connsiteY238" fmla="*/ 4860 h 10000"/>
                  <a:gd name="connsiteX239" fmla="*/ 3729 w 10000"/>
                  <a:gd name="connsiteY239" fmla="*/ 4697 h 10000"/>
                  <a:gd name="connsiteX240" fmla="*/ 3705 w 10000"/>
                  <a:gd name="connsiteY240" fmla="*/ 4520 h 10000"/>
                  <a:gd name="connsiteX241" fmla="*/ 3632 w 10000"/>
                  <a:gd name="connsiteY241" fmla="*/ 4343 h 10000"/>
                  <a:gd name="connsiteX242" fmla="*/ 3559 w 10000"/>
                  <a:gd name="connsiteY242" fmla="*/ 4195 h 10000"/>
                  <a:gd name="connsiteX243" fmla="*/ 3438 w 10000"/>
                  <a:gd name="connsiteY243" fmla="*/ 4047 h 10000"/>
                  <a:gd name="connsiteX244" fmla="*/ 3317 w 10000"/>
                  <a:gd name="connsiteY244" fmla="*/ 3959 h 10000"/>
                  <a:gd name="connsiteX245" fmla="*/ 3462 w 10000"/>
                  <a:gd name="connsiteY245" fmla="*/ 3944 h 10000"/>
                  <a:gd name="connsiteX246" fmla="*/ 3584 w 10000"/>
                  <a:gd name="connsiteY246" fmla="*/ 3914 h 10000"/>
                  <a:gd name="connsiteX247" fmla="*/ 3680 w 10000"/>
                  <a:gd name="connsiteY247" fmla="*/ 3855 h 10000"/>
                  <a:gd name="connsiteX248" fmla="*/ 3801 w 10000"/>
                  <a:gd name="connsiteY248" fmla="*/ 3752 h 10000"/>
                  <a:gd name="connsiteX249" fmla="*/ 3923 w 10000"/>
                  <a:gd name="connsiteY249" fmla="*/ 3663 h 10000"/>
                  <a:gd name="connsiteX250" fmla="*/ 4019 w 10000"/>
                  <a:gd name="connsiteY250" fmla="*/ 3560 h 10000"/>
                  <a:gd name="connsiteX251" fmla="*/ 4092 w 10000"/>
                  <a:gd name="connsiteY251" fmla="*/ 3442 h 10000"/>
                  <a:gd name="connsiteX252" fmla="*/ 4165 w 10000"/>
                  <a:gd name="connsiteY252" fmla="*/ 3323 h 10000"/>
                  <a:gd name="connsiteX253" fmla="*/ 4213 w 10000"/>
                  <a:gd name="connsiteY253" fmla="*/ 3220 h 10000"/>
                  <a:gd name="connsiteX254" fmla="*/ 4237 w 10000"/>
                  <a:gd name="connsiteY254" fmla="*/ 3102 h 10000"/>
                  <a:gd name="connsiteX255" fmla="*/ 4262 w 10000"/>
                  <a:gd name="connsiteY255" fmla="*/ 3013 h 10000"/>
                  <a:gd name="connsiteX256" fmla="*/ 4237 w 10000"/>
                  <a:gd name="connsiteY256" fmla="*/ 2939 h 10000"/>
                  <a:gd name="connsiteX257" fmla="*/ 4213 w 10000"/>
                  <a:gd name="connsiteY257" fmla="*/ 2866 h 10000"/>
                  <a:gd name="connsiteX258" fmla="*/ 4140 w 10000"/>
                  <a:gd name="connsiteY258" fmla="*/ 2836 h 10000"/>
                  <a:gd name="connsiteX259" fmla="*/ 4044 w 10000"/>
                  <a:gd name="connsiteY259" fmla="*/ 2836 h 10000"/>
                  <a:gd name="connsiteX260" fmla="*/ 3923 w 10000"/>
                  <a:gd name="connsiteY260" fmla="*/ 2866 h 10000"/>
                  <a:gd name="connsiteX261" fmla="*/ 4019 w 10000"/>
                  <a:gd name="connsiteY261" fmla="*/ 2777 h 10000"/>
                  <a:gd name="connsiteX262" fmla="*/ 4068 w 10000"/>
                  <a:gd name="connsiteY262" fmla="*/ 2674 h 10000"/>
                  <a:gd name="connsiteX263" fmla="*/ 4092 w 10000"/>
                  <a:gd name="connsiteY263" fmla="*/ 2541 h 10000"/>
                  <a:gd name="connsiteX264" fmla="*/ 4092 w 10000"/>
                  <a:gd name="connsiteY264" fmla="*/ 2393 h 10000"/>
                  <a:gd name="connsiteX265" fmla="*/ 4116 w 10000"/>
                  <a:gd name="connsiteY265" fmla="*/ 2349 h 10000"/>
                  <a:gd name="connsiteX266" fmla="*/ 4165 w 10000"/>
                  <a:gd name="connsiteY266" fmla="*/ 2304 h 10000"/>
                  <a:gd name="connsiteX267" fmla="*/ 4213 w 10000"/>
                  <a:gd name="connsiteY267" fmla="*/ 2290 h 10000"/>
                  <a:gd name="connsiteX268" fmla="*/ 4286 w 10000"/>
                  <a:gd name="connsiteY268" fmla="*/ 2275 h 10000"/>
                  <a:gd name="connsiteX269" fmla="*/ 4504 w 10000"/>
                  <a:gd name="connsiteY269" fmla="*/ 2260 h 10000"/>
                  <a:gd name="connsiteX270" fmla="*/ 4697 w 10000"/>
                  <a:gd name="connsiteY270" fmla="*/ 2275 h 10000"/>
                  <a:gd name="connsiteX271" fmla="*/ 4673 w 10000"/>
                  <a:gd name="connsiteY271" fmla="*/ 2112 h 10000"/>
                  <a:gd name="connsiteX272" fmla="*/ 4625 w 10000"/>
                  <a:gd name="connsiteY272" fmla="*/ 1950 h 10000"/>
                  <a:gd name="connsiteX273" fmla="*/ 4552 w 10000"/>
                  <a:gd name="connsiteY273" fmla="*/ 1802 h 10000"/>
                  <a:gd name="connsiteX274" fmla="*/ 4455 w 10000"/>
                  <a:gd name="connsiteY274" fmla="*/ 1640 h 10000"/>
                  <a:gd name="connsiteX275" fmla="*/ 4213 w 10000"/>
                  <a:gd name="connsiteY275" fmla="*/ 1329 h 10000"/>
                  <a:gd name="connsiteX276" fmla="*/ 3971 w 10000"/>
                  <a:gd name="connsiteY276" fmla="*/ 1034 h 10000"/>
                  <a:gd name="connsiteX277" fmla="*/ 3850 w 10000"/>
                  <a:gd name="connsiteY277" fmla="*/ 901 h 10000"/>
                  <a:gd name="connsiteX278" fmla="*/ 3753 w 10000"/>
                  <a:gd name="connsiteY278" fmla="*/ 753 h 10000"/>
                  <a:gd name="connsiteX279" fmla="*/ 3680 w 10000"/>
                  <a:gd name="connsiteY279" fmla="*/ 620 h 10000"/>
                  <a:gd name="connsiteX280" fmla="*/ 3656 w 10000"/>
                  <a:gd name="connsiteY280" fmla="*/ 487 h 10000"/>
                  <a:gd name="connsiteX281" fmla="*/ 3632 w 10000"/>
                  <a:gd name="connsiteY281" fmla="*/ 355 h 10000"/>
                  <a:gd name="connsiteX282" fmla="*/ 3680 w 10000"/>
                  <a:gd name="connsiteY282" fmla="*/ 222 h 10000"/>
                  <a:gd name="connsiteX283" fmla="*/ 3705 w 10000"/>
                  <a:gd name="connsiteY283" fmla="*/ 162 h 10000"/>
                  <a:gd name="connsiteX284" fmla="*/ 3753 w 10000"/>
                  <a:gd name="connsiteY284" fmla="*/ 103 h 10000"/>
                  <a:gd name="connsiteX285" fmla="*/ 3826 w 10000"/>
                  <a:gd name="connsiteY285" fmla="*/ 59 h 10000"/>
                  <a:gd name="connsiteX286" fmla="*/ 3923 w 10000"/>
                  <a:gd name="connsiteY286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6852 w 10000"/>
                  <a:gd name="connsiteY57" fmla="*/ 4313 h 10000"/>
                  <a:gd name="connsiteX58" fmla="*/ 6852 w 10000"/>
                  <a:gd name="connsiteY58" fmla="*/ 4431 h 10000"/>
                  <a:gd name="connsiteX59" fmla="*/ 6852 w 10000"/>
                  <a:gd name="connsiteY59" fmla="*/ 4549 h 10000"/>
                  <a:gd name="connsiteX60" fmla="*/ 6804 w 10000"/>
                  <a:gd name="connsiteY60" fmla="*/ 4564 h 10000"/>
                  <a:gd name="connsiteX61" fmla="*/ 6731 w 10000"/>
                  <a:gd name="connsiteY61" fmla="*/ 4594 h 10000"/>
                  <a:gd name="connsiteX62" fmla="*/ 6683 w 10000"/>
                  <a:gd name="connsiteY62" fmla="*/ 4638 h 10000"/>
                  <a:gd name="connsiteX63" fmla="*/ 6683 w 10000"/>
                  <a:gd name="connsiteY63" fmla="*/ 4697 h 10000"/>
                  <a:gd name="connsiteX64" fmla="*/ 6659 w 10000"/>
                  <a:gd name="connsiteY64" fmla="*/ 4801 h 10000"/>
                  <a:gd name="connsiteX65" fmla="*/ 6659 w 10000"/>
                  <a:gd name="connsiteY65" fmla="*/ 4904 h 10000"/>
                  <a:gd name="connsiteX66" fmla="*/ 6538 w 10000"/>
                  <a:gd name="connsiteY66" fmla="*/ 4860 h 10000"/>
                  <a:gd name="connsiteX67" fmla="*/ 6465 w 10000"/>
                  <a:gd name="connsiteY67" fmla="*/ 4801 h 10000"/>
                  <a:gd name="connsiteX68" fmla="*/ 6392 w 10000"/>
                  <a:gd name="connsiteY68" fmla="*/ 4727 h 10000"/>
                  <a:gd name="connsiteX69" fmla="*/ 6320 w 10000"/>
                  <a:gd name="connsiteY69" fmla="*/ 4638 h 10000"/>
                  <a:gd name="connsiteX70" fmla="*/ 6199 w 10000"/>
                  <a:gd name="connsiteY70" fmla="*/ 4476 h 10000"/>
                  <a:gd name="connsiteX71" fmla="*/ 6077 w 10000"/>
                  <a:gd name="connsiteY71" fmla="*/ 4313 h 10000"/>
                  <a:gd name="connsiteX72" fmla="*/ 6223 w 10000"/>
                  <a:gd name="connsiteY72" fmla="*/ 4210 h 10000"/>
                  <a:gd name="connsiteX73" fmla="*/ 6416 w 10000"/>
                  <a:gd name="connsiteY73" fmla="*/ 4121 h 10000"/>
                  <a:gd name="connsiteX74" fmla="*/ 6634 w 10000"/>
                  <a:gd name="connsiteY74" fmla="*/ 4032 h 10000"/>
                  <a:gd name="connsiteX75" fmla="*/ 6877 w 10000"/>
                  <a:gd name="connsiteY75" fmla="*/ 3959 h 10000"/>
                  <a:gd name="connsiteX76" fmla="*/ 7385 w 10000"/>
                  <a:gd name="connsiteY76" fmla="*/ 3811 h 10000"/>
                  <a:gd name="connsiteX77" fmla="*/ 7893 w 10000"/>
                  <a:gd name="connsiteY77" fmla="*/ 3663 h 10000"/>
                  <a:gd name="connsiteX78" fmla="*/ 8136 w 10000"/>
                  <a:gd name="connsiteY78" fmla="*/ 3589 h 10000"/>
                  <a:gd name="connsiteX79" fmla="*/ 8378 w 10000"/>
                  <a:gd name="connsiteY79" fmla="*/ 3516 h 10000"/>
                  <a:gd name="connsiteX80" fmla="*/ 8571 w 10000"/>
                  <a:gd name="connsiteY80" fmla="*/ 3412 h 10000"/>
                  <a:gd name="connsiteX81" fmla="*/ 8765 w 10000"/>
                  <a:gd name="connsiteY81" fmla="*/ 3338 h 10000"/>
                  <a:gd name="connsiteX82" fmla="*/ 8886 w 10000"/>
                  <a:gd name="connsiteY82" fmla="*/ 3235 h 10000"/>
                  <a:gd name="connsiteX83" fmla="*/ 8983 w 10000"/>
                  <a:gd name="connsiteY83" fmla="*/ 3117 h 10000"/>
                  <a:gd name="connsiteX84" fmla="*/ 9007 w 10000"/>
                  <a:gd name="connsiteY84" fmla="*/ 3072 h 10000"/>
                  <a:gd name="connsiteX85" fmla="*/ 9031 w 10000"/>
                  <a:gd name="connsiteY85" fmla="*/ 3013 h 10000"/>
                  <a:gd name="connsiteX86" fmla="*/ 9031 w 10000"/>
                  <a:gd name="connsiteY86" fmla="*/ 2954 h 10000"/>
                  <a:gd name="connsiteX87" fmla="*/ 9007 w 10000"/>
                  <a:gd name="connsiteY87" fmla="*/ 2866 h 10000"/>
                  <a:gd name="connsiteX88" fmla="*/ 8838 w 10000"/>
                  <a:gd name="connsiteY88" fmla="*/ 2984 h 10000"/>
                  <a:gd name="connsiteX89" fmla="*/ 8644 w 10000"/>
                  <a:gd name="connsiteY89" fmla="*/ 3072 h 10000"/>
                  <a:gd name="connsiteX90" fmla="*/ 8450 w 10000"/>
                  <a:gd name="connsiteY90" fmla="*/ 3161 h 10000"/>
                  <a:gd name="connsiteX91" fmla="*/ 8257 w 10000"/>
                  <a:gd name="connsiteY91" fmla="*/ 3250 h 10000"/>
                  <a:gd name="connsiteX92" fmla="*/ 7821 w 10000"/>
                  <a:gd name="connsiteY92" fmla="*/ 3397 h 10000"/>
                  <a:gd name="connsiteX93" fmla="*/ 7361 w 10000"/>
                  <a:gd name="connsiteY93" fmla="*/ 3545 h 10000"/>
                  <a:gd name="connsiteX94" fmla="*/ 6901 w 10000"/>
                  <a:gd name="connsiteY94" fmla="*/ 3678 h 10000"/>
                  <a:gd name="connsiteX95" fmla="*/ 6465 w 10000"/>
                  <a:gd name="connsiteY95" fmla="*/ 3840 h 10000"/>
                  <a:gd name="connsiteX96" fmla="*/ 6247 w 10000"/>
                  <a:gd name="connsiteY96" fmla="*/ 3914 h 10000"/>
                  <a:gd name="connsiteX97" fmla="*/ 6053 w 10000"/>
                  <a:gd name="connsiteY97" fmla="*/ 4003 h 10000"/>
                  <a:gd name="connsiteX98" fmla="*/ 5860 w 10000"/>
                  <a:gd name="connsiteY98" fmla="*/ 4106 h 10000"/>
                  <a:gd name="connsiteX99" fmla="*/ 5666 w 10000"/>
                  <a:gd name="connsiteY99" fmla="*/ 4195 h 10000"/>
                  <a:gd name="connsiteX100" fmla="*/ 5811 w 10000"/>
                  <a:gd name="connsiteY100" fmla="*/ 4417 h 10000"/>
                  <a:gd name="connsiteX101" fmla="*/ 5908 w 10000"/>
                  <a:gd name="connsiteY101" fmla="*/ 4623 h 10000"/>
                  <a:gd name="connsiteX102" fmla="*/ 6005 w 10000"/>
                  <a:gd name="connsiteY102" fmla="*/ 4845 h 10000"/>
                  <a:gd name="connsiteX103" fmla="*/ 6077 w 10000"/>
                  <a:gd name="connsiteY103" fmla="*/ 5081 h 10000"/>
                  <a:gd name="connsiteX104" fmla="*/ 6126 w 10000"/>
                  <a:gd name="connsiteY104" fmla="*/ 5318 h 10000"/>
                  <a:gd name="connsiteX105" fmla="*/ 6150 w 10000"/>
                  <a:gd name="connsiteY105" fmla="*/ 5539 h 10000"/>
                  <a:gd name="connsiteX106" fmla="*/ 6174 w 10000"/>
                  <a:gd name="connsiteY106" fmla="*/ 5775 h 10000"/>
                  <a:gd name="connsiteX107" fmla="*/ 6174 w 10000"/>
                  <a:gd name="connsiteY107" fmla="*/ 5997 h 10000"/>
                  <a:gd name="connsiteX108" fmla="*/ 6150 w 10000"/>
                  <a:gd name="connsiteY108" fmla="*/ 6233 h 10000"/>
                  <a:gd name="connsiteX109" fmla="*/ 6102 w 10000"/>
                  <a:gd name="connsiteY109" fmla="*/ 6470 h 10000"/>
                  <a:gd name="connsiteX110" fmla="*/ 6053 w 10000"/>
                  <a:gd name="connsiteY110" fmla="*/ 6677 h 10000"/>
                  <a:gd name="connsiteX111" fmla="*/ 5981 w 10000"/>
                  <a:gd name="connsiteY111" fmla="*/ 6898 h 10000"/>
                  <a:gd name="connsiteX112" fmla="*/ 5884 w 10000"/>
                  <a:gd name="connsiteY112" fmla="*/ 7105 h 10000"/>
                  <a:gd name="connsiteX113" fmla="*/ 5763 w 10000"/>
                  <a:gd name="connsiteY113" fmla="*/ 7297 h 10000"/>
                  <a:gd name="connsiteX114" fmla="*/ 5617 w 10000"/>
                  <a:gd name="connsiteY114" fmla="*/ 7489 h 10000"/>
                  <a:gd name="connsiteX115" fmla="*/ 5472 w 10000"/>
                  <a:gd name="connsiteY115" fmla="*/ 7681 h 10000"/>
                  <a:gd name="connsiteX116" fmla="*/ 6174 w 10000"/>
                  <a:gd name="connsiteY116" fmla="*/ 7799 h 10000"/>
                  <a:gd name="connsiteX117" fmla="*/ 6901 w 10000"/>
                  <a:gd name="connsiteY117" fmla="*/ 7962 h 10000"/>
                  <a:gd name="connsiteX118" fmla="*/ 7046 w 10000"/>
                  <a:gd name="connsiteY118" fmla="*/ 8021 h 10000"/>
                  <a:gd name="connsiteX119" fmla="*/ 7167 w 10000"/>
                  <a:gd name="connsiteY119" fmla="*/ 8080 h 10000"/>
                  <a:gd name="connsiteX120" fmla="*/ 7288 w 10000"/>
                  <a:gd name="connsiteY120" fmla="*/ 8139 h 10000"/>
                  <a:gd name="connsiteX121" fmla="*/ 7361 w 10000"/>
                  <a:gd name="connsiteY121" fmla="*/ 8227 h 10000"/>
                  <a:gd name="connsiteX122" fmla="*/ 7385 w 10000"/>
                  <a:gd name="connsiteY122" fmla="*/ 8301 h 10000"/>
                  <a:gd name="connsiteX123" fmla="*/ 7385 w 10000"/>
                  <a:gd name="connsiteY123" fmla="*/ 8405 h 10000"/>
                  <a:gd name="connsiteX124" fmla="*/ 7337 w 10000"/>
                  <a:gd name="connsiteY124" fmla="*/ 8523 h 10000"/>
                  <a:gd name="connsiteX125" fmla="*/ 7264 w 10000"/>
                  <a:gd name="connsiteY125" fmla="*/ 8641 h 10000"/>
                  <a:gd name="connsiteX126" fmla="*/ 6949 w 10000"/>
                  <a:gd name="connsiteY126" fmla="*/ 8552 h 10000"/>
                  <a:gd name="connsiteX127" fmla="*/ 6659 w 10000"/>
                  <a:gd name="connsiteY127" fmla="*/ 8449 h 10000"/>
                  <a:gd name="connsiteX128" fmla="*/ 6368 w 10000"/>
                  <a:gd name="connsiteY128" fmla="*/ 8360 h 10000"/>
                  <a:gd name="connsiteX129" fmla="*/ 6077 w 10000"/>
                  <a:gd name="connsiteY129" fmla="*/ 8287 h 10000"/>
                  <a:gd name="connsiteX130" fmla="*/ 5956 w 10000"/>
                  <a:gd name="connsiteY130" fmla="*/ 8449 h 10000"/>
                  <a:gd name="connsiteX131" fmla="*/ 5860 w 10000"/>
                  <a:gd name="connsiteY131" fmla="*/ 8597 h 10000"/>
                  <a:gd name="connsiteX132" fmla="*/ 5811 w 10000"/>
                  <a:gd name="connsiteY132" fmla="*/ 8656 h 10000"/>
                  <a:gd name="connsiteX133" fmla="*/ 5714 w 10000"/>
                  <a:gd name="connsiteY133" fmla="*/ 8700 h 10000"/>
                  <a:gd name="connsiteX134" fmla="*/ 5642 w 10000"/>
                  <a:gd name="connsiteY134" fmla="*/ 8744 h 10000"/>
                  <a:gd name="connsiteX135" fmla="*/ 5569 w 10000"/>
                  <a:gd name="connsiteY135" fmla="*/ 8774 h 10000"/>
                  <a:gd name="connsiteX136" fmla="*/ 5496 w 10000"/>
                  <a:gd name="connsiteY136" fmla="*/ 8804 h 10000"/>
                  <a:gd name="connsiteX137" fmla="*/ 5400 w 10000"/>
                  <a:gd name="connsiteY137" fmla="*/ 8818 h 10000"/>
                  <a:gd name="connsiteX138" fmla="*/ 5278 w 10000"/>
                  <a:gd name="connsiteY138" fmla="*/ 8833 h 10000"/>
                  <a:gd name="connsiteX139" fmla="*/ 5157 w 10000"/>
                  <a:gd name="connsiteY139" fmla="*/ 8833 h 10000"/>
                  <a:gd name="connsiteX140" fmla="*/ 4867 w 10000"/>
                  <a:gd name="connsiteY140" fmla="*/ 8818 h 10000"/>
                  <a:gd name="connsiteX141" fmla="*/ 4504 w 10000"/>
                  <a:gd name="connsiteY141" fmla="*/ 8744 h 10000"/>
                  <a:gd name="connsiteX142" fmla="*/ 4504 w 10000"/>
                  <a:gd name="connsiteY142" fmla="*/ 8922 h 10000"/>
                  <a:gd name="connsiteX143" fmla="*/ 4479 w 10000"/>
                  <a:gd name="connsiteY143" fmla="*/ 9069 h 10000"/>
                  <a:gd name="connsiteX144" fmla="*/ 4455 w 10000"/>
                  <a:gd name="connsiteY144" fmla="*/ 9232 h 10000"/>
                  <a:gd name="connsiteX145" fmla="*/ 4431 w 10000"/>
                  <a:gd name="connsiteY145" fmla="*/ 9365 h 10000"/>
                  <a:gd name="connsiteX146" fmla="*/ 4383 w 10000"/>
                  <a:gd name="connsiteY146" fmla="*/ 9498 h 10000"/>
                  <a:gd name="connsiteX147" fmla="*/ 4286 w 10000"/>
                  <a:gd name="connsiteY147" fmla="*/ 9616 h 10000"/>
                  <a:gd name="connsiteX148" fmla="*/ 4213 w 10000"/>
                  <a:gd name="connsiteY148" fmla="*/ 9734 h 10000"/>
                  <a:gd name="connsiteX149" fmla="*/ 4092 w 10000"/>
                  <a:gd name="connsiteY149" fmla="*/ 9838 h 10000"/>
                  <a:gd name="connsiteX150" fmla="*/ 3801 w 10000"/>
                  <a:gd name="connsiteY150" fmla="*/ 9897 h 10000"/>
                  <a:gd name="connsiteX151" fmla="*/ 3559 w 10000"/>
                  <a:gd name="connsiteY151" fmla="*/ 9941 h 10000"/>
                  <a:gd name="connsiteX152" fmla="*/ 3269 w 10000"/>
                  <a:gd name="connsiteY152" fmla="*/ 9985 h 10000"/>
                  <a:gd name="connsiteX153" fmla="*/ 3051 w 10000"/>
                  <a:gd name="connsiteY153" fmla="*/ 10000 h 10000"/>
                  <a:gd name="connsiteX154" fmla="*/ 2567 w 10000"/>
                  <a:gd name="connsiteY154" fmla="*/ 10000 h 10000"/>
                  <a:gd name="connsiteX155" fmla="*/ 2107 w 10000"/>
                  <a:gd name="connsiteY155" fmla="*/ 9985 h 10000"/>
                  <a:gd name="connsiteX156" fmla="*/ 1671 w 10000"/>
                  <a:gd name="connsiteY156" fmla="*/ 9941 h 10000"/>
                  <a:gd name="connsiteX157" fmla="*/ 1211 w 10000"/>
                  <a:gd name="connsiteY157" fmla="*/ 9911 h 10000"/>
                  <a:gd name="connsiteX158" fmla="*/ 944 w 10000"/>
                  <a:gd name="connsiteY158" fmla="*/ 9911 h 10000"/>
                  <a:gd name="connsiteX159" fmla="*/ 702 w 10000"/>
                  <a:gd name="connsiteY159" fmla="*/ 9911 h 10000"/>
                  <a:gd name="connsiteX160" fmla="*/ 436 w 10000"/>
                  <a:gd name="connsiteY160" fmla="*/ 9926 h 10000"/>
                  <a:gd name="connsiteX161" fmla="*/ 169 w 10000"/>
                  <a:gd name="connsiteY161" fmla="*/ 9970 h 10000"/>
                  <a:gd name="connsiteX162" fmla="*/ 97 w 10000"/>
                  <a:gd name="connsiteY162" fmla="*/ 9867 h 10000"/>
                  <a:gd name="connsiteX163" fmla="*/ 48 w 10000"/>
                  <a:gd name="connsiteY163" fmla="*/ 9793 h 10000"/>
                  <a:gd name="connsiteX164" fmla="*/ 0 w 10000"/>
                  <a:gd name="connsiteY164" fmla="*/ 9705 h 10000"/>
                  <a:gd name="connsiteX165" fmla="*/ 0 w 10000"/>
                  <a:gd name="connsiteY165" fmla="*/ 9601 h 10000"/>
                  <a:gd name="connsiteX166" fmla="*/ 48 w 10000"/>
                  <a:gd name="connsiteY166" fmla="*/ 9424 h 10000"/>
                  <a:gd name="connsiteX167" fmla="*/ 97 w 10000"/>
                  <a:gd name="connsiteY167" fmla="*/ 9202 h 10000"/>
                  <a:gd name="connsiteX168" fmla="*/ 145 w 10000"/>
                  <a:gd name="connsiteY168" fmla="*/ 8996 h 10000"/>
                  <a:gd name="connsiteX169" fmla="*/ 194 w 10000"/>
                  <a:gd name="connsiteY169" fmla="*/ 8759 h 10000"/>
                  <a:gd name="connsiteX170" fmla="*/ 218 w 10000"/>
                  <a:gd name="connsiteY170" fmla="*/ 8641 h 10000"/>
                  <a:gd name="connsiteX171" fmla="*/ 218 w 10000"/>
                  <a:gd name="connsiteY171" fmla="*/ 8538 h 10000"/>
                  <a:gd name="connsiteX172" fmla="*/ 194 w 10000"/>
                  <a:gd name="connsiteY172" fmla="*/ 8405 h 10000"/>
                  <a:gd name="connsiteX173" fmla="*/ 169 w 10000"/>
                  <a:gd name="connsiteY173" fmla="*/ 8287 h 10000"/>
                  <a:gd name="connsiteX174" fmla="*/ 412 w 10000"/>
                  <a:gd name="connsiteY174" fmla="*/ 8213 h 10000"/>
                  <a:gd name="connsiteX175" fmla="*/ 654 w 10000"/>
                  <a:gd name="connsiteY175" fmla="*/ 8139 h 10000"/>
                  <a:gd name="connsiteX176" fmla="*/ 896 w 10000"/>
                  <a:gd name="connsiteY176" fmla="*/ 8095 h 10000"/>
                  <a:gd name="connsiteX177" fmla="*/ 1162 w 10000"/>
                  <a:gd name="connsiteY177" fmla="*/ 8065 h 10000"/>
                  <a:gd name="connsiteX178" fmla="*/ 1646 w 10000"/>
                  <a:gd name="connsiteY178" fmla="*/ 8021 h 10000"/>
                  <a:gd name="connsiteX179" fmla="*/ 2131 w 10000"/>
                  <a:gd name="connsiteY179" fmla="*/ 7976 h 10000"/>
                  <a:gd name="connsiteX180" fmla="*/ 2349 w 10000"/>
                  <a:gd name="connsiteY180" fmla="*/ 7947 h 10000"/>
                  <a:gd name="connsiteX181" fmla="*/ 2567 w 10000"/>
                  <a:gd name="connsiteY181" fmla="*/ 7917 h 10000"/>
                  <a:gd name="connsiteX182" fmla="*/ 2760 w 10000"/>
                  <a:gd name="connsiteY182" fmla="*/ 7843 h 10000"/>
                  <a:gd name="connsiteX183" fmla="*/ 2954 w 10000"/>
                  <a:gd name="connsiteY183" fmla="*/ 7784 h 10000"/>
                  <a:gd name="connsiteX184" fmla="*/ 3123 w 10000"/>
                  <a:gd name="connsiteY184" fmla="*/ 7710 h 10000"/>
                  <a:gd name="connsiteX185" fmla="*/ 3269 w 10000"/>
                  <a:gd name="connsiteY185" fmla="*/ 7592 h 10000"/>
                  <a:gd name="connsiteX186" fmla="*/ 3414 w 10000"/>
                  <a:gd name="connsiteY186" fmla="*/ 7474 h 10000"/>
                  <a:gd name="connsiteX187" fmla="*/ 3511 w 10000"/>
                  <a:gd name="connsiteY187" fmla="*/ 7312 h 10000"/>
                  <a:gd name="connsiteX188" fmla="*/ 3317 w 10000"/>
                  <a:gd name="connsiteY188" fmla="*/ 7238 h 10000"/>
                  <a:gd name="connsiteX189" fmla="*/ 3148 w 10000"/>
                  <a:gd name="connsiteY189" fmla="*/ 7179 h 10000"/>
                  <a:gd name="connsiteX190" fmla="*/ 3002 w 10000"/>
                  <a:gd name="connsiteY190" fmla="*/ 7090 h 10000"/>
                  <a:gd name="connsiteX191" fmla="*/ 2857 w 10000"/>
                  <a:gd name="connsiteY191" fmla="*/ 6987 h 10000"/>
                  <a:gd name="connsiteX192" fmla="*/ 2760 w 10000"/>
                  <a:gd name="connsiteY192" fmla="*/ 6869 h 10000"/>
                  <a:gd name="connsiteX193" fmla="*/ 2712 w 10000"/>
                  <a:gd name="connsiteY193" fmla="*/ 6721 h 10000"/>
                  <a:gd name="connsiteX194" fmla="*/ 2688 w 10000"/>
                  <a:gd name="connsiteY194" fmla="*/ 6558 h 10000"/>
                  <a:gd name="connsiteX195" fmla="*/ 2712 w 10000"/>
                  <a:gd name="connsiteY195" fmla="*/ 6352 h 10000"/>
                  <a:gd name="connsiteX196" fmla="*/ 2591 w 10000"/>
                  <a:gd name="connsiteY196" fmla="*/ 6322 h 10000"/>
                  <a:gd name="connsiteX197" fmla="*/ 2446 w 10000"/>
                  <a:gd name="connsiteY197" fmla="*/ 6292 h 10000"/>
                  <a:gd name="connsiteX198" fmla="*/ 2276 w 10000"/>
                  <a:gd name="connsiteY198" fmla="*/ 6278 h 10000"/>
                  <a:gd name="connsiteX199" fmla="*/ 2107 w 10000"/>
                  <a:gd name="connsiteY199" fmla="*/ 6263 h 10000"/>
                  <a:gd name="connsiteX200" fmla="*/ 1768 w 10000"/>
                  <a:gd name="connsiteY200" fmla="*/ 6248 h 10000"/>
                  <a:gd name="connsiteX201" fmla="*/ 1404 w 10000"/>
                  <a:gd name="connsiteY201" fmla="*/ 6263 h 10000"/>
                  <a:gd name="connsiteX202" fmla="*/ 1090 w 10000"/>
                  <a:gd name="connsiteY202" fmla="*/ 6278 h 10000"/>
                  <a:gd name="connsiteX203" fmla="*/ 799 w 10000"/>
                  <a:gd name="connsiteY203" fmla="*/ 6278 h 10000"/>
                  <a:gd name="connsiteX204" fmla="*/ 557 w 10000"/>
                  <a:gd name="connsiteY204" fmla="*/ 6263 h 10000"/>
                  <a:gd name="connsiteX205" fmla="*/ 363 w 10000"/>
                  <a:gd name="connsiteY205" fmla="*/ 6233 h 10000"/>
                  <a:gd name="connsiteX206" fmla="*/ 605 w 10000"/>
                  <a:gd name="connsiteY206" fmla="*/ 5805 h 10000"/>
                  <a:gd name="connsiteX207" fmla="*/ 872 w 10000"/>
                  <a:gd name="connsiteY207" fmla="*/ 5391 h 10000"/>
                  <a:gd name="connsiteX208" fmla="*/ 969 w 10000"/>
                  <a:gd name="connsiteY208" fmla="*/ 5170 h 10000"/>
                  <a:gd name="connsiteX209" fmla="*/ 1041 w 10000"/>
                  <a:gd name="connsiteY209" fmla="*/ 4963 h 10000"/>
                  <a:gd name="connsiteX210" fmla="*/ 1065 w 10000"/>
                  <a:gd name="connsiteY210" fmla="*/ 4860 h 10000"/>
                  <a:gd name="connsiteX211" fmla="*/ 1041 w 10000"/>
                  <a:gd name="connsiteY211" fmla="*/ 4756 h 10000"/>
                  <a:gd name="connsiteX212" fmla="*/ 1017 w 10000"/>
                  <a:gd name="connsiteY212" fmla="*/ 4653 h 10000"/>
                  <a:gd name="connsiteX213" fmla="*/ 944 w 10000"/>
                  <a:gd name="connsiteY213" fmla="*/ 4549 h 10000"/>
                  <a:gd name="connsiteX214" fmla="*/ 1211 w 10000"/>
                  <a:gd name="connsiteY214" fmla="*/ 4520 h 10000"/>
                  <a:gd name="connsiteX215" fmla="*/ 1404 w 10000"/>
                  <a:gd name="connsiteY215" fmla="*/ 4505 h 10000"/>
                  <a:gd name="connsiteX216" fmla="*/ 1574 w 10000"/>
                  <a:gd name="connsiteY216" fmla="*/ 4505 h 10000"/>
                  <a:gd name="connsiteX217" fmla="*/ 1719 w 10000"/>
                  <a:gd name="connsiteY217" fmla="*/ 4520 h 10000"/>
                  <a:gd name="connsiteX218" fmla="*/ 1840 w 10000"/>
                  <a:gd name="connsiteY218" fmla="*/ 4520 h 10000"/>
                  <a:gd name="connsiteX219" fmla="*/ 1985 w 10000"/>
                  <a:gd name="connsiteY219" fmla="*/ 4520 h 10000"/>
                  <a:gd name="connsiteX220" fmla="*/ 2131 w 10000"/>
                  <a:gd name="connsiteY220" fmla="*/ 4490 h 10000"/>
                  <a:gd name="connsiteX221" fmla="*/ 2324 w 10000"/>
                  <a:gd name="connsiteY221" fmla="*/ 4446 h 10000"/>
                  <a:gd name="connsiteX222" fmla="*/ 2324 w 10000"/>
                  <a:gd name="connsiteY222" fmla="*/ 4579 h 10000"/>
                  <a:gd name="connsiteX223" fmla="*/ 2324 w 10000"/>
                  <a:gd name="connsiteY223" fmla="*/ 4742 h 10000"/>
                  <a:gd name="connsiteX224" fmla="*/ 2324 w 10000"/>
                  <a:gd name="connsiteY224" fmla="*/ 4874 h 10000"/>
                  <a:gd name="connsiteX225" fmla="*/ 2324 w 10000"/>
                  <a:gd name="connsiteY225" fmla="*/ 5037 h 10000"/>
                  <a:gd name="connsiteX226" fmla="*/ 2542 w 10000"/>
                  <a:gd name="connsiteY226" fmla="*/ 5022 h 10000"/>
                  <a:gd name="connsiteX227" fmla="*/ 2688 w 10000"/>
                  <a:gd name="connsiteY227" fmla="*/ 5037 h 10000"/>
                  <a:gd name="connsiteX228" fmla="*/ 2809 w 10000"/>
                  <a:gd name="connsiteY228" fmla="*/ 5066 h 10000"/>
                  <a:gd name="connsiteX229" fmla="*/ 2930 w 10000"/>
                  <a:gd name="connsiteY229" fmla="*/ 5096 h 10000"/>
                  <a:gd name="connsiteX230" fmla="*/ 3027 w 10000"/>
                  <a:gd name="connsiteY230" fmla="*/ 5126 h 10000"/>
                  <a:gd name="connsiteX231" fmla="*/ 3148 w 10000"/>
                  <a:gd name="connsiteY231" fmla="*/ 5155 h 10000"/>
                  <a:gd name="connsiteX232" fmla="*/ 3293 w 10000"/>
                  <a:gd name="connsiteY232" fmla="*/ 5170 h 10000"/>
                  <a:gd name="connsiteX233" fmla="*/ 3511 w 10000"/>
                  <a:gd name="connsiteY233" fmla="*/ 5155 h 10000"/>
                  <a:gd name="connsiteX234" fmla="*/ 3584 w 10000"/>
                  <a:gd name="connsiteY234" fmla="*/ 5096 h 10000"/>
                  <a:gd name="connsiteX235" fmla="*/ 3656 w 10000"/>
                  <a:gd name="connsiteY235" fmla="*/ 5022 h 10000"/>
                  <a:gd name="connsiteX236" fmla="*/ 3680 w 10000"/>
                  <a:gd name="connsiteY236" fmla="*/ 4934 h 10000"/>
                  <a:gd name="connsiteX237" fmla="*/ 3705 w 10000"/>
                  <a:gd name="connsiteY237" fmla="*/ 4860 h 10000"/>
                  <a:gd name="connsiteX238" fmla="*/ 3729 w 10000"/>
                  <a:gd name="connsiteY238" fmla="*/ 4697 h 10000"/>
                  <a:gd name="connsiteX239" fmla="*/ 3705 w 10000"/>
                  <a:gd name="connsiteY239" fmla="*/ 4520 h 10000"/>
                  <a:gd name="connsiteX240" fmla="*/ 3632 w 10000"/>
                  <a:gd name="connsiteY240" fmla="*/ 4343 h 10000"/>
                  <a:gd name="connsiteX241" fmla="*/ 3559 w 10000"/>
                  <a:gd name="connsiteY241" fmla="*/ 4195 h 10000"/>
                  <a:gd name="connsiteX242" fmla="*/ 3438 w 10000"/>
                  <a:gd name="connsiteY242" fmla="*/ 4047 h 10000"/>
                  <a:gd name="connsiteX243" fmla="*/ 3317 w 10000"/>
                  <a:gd name="connsiteY243" fmla="*/ 3959 h 10000"/>
                  <a:gd name="connsiteX244" fmla="*/ 3462 w 10000"/>
                  <a:gd name="connsiteY244" fmla="*/ 3944 h 10000"/>
                  <a:gd name="connsiteX245" fmla="*/ 3584 w 10000"/>
                  <a:gd name="connsiteY245" fmla="*/ 3914 h 10000"/>
                  <a:gd name="connsiteX246" fmla="*/ 3680 w 10000"/>
                  <a:gd name="connsiteY246" fmla="*/ 3855 h 10000"/>
                  <a:gd name="connsiteX247" fmla="*/ 3801 w 10000"/>
                  <a:gd name="connsiteY247" fmla="*/ 3752 h 10000"/>
                  <a:gd name="connsiteX248" fmla="*/ 3923 w 10000"/>
                  <a:gd name="connsiteY248" fmla="*/ 3663 h 10000"/>
                  <a:gd name="connsiteX249" fmla="*/ 4019 w 10000"/>
                  <a:gd name="connsiteY249" fmla="*/ 3560 h 10000"/>
                  <a:gd name="connsiteX250" fmla="*/ 4092 w 10000"/>
                  <a:gd name="connsiteY250" fmla="*/ 3442 h 10000"/>
                  <a:gd name="connsiteX251" fmla="*/ 4165 w 10000"/>
                  <a:gd name="connsiteY251" fmla="*/ 3323 h 10000"/>
                  <a:gd name="connsiteX252" fmla="*/ 4213 w 10000"/>
                  <a:gd name="connsiteY252" fmla="*/ 3220 h 10000"/>
                  <a:gd name="connsiteX253" fmla="*/ 4237 w 10000"/>
                  <a:gd name="connsiteY253" fmla="*/ 3102 h 10000"/>
                  <a:gd name="connsiteX254" fmla="*/ 4262 w 10000"/>
                  <a:gd name="connsiteY254" fmla="*/ 3013 h 10000"/>
                  <a:gd name="connsiteX255" fmla="*/ 4237 w 10000"/>
                  <a:gd name="connsiteY255" fmla="*/ 2939 h 10000"/>
                  <a:gd name="connsiteX256" fmla="*/ 4213 w 10000"/>
                  <a:gd name="connsiteY256" fmla="*/ 2866 h 10000"/>
                  <a:gd name="connsiteX257" fmla="*/ 4140 w 10000"/>
                  <a:gd name="connsiteY257" fmla="*/ 2836 h 10000"/>
                  <a:gd name="connsiteX258" fmla="*/ 4044 w 10000"/>
                  <a:gd name="connsiteY258" fmla="*/ 2836 h 10000"/>
                  <a:gd name="connsiteX259" fmla="*/ 3923 w 10000"/>
                  <a:gd name="connsiteY259" fmla="*/ 2866 h 10000"/>
                  <a:gd name="connsiteX260" fmla="*/ 4019 w 10000"/>
                  <a:gd name="connsiteY260" fmla="*/ 2777 h 10000"/>
                  <a:gd name="connsiteX261" fmla="*/ 4068 w 10000"/>
                  <a:gd name="connsiteY261" fmla="*/ 2674 h 10000"/>
                  <a:gd name="connsiteX262" fmla="*/ 4092 w 10000"/>
                  <a:gd name="connsiteY262" fmla="*/ 2541 h 10000"/>
                  <a:gd name="connsiteX263" fmla="*/ 4092 w 10000"/>
                  <a:gd name="connsiteY263" fmla="*/ 2393 h 10000"/>
                  <a:gd name="connsiteX264" fmla="*/ 4116 w 10000"/>
                  <a:gd name="connsiteY264" fmla="*/ 2349 h 10000"/>
                  <a:gd name="connsiteX265" fmla="*/ 4165 w 10000"/>
                  <a:gd name="connsiteY265" fmla="*/ 2304 h 10000"/>
                  <a:gd name="connsiteX266" fmla="*/ 4213 w 10000"/>
                  <a:gd name="connsiteY266" fmla="*/ 2290 h 10000"/>
                  <a:gd name="connsiteX267" fmla="*/ 4286 w 10000"/>
                  <a:gd name="connsiteY267" fmla="*/ 2275 h 10000"/>
                  <a:gd name="connsiteX268" fmla="*/ 4504 w 10000"/>
                  <a:gd name="connsiteY268" fmla="*/ 2260 h 10000"/>
                  <a:gd name="connsiteX269" fmla="*/ 4697 w 10000"/>
                  <a:gd name="connsiteY269" fmla="*/ 2275 h 10000"/>
                  <a:gd name="connsiteX270" fmla="*/ 4673 w 10000"/>
                  <a:gd name="connsiteY270" fmla="*/ 2112 h 10000"/>
                  <a:gd name="connsiteX271" fmla="*/ 4625 w 10000"/>
                  <a:gd name="connsiteY271" fmla="*/ 1950 h 10000"/>
                  <a:gd name="connsiteX272" fmla="*/ 4552 w 10000"/>
                  <a:gd name="connsiteY272" fmla="*/ 1802 h 10000"/>
                  <a:gd name="connsiteX273" fmla="*/ 4455 w 10000"/>
                  <a:gd name="connsiteY273" fmla="*/ 1640 h 10000"/>
                  <a:gd name="connsiteX274" fmla="*/ 4213 w 10000"/>
                  <a:gd name="connsiteY274" fmla="*/ 1329 h 10000"/>
                  <a:gd name="connsiteX275" fmla="*/ 3971 w 10000"/>
                  <a:gd name="connsiteY275" fmla="*/ 1034 h 10000"/>
                  <a:gd name="connsiteX276" fmla="*/ 3850 w 10000"/>
                  <a:gd name="connsiteY276" fmla="*/ 901 h 10000"/>
                  <a:gd name="connsiteX277" fmla="*/ 3753 w 10000"/>
                  <a:gd name="connsiteY277" fmla="*/ 753 h 10000"/>
                  <a:gd name="connsiteX278" fmla="*/ 3680 w 10000"/>
                  <a:gd name="connsiteY278" fmla="*/ 620 h 10000"/>
                  <a:gd name="connsiteX279" fmla="*/ 3656 w 10000"/>
                  <a:gd name="connsiteY279" fmla="*/ 487 h 10000"/>
                  <a:gd name="connsiteX280" fmla="*/ 3632 w 10000"/>
                  <a:gd name="connsiteY280" fmla="*/ 355 h 10000"/>
                  <a:gd name="connsiteX281" fmla="*/ 3680 w 10000"/>
                  <a:gd name="connsiteY281" fmla="*/ 222 h 10000"/>
                  <a:gd name="connsiteX282" fmla="*/ 3705 w 10000"/>
                  <a:gd name="connsiteY282" fmla="*/ 162 h 10000"/>
                  <a:gd name="connsiteX283" fmla="*/ 3753 w 10000"/>
                  <a:gd name="connsiteY283" fmla="*/ 103 h 10000"/>
                  <a:gd name="connsiteX284" fmla="*/ 3826 w 10000"/>
                  <a:gd name="connsiteY284" fmla="*/ 59 h 10000"/>
                  <a:gd name="connsiteX285" fmla="*/ 3923 w 10000"/>
                  <a:gd name="connsiteY285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6852 w 10000"/>
                  <a:gd name="connsiteY56" fmla="*/ 4313 h 10000"/>
                  <a:gd name="connsiteX57" fmla="*/ 6852 w 10000"/>
                  <a:gd name="connsiteY57" fmla="*/ 4431 h 10000"/>
                  <a:gd name="connsiteX58" fmla="*/ 6852 w 10000"/>
                  <a:gd name="connsiteY58" fmla="*/ 4549 h 10000"/>
                  <a:gd name="connsiteX59" fmla="*/ 6804 w 10000"/>
                  <a:gd name="connsiteY59" fmla="*/ 4564 h 10000"/>
                  <a:gd name="connsiteX60" fmla="*/ 6731 w 10000"/>
                  <a:gd name="connsiteY60" fmla="*/ 4594 h 10000"/>
                  <a:gd name="connsiteX61" fmla="*/ 6683 w 10000"/>
                  <a:gd name="connsiteY61" fmla="*/ 4638 h 10000"/>
                  <a:gd name="connsiteX62" fmla="*/ 6683 w 10000"/>
                  <a:gd name="connsiteY62" fmla="*/ 4697 h 10000"/>
                  <a:gd name="connsiteX63" fmla="*/ 6659 w 10000"/>
                  <a:gd name="connsiteY63" fmla="*/ 4801 h 10000"/>
                  <a:gd name="connsiteX64" fmla="*/ 6659 w 10000"/>
                  <a:gd name="connsiteY64" fmla="*/ 4904 h 10000"/>
                  <a:gd name="connsiteX65" fmla="*/ 6538 w 10000"/>
                  <a:gd name="connsiteY65" fmla="*/ 4860 h 10000"/>
                  <a:gd name="connsiteX66" fmla="*/ 6465 w 10000"/>
                  <a:gd name="connsiteY66" fmla="*/ 4801 h 10000"/>
                  <a:gd name="connsiteX67" fmla="*/ 6392 w 10000"/>
                  <a:gd name="connsiteY67" fmla="*/ 4727 h 10000"/>
                  <a:gd name="connsiteX68" fmla="*/ 6320 w 10000"/>
                  <a:gd name="connsiteY68" fmla="*/ 4638 h 10000"/>
                  <a:gd name="connsiteX69" fmla="*/ 6199 w 10000"/>
                  <a:gd name="connsiteY69" fmla="*/ 4476 h 10000"/>
                  <a:gd name="connsiteX70" fmla="*/ 6077 w 10000"/>
                  <a:gd name="connsiteY70" fmla="*/ 4313 h 10000"/>
                  <a:gd name="connsiteX71" fmla="*/ 6223 w 10000"/>
                  <a:gd name="connsiteY71" fmla="*/ 4210 h 10000"/>
                  <a:gd name="connsiteX72" fmla="*/ 6416 w 10000"/>
                  <a:gd name="connsiteY72" fmla="*/ 4121 h 10000"/>
                  <a:gd name="connsiteX73" fmla="*/ 6634 w 10000"/>
                  <a:gd name="connsiteY73" fmla="*/ 4032 h 10000"/>
                  <a:gd name="connsiteX74" fmla="*/ 6877 w 10000"/>
                  <a:gd name="connsiteY74" fmla="*/ 3959 h 10000"/>
                  <a:gd name="connsiteX75" fmla="*/ 7385 w 10000"/>
                  <a:gd name="connsiteY75" fmla="*/ 3811 h 10000"/>
                  <a:gd name="connsiteX76" fmla="*/ 7893 w 10000"/>
                  <a:gd name="connsiteY76" fmla="*/ 3663 h 10000"/>
                  <a:gd name="connsiteX77" fmla="*/ 8136 w 10000"/>
                  <a:gd name="connsiteY77" fmla="*/ 3589 h 10000"/>
                  <a:gd name="connsiteX78" fmla="*/ 8378 w 10000"/>
                  <a:gd name="connsiteY78" fmla="*/ 3516 h 10000"/>
                  <a:gd name="connsiteX79" fmla="*/ 8571 w 10000"/>
                  <a:gd name="connsiteY79" fmla="*/ 3412 h 10000"/>
                  <a:gd name="connsiteX80" fmla="*/ 8765 w 10000"/>
                  <a:gd name="connsiteY80" fmla="*/ 3338 h 10000"/>
                  <a:gd name="connsiteX81" fmla="*/ 8886 w 10000"/>
                  <a:gd name="connsiteY81" fmla="*/ 3235 h 10000"/>
                  <a:gd name="connsiteX82" fmla="*/ 8983 w 10000"/>
                  <a:gd name="connsiteY82" fmla="*/ 3117 h 10000"/>
                  <a:gd name="connsiteX83" fmla="*/ 9007 w 10000"/>
                  <a:gd name="connsiteY83" fmla="*/ 3072 h 10000"/>
                  <a:gd name="connsiteX84" fmla="*/ 9031 w 10000"/>
                  <a:gd name="connsiteY84" fmla="*/ 3013 h 10000"/>
                  <a:gd name="connsiteX85" fmla="*/ 9031 w 10000"/>
                  <a:gd name="connsiteY85" fmla="*/ 2954 h 10000"/>
                  <a:gd name="connsiteX86" fmla="*/ 9007 w 10000"/>
                  <a:gd name="connsiteY86" fmla="*/ 2866 h 10000"/>
                  <a:gd name="connsiteX87" fmla="*/ 8838 w 10000"/>
                  <a:gd name="connsiteY87" fmla="*/ 2984 h 10000"/>
                  <a:gd name="connsiteX88" fmla="*/ 8644 w 10000"/>
                  <a:gd name="connsiteY88" fmla="*/ 3072 h 10000"/>
                  <a:gd name="connsiteX89" fmla="*/ 8450 w 10000"/>
                  <a:gd name="connsiteY89" fmla="*/ 3161 h 10000"/>
                  <a:gd name="connsiteX90" fmla="*/ 8257 w 10000"/>
                  <a:gd name="connsiteY90" fmla="*/ 3250 h 10000"/>
                  <a:gd name="connsiteX91" fmla="*/ 7821 w 10000"/>
                  <a:gd name="connsiteY91" fmla="*/ 3397 h 10000"/>
                  <a:gd name="connsiteX92" fmla="*/ 7361 w 10000"/>
                  <a:gd name="connsiteY92" fmla="*/ 3545 h 10000"/>
                  <a:gd name="connsiteX93" fmla="*/ 6901 w 10000"/>
                  <a:gd name="connsiteY93" fmla="*/ 3678 h 10000"/>
                  <a:gd name="connsiteX94" fmla="*/ 6465 w 10000"/>
                  <a:gd name="connsiteY94" fmla="*/ 3840 h 10000"/>
                  <a:gd name="connsiteX95" fmla="*/ 6247 w 10000"/>
                  <a:gd name="connsiteY95" fmla="*/ 3914 h 10000"/>
                  <a:gd name="connsiteX96" fmla="*/ 6053 w 10000"/>
                  <a:gd name="connsiteY96" fmla="*/ 4003 h 10000"/>
                  <a:gd name="connsiteX97" fmla="*/ 5860 w 10000"/>
                  <a:gd name="connsiteY97" fmla="*/ 4106 h 10000"/>
                  <a:gd name="connsiteX98" fmla="*/ 5666 w 10000"/>
                  <a:gd name="connsiteY98" fmla="*/ 4195 h 10000"/>
                  <a:gd name="connsiteX99" fmla="*/ 5811 w 10000"/>
                  <a:gd name="connsiteY99" fmla="*/ 4417 h 10000"/>
                  <a:gd name="connsiteX100" fmla="*/ 5908 w 10000"/>
                  <a:gd name="connsiteY100" fmla="*/ 4623 h 10000"/>
                  <a:gd name="connsiteX101" fmla="*/ 6005 w 10000"/>
                  <a:gd name="connsiteY101" fmla="*/ 4845 h 10000"/>
                  <a:gd name="connsiteX102" fmla="*/ 6077 w 10000"/>
                  <a:gd name="connsiteY102" fmla="*/ 5081 h 10000"/>
                  <a:gd name="connsiteX103" fmla="*/ 6126 w 10000"/>
                  <a:gd name="connsiteY103" fmla="*/ 5318 h 10000"/>
                  <a:gd name="connsiteX104" fmla="*/ 6150 w 10000"/>
                  <a:gd name="connsiteY104" fmla="*/ 5539 h 10000"/>
                  <a:gd name="connsiteX105" fmla="*/ 6174 w 10000"/>
                  <a:gd name="connsiteY105" fmla="*/ 5775 h 10000"/>
                  <a:gd name="connsiteX106" fmla="*/ 6174 w 10000"/>
                  <a:gd name="connsiteY106" fmla="*/ 5997 h 10000"/>
                  <a:gd name="connsiteX107" fmla="*/ 6150 w 10000"/>
                  <a:gd name="connsiteY107" fmla="*/ 6233 h 10000"/>
                  <a:gd name="connsiteX108" fmla="*/ 6102 w 10000"/>
                  <a:gd name="connsiteY108" fmla="*/ 6470 h 10000"/>
                  <a:gd name="connsiteX109" fmla="*/ 6053 w 10000"/>
                  <a:gd name="connsiteY109" fmla="*/ 6677 h 10000"/>
                  <a:gd name="connsiteX110" fmla="*/ 5981 w 10000"/>
                  <a:gd name="connsiteY110" fmla="*/ 6898 h 10000"/>
                  <a:gd name="connsiteX111" fmla="*/ 5884 w 10000"/>
                  <a:gd name="connsiteY111" fmla="*/ 7105 h 10000"/>
                  <a:gd name="connsiteX112" fmla="*/ 5763 w 10000"/>
                  <a:gd name="connsiteY112" fmla="*/ 7297 h 10000"/>
                  <a:gd name="connsiteX113" fmla="*/ 5617 w 10000"/>
                  <a:gd name="connsiteY113" fmla="*/ 7489 h 10000"/>
                  <a:gd name="connsiteX114" fmla="*/ 5472 w 10000"/>
                  <a:gd name="connsiteY114" fmla="*/ 7681 h 10000"/>
                  <a:gd name="connsiteX115" fmla="*/ 6174 w 10000"/>
                  <a:gd name="connsiteY115" fmla="*/ 7799 h 10000"/>
                  <a:gd name="connsiteX116" fmla="*/ 6901 w 10000"/>
                  <a:gd name="connsiteY116" fmla="*/ 7962 h 10000"/>
                  <a:gd name="connsiteX117" fmla="*/ 7046 w 10000"/>
                  <a:gd name="connsiteY117" fmla="*/ 8021 h 10000"/>
                  <a:gd name="connsiteX118" fmla="*/ 7167 w 10000"/>
                  <a:gd name="connsiteY118" fmla="*/ 8080 h 10000"/>
                  <a:gd name="connsiteX119" fmla="*/ 7288 w 10000"/>
                  <a:gd name="connsiteY119" fmla="*/ 8139 h 10000"/>
                  <a:gd name="connsiteX120" fmla="*/ 7361 w 10000"/>
                  <a:gd name="connsiteY120" fmla="*/ 8227 h 10000"/>
                  <a:gd name="connsiteX121" fmla="*/ 7385 w 10000"/>
                  <a:gd name="connsiteY121" fmla="*/ 8301 h 10000"/>
                  <a:gd name="connsiteX122" fmla="*/ 7385 w 10000"/>
                  <a:gd name="connsiteY122" fmla="*/ 8405 h 10000"/>
                  <a:gd name="connsiteX123" fmla="*/ 7337 w 10000"/>
                  <a:gd name="connsiteY123" fmla="*/ 8523 h 10000"/>
                  <a:gd name="connsiteX124" fmla="*/ 7264 w 10000"/>
                  <a:gd name="connsiteY124" fmla="*/ 8641 h 10000"/>
                  <a:gd name="connsiteX125" fmla="*/ 6949 w 10000"/>
                  <a:gd name="connsiteY125" fmla="*/ 8552 h 10000"/>
                  <a:gd name="connsiteX126" fmla="*/ 6659 w 10000"/>
                  <a:gd name="connsiteY126" fmla="*/ 8449 h 10000"/>
                  <a:gd name="connsiteX127" fmla="*/ 6368 w 10000"/>
                  <a:gd name="connsiteY127" fmla="*/ 8360 h 10000"/>
                  <a:gd name="connsiteX128" fmla="*/ 6077 w 10000"/>
                  <a:gd name="connsiteY128" fmla="*/ 8287 h 10000"/>
                  <a:gd name="connsiteX129" fmla="*/ 5956 w 10000"/>
                  <a:gd name="connsiteY129" fmla="*/ 8449 h 10000"/>
                  <a:gd name="connsiteX130" fmla="*/ 5860 w 10000"/>
                  <a:gd name="connsiteY130" fmla="*/ 8597 h 10000"/>
                  <a:gd name="connsiteX131" fmla="*/ 5811 w 10000"/>
                  <a:gd name="connsiteY131" fmla="*/ 8656 h 10000"/>
                  <a:gd name="connsiteX132" fmla="*/ 5714 w 10000"/>
                  <a:gd name="connsiteY132" fmla="*/ 8700 h 10000"/>
                  <a:gd name="connsiteX133" fmla="*/ 5642 w 10000"/>
                  <a:gd name="connsiteY133" fmla="*/ 8744 h 10000"/>
                  <a:gd name="connsiteX134" fmla="*/ 5569 w 10000"/>
                  <a:gd name="connsiteY134" fmla="*/ 8774 h 10000"/>
                  <a:gd name="connsiteX135" fmla="*/ 5496 w 10000"/>
                  <a:gd name="connsiteY135" fmla="*/ 8804 h 10000"/>
                  <a:gd name="connsiteX136" fmla="*/ 5400 w 10000"/>
                  <a:gd name="connsiteY136" fmla="*/ 8818 h 10000"/>
                  <a:gd name="connsiteX137" fmla="*/ 5278 w 10000"/>
                  <a:gd name="connsiteY137" fmla="*/ 8833 h 10000"/>
                  <a:gd name="connsiteX138" fmla="*/ 5157 w 10000"/>
                  <a:gd name="connsiteY138" fmla="*/ 8833 h 10000"/>
                  <a:gd name="connsiteX139" fmla="*/ 4867 w 10000"/>
                  <a:gd name="connsiteY139" fmla="*/ 8818 h 10000"/>
                  <a:gd name="connsiteX140" fmla="*/ 4504 w 10000"/>
                  <a:gd name="connsiteY140" fmla="*/ 8744 h 10000"/>
                  <a:gd name="connsiteX141" fmla="*/ 4504 w 10000"/>
                  <a:gd name="connsiteY141" fmla="*/ 8922 h 10000"/>
                  <a:gd name="connsiteX142" fmla="*/ 4479 w 10000"/>
                  <a:gd name="connsiteY142" fmla="*/ 9069 h 10000"/>
                  <a:gd name="connsiteX143" fmla="*/ 4455 w 10000"/>
                  <a:gd name="connsiteY143" fmla="*/ 9232 h 10000"/>
                  <a:gd name="connsiteX144" fmla="*/ 4431 w 10000"/>
                  <a:gd name="connsiteY144" fmla="*/ 9365 h 10000"/>
                  <a:gd name="connsiteX145" fmla="*/ 4383 w 10000"/>
                  <a:gd name="connsiteY145" fmla="*/ 9498 h 10000"/>
                  <a:gd name="connsiteX146" fmla="*/ 4286 w 10000"/>
                  <a:gd name="connsiteY146" fmla="*/ 9616 h 10000"/>
                  <a:gd name="connsiteX147" fmla="*/ 4213 w 10000"/>
                  <a:gd name="connsiteY147" fmla="*/ 9734 h 10000"/>
                  <a:gd name="connsiteX148" fmla="*/ 4092 w 10000"/>
                  <a:gd name="connsiteY148" fmla="*/ 9838 h 10000"/>
                  <a:gd name="connsiteX149" fmla="*/ 3801 w 10000"/>
                  <a:gd name="connsiteY149" fmla="*/ 9897 h 10000"/>
                  <a:gd name="connsiteX150" fmla="*/ 3559 w 10000"/>
                  <a:gd name="connsiteY150" fmla="*/ 9941 h 10000"/>
                  <a:gd name="connsiteX151" fmla="*/ 3269 w 10000"/>
                  <a:gd name="connsiteY151" fmla="*/ 9985 h 10000"/>
                  <a:gd name="connsiteX152" fmla="*/ 3051 w 10000"/>
                  <a:gd name="connsiteY152" fmla="*/ 10000 h 10000"/>
                  <a:gd name="connsiteX153" fmla="*/ 2567 w 10000"/>
                  <a:gd name="connsiteY153" fmla="*/ 10000 h 10000"/>
                  <a:gd name="connsiteX154" fmla="*/ 2107 w 10000"/>
                  <a:gd name="connsiteY154" fmla="*/ 9985 h 10000"/>
                  <a:gd name="connsiteX155" fmla="*/ 1671 w 10000"/>
                  <a:gd name="connsiteY155" fmla="*/ 9941 h 10000"/>
                  <a:gd name="connsiteX156" fmla="*/ 1211 w 10000"/>
                  <a:gd name="connsiteY156" fmla="*/ 9911 h 10000"/>
                  <a:gd name="connsiteX157" fmla="*/ 944 w 10000"/>
                  <a:gd name="connsiteY157" fmla="*/ 9911 h 10000"/>
                  <a:gd name="connsiteX158" fmla="*/ 702 w 10000"/>
                  <a:gd name="connsiteY158" fmla="*/ 9911 h 10000"/>
                  <a:gd name="connsiteX159" fmla="*/ 436 w 10000"/>
                  <a:gd name="connsiteY159" fmla="*/ 9926 h 10000"/>
                  <a:gd name="connsiteX160" fmla="*/ 169 w 10000"/>
                  <a:gd name="connsiteY160" fmla="*/ 9970 h 10000"/>
                  <a:gd name="connsiteX161" fmla="*/ 97 w 10000"/>
                  <a:gd name="connsiteY161" fmla="*/ 9867 h 10000"/>
                  <a:gd name="connsiteX162" fmla="*/ 48 w 10000"/>
                  <a:gd name="connsiteY162" fmla="*/ 9793 h 10000"/>
                  <a:gd name="connsiteX163" fmla="*/ 0 w 10000"/>
                  <a:gd name="connsiteY163" fmla="*/ 9705 h 10000"/>
                  <a:gd name="connsiteX164" fmla="*/ 0 w 10000"/>
                  <a:gd name="connsiteY164" fmla="*/ 9601 h 10000"/>
                  <a:gd name="connsiteX165" fmla="*/ 48 w 10000"/>
                  <a:gd name="connsiteY165" fmla="*/ 9424 h 10000"/>
                  <a:gd name="connsiteX166" fmla="*/ 97 w 10000"/>
                  <a:gd name="connsiteY166" fmla="*/ 9202 h 10000"/>
                  <a:gd name="connsiteX167" fmla="*/ 145 w 10000"/>
                  <a:gd name="connsiteY167" fmla="*/ 8996 h 10000"/>
                  <a:gd name="connsiteX168" fmla="*/ 194 w 10000"/>
                  <a:gd name="connsiteY168" fmla="*/ 8759 h 10000"/>
                  <a:gd name="connsiteX169" fmla="*/ 218 w 10000"/>
                  <a:gd name="connsiteY169" fmla="*/ 8641 h 10000"/>
                  <a:gd name="connsiteX170" fmla="*/ 218 w 10000"/>
                  <a:gd name="connsiteY170" fmla="*/ 8538 h 10000"/>
                  <a:gd name="connsiteX171" fmla="*/ 194 w 10000"/>
                  <a:gd name="connsiteY171" fmla="*/ 8405 h 10000"/>
                  <a:gd name="connsiteX172" fmla="*/ 169 w 10000"/>
                  <a:gd name="connsiteY172" fmla="*/ 8287 h 10000"/>
                  <a:gd name="connsiteX173" fmla="*/ 412 w 10000"/>
                  <a:gd name="connsiteY173" fmla="*/ 8213 h 10000"/>
                  <a:gd name="connsiteX174" fmla="*/ 654 w 10000"/>
                  <a:gd name="connsiteY174" fmla="*/ 8139 h 10000"/>
                  <a:gd name="connsiteX175" fmla="*/ 896 w 10000"/>
                  <a:gd name="connsiteY175" fmla="*/ 8095 h 10000"/>
                  <a:gd name="connsiteX176" fmla="*/ 1162 w 10000"/>
                  <a:gd name="connsiteY176" fmla="*/ 8065 h 10000"/>
                  <a:gd name="connsiteX177" fmla="*/ 1646 w 10000"/>
                  <a:gd name="connsiteY177" fmla="*/ 8021 h 10000"/>
                  <a:gd name="connsiteX178" fmla="*/ 2131 w 10000"/>
                  <a:gd name="connsiteY178" fmla="*/ 7976 h 10000"/>
                  <a:gd name="connsiteX179" fmla="*/ 2349 w 10000"/>
                  <a:gd name="connsiteY179" fmla="*/ 7947 h 10000"/>
                  <a:gd name="connsiteX180" fmla="*/ 2567 w 10000"/>
                  <a:gd name="connsiteY180" fmla="*/ 7917 h 10000"/>
                  <a:gd name="connsiteX181" fmla="*/ 2760 w 10000"/>
                  <a:gd name="connsiteY181" fmla="*/ 7843 h 10000"/>
                  <a:gd name="connsiteX182" fmla="*/ 2954 w 10000"/>
                  <a:gd name="connsiteY182" fmla="*/ 7784 h 10000"/>
                  <a:gd name="connsiteX183" fmla="*/ 3123 w 10000"/>
                  <a:gd name="connsiteY183" fmla="*/ 7710 h 10000"/>
                  <a:gd name="connsiteX184" fmla="*/ 3269 w 10000"/>
                  <a:gd name="connsiteY184" fmla="*/ 7592 h 10000"/>
                  <a:gd name="connsiteX185" fmla="*/ 3414 w 10000"/>
                  <a:gd name="connsiteY185" fmla="*/ 7474 h 10000"/>
                  <a:gd name="connsiteX186" fmla="*/ 3511 w 10000"/>
                  <a:gd name="connsiteY186" fmla="*/ 7312 h 10000"/>
                  <a:gd name="connsiteX187" fmla="*/ 3317 w 10000"/>
                  <a:gd name="connsiteY187" fmla="*/ 7238 h 10000"/>
                  <a:gd name="connsiteX188" fmla="*/ 3148 w 10000"/>
                  <a:gd name="connsiteY188" fmla="*/ 7179 h 10000"/>
                  <a:gd name="connsiteX189" fmla="*/ 3002 w 10000"/>
                  <a:gd name="connsiteY189" fmla="*/ 7090 h 10000"/>
                  <a:gd name="connsiteX190" fmla="*/ 2857 w 10000"/>
                  <a:gd name="connsiteY190" fmla="*/ 6987 h 10000"/>
                  <a:gd name="connsiteX191" fmla="*/ 2760 w 10000"/>
                  <a:gd name="connsiteY191" fmla="*/ 6869 h 10000"/>
                  <a:gd name="connsiteX192" fmla="*/ 2712 w 10000"/>
                  <a:gd name="connsiteY192" fmla="*/ 6721 h 10000"/>
                  <a:gd name="connsiteX193" fmla="*/ 2688 w 10000"/>
                  <a:gd name="connsiteY193" fmla="*/ 6558 h 10000"/>
                  <a:gd name="connsiteX194" fmla="*/ 2712 w 10000"/>
                  <a:gd name="connsiteY194" fmla="*/ 6352 h 10000"/>
                  <a:gd name="connsiteX195" fmla="*/ 2591 w 10000"/>
                  <a:gd name="connsiteY195" fmla="*/ 6322 h 10000"/>
                  <a:gd name="connsiteX196" fmla="*/ 2446 w 10000"/>
                  <a:gd name="connsiteY196" fmla="*/ 6292 h 10000"/>
                  <a:gd name="connsiteX197" fmla="*/ 2276 w 10000"/>
                  <a:gd name="connsiteY197" fmla="*/ 6278 h 10000"/>
                  <a:gd name="connsiteX198" fmla="*/ 2107 w 10000"/>
                  <a:gd name="connsiteY198" fmla="*/ 6263 h 10000"/>
                  <a:gd name="connsiteX199" fmla="*/ 1768 w 10000"/>
                  <a:gd name="connsiteY199" fmla="*/ 6248 h 10000"/>
                  <a:gd name="connsiteX200" fmla="*/ 1404 w 10000"/>
                  <a:gd name="connsiteY200" fmla="*/ 6263 h 10000"/>
                  <a:gd name="connsiteX201" fmla="*/ 1090 w 10000"/>
                  <a:gd name="connsiteY201" fmla="*/ 6278 h 10000"/>
                  <a:gd name="connsiteX202" fmla="*/ 799 w 10000"/>
                  <a:gd name="connsiteY202" fmla="*/ 6278 h 10000"/>
                  <a:gd name="connsiteX203" fmla="*/ 557 w 10000"/>
                  <a:gd name="connsiteY203" fmla="*/ 6263 h 10000"/>
                  <a:gd name="connsiteX204" fmla="*/ 363 w 10000"/>
                  <a:gd name="connsiteY204" fmla="*/ 6233 h 10000"/>
                  <a:gd name="connsiteX205" fmla="*/ 605 w 10000"/>
                  <a:gd name="connsiteY205" fmla="*/ 5805 h 10000"/>
                  <a:gd name="connsiteX206" fmla="*/ 872 w 10000"/>
                  <a:gd name="connsiteY206" fmla="*/ 5391 h 10000"/>
                  <a:gd name="connsiteX207" fmla="*/ 969 w 10000"/>
                  <a:gd name="connsiteY207" fmla="*/ 5170 h 10000"/>
                  <a:gd name="connsiteX208" fmla="*/ 1041 w 10000"/>
                  <a:gd name="connsiteY208" fmla="*/ 4963 h 10000"/>
                  <a:gd name="connsiteX209" fmla="*/ 1065 w 10000"/>
                  <a:gd name="connsiteY209" fmla="*/ 4860 h 10000"/>
                  <a:gd name="connsiteX210" fmla="*/ 1041 w 10000"/>
                  <a:gd name="connsiteY210" fmla="*/ 4756 h 10000"/>
                  <a:gd name="connsiteX211" fmla="*/ 1017 w 10000"/>
                  <a:gd name="connsiteY211" fmla="*/ 4653 h 10000"/>
                  <a:gd name="connsiteX212" fmla="*/ 944 w 10000"/>
                  <a:gd name="connsiteY212" fmla="*/ 4549 h 10000"/>
                  <a:gd name="connsiteX213" fmla="*/ 1211 w 10000"/>
                  <a:gd name="connsiteY213" fmla="*/ 4520 h 10000"/>
                  <a:gd name="connsiteX214" fmla="*/ 1404 w 10000"/>
                  <a:gd name="connsiteY214" fmla="*/ 4505 h 10000"/>
                  <a:gd name="connsiteX215" fmla="*/ 1574 w 10000"/>
                  <a:gd name="connsiteY215" fmla="*/ 4505 h 10000"/>
                  <a:gd name="connsiteX216" fmla="*/ 1719 w 10000"/>
                  <a:gd name="connsiteY216" fmla="*/ 4520 h 10000"/>
                  <a:gd name="connsiteX217" fmla="*/ 1840 w 10000"/>
                  <a:gd name="connsiteY217" fmla="*/ 4520 h 10000"/>
                  <a:gd name="connsiteX218" fmla="*/ 1985 w 10000"/>
                  <a:gd name="connsiteY218" fmla="*/ 4520 h 10000"/>
                  <a:gd name="connsiteX219" fmla="*/ 2131 w 10000"/>
                  <a:gd name="connsiteY219" fmla="*/ 4490 h 10000"/>
                  <a:gd name="connsiteX220" fmla="*/ 2324 w 10000"/>
                  <a:gd name="connsiteY220" fmla="*/ 4446 h 10000"/>
                  <a:gd name="connsiteX221" fmla="*/ 2324 w 10000"/>
                  <a:gd name="connsiteY221" fmla="*/ 4579 h 10000"/>
                  <a:gd name="connsiteX222" fmla="*/ 2324 w 10000"/>
                  <a:gd name="connsiteY222" fmla="*/ 4742 h 10000"/>
                  <a:gd name="connsiteX223" fmla="*/ 2324 w 10000"/>
                  <a:gd name="connsiteY223" fmla="*/ 4874 h 10000"/>
                  <a:gd name="connsiteX224" fmla="*/ 2324 w 10000"/>
                  <a:gd name="connsiteY224" fmla="*/ 5037 h 10000"/>
                  <a:gd name="connsiteX225" fmla="*/ 2542 w 10000"/>
                  <a:gd name="connsiteY225" fmla="*/ 5022 h 10000"/>
                  <a:gd name="connsiteX226" fmla="*/ 2688 w 10000"/>
                  <a:gd name="connsiteY226" fmla="*/ 5037 h 10000"/>
                  <a:gd name="connsiteX227" fmla="*/ 2809 w 10000"/>
                  <a:gd name="connsiteY227" fmla="*/ 5066 h 10000"/>
                  <a:gd name="connsiteX228" fmla="*/ 2930 w 10000"/>
                  <a:gd name="connsiteY228" fmla="*/ 5096 h 10000"/>
                  <a:gd name="connsiteX229" fmla="*/ 3027 w 10000"/>
                  <a:gd name="connsiteY229" fmla="*/ 5126 h 10000"/>
                  <a:gd name="connsiteX230" fmla="*/ 3148 w 10000"/>
                  <a:gd name="connsiteY230" fmla="*/ 5155 h 10000"/>
                  <a:gd name="connsiteX231" fmla="*/ 3293 w 10000"/>
                  <a:gd name="connsiteY231" fmla="*/ 5170 h 10000"/>
                  <a:gd name="connsiteX232" fmla="*/ 3511 w 10000"/>
                  <a:gd name="connsiteY232" fmla="*/ 5155 h 10000"/>
                  <a:gd name="connsiteX233" fmla="*/ 3584 w 10000"/>
                  <a:gd name="connsiteY233" fmla="*/ 5096 h 10000"/>
                  <a:gd name="connsiteX234" fmla="*/ 3656 w 10000"/>
                  <a:gd name="connsiteY234" fmla="*/ 5022 h 10000"/>
                  <a:gd name="connsiteX235" fmla="*/ 3680 w 10000"/>
                  <a:gd name="connsiteY235" fmla="*/ 4934 h 10000"/>
                  <a:gd name="connsiteX236" fmla="*/ 3705 w 10000"/>
                  <a:gd name="connsiteY236" fmla="*/ 4860 h 10000"/>
                  <a:gd name="connsiteX237" fmla="*/ 3729 w 10000"/>
                  <a:gd name="connsiteY237" fmla="*/ 4697 h 10000"/>
                  <a:gd name="connsiteX238" fmla="*/ 3705 w 10000"/>
                  <a:gd name="connsiteY238" fmla="*/ 4520 h 10000"/>
                  <a:gd name="connsiteX239" fmla="*/ 3632 w 10000"/>
                  <a:gd name="connsiteY239" fmla="*/ 4343 h 10000"/>
                  <a:gd name="connsiteX240" fmla="*/ 3559 w 10000"/>
                  <a:gd name="connsiteY240" fmla="*/ 4195 h 10000"/>
                  <a:gd name="connsiteX241" fmla="*/ 3438 w 10000"/>
                  <a:gd name="connsiteY241" fmla="*/ 4047 h 10000"/>
                  <a:gd name="connsiteX242" fmla="*/ 3317 w 10000"/>
                  <a:gd name="connsiteY242" fmla="*/ 3959 h 10000"/>
                  <a:gd name="connsiteX243" fmla="*/ 3462 w 10000"/>
                  <a:gd name="connsiteY243" fmla="*/ 3944 h 10000"/>
                  <a:gd name="connsiteX244" fmla="*/ 3584 w 10000"/>
                  <a:gd name="connsiteY244" fmla="*/ 3914 h 10000"/>
                  <a:gd name="connsiteX245" fmla="*/ 3680 w 10000"/>
                  <a:gd name="connsiteY245" fmla="*/ 3855 h 10000"/>
                  <a:gd name="connsiteX246" fmla="*/ 3801 w 10000"/>
                  <a:gd name="connsiteY246" fmla="*/ 3752 h 10000"/>
                  <a:gd name="connsiteX247" fmla="*/ 3923 w 10000"/>
                  <a:gd name="connsiteY247" fmla="*/ 3663 h 10000"/>
                  <a:gd name="connsiteX248" fmla="*/ 4019 w 10000"/>
                  <a:gd name="connsiteY248" fmla="*/ 3560 h 10000"/>
                  <a:gd name="connsiteX249" fmla="*/ 4092 w 10000"/>
                  <a:gd name="connsiteY249" fmla="*/ 3442 h 10000"/>
                  <a:gd name="connsiteX250" fmla="*/ 4165 w 10000"/>
                  <a:gd name="connsiteY250" fmla="*/ 3323 h 10000"/>
                  <a:gd name="connsiteX251" fmla="*/ 4213 w 10000"/>
                  <a:gd name="connsiteY251" fmla="*/ 3220 h 10000"/>
                  <a:gd name="connsiteX252" fmla="*/ 4237 w 10000"/>
                  <a:gd name="connsiteY252" fmla="*/ 3102 h 10000"/>
                  <a:gd name="connsiteX253" fmla="*/ 4262 w 10000"/>
                  <a:gd name="connsiteY253" fmla="*/ 3013 h 10000"/>
                  <a:gd name="connsiteX254" fmla="*/ 4237 w 10000"/>
                  <a:gd name="connsiteY254" fmla="*/ 2939 h 10000"/>
                  <a:gd name="connsiteX255" fmla="*/ 4213 w 10000"/>
                  <a:gd name="connsiteY255" fmla="*/ 2866 h 10000"/>
                  <a:gd name="connsiteX256" fmla="*/ 4140 w 10000"/>
                  <a:gd name="connsiteY256" fmla="*/ 2836 h 10000"/>
                  <a:gd name="connsiteX257" fmla="*/ 4044 w 10000"/>
                  <a:gd name="connsiteY257" fmla="*/ 2836 h 10000"/>
                  <a:gd name="connsiteX258" fmla="*/ 3923 w 10000"/>
                  <a:gd name="connsiteY258" fmla="*/ 2866 h 10000"/>
                  <a:gd name="connsiteX259" fmla="*/ 4019 w 10000"/>
                  <a:gd name="connsiteY259" fmla="*/ 2777 h 10000"/>
                  <a:gd name="connsiteX260" fmla="*/ 4068 w 10000"/>
                  <a:gd name="connsiteY260" fmla="*/ 2674 h 10000"/>
                  <a:gd name="connsiteX261" fmla="*/ 4092 w 10000"/>
                  <a:gd name="connsiteY261" fmla="*/ 2541 h 10000"/>
                  <a:gd name="connsiteX262" fmla="*/ 4092 w 10000"/>
                  <a:gd name="connsiteY262" fmla="*/ 2393 h 10000"/>
                  <a:gd name="connsiteX263" fmla="*/ 4116 w 10000"/>
                  <a:gd name="connsiteY263" fmla="*/ 2349 h 10000"/>
                  <a:gd name="connsiteX264" fmla="*/ 4165 w 10000"/>
                  <a:gd name="connsiteY264" fmla="*/ 2304 h 10000"/>
                  <a:gd name="connsiteX265" fmla="*/ 4213 w 10000"/>
                  <a:gd name="connsiteY265" fmla="*/ 2290 h 10000"/>
                  <a:gd name="connsiteX266" fmla="*/ 4286 w 10000"/>
                  <a:gd name="connsiteY266" fmla="*/ 2275 h 10000"/>
                  <a:gd name="connsiteX267" fmla="*/ 4504 w 10000"/>
                  <a:gd name="connsiteY267" fmla="*/ 2260 h 10000"/>
                  <a:gd name="connsiteX268" fmla="*/ 4697 w 10000"/>
                  <a:gd name="connsiteY268" fmla="*/ 2275 h 10000"/>
                  <a:gd name="connsiteX269" fmla="*/ 4673 w 10000"/>
                  <a:gd name="connsiteY269" fmla="*/ 2112 h 10000"/>
                  <a:gd name="connsiteX270" fmla="*/ 4625 w 10000"/>
                  <a:gd name="connsiteY270" fmla="*/ 1950 h 10000"/>
                  <a:gd name="connsiteX271" fmla="*/ 4552 w 10000"/>
                  <a:gd name="connsiteY271" fmla="*/ 1802 h 10000"/>
                  <a:gd name="connsiteX272" fmla="*/ 4455 w 10000"/>
                  <a:gd name="connsiteY272" fmla="*/ 1640 h 10000"/>
                  <a:gd name="connsiteX273" fmla="*/ 4213 w 10000"/>
                  <a:gd name="connsiteY273" fmla="*/ 1329 h 10000"/>
                  <a:gd name="connsiteX274" fmla="*/ 3971 w 10000"/>
                  <a:gd name="connsiteY274" fmla="*/ 1034 h 10000"/>
                  <a:gd name="connsiteX275" fmla="*/ 3850 w 10000"/>
                  <a:gd name="connsiteY275" fmla="*/ 901 h 10000"/>
                  <a:gd name="connsiteX276" fmla="*/ 3753 w 10000"/>
                  <a:gd name="connsiteY276" fmla="*/ 753 h 10000"/>
                  <a:gd name="connsiteX277" fmla="*/ 3680 w 10000"/>
                  <a:gd name="connsiteY277" fmla="*/ 620 h 10000"/>
                  <a:gd name="connsiteX278" fmla="*/ 3656 w 10000"/>
                  <a:gd name="connsiteY278" fmla="*/ 487 h 10000"/>
                  <a:gd name="connsiteX279" fmla="*/ 3632 w 10000"/>
                  <a:gd name="connsiteY279" fmla="*/ 355 h 10000"/>
                  <a:gd name="connsiteX280" fmla="*/ 3680 w 10000"/>
                  <a:gd name="connsiteY280" fmla="*/ 222 h 10000"/>
                  <a:gd name="connsiteX281" fmla="*/ 3705 w 10000"/>
                  <a:gd name="connsiteY281" fmla="*/ 162 h 10000"/>
                  <a:gd name="connsiteX282" fmla="*/ 3753 w 10000"/>
                  <a:gd name="connsiteY282" fmla="*/ 103 h 10000"/>
                  <a:gd name="connsiteX283" fmla="*/ 3826 w 10000"/>
                  <a:gd name="connsiteY283" fmla="*/ 59 h 10000"/>
                  <a:gd name="connsiteX284" fmla="*/ 3923 w 10000"/>
                  <a:gd name="connsiteY284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6852 w 10000"/>
                  <a:gd name="connsiteY55" fmla="*/ 4313 h 10000"/>
                  <a:gd name="connsiteX56" fmla="*/ 6852 w 10000"/>
                  <a:gd name="connsiteY56" fmla="*/ 4431 h 10000"/>
                  <a:gd name="connsiteX57" fmla="*/ 6852 w 10000"/>
                  <a:gd name="connsiteY57" fmla="*/ 4549 h 10000"/>
                  <a:gd name="connsiteX58" fmla="*/ 6804 w 10000"/>
                  <a:gd name="connsiteY58" fmla="*/ 4564 h 10000"/>
                  <a:gd name="connsiteX59" fmla="*/ 6731 w 10000"/>
                  <a:gd name="connsiteY59" fmla="*/ 4594 h 10000"/>
                  <a:gd name="connsiteX60" fmla="*/ 6683 w 10000"/>
                  <a:gd name="connsiteY60" fmla="*/ 4638 h 10000"/>
                  <a:gd name="connsiteX61" fmla="*/ 6683 w 10000"/>
                  <a:gd name="connsiteY61" fmla="*/ 4697 h 10000"/>
                  <a:gd name="connsiteX62" fmla="*/ 6659 w 10000"/>
                  <a:gd name="connsiteY62" fmla="*/ 4801 h 10000"/>
                  <a:gd name="connsiteX63" fmla="*/ 6659 w 10000"/>
                  <a:gd name="connsiteY63" fmla="*/ 4904 h 10000"/>
                  <a:gd name="connsiteX64" fmla="*/ 6538 w 10000"/>
                  <a:gd name="connsiteY64" fmla="*/ 4860 h 10000"/>
                  <a:gd name="connsiteX65" fmla="*/ 6465 w 10000"/>
                  <a:gd name="connsiteY65" fmla="*/ 4801 h 10000"/>
                  <a:gd name="connsiteX66" fmla="*/ 6392 w 10000"/>
                  <a:gd name="connsiteY66" fmla="*/ 4727 h 10000"/>
                  <a:gd name="connsiteX67" fmla="*/ 6320 w 10000"/>
                  <a:gd name="connsiteY67" fmla="*/ 4638 h 10000"/>
                  <a:gd name="connsiteX68" fmla="*/ 6199 w 10000"/>
                  <a:gd name="connsiteY68" fmla="*/ 4476 h 10000"/>
                  <a:gd name="connsiteX69" fmla="*/ 6077 w 10000"/>
                  <a:gd name="connsiteY69" fmla="*/ 4313 h 10000"/>
                  <a:gd name="connsiteX70" fmla="*/ 6223 w 10000"/>
                  <a:gd name="connsiteY70" fmla="*/ 4210 h 10000"/>
                  <a:gd name="connsiteX71" fmla="*/ 6416 w 10000"/>
                  <a:gd name="connsiteY71" fmla="*/ 4121 h 10000"/>
                  <a:gd name="connsiteX72" fmla="*/ 6634 w 10000"/>
                  <a:gd name="connsiteY72" fmla="*/ 4032 h 10000"/>
                  <a:gd name="connsiteX73" fmla="*/ 6877 w 10000"/>
                  <a:gd name="connsiteY73" fmla="*/ 3959 h 10000"/>
                  <a:gd name="connsiteX74" fmla="*/ 7385 w 10000"/>
                  <a:gd name="connsiteY74" fmla="*/ 3811 h 10000"/>
                  <a:gd name="connsiteX75" fmla="*/ 7893 w 10000"/>
                  <a:gd name="connsiteY75" fmla="*/ 3663 h 10000"/>
                  <a:gd name="connsiteX76" fmla="*/ 8136 w 10000"/>
                  <a:gd name="connsiteY76" fmla="*/ 3589 h 10000"/>
                  <a:gd name="connsiteX77" fmla="*/ 8378 w 10000"/>
                  <a:gd name="connsiteY77" fmla="*/ 3516 h 10000"/>
                  <a:gd name="connsiteX78" fmla="*/ 8571 w 10000"/>
                  <a:gd name="connsiteY78" fmla="*/ 3412 h 10000"/>
                  <a:gd name="connsiteX79" fmla="*/ 8765 w 10000"/>
                  <a:gd name="connsiteY79" fmla="*/ 3338 h 10000"/>
                  <a:gd name="connsiteX80" fmla="*/ 8886 w 10000"/>
                  <a:gd name="connsiteY80" fmla="*/ 3235 h 10000"/>
                  <a:gd name="connsiteX81" fmla="*/ 8983 w 10000"/>
                  <a:gd name="connsiteY81" fmla="*/ 3117 h 10000"/>
                  <a:gd name="connsiteX82" fmla="*/ 9007 w 10000"/>
                  <a:gd name="connsiteY82" fmla="*/ 3072 h 10000"/>
                  <a:gd name="connsiteX83" fmla="*/ 9031 w 10000"/>
                  <a:gd name="connsiteY83" fmla="*/ 3013 h 10000"/>
                  <a:gd name="connsiteX84" fmla="*/ 9031 w 10000"/>
                  <a:gd name="connsiteY84" fmla="*/ 2954 h 10000"/>
                  <a:gd name="connsiteX85" fmla="*/ 9007 w 10000"/>
                  <a:gd name="connsiteY85" fmla="*/ 2866 h 10000"/>
                  <a:gd name="connsiteX86" fmla="*/ 8838 w 10000"/>
                  <a:gd name="connsiteY86" fmla="*/ 2984 h 10000"/>
                  <a:gd name="connsiteX87" fmla="*/ 8644 w 10000"/>
                  <a:gd name="connsiteY87" fmla="*/ 3072 h 10000"/>
                  <a:gd name="connsiteX88" fmla="*/ 8450 w 10000"/>
                  <a:gd name="connsiteY88" fmla="*/ 3161 h 10000"/>
                  <a:gd name="connsiteX89" fmla="*/ 8257 w 10000"/>
                  <a:gd name="connsiteY89" fmla="*/ 3250 h 10000"/>
                  <a:gd name="connsiteX90" fmla="*/ 7821 w 10000"/>
                  <a:gd name="connsiteY90" fmla="*/ 3397 h 10000"/>
                  <a:gd name="connsiteX91" fmla="*/ 7361 w 10000"/>
                  <a:gd name="connsiteY91" fmla="*/ 3545 h 10000"/>
                  <a:gd name="connsiteX92" fmla="*/ 6901 w 10000"/>
                  <a:gd name="connsiteY92" fmla="*/ 3678 h 10000"/>
                  <a:gd name="connsiteX93" fmla="*/ 6465 w 10000"/>
                  <a:gd name="connsiteY93" fmla="*/ 3840 h 10000"/>
                  <a:gd name="connsiteX94" fmla="*/ 6247 w 10000"/>
                  <a:gd name="connsiteY94" fmla="*/ 3914 h 10000"/>
                  <a:gd name="connsiteX95" fmla="*/ 6053 w 10000"/>
                  <a:gd name="connsiteY95" fmla="*/ 4003 h 10000"/>
                  <a:gd name="connsiteX96" fmla="*/ 5860 w 10000"/>
                  <a:gd name="connsiteY96" fmla="*/ 4106 h 10000"/>
                  <a:gd name="connsiteX97" fmla="*/ 5666 w 10000"/>
                  <a:gd name="connsiteY97" fmla="*/ 4195 h 10000"/>
                  <a:gd name="connsiteX98" fmla="*/ 5811 w 10000"/>
                  <a:gd name="connsiteY98" fmla="*/ 4417 h 10000"/>
                  <a:gd name="connsiteX99" fmla="*/ 5908 w 10000"/>
                  <a:gd name="connsiteY99" fmla="*/ 4623 h 10000"/>
                  <a:gd name="connsiteX100" fmla="*/ 6005 w 10000"/>
                  <a:gd name="connsiteY100" fmla="*/ 4845 h 10000"/>
                  <a:gd name="connsiteX101" fmla="*/ 6077 w 10000"/>
                  <a:gd name="connsiteY101" fmla="*/ 5081 h 10000"/>
                  <a:gd name="connsiteX102" fmla="*/ 6126 w 10000"/>
                  <a:gd name="connsiteY102" fmla="*/ 5318 h 10000"/>
                  <a:gd name="connsiteX103" fmla="*/ 6150 w 10000"/>
                  <a:gd name="connsiteY103" fmla="*/ 5539 h 10000"/>
                  <a:gd name="connsiteX104" fmla="*/ 6174 w 10000"/>
                  <a:gd name="connsiteY104" fmla="*/ 5775 h 10000"/>
                  <a:gd name="connsiteX105" fmla="*/ 6174 w 10000"/>
                  <a:gd name="connsiteY105" fmla="*/ 5997 h 10000"/>
                  <a:gd name="connsiteX106" fmla="*/ 6150 w 10000"/>
                  <a:gd name="connsiteY106" fmla="*/ 6233 h 10000"/>
                  <a:gd name="connsiteX107" fmla="*/ 6102 w 10000"/>
                  <a:gd name="connsiteY107" fmla="*/ 6470 h 10000"/>
                  <a:gd name="connsiteX108" fmla="*/ 6053 w 10000"/>
                  <a:gd name="connsiteY108" fmla="*/ 6677 h 10000"/>
                  <a:gd name="connsiteX109" fmla="*/ 5981 w 10000"/>
                  <a:gd name="connsiteY109" fmla="*/ 6898 h 10000"/>
                  <a:gd name="connsiteX110" fmla="*/ 5884 w 10000"/>
                  <a:gd name="connsiteY110" fmla="*/ 7105 h 10000"/>
                  <a:gd name="connsiteX111" fmla="*/ 5763 w 10000"/>
                  <a:gd name="connsiteY111" fmla="*/ 7297 h 10000"/>
                  <a:gd name="connsiteX112" fmla="*/ 5617 w 10000"/>
                  <a:gd name="connsiteY112" fmla="*/ 7489 h 10000"/>
                  <a:gd name="connsiteX113" fmla="*/ 5472 w 10000"/>
                  <a:gd name="connsiteY113" fmla="*/ 7681 h 10000"/>
                  <a:gd name="connsiteX114" fmla="*/ 6174 w 10000"/>
                  <a:gd name="connsiteY114" fmla="*/ 7799 h 10000"/>
                  <a:gd name="connsiteX115" fmla="*/ 6901 w 10000"/>
                  <a:gd name="connsiteY115" fmla="*/ 7962 h 10000"/>
                  <a:gd name="connsiteX116" fmla="*/ 7046 w 10000"/>
                  <a:gd name="connsiteY116" fmla="*/ 8021 h 10000"/>
                  <a:gd name="connsiteX117" fmla="*/ 7167 w 10000"/>
                  <a:gd name="connsiteY117" fmla="*/ 8080 h 10000"/>
                  <a:gd name="connsiteX118" fmla="*/ 7288 w 10000"/>
                  <a:gd name="connsiteY118" fmla="*/ 8139 h 10000"/>
                  <a:gd name="connsiteX119" fmla="*/ 7361 w 10000"/>
                  <a:gd name="connsiteY119" fmla="*/ 8227 h 10000"/>
                  <a:gd name="connsiteX120" fmla="*/ 7385 w 10000"/>
                  <a:gd name="connsiteY120" fmla="*/ 8301 h 10000"/>
                  <a:gd name="connsiteX121" fmla="*/ 7385 w 10000"/>
                  <a:gd name="connsiteY121" fmla="*/ 8405 h 10000"/>
                  <a:gd name="connsiteX122" fmla="*/ 7337 w 10000"/>
                  <a:gd name="connsiteY122" fmla="*/ 8523 h 10000"/>
                  <a:gd name="connsiteX123" fmla="*/ 7264 w 10000"/>
                  <a:gd name="connsiteY123" fmla="*/ 8641 h 10000"/>
                  <a:gd name="connsiteX124" fmla="*/ 6949 w 10000"/>
                  <a:gd name="connsiteY124" fmla="*/ 8552 h 10000"/>
                  <a:gd name="connsiteX125" fmla="*/ 6659 w 10000"/>
                  <a:gd name="connsiteY125" fmla="*/ 8449 h 10000"/>
                  <a:gd name="connsiteX126" fmla="*/ 6368 w 10000"/>
                  <a:gd name="connsiteY126" fmla="*/ 8360 h 10000"/>
                  <a:gd name="connsiteX127" fmla="*/ 6077 w 10000"/>
                  <a:gd name="connsiteY127" fmla="*/ 8287 h 10000"/>
                  <a:gd name="connsiteX128" fmla="*/ 5956 w 10000"/>
                  <a:gd name="connsiteY128" fmla="*/ 8449 h 10000"/>
                  <a:gd name="connsiteX129" fmla="*/ 5860 w 10000"/>
                  <a:gd name="connsiteY129" fmla="*/ 8597 h 10000"/>
                  <a:gd name="connsiteX130" fmla="*/ 5811 w 10000"/>
                  <a:gd name="connsiteY130" fmla="*/ 8656 h 10000"/>
                  <a:gd name="connsiteX131" fmla="*/ 5714 w 10000"/>
                  <a:gd name="connsiteY131" fmla="*/ 8700 h 10000"/>
                  <a:gd name="connsiteX132" fmla="*/ 5642 w 10000"/>
                  <a:gd name="connsiteY132" fmla="*/ 8744 h 10000"/>
                  <a:gd name="connsiteX133" fmla="*/ 5569 w 10000"/>
                  <a:gd name="connsiteY133" fmla="*/ 8774 h 10000"/>
                  <a:gd name="connsiteX134" fmla="*/ 5496 w 10000"/>
                  <a:gd name="connsiteY134" fmla="*/ 8804 h 10000"/>
                  <a:gd name="connsiteX135" fmla="*/ 5400 w 10000"/>
                  <a:gd name="connsiteY135" fmla="*/ 8818 h 10000"/>
                  <a:gd name="connsiteX136" fmla="*/ 5278 w 10000"/>
                  <a:gd name="connsiteY136" fmla="*/ 8833 h 10000"/>
                  <a:gd name="connsiteX137" fmla="*/ 5157 w 10000"/>
                  <a:gd name="connsiteY137" fmla="*/ 8833 h 10000"/>
                  <a:gd name="connsiteX138" fmla="*/ 4867 w 10000"/>
                  <a:gd name="connsiteY138" fmla="*/ 8818 h 10000"/>
                  <a:gd name="connsiteX139" fmla="*/ 4504 w 10000"/>
                  <a:gd name="connsiteY139" fmla="*/ 8744 h 10000"/>
                  <a:gd name="connsiteX140" fmla="*/ 4504 w 10000"/>
                  <a:gd name="connsiteY140" fmla="*/ 8922 h 10000"/>
                  <a:gd name="connsiteX141" fmla="*/ 4479 w 10000"/>
                  <a:gd name="connsiteY141" fmla="*/ 9069 h 10000"/>
                  <a:gd name="connsiteX142" fmla="*/ 4455 w 10000"/>
                  <a:gd name="connsiteY142" fmla="*/ 9232 h 10000"/>
                  <a:gd name="connsiteX143" fmla="*/ 4431 w 10000"/>
                  <a:gd name="connsiteY143" fmla="*/ 9365 h 10000"/>
                  <a:gd name="connsiteX144" fmla="*/ 4383 w 10000"/>
                  <a:gd name="connsiteY144" fmla="*/ 9498 h 10000"/>
                  <a:gd name="connsiteX145" fmla="*/ 4286 w 10000"/>
                  <a:gd name="connsiteY145" fmla="*/ 9616 h 10000"/>
                  <a:gd name="connsiteX146" fmla="*/ 4213 w 10000"/>
                  <a:gd name="connsiteY146" fmla="*/ 9734 h 10000"/>
                  <a:gd name="connsiteX147" fmla="*/ 4092 w 10000"/>
                  <a:gd name="connsiteY147" fmla="*/ 9838 h 10000"/>
                  <a:gd name="connsiteX148" fmla="*/ 3801 w 10000"/>
                  <a:gd name="connsiteY148" fmla="*/ 9897 h 10000"/>
                  <a:gd name="connsiteX149" fmla="*/ 3559 w 10000"/>
                  <a:gd name="connsiteY149" fmla="*/ 9941 h 10000"/>
                  <a:gd name="connsiteX150" fmla="*/ 3269 w 10000"/>
                  <a:gd name="connsiteY150" fmla="*/ 9985 h 10000"/>
                  <a:gd name="connsiteX151" fmla="*/ 3051 w 10000"/>
                  <a:gd name="connsiteY151" fmla="*/ 10000 h 10000"/>
                  <a:gd name="connsiteX152" fmla="*/ 2567 w 10000"/>
                  <a:gd name="connsiteY152" fmla="*/ 10000 h 10000"/>
                  <a:gd name="connsiteX153" fmla="*/ 2107 w 10000"/>
                  <a:gd name="connsiteY153" fmla="*/ 9985 h 10000"/>
                  <a:gd name="connsiteX154" fmla="*/ 1671 w 10000"/>
                  <a:gd name="connsiteY154" fmla="*/ 9941 h 10000"/>
                  <a:gd name="connsiteX155" fmla="*/ 1211 w 10000"/>
                  <a:gd name="connsiteY155" fmla="*/ 9911 h 10000"/>
                  <a:gd name="connsiteX156" fmla="*/ 944 w 10000"/>
                  <a:gd name="connsiteY156" fmla="*/ 9911 h 10000"/>
                  <a:gd name="connsiteX157" fmla="*/ 702 w 10000"/>
                  <a:gd name="connsiteY157" fmla="*/ 9911 h 10000"/>
                  <a:gd name="connsiteX158" fmla="*/ 436 w 10000"/>
                  <a:gd name="connsiteY158" fmla="*/ 9926 h 10000"/>
                  <a:gd name="connsiteX159" fmla="*/ 169 w 10000"/>
                  <a:gd name="connsiteY159" fmla="*/ 9970 h 10000"/>
                  <a:gd name="connsiteX160" fmla="*/ 97 w 10000"/>
                  <a:gd name="connsiteY160" fmla="*/ 9867 h 10000"/>
                  <a:gd name="connsiteX161" fmla="*/ 48 w 10000"/>
                  <a:gd name="connsiteY161" fmla="*/ 9793 h 10000"/>
                  <a:gd name="connsiteX162" fmla="*/ 0 w 10000"/>
                  <a:gd name="connsiteY162" fmla="*/ 9705 h 10000"/>
                  <a:gd name="connsiteX163" fmla="*/ 0 w 10000"/>
                  <a:gd name="connsiteY163" fmla="*/ 9601 h 10000"/>
                  <a:gd name="connsiteX164" fmla="*/ 48 w 10000"/>
                  <a:gd name="connsiteY164" fmla="*/ 9424 h 10000"/>
                  <a:gd name="connsiteX165" fmla="*/ 97 w 10000"/>
                  <a:gd name="connsiteY165" fmla="*/ 9202 h 10000"/>
                  <a:gd name="connsiteX166" fmla="*/ 145 w 10000"/>
                  <a:gd name="connsiteY166" fmla="*/ 8996 h 10000"/>
                  <a:gd name="connsiteX167" fmla="*/ 194 w 10000"/>
                  <a:gd name="connsiteY167" fmla="*/ 8759 h 10000"/>
                  <a:gd name="connsiteX168" fmla="*/ 218 w 10000"/>
                  <a:gd name="connsiteY168" fmla="*/ 8641 h 10000"/>
                  <a:gd name="connsiteX169" fmla="*/ 218 w 10000"/>
                  <a:gd name="connsiteY169" fmla="*/ 8538 h 10000"/>
                  <a:gd name="connsiteX170" fmla="*/ 194 w 10000"/>
                  <a:gd name="connsiteY170" fmla="*/ 8405 h 10000"/>
                  <a:gd name="connsiteX171" fmla="*/ 169 w 10000"/>
                  <a:gd name="connsiteY171" fmla="*/ 8287 h 10000"/>
                  <a:gd name="connsiteX172" fmla="*/ 412 w 10000"/>
                  <a:gd name="connsiteY172" fmla="*/ 8213 h 10000"/>
                  <a:gd name="connsiteX173" fmla="*/ 654 w 10000"/>
                  <a:gd name="connsiteY173" fmla="*/ 8139 h 10000"/>
                  <a:gd name="connsiteX174" fmla="*/ 896 w 10000"/>
                  <a:gd name="connsiteY174" fmla="*/ 8095 h 10000"/>
                  <a:gd name="connsiteX175" fmla="*/ 1162 w 10000"/>
                  <a:gd name="connsiteY175" fmla="*/ 8065 h 10000"/>
                  <a:gd name="connsiteX176" fmla="*/ 1646 w 10000"/>
                  <a:gd name="connsiteY176" fmla="*/ 8021 h 10000"/>
                  <a:gd name="connsiteX177" fmla="*/ 2131 w 10000"/>
                  <a:gd name="connsiteY177" fmla="*/ 7976 h 10000"/>
                  <a:gd name="connsiteX178" fmla="*/ 2349 w 10000"/>
                  <a:gd name="connsiteY178" fmla="*/ 7947 h 10000"/>
                  <a:gd name="connsiteX179" fmla="*/ 2567 w 10000"/>
                  <a:gd name="connsiteY179" fmla="*/ 7917 h 10000"/>
                  <a:gd name="connsiteX180" fmla="*/ 2760 w 10000"/>
                  <a:gd name="connsiteY180" fmla="*/ 7843 h 10000"/>
                  <a:gd name="connsiteX181" fmla="*/ 2954 w 10000"/>
                  <a:gd name="connsiteY181" fmla="*/ 7784 h 10000"/>
                  <a:gd name="connsiteX182" fmla="*/ 3123 w 10000"/>
                  <a:gd name="connsiteY182" fmla="*/ 7710 h 10000"/>
                  <a:gd name="connsiteX183" fmla="*/ 3269 w 10000"/>
                  <a:gd name="connsiteY183" fmla="*/ 7592 h 10000"/>
                  <a:gd name="connsiteX184" fmla="*/ 3414 w 10000"/>
                  <a:gd name="connsiteY184" fmla="*/ 7474 h 10000"/>
                  <a:gd name="connsiteX185" fmla="*/ 3511 w 10000"/>
                  <a:gd name="connsiteY185" fmla="*/ 7312 h 10000"/>
                  <a:gd name="connsiteX186" fmla="*/ 3317 w 10000"/>
                  <a:gd name="connsiteY186" fmla="*/ 7238 h 10000"/>
                  <a:gd name="connsiteX187" fmla="*/ 3148 w 10000"/>
                  <a:gd name="connsiteY187" fmla="*/ 7179 h 10000"/>
                  <a:gd name="connsiteX188" fmla="*/ 3002 w 10000"/>
                  <a:gd name="connsiteY188" fmla="*/ 7090 h 10000"/>
                  <a:gd name="connsiteX189" fmla="*/ 2857 w 10000"/>
                  <a:gd name="connsiteY189" fmla="*/ 6987 h 10000"/>
                  <a:gd name="connsiteX190" fmla="*/ 2760 w 10000"/>
                  <a:gd name="connsiteY190" fmla="*/ 6869 h 10000"/>
                  <a:gd name="connsiteX191" fmla="*/ 2712 w 10000"/>
                  <a:gd name="connsiteY191" fmla="*/ 6721 h 10000"/>
                  <a:gd name="connsiteX192" fmla="*/ 2688 w 10000"/>
                  <a:gd name="connsiteY192" fmla="*/ 6558 h 10000"/>
                  <a:gd name="connsiteX193" fmla="*/ 2712 w 10000"/>
                  <a:gd name="connsiteY193" fmla="*/ 6352 h 10000"/>
                  <a:gd name="connsiteX194" fmla="*/ 2591 w 10000"/>
                  <a:gd name="connsiteY194" fmla="*/ 6322 h 10000"/>
                  <a:gd name="connsiteX195" fmla="*/ 2446 w 10000"/>
                  <a:gd name="connsiteY195" fmla="*/ 6292 h 10000"/>
                  <a:gd name="connsiteX196" fmla="*/ 2276 w 10000"/>
                  <a:gd name="connsiteY196" fmla="*/ 6278 h 10000"/>
                  <a:gd name="connsiteX197" fmla="*/ 2107 w 10000"/>
                  <a:gd name="connsiteY197" fmla="*/ 6263 h 10000"/>
                  <a:gd name="connsiteX198" fmla="*/ 1768 w 10000"/>
                  <a:gd name="connsiteY198" fmla="*/ 6248 h 10000"/>
                  <a:gd name="connsiteX199" fmla="*/ 1404 w 10000"/>
                  <a:gd name="connsiteY199" fmla="*/ 6263 h 10000"/>
                  <a:gd name="connsiteX200" fmla="*/ 1090 w 10000"/>
                  <a:gd name="connsiteY200" fmla="*/ 6278 h 10000"/>
                  <a:gd name="connsiteX201" fmla="*/ 799 w 10000"/>
                  <a:gd name="connsiteY201" fmla="*/ 6278 h 10000"/>
                  <a:gd name="connsiteX202" fmla="*/ 557 w 10000"/>
                  <a:gd name="connsiteY202" fmla="*/ 6263 h 10000"/>
                  <a:gd name="connsiteX203" fmla="*/ 363 w 10000"/>
                  <a:gd name="connsiteY203" fmla="*/ 6233 h 10000"/>
                  <a:gd name="connsiteX204" fmla="*/ 605 w 10000"/>
                  <a:gd name="connsiteY204" fmla="*/ 5805 h 10000"/>
                  <a:gd name="connsiteX205" fmla="*/ 872 w 10000"/>
                  <a:gd name="connsiteY205" fmla="*/ 5391 h 10000"/>
                  <a:gd name="connsiteX206" fmla="*/ 969 w 10000"/>
                  <a:gd name="connsiteY206" fmla="*/ 5170 h 10000"/>
                  <a:gd name="connsiteX207" fmla="*/ 1041 w 10000"/>
                  <a:gd name="connsiteY207" fmla="*/ 4963 h 10000"/>
                  <a:gd name="connsiteX208" fmla="*/ 1065 w 10000"/>
                  <a:gd name="connsiteY208" fmla="*/ 4860 h 10000"/>
                  <a:gd name="connsiteX209" fmla="*/ 1041 w 10000"/>
                  <a:gd name="connsiteY209" fmla="*/ 4756 h 10000"/>
                  <a:gd name="connsiteX210" fmla="*/ 1017 w 10000"/>
                  <a:gd name="connsiteY210" fmla="*/ 4653 h 10000"/>
                  <a:gd name="connsiteX211" fmla="*/ 944 w 10000"/>
                  <a:gd name="connsiteY211" fmla="*/ 4549 h 10000"/>
                  <a:gd name="connsiteX212" fmla="*/ 1211 w 10000"/>
                  <a:gd name="connsiteY212" fmla="*/ 4520 h 10000"/>
                  <a:gd name="connsiteX213" fmla="*/ 1404 w 10000"/>
                  <a:gd name="connsiteY213" fmla="*/ 4505 h 10000"/>
                  <a:gd name="connsiteX214" fmla="*/ 1574 w 10000"/>
                  <a:gd name="connsiteY214" fmla="*/ 4505 h 10000"/>
                  <a:gd name="connsiteX215" fmla="*/ 1719 w 10000"/>
                  <a:gd name="connsiteY215" fmla="*/ 4520 h 10000"/>
                  <a:gd name="connsiteX216" fmla="*/ 1840 w 10000"/>
                  <a:gd name="connsiteY216" fmla="*/ 4520 h 10000"/>
                  <a:gd name="connsiteX217" fmla="*/ 1985 w 10000"/>
                  <a:gd name="connsiteY217" fmla="*/ 4520 h 10000"/>
                  <a:gd name="connsiteX218" fmla="*/ 2131 w 10000"/>
                  <a:gd name="connsiteY218" fmla="*/ 4490 h 10000"/>
                  <a:gd name="connsiteX219" fmla="*/ 2324 w 10000"/>
                  <a:gd name="connsiteY219" fmla="*/ 4446 h 10000"/>
                  <a:gd name="connsiteX220" fmla="*/ 2324 w 10000"/>
                  <a:gd name="connsiteY220" fmla="*/ 4579 h 10000"/>
                  <a:gd name="connsiteX221" fmla="*/ 2324 w 10000"/>
                  <a:gd name="connsiteY221" fmla="*/ 4742 h 10000"/>
                  <a:gd name="connsiteX222" fmla="*/ 2324 w 10000"/>
                  <a:gd name="connsiteY222" fmla="*/ 4874 h 10000"/>
                  <a:gd name="connsiteX223" fmla="*/ 2324 w 10000"/>
                  <a:gd name="connsiteY223" fmla="*/ 5037 h 10000"/>
                  <a:gd name="connsiteX224" fmla="*/ 2542 w 10000"/>
                  <a:gd name="connsiteY224" fmla="*/ 5022 h 10000"/>
                  <a:gd name="connsiteX225" fmla="*/ 2688 w 10000"/>
                  <a:gd name="connsiteY225" fmla="*/ 5037 h 10000"/>
                  <a:gd name="connsiteX226" fmla="*/ 2809 w 10000"/>
                  <a:gd name="connsiteY226" fmla="*/ 5066 h 10000"/>
                  <a:gd name="connsiteX227" fmla="*/ 2930 w 10000"/>
                  <a:gd name="connsiteY227" fmla="*/ 5096 h 10000"/>
                  <a:gd name="connsiteX228" fmla="*/ 3027 w 10000"/>
                  <a:gd name="connsiteY228" fmla="*/ 5126 h 10000"/>
                  <a:gd name="connsiteX229" fmla="*/ 3148 w 10000"/>
                  <a:gd name="connsiteY229" fmla="*/ 5155 h 10000"/>
                  <a:gd name="connsiteX230" fmla="*/ 3293 w 10000"/>
                  <a:gd name="connsiteY230" fmla="*/ 5170 h 10000"/>
                  <a:gd name="connsiteX231" fmla="*/ 3511 w 10000"/>
                  <a:gd name="connsiteY231" fmla="*/ 5155 h 10000"/>
                  <a:gd name="connsiteX232" fmla="*/ 3584 w 10000"/>
                  <a:gd name="connsiteY232" fmla="*/ 5096 h 10000"/>
                  <a:gd name="connsiteX233" fmla="*/ 3656 w 10000"/>
                  <a:gd name="connsiteY233" fmla="*/ 5022 h 10000"/>
                  <a:gd name="connsiteX234" fmla="*/ 3680 w 10000"/>
                  <a:gd name="connsiteY234" fmla="*/ 4934 h 10000"/>
                  <a:gd name="connsiteX235" fmla="*/ 3705 w 10000"/>
                  <a:gd name="connsiteY235" fmla="*/ 4860 h 10000"/>
                  <a:gd name="connsiteX236" fmla="*/ 3729 w 10000"/>
                  <a:gd name="connsiteY236" fmla="*/ 4697 h 10000"/>
                  <a:gd name="connsiteX237" fmla="*/ 3705 w 10000"/>
                  <a:gd name="connsiteY237" fmla="*/ 4520 h 10000"/>
                  <a:gd name="connsiteX238" fmla="*/ 3632 w 10000"/>
                  <a:gd name="connsiteY238" fmla="*/ 4343 h 10000"/>
                  <a:gd name="connsiteX239" fmla="*/ 3559 w 10000"/>
                  <a:gd name="connsiteY239" fmla="*/ 4195 h 10000"/>
                  <a:gd name="connsiteX240" fmla="*/ 3438 w 10000"/>
                  <a:gd name="connsiteY240" fmla="*/ 4047 h 10000"/>
                  <a:gd name="connsiteX241" fmla="*/ 3317 w 10000"/>
                  <a:gd name="connsiteY241" fmla="*/ 3959 h 10000"/>
                  <a:gd name="connsiteX242" fmla="*/ 3462 w 10000"/>
                  <a:gd name="connsiteY242" fmla="*/ 3944 h 10000"/>
                  <a:gd name="connsiteX243" fmla="*/ 3584 w 10000"/>
                  <a:gd name="connsiteY243" fmla="*/ 3914 h 10000"/>
                  <a:gd name="connsiteX244" fmla="*/ 3680 w 10000"/>
                  <a:gd name="connsiteY244" fmla="*/ 3855 h 10000"/>
                  <a:gd name="connsiteX245" fmla="*/ 3801 w 10000"/>
                  <a:gd name="connsiteY245" fmla="*/ 3752 h 10000"/>
                  <a:gd name="connsiteX246" fmla="*/ 3923 w 10000"/>
                  <a:gd name="connsiteY246" fmla="*/ 3663 h 10000"/>
                  <a:gd name="connsiteX247" fmla="*/ 4019 w 10000"/>
                  <a:gd name="connsiteY247" fmla="*/ 3560 h 10000"/>
                  <a:gd name="connsiteX248" fmla="*/ 4092 w 10000"/>
                  <a:gd name="connsiteY248" fmla="*/ 3442 h 10000"/>
                  <a:gd name="connsiteX249" fmla="*/ 4165 w 10000"/>
                  <a:gd name="connsiteY249" fmla="*/ 3323 h 10000"/>
                  <a:gd name="connsiteX250" fmla="*/ 4213 w 10000"/>
                  <a:gd name="connsiteY250" fmla="*/ 3220 h 10000"/>
                  <a:gd name="connsiteX251" fmla="*/ 4237 w 10000"/>
                  <a:gd name="connsiteY251" fmla="*/ 3102 h 10000"/>
                  <a:gd name="connsiteX252" fmla="*/ 4262 w 10000"/>
                  <a:gd name="connsiteY252" fmla="*/ 3013 h 10000"/>
                  <a:gd name="connsiteX253" fmla="*/ 4237 w 10000"/>
                  <a:gd name="connsiteY253" fmla="*/ 2939 h 10000"/>
                  <a:gd name="connsiteX254" fmla="*/ 4213 w 10000"/>
                  <a:gd name="connsiteY254" fmla="*/ 2866 h 10000"/>
                  <a:gd name="connsiteX255" fmla="*/ 4140 w 10000"/>
                  <a:gd name="connsiteY255" fmla="*/ 2836 h 10000"/>
                  <a:gd name="connsiteX256" fmla="*/ 4044 w 10000"/>
                  <a:gd name="connsiteY256" fmla="*/ 2836 h 10000"/>
                  <a:gd name="connsiteX257" fmla="*/ 3923 w 10000"/>
                  <a:gd name="connsiteY257" fmla="*/ 2866 h 10000"/>
                  <a:gd name="connsiteX258" fmla="*/ 4019 w 10000"/>
                  <a:gd name="connsiteY258" fmla="*/ 2777 h 10000"/>
                  <a:gd name="connsiteX259" fmla="*/ 4068 w 10000"/>
                  <a:gd name="connsiteY259" fmla="*/ 2674 h 10000"/>
                  <a:gd name="connsiteX260" fmla="*/ 4092 w 10000"/>
                  <a:gd name="connsiteY260" fmla="*/ 2541 h 10000"/>
                  <a:gd name="connsiteX261" fmla="*/ 4092 w 10000"/>
                  <a:gd name="connsiteY261" fmla="*/ 2393 h 10000"/>
                  <a:gd name="connsiteX262" fmla="*/ 4116 w 10000"/>
                  <a:gd name="connsiteY262" fmla="*/ 2349 h 10000"/>
                  <a:gd name="connsiteX263" fmla="*/ 4165 w 10000"/>
                  <a:gd name="connsiteY263" fmla="*/ 2304 h 10000"/>
                  <a:gd name="connsiteX264" fmla="*/ 4213 w 10000"/>
                  <a:gd name="connsiteY264" fmla="*/ 2290 h 10000"/>
                  <a:gd name="connsiteX265" fmla="*/ 4286 w 10000"/>
                  <a:gd name="connsiteY265" fmla="*/ 2275 h 10000"/>
                  <a:gd name="connsiteX266" fmla="*/ 4504 w 10000"/>
                  <a:gd name="connsiteY266" fmla="*/ 2260 h 10000"/>
                  <a:gd name="connsiteX267" fmla="*/ 4697 w 10000"/>
                  <a:gd name="connsiteY267" fmla="*/ 2275 h 10000"/>
                  <a:gd name="connsiteX268" fmla="*/ 4673 w 10000"/>
                  <a:gd name="connsiteY268" fmla="*/ 2112 h 10000"/>
                  <a:gd name="connsiteX269" fmla="*/ 4625 w 10000"/>
                  <a:gd name="connsiteY269" fmla="*/ 1950 h 10000"/>
                  <a:gd name="connsiteX270" fmla="*/ 4552 w 10000"/>
                  <a:gd name="connsiteY270" fmla="*/ 1802 h 10000"/>
                  <a:gd name="connsiteX271" fmla="*/ 4455 w 10000"/>
                  <a:gd name="connsiteY271" fmla="*/ 1640 h 10000"/>
                  <a:gd name="connsiteX272" fmla="*/ 4213 w 10000"/>
                  <a:gd name="connsiteY272" fmla="*/ 1329 h 10000"/>
                  <a:gd name="connsiteX273" fmla="*/ 3971 w 10000"/>
                  <a:gd name="connsiteY273" fmla="*/ 1034 h 10000"/>
                  <a:gd name="connsiteX274" fmla="*/ 3850 w 10000"/>
                  <a:gd name="connsiteY274" fmla="*/ 901 h 10000"/>
                  <a:gd name="connsiteX275" fmla="*/ 3753 w 10000"/>
                  <a:gd name="connsiteY275" fmla="*/ 753 h 10000"/>
                  <a:gd name="connsiteX276" fmla="*/ 3680 w 10000"/>
                  <a:gd name="connsiteY276" fmla="*/ 620 h 10000"/>
                  <a:gd name="connsiteX277" fmla="*/ 3656 w 10000"/>
                  <a:gd name="connsiteY277" fmla="*/ 487 h 10000"/>
                  <a:gd name="connsiteX278" fmla="*/ 3632 w 10000"/>
                  <a:gd name="connsiteY278" fmla="*/ 355 h 10000"/>
                  <a:gd name="connsiteX279" fmla="*/ 3680 w 10000"/>
                  <a:gd name="connsiteY279" fmla="*/ 222 h 10000"/>
                  <a:gd name="connsiteX280" fmla="*/ 3705 w 10000"/>
                  <a:gd name="connsiteY280" fmla="*/ 162 h 10000"/>
                  <a:gd name="connsiteX281" fmla="*/ 3753 w 10000"/>
                  <a:gd name="connsiteY281" fmla="*/ 103 h 10000"/>
                  <a:gd name="connsiteX282" fmla="*/ 3826 w 10000"/>
                  <a:gd name="connsiteY282" fmla="*/ 59 h 10000"/>
                  <a:gd name="connsiteX283" fmla="*/ 3923 w 10000"/>
                  <a:gd name="connsiteY283" fmla="*/ 0 h 10000"/>
                  <a:gd name="connsiteX0" fmla="*/ 3923 w 9831"/>
                  <a:gd name="connsiteY0" fmla="*/ 0 h 10000"/>
                  <a:gd name="connsiteX1" fmla="*/ 4092 w 9831"/>
                  <a:gd name="connsiteY1" fmla="*/ 0 h 10000"/>
                  <a:gd name="connsiteX2" fmla="*/ 4262 w 9831"/>
                  <a:gd name="connsiteY2" fmla="*/ 15 h 10000"/>
                  <a:gd name="connsiteX3" fmla="*/ 4431 w 9831"/>
                  <a:gd name="connsiteY3" fmla="*/ 44 h 10000"/>
                  <a:gd name="connsiteX4" fmla="*/ 4552 w 9831"/>
                  <a:gd name="connsiteY4" fmla="*/ 89 h 10000"/>
                  <a:gd name="connsiteX5" fmla="*/ 4746 w 9831"/>
                  <a:gd name="connsiteY5" fmla="*/ 192 h 10000"/>
                  <a:gd name="connsiteX6" fmla="*/ 4939 w 9831"/>
                  <a:gd name="connsiteY6" fmla="*/ 340 h 10000"/>
                  <a:gd name="connsiteX7" fmla="*/ 5085 w 9831"/>
                  <a:gd name="connsiteY7" fmla="*/ 473 h 10000"/>
                  <a:gd name="connsiteX8" fmla="*/ 5278 w 9831"/>
                  <a:gd name="connsiteY8" fmla="*/ 591 h 10000"/>
                  <a:gd name="connsiteX9" fmla="*/ 5400 w 9831"/>
                  <a:gd name="connsiteY9" fmla="*/ 650 h 10000"/>
                  <a:gd name="connsiteX10" fmla="*/ 5545 w 9831"/>
                  <a:gd name="connsiteY10" fmla="*/ 679 h 10000"/>
                  <a:gd name="connsiteX11" fmla="*/ 5690 w 9831"/>
                  <a:gd name="connsiteY11" fmla="*/ 709 h 10000"/>
                  <a:gd name="connsiteX12" fmla="*/ 5884 w 9831"/>
                  <a:gd name="connsiteY12" fmla="*/ 709 h 10000"/>
                  <a:gd name="connsiteX13" fmla="*/ 5884 w 9831"/>
                  <a:gd name="connsiteY13" fmla="*/ 768 h 10000"/>
                  <a:gd name="connsiteX14" fmla="*/ 5908 w 9831"/>
                  <a:gd name="connsiteY14" fmla="*/ 842 h 10000"/>
                  <a:gd name="connsiteX15" fmla="*/ 5956 w 9831"/>
                  <a:gd name="connsiteY15" fmla="*/ 916 h 10000"/>
                  <a:gd name="connsiteX16" fmla="*/ 6005 w 9831"/>
                  <a:gd name="connsiteY16" fmla="*/ 990 h 10000"/>
                  <a:gd name="connsiteX17" fmla="*/ 6077 w 9831"/>
                  <a:gd name="connsiteY17" fmla="*/ 1049 h 10000"/>
                  <a:gd name="connsiteX18" fmla="*/ 6174 w 9831"/>
                  <a:gd name="connsiteY18" fmla="*/ 1108 h 10000"/>
                  <a:gd name="connsiteX19" fmla="*/ 6295 w 9831"/>
                  <a:gd name="connsiteY19" fmla="*/ 1182 h 10000"/>
                  <a:gd name="connsiteX20" fmla="*/ 6392 w 9831"/>
                  <a:gd name="connsiteY20" fmla="*/ 1226 h 10000"/>
                  <a:gd name="connsiteX21" fmla="*/ 6489 w 9831"/>
                  <a:gd name="connsiteY21" fmla="*/ 1270 h 10000"/>
                  <a:gd name="connsiteX22" fmla="*/ 6586 w 9831"/>
                  <a:gd name="connsiteY22" fmla="*/ 1300 h 10000"/>
                  <a:gd name="connsiteX23" fmla="*/ 6683 w 9831"/>
                  <a:gd name="connsiteY23" fmla="*/ 1315 h 10000"/>
                  <a:gd name="connsiteX24" fmla="*/ 6804 w 9831"/>
                  <a:gd name="connsiteY24" fmla="*/ 1300 h 10000"/>
                  <a:gd name="connsiteX25" fmla="*/ 6901 w 9831"/>
                  <a:gd name="connsiteY25" fmla="*/ 1285 h 10000"/>
                  <a:gd name="connsiteX26" fmla="*/ 6973 w 9831"/>
                  <a:gd name="connsiteY26" fmla="*/ 1241 h 10000"/>
                  <a:gd name="connsiteX27" fmla="*/ 7022 w 9831"/>
                  <a:gd name="connsiteY27" fmla="*/ 1167 h 10000"/>
                  <a:gd name="connsiteX28" fmla="*/ 7046 w 9831"/>
                  <a:gd name="connsiteY28" fmla="*/ 1064 h 10000"/>
                  <a:gd name="connsiteX29" fmla="*/ 7409 w 9831"/>
                  <a:gd name="connsiteY29" fmla="*/ 1034 h 10000"/>
                  <a:gd name="connsiteX30" fmla="*/ 7748 w 9831"/>
                  <a:gd name="connsiteY30" fmla="*/ 1004 h 10000"/>
                  <a:gd name="connsiteX31" fmla="*/ 8039 w 9831"/>
                  <a:gd name="connsiteY31" fmla="*/ 990 h 10000"/>
                  <a:gd name="connsiteX32" fmla="*/ 8305 w 9831"/>
                  <a:gd name="connsiteY32" fmla="*/ 1004 h 10000"/>
                  <a:gd name="connsiteX33" fmla="*/ 8426 w 9831"/>
                  <a:gd name="connsiteY33" fmla="*/ 1019 h 10000"/>
                  <a:gd name="connsiteX34" fmla="*/ 8547 w 9831"/>
                  <a:gd name="connsiteY34" fmla="*/ 1034 h 10000"/>
                  <a:gd name="connsiteX35" fmla="*/ 8644 w 9831"/>
                  <a:gd name="connsiteY35" fmla="*/ 1064 h 10000"/>
                  <a:gd name="connsiteX36" fmla="*/ 8765 w 9831"/>
                  <a:gd name="connsiteY36" fmla="*/ 1108 h 10000"/>
                  <a:gd name="connsiteX37" fmla="*/ 8838 w 9831"/>
                  <a:gd name="connsiteY37" fmla="*/ 1182 h 10000"/>
                  <a:gd name="connsiteX38" fmla="*/ 8910 w 9831"/>
                  <a:gd name="connsiteY38" fmla="*/ 1241 h 10000"/>
                  <a:gd name="connsiteX39" fmla="*/ 8959 w 9831"/>
                  <a:gd name="connsiteY39" fmla="*/ 1329 h 10000"/>
                  <a:gd name="connsiteX40" fmla="*/ 9007 w 9831"/>
                  <a:gd name="connsiteY40" fmla="*/ 1433 h 10000"/>
                  <a:gd name="connsiteX41" fmla="*/ 9056 w 9831"/>
                  <a:gd name="connsiteY41" fmla="*/ 1551 h 10000"/>
                  <a:gd name="connsiteX42" fmla="*/ 9031 w 9831"/>
                  <a:gd name="connsiteY42" fmla="*/ 1625 h 10000"/>
                  <a:gd name="connsiteX43" fmla="*/ 9007 w 9831"/>
                  <a:gd name="connsiteY43" fmla="*/ 1684 h 10000"/>
                  <a:gd name="connsiteX44" fmla="*/ 8959 w 9831"/>
                  <a:gd name="connsiteY44" fmla="*/ 1758 h 10000"/>
                  <a:gd name="connsiteX45" fmla="*/ 8886 w 9831"/>
                  <a:gd name="connsiteY45" fmla="*/ 1802 h 10000"/>
                  <a:gd name="connsiteX46" fmla="*/ 8838 w 9831"/>
                  <a:gd name="connsiteY46" fmla="*/ 1861 h 10000"/>
                  <a:gd name="connsiteX47" fmla="*/ 8814 w 9831"/>
                  <a:gd name="connsiteY47" fmla="*/ 1935 h 10000"/>
                  <a:gd name="connsiteX48" fmla="*/ 8838 w 9831"/>
                  <a:gd name="connsiteY48" fmla="*/ 2024 h 10000"/>
                  <a:gd name="connsiteX49" fmla="*/ 9104 w 9831"/>
                  <a:gd name="connsiteY49" fmla="*/ 2157 h 10000"/>
                  <a:gd name="connsiteX50" fmla="*/ 9419 w 9831"/>
                  <a:gd name="connsiteY50" fmla="*/ 2275 h 10000"/>
                  <a:gd name="connsiteX51" fmla="*/ 9540 w 9831"/>
                  <a:gd name="connsiteY51" fmla="*/ 2349 h 10000"/>
                  <a:gd name="connsiteX52" fmla="*/ 9685 w 9831"/>
                  <a:gd name="connsiteY52" fmla="*/ 2422 h 10000"/>
                  <a:gd name="connsiteX53" fmla="*/ 9831 w 9831"/>
                  <a:gd name="connsiteY53" fmla="*/ 2467 h 10000"/>
                  <a:gd name="connsiteX54" fmla="*/ 6852 w 9831"/>
                  <a:gd name="connsiteY54" fmla="*/ 4313 h 10000"/>
                  <a:gd name="connsiteX55" fmla="*/ 6852 w 9831"/>
                  <a:gd name="connsiteY55" fmla="*/ 4431 h 10000"/>
                  <a:gd name="connsiteX56" fmla="*/ 6852 w 9831"/>
                  <a:gd name="connsiteY56" fmla="*/ 4549 h 10000"/>
                  <a:gd name="connsiteX57" fmla="*/ 6804 w 9831"/>
                  <a:gd name="connsiteY57" fmla="*/ 4564 h 10000"/>
                  <a:gd name="connsiteX58" fmla="*/ 6731 w 9831"/>
                  <a:gd name="connsiteY58" fmla="*/ 4594 h 10000"/>
                  <a:gd name="connsiteX59" fmla="*/ 6683 w 9831"/>
                  <a:gd name="connsiteY59" fmla="*/ 4638 h 10000"/>
                  <a:gd name="connsiteX60" fmla="*/ 6683 w 9831"/>
                  <a:gd name="connsiteY60" fmla="*/ 4697 h 10000"/>
                  <a:gd name="connsiteX61" fmla="*/ 6659 w 9831"/>
                  <a:gd name="connsiteY61" fmla="*/ 4801 h 10000"/>
                  <a:gd name="connsiteX62" fmla="*/ 6659 w 9831"/>
                  <a:gd name="connsiteY62" fmla="*/ 4904 h 10000"/>
                  <a:gd name="connsiteX63" fmla="*/ 6538 w 9831"/>
                  <a:gd name="connsiteY63" fmla="*/ 4860 h 10000"/>
                  <a:gd name="connsiteX64" fmla="*/ 6465 w 9831"/>
                  <a:gd name="connsiteY64" fmla="*/ 4801 h 10000"/>
                  <a:gd name="connsiteX65" fmla="*/ 6392 w 9831"/>
                  <a:gd name="connsiteY65" fmla="*/ 4727 h 10000"/>
                  <a:gd name="connsiteX66" fmla="*/ 6320 w 9831"/>
                  <a:gd name="connsiteY66" fmla="*/ 4638 h 10000"/>
                  <a:gd name="connsiteX67" fmla="*/ 6199 w 9831"/>
                  <a:gd name="connsiteY67" fmla="*/ 4476 h 10000"/>
                  <a:gd name="connsiteX68" fmla="*/ 6077 w 9831"/>
                  <a:gd name="connsiteY68" fmla="*/ 4313 h 10000"/>
                  <a:gd name="connsiteX69" fmla="*/ 6223 w 9831"/>
                  <a:gd name="connsiteY69" fmla="*/ 4210 h 10000"/>
                  <a:gd name="connsiteX70" fmla="*/ 6416 w 9831"/>
                  <a:gd name="connsiteY70" fmla="*/ 4121 h 10000"/>
                  <a:gd name="connsiteX71" fmla="*/ 6634 w 9831"/>
                  <a:gd name="connsiteY71" fmla="*/ 4032 h 10000"/>
                  <a:gd name="connsiteX72" fmla="*/ 6877 w 9831"/>
                  <a:gd name="connsiteY72" fmla="*/ 3959 h 10000"/>
                  <a:gd name="connsiteX73" fmla="*/ 7385 w 9831"/>
                  <a:gd name="connsiteY73" fmla="*/ 3811 h 10000"/>
                  <a:gd name="connsiteX74" fmla="*/ 7893 w 9831"/>
                  <a:gd name="connsiteY74" fmla="*/ 3663 h 10000"/>
                  <a:gd name="connsiteX75" fmla="*/ 8136 w 9831"/>
                  <a:gd name="connsiteY75" fmla="*/ 3589 h 10000"/>
                  <a:gd name="connsiteX76" fmla="*/ 8378 w 9831"/>
                  <a:gd name="connsiteY76" fmla="*/ 3516 h 10000"/>
                  <a:gd name="connsiteX77" fmla="*/ 8571 w 9831"/>
                  <a:gd name="connsiteY77" fmla="*/ 3412 h 10000"/>
                  <a:gd name="connsiteX78" fmla="*/ 8765 w 9831"/>
                  <a:gd name="connsiteY78" fmla="*/ 3338 h 10000"/>
                  <a:gd name="connsiteX79" fmla="*/ 8886 w 9831"/>
                  <a:gd name="connsiteY79" fmla="*/ 3235 h 10000"/>
                  <a:gd name="connsiteX80" fmla="*/ 8983 w 9831"/>
                  <a:gd name="connsiteY80" fmla="*/ 3117 h 10000"/>
                  <a:gd name="connsiteX81" fmla="*/ 9007 w 9831"/>
                  <a:gd name="connsiteY81" fmla="*/ 3072 h 10000"/>
                  <a:gd name="connsiteX82" fmla="*/ 9031 w 9831"/>
                  <a:gd name="connsiteY82" fmla="*/ 3013 h 10000"/>
                  <a:gd name="connsiteX83" fmla="*/ 9031 w 9831"/>
                  <a:gd name="connsiteY83" fmla="*/ 2954 h 10000"/>
                  <a:gd name="connsiteX84" fmla="*/ 9007 w 9831"/>
                  <a:gd name="connsiteY84" fmla="*/ 2866 h 10000"/>
                  <a:gd name="connsiteX85" fmla="*/ 8838 w 9831"/>
                  <a:gd name="connsiteY85" fmla="*/ 2984 h 10000"/>
                  <a:gd name="connsiteX86" fmla="*/ 8644 w 9831"/>
                  <a:gd name="connsiteY86" fmla="*/ 3072 h 10000"/>
                  <a:gd name="connsiteX87" fmla="*/ 8450 w 9831"/>
                  <a:gd name="connsiteY87" fmla="*/ 3161 h 10000"/>
                  <a:gd name="connsiteX88" fmla="*/ 8257 w 9831"/>
                  <a:gd name="connsiteY88" fmla="*/ 3250 h 10000"/>
                  <a:gd name="connsiteX89" fmla="*/ 7821 w 9831"/>
                  <a:gd name="connsiteY89" fmla="*/ 3397 h 10000"/>
                  <a:gd name="connsiteX90" fmla="*/ 7361 w 9831"/>
                  <a:gd name="connsiteY90" fmla="*/ 3545 h 10000"/>
                  <a:gd name="connsiteX91" fmla="*/ 6901 w 9831"/>
                  <a:gd name="connsiteY91" fmla="*/ 3678 h 10000"/>
                  <a:gd name="connsiteX92" fmla="*/ 6465 w 9831"/>
                  <a:gd name="connsiteY92" fmla="*/ 3840 h 10000"/>
                  <a:gd name="connsiteX93" fmla="*/ 6247 w 9831"/>
                  <a:gd name="connsiteY93" fmla="*/ 3914 h 10000"/>
                  <a:gd name="connsiteX94" fmla="*/ 6053 w 9831"/>
                  <a:gd name="connsiteY94" fmla="*/ 4003 h 10000"/>
                  <a:gd name="connsiteX95" fmla="*/ 5860 w 9831"/>
                  <a:gd name="connsiteY95" fmla="*/ 4106 h 10000"/>
                  <a:gd name="connsiteX96" fmla="*/ 5666 w 9831"/>
                  <a:gd name="connsiteY96" fmla="*/ 4195 h 10000"/>
                  <a:gd name="connsiteX97" fmla="*/ 5811 w 9831"/>
                  <a:gd name="connsiteY97" fmla="*/ 4417 h 10000"/>
                  <a:gd name="connsiteX98" fmla="*/ 5908 w 9831"/>
                  <a:gd name="connsiteY98" fmla="*/ 4623 h 10000"/>
                  <a:gd name="connsiteX99" fmla="*/ 6005 w 9831"/>
                  <a:gd name="connsiteY99" fmla="*/ 4845 h 10000"/>
                  <a:gd name="connsiteX100" fmla="*/ 6077 w 9831"/>
                  <a:gd name="connsiteY100" fmla="*/ 5081 h 10000"/>
                  <a:gd name="connsiteX101" fmla="*/ 6126 w 9831"/>
                  <a:gd name="connsiteY101" fmla="*/ 5318 h 10000"/>
                  <a:gd name="connsiteX102" fmla="*/ 6150 w 9831"/>
                  <a:gd name="connsiteY102" fmla="*/ 5539 h 10000"/>
                  <a:gd name="connsiteX103" fmla="*/ 6174 w 9831"/>
                  <a:gd name="connsiteY103" fmla="*/ 5775 h 10000"/>
                  <a:gd name="connsiteX104" fmla="*/ 6174 w 9831"/>
                  <a:gd name="connsiteY104" fmla="*/ 5997 h 10000"/>
                  <a:gd name="connsiteX105" fmla="*/ 6150 w 9831"/>
                  <a:gd name="connsiteY105" fmla="*/ 6233 h 10000"/>
                  <a:gd name="connsiteX106" fmla="*/ 6102 w 9831"/>
                  <a:gd name="connsiteY106" fmla="*/ 6470 h 10000"/>
                  <a:gd name="connsiteX107" fmla="*/ 6053 w 9831"/>
                  <a:gd name="connsiteY107" fmla="*/ 6677 h 10000"/>
                  <a:gd name="connsiteX108" fmla="*/ 5981 w 9831"/>
                  <a:gd name="connsiteY108" fmla="*/ 6898 h 10000"/>
                  <a:gd name="connsiteX109" fmla="*/ 5884 w 9831"/>
                  <a:gd name="connsiteY109" fmla="*/ 7105 h 10000"/>
                  <a:gd name="connsiteX110" fmla="*/ 5763 w 9831"/>
                  <a:gd name="connsiteY110" fmla="*/ 7297 h 10000"/>
                  <a:gd name="connsiteX111" fmla="*/ 5617 w 9831"/>
                  <a:gd name="connsiteY111" fmla="*/ 7489 h 10000"/>
                  <a:gd name="connsiteX112" fmla="*/ 5472 w 9831"/>
                  <a:gd name="connsiteY112" fmla="*/ 7681 h 10000"/>
                  <a:gd name="connsiteX113" fmla="*/ 6174 w 9831"/>
                  <a:gd name="connsiteY113" fmla="*/ 7799 h 10000"/>
                  <a:gd name="connsiteX114" fmla="*/ 6901 w 9831"/>
                  <a:gd name="connsiteY114" fmla="*/ 7962 h 10000"/>
                  <a:gd name="connsiteX115" fmla="*/ 7046 w 9831"/>
                  <a:gd name="connsiteY115" fmla="*/ 8021 h 10000"/>
                  <a:gd name="connsiteX116" fmla="*/ 7167 w 9831"/>
                  <a:gd name="connsiteY116" fmla="*/ 8080 h 10000"/>
                  <a:gd name="connsiteX117" fmla="*/ 7288 w 9831"/>
                  <a:gd name="connsiteY117" fmla="*/ 8139 h 10000"/>
                  <a:gd name="connsiteX118" fmla="*/ 7361 w 9831"/>
                  <a:gd name="connsiteY118" fmla="*/ 8227 h 10000"/>
                  <a:gd name="connsiteX119" fmla="*/ 7385 w 9831"/>
                  <a:gd name="connsiteY119" fmla="*/ 8301 h 10000"/>
                  <a:gd name="connsiteX120" fmla="*/ 7385 w 9831"/>
                  <a:gd name="connsiteY120" fmla="*/ 8405 h 10000"/>
                  <a:gd name="connsiteX121" fmla="*/ 7337 w 9831"/>
                  <a:gd name="connsiteY121" fmla="*/ 8523 h 10000"/>
                  <a:gd name="connsiteX122" fmla="*/ 7264 w 9831"/>
                  <a:gd name="connsiteY122" fmla="*/ 8641 h 10000"/>
                  <a:gd name="connsiteX123" fmla="*/ 6949 w 9831"/>
                  <a:gd name="connsiteY123" fmla="*/ 8552 h 10000"/>
                  <a:gd name="connsiteX124" fmla="*/ 6659 w 9831"/>
                  <a:gd name="connsiteY124" fmla="*/ 8449 h 10000"/>
                  <a:gd name="connsiteX125" fmla="*/ 6368 w 9831"/>
                  <a:gd name="connsiteY125" fmla="*/ 8360 h 10000"/>
                  <a:gd name="connsiteX126" fmla="*/ 6077 w 9831"/>
                  <a:gd name="connsiteY126" fmla="*/ 8287 h 10000"/>
                  <a:gd name="connsiteX127" fmla="*/ 5956 w 9831"/>
                  <a:gd name="connsiteY127" fmla="*/ 8449 h 10000"/>
                  <a:gd name="connsiteX128" fmla="*/ 5860 w 9831"/>
                  <a:gd name="connsiteY128" fmla="*/ 8597 h 10000"/>
                  <a:gd name="connsiteX129" fmla="*/ 5811 w 9831"/>
                  <a:gd name="connsiteY129" fmla="*/ 8656 h 10000"/>
                  <a:gd name="connsiteX130" fmla="*/ 5714 w 9831"/>
                  <a:gd name="connsiteY130" fmla="*/ 8700 h 10000"/>
                  <a:gd name="connsiteX131" fmla="*/ 5642 w 9831"/>
                  <a:gd name="connsiteY131" fmla="*/ 8744 h 10000"/>
                  <a:gd name="connsiteX132" fmla="*/ 5569 w 9831"/>
                  <a:gd name="connsiteY132" fmla="*/ 8774 h 10000"/>
                  <a:gd name="connsiteX133" fmla="*/ 5496 w 9831"/>
                  <a:gd name="connsiteY133" fmla="*/ 8804 h 10000"/>
                  <a:gd name="connsiteX134" fmla="*/ 5400 w 9831"/>
                  <a:gd name="connsiteY134" fmla="*/ 8818 h 10000"/>
                  <a:gd name="connsiteX135" fmla="*/ 5278 w 9831"/>
                  <a:gd name="connsiteY135" fmla="*/ 8833 h 10000"/>
                  <a:gd name="connsiteX136" fmla="*/ 5157 w 9831"/>
                  <a:gd name="connsiteY136" fmla="*/ 8833 h 10000"/>
                  <a:gd name="connsiteX137" fmla="*/ 4867 w 9831"/>
                  <a:gd name="connsiteY137" fmla="*/ 8818 h 10000"/>
                  <a:gd name="connsiteX138" fmla="*/ 4504 w 9831"/>
                  <a:gd name="connsiteY138" fmla="*/ 8744 h 10000"/>
                  <a:gd name="connsiteX139" fmla="*/ 4504 w 9831"/>
                  <a:gd name="connsiteY139" fmla="*/ 8922 h 10000"/>
                  <a:gd name="connsiteX140" fmla="*/ 4479 w 9831"/>
                  <a:gd name="connsiteY140" fmla="*/ 9069 h 10000"/>
                  <a:gd name="connsiteX141" fmla="*/ 4455 w 9831"/>
                  <a:gd name="connsiteY141" fmla="*/ 9232 h 10000"/>
                  <a:gd name="connsiteX142" fmla="*/ 4431 w 9831"/>
                  <a:gd name="connsiteY142" fmla="*/ 9365 h 10000"/>
                  <a:gd name="connsiteX143" fmla="*/ 4383 w 9831"/>
                  <a:gd name="connsiteY143" fmla="*/ 9498 h 10000"/>
                  <a:gd name="connsiteX144" fmla="*/ 4286 w 9831"/>
                  <a:gd name="connsiteY144" fmla="*/ 9616 h 10000"/>
                  <a:gd name="connsiteX145" fmla="*/ 4213 w 9831"/>
                  <a:gd name="connsiteY145" fmla="*/ 9734 h 10000"/>
                  <a:gd name="connsiteX146" fmla="*/ 4092 w 9831"/>
                  <a:gd name="connsiteY146" fmla="*/ 9838 h 10000"/>
                  <a:gd name="connsiteX147" fmla="*/ 3801 w 9831"/>
                  <a:gd name="connsiteY147" fmla="*/ 9897 h 10000"/>
                  <a:gd name="connsiteX148" fmla="*/ 3559 w 9831"/>
                  <a:gd name="connsiteY148" fmla="*/ 9941 h 10000"/>
                  <a:gd name="connsiteX149" fmla="*/ 3269 w 9831"/>
                  <a:gd name="connsiteY149" fmla="*/ 9985 h 10000"/>
                  <a:gd name="connsiteX150" fmla="*/ 3051 w 9831"/>
                  <a:gd name="connsiteY150" fmla="*/ 10000 h 10000"/>
                  <a:gd name="connsiteX151" fmla="*/ 2567 w 9831"/>
                  <a:gd name="connsiteY151" fmla="*/ 10000 h 10000"/>
                  <a:gd name="connsiteX152" fmla="*/ 2107 w 9831"/>
                  <a:gd name="connsiteY152" fmla="*/ 9985 h 10000"/>
                  <a:gd name="connsiteX153" fmla="*/ 1671 w 9831"/>
                  <a:gd name="connsiteY153" fmla="*/ 9941 h 10000"/>
                  <a:gd name="connsiteX154" fmla="*/ 1211 w 9831"/>
                  <a:gd name="connsiteY154" fmla="*/ 9911 h 10000"/>
                  <a:gd name="connsiteX155" fmla="*/ 944 w 9831"/>
                  <a:gd name="connsiteY155" fmla="*/ 9911 h 10000"/>
                  <a:gd name="connsiteX156" fmla="*/ 702 w 9831"/>
                  <a:gd name="connsiteY156" fmla="*/ 9911 h 10000"/>
                  <a:gd name="connsiteX157" fmla="*/ 436 w 9831"/>
                  <a:gd name="connsiteY157" fmla="*/ 9926 h 10000"/>
                  <a:gd name="connsiteX158" fmla="*/ 169 w 9831"/>
                  <a:gd name="connsiteY158" fmla="*/ 9970 h 10000"/>
                  <a:gd name="connsiteX159" fmla="*/ 97 w 9831"/>
                  <a:gd name="connsiteY159" fmla="*/ 9867 h 10000"/>
                  <a:gd name="connsiteX160" fmla="*/ 48 w 9831"/>
                  <a:gd name="connsiteY160" fmla="*/ 9793 h 10000"/>
                  <a:gd name="connsiteX161" fmla="*/ 0 w 9831"/>
                  <a:gd name="connsiteY161" fmla="*/ 9705 h 10000"/>
                  <a:gd name="connsiteX162" fmla="*/ 0 w 9831"/>
                  <a:gd name="connsiteY162" fmla="*/ 9601 h 10000"/>
                  <a:gd name="connsiteX163" fmla="*/ 48 w 9831"/>
                  <a:gd name="connsiteY163" fmla="*/ 9424 h 10000"/>
                  <a:gd name="connsiteX164" fmla="*/ 97 w 9831"/>
                  <a:gd name="connsiteY164" fmla="*/ 9202 h 10000"/>
                  <a:gd name="connsiteX165" fmla="*/ 145 w 9831"/>
                  <a:gd name="connsiteY165" fmla="*/ 8996 h 10000"/>
                  <a:gd name="connsiteX166" fmla="*/ 194 w 9831"/>
                  <a:gd name="connsiteY166" fmla="*/ 8759 h 10000"/>
                  <a:gd name="connsiteX167" fmla="*/ 218 w 9831"/>
                  <a:gd name="connsiteY167" fmla="*/ 8641 h 10000"/>
                  <a:gd name="connsiteX168" fmla="*/ 218 w 9831"/>
                  <a:gd name="connsiteY168" fmla="*/ 8538 h 10000"/>
                  <a:gd name="connsiteX169" fmla="*/ 194 w 9831"/>
                  <a:gd name="connsiteY169" fmla="*/ 8405 h 10000"/>
                  <a:gd name="connsiteX170" fmla="*/ 169 w 9831"/>
                  <a:gd name="connsiteY170" fmla="*/ 8287 h 10000"/>
                  <a:gd name="connsiteX171" fmla="*/ 412 w 9831"/>
                  <a:gd name="connsiteY171" fmla="*/ 8213 h 10000"/>
                  <a:gd name="connsiteX172" fmla="*/ 654 w 9831"/>
                  <a:gd name="connsiteY172" fmla="*/ 8139 h 10000"/>
                  <a:gd name="connsiteX173" fmla="*/ 896 w 9831"/>
                  <a:gd name="connsiteY173" fmla="*/ 8095 h 10000"/>
                  <a:gd name="connsiteX174" fmla="*/ 1162 w 9831"/>
                  <a:gd name="connsiteY174" fmla="*/ 8065 h 10000"/>
                  <a:gd name="connsiteX175" fmla="*/ 1646 w 9831"/>
                  <a:gd name="connsiteY175" fmla="*/ 8021 h 10000"/>
                  <a:gd name="connsiteX176" fmla="*/ 2131 w 9831"/>
                  <a:gd name="connsiteY176" fmla="*/ 7976 h 10000"/>
                  <a:gd name="connsiteX177" fmla="*/ 2349 w 9831"/>
                  <a:gd name="connsiteY177" fmla="*/ 7947 h 10000"/>
                  <a:gd name="connsiteX178" fmla="*/ 2567 w 9831"/>
                  <a:gd name="connsiteY178" fmla="*/ 7917 h 10000"/>
                  <a:gd name="connsiteX179" fmla="*/ 2760 w 9831"/>
                  <a:gd name="connsiteY179" fmla="*/ 7843 h 10000"/>
                  <a:gd name="connsiteX180" fmla="*/ 2954 w 9831"/>
                  <a:gd name="connsiteY180" fmla="*/ 7784 h 10000"/>
                  <a:gd name="connsiteX181" fmla="*/ 3123 w 9831"/>
                  <a:gd name="connsiteY181" fmla="*/ 7710 h 10000"/>
                  <a:gd name="connsiteX182" fmla="*/ 3269 w 9831"/>
                  <a:gd name="connsiteY182" fmla="*/ 7592 h 10000"/>
                  <a:gd name="connsiteX183" fmla="*/ 3414 w 9831"/>
                  <a:gd name="connsiteY183" fmla="*/ 7474 h 10000"/>
                  <a:gd name="connsiteX184" fmla="*/ 3511 w 9831"/>
                  <a:gd name="connsiteY184" fmla="*/ 7312 h 10000"/>
                  <a:gd name="connsiteX185" fmla="*/ 3317 w 9831"/>
                  <a:gd name="connsiteY185" fmla="*/ 7238 h 10000"/>
                  <a:gd name="connsiteX186" fmla="*/ 3148 w 9831"/>
                  <a:gd name="connsiteY186" fmla="*/ 7179 h 10000"/>
                  <a:gd name="connsiteX187" fmla="*/ 3002 w 9831"/>
                  <a:gd name="connsiteY187" fmla="*/ 7090 h 10000"/>
                  <a:gd name="connsiteX188" fmla="*/ 2857 w 9831"/>
                  <a:gd name="connsiteY188" fmla="*/ 6987 h 10000"/>
                  <a:gd name="connsiteX189" fmla="*/ 2760 w 9831"/>
                  <a:gd name="connsiteY189" fmla="*/ 6869 h 10000"/>
                  <a:gd name="connsiteX190" fmla="*/ 2712 w 9831"/>
                  <a:gd name="connsiteY190" fmla="*/ 6721 h 10000"/>
                  <a:gd name="connsiteX191" fmla="*/ 2688 w 9831"/>
                  <a:gd name="connsiteY191" fmla="*/ 6558 h 10000"/>
                  <a:gd name="connsiteX192" fmla="*/ 2712 w 9831"/>
                  <a:gd name="connsiteY192" fmla="*/ 6352 h 10000"/>
                  <a:gd name="connsiteX193" fmla="*/ 2591 w 9831"/>
                  <a:gd name="connsiteY193" fmla="*/ 6322 h 10000"/>
                  <a:gd name="connsiteX194" fmla="*/ 2446 w 9831"/>
                  <a:gd name="connsiteY194" fmla="*/ 6292 h 10000"/>
                  <a:gd name="connsiteX195" fmla="*/ 2276 w 9831"/>
                  <a:gd name="connsiteY195" fmla="*/ 6278 h 10000"/>
                  <a:gd name="connsiteX196" fmla="*/ 2107 w 9831"/>
                  <a:gd name="connsiteY196" fmla="*/ 6263 h 10000"/>
                  <a:gd name="connsiteX197" fmla="*/ 1768 w 9831"/>
                  <a:gd name="connsiteY197" fmla="*/ 6248 h 10000"/>
                  <a:gd name="connsiteX198" fmla="*/ 1404 w 9831"/>
                  <a:gd name="connsiteY198" fmla="*/ 6263 h 10000"/>
                  <a:gd name="connsiteX199" fmla="*/ 1090 w 9831"/>
                  <a:gd name="connsiteY199" fmla="*/ 6278 h 10000"/>
                  <a:gd name="connsiteX200" fmla="*/ 799 w 9831"/>
                  <a:gd name="connsiteY200" fmla="*/ 6278 h 10000"/>
                  <a:gd name="connsiteX201" fmla="*/ 557 w 9831"/>
                  <a:gd name="connsiteY201" fmla="*/ 6263 h 10000"/>
                  <a:gd name="connsiteX202" fmla="*/ 363 w 9831"/>
                  <a:gd name="connsiteY202" fmla="*/ 6233 h 10000"/>
                  <a:gd name="connsiteX203" fmla="*/ 605 w 9831"/>
                  <a:gd name="connsiteY203" fmla="*/ 5805 h 10000"/>
                  <a:gd name="connsiteX204" fmla="*/ 872 w 9831"/>
                  <a:gd name="connsiteY204" fmla="*/ 5391 h 10000"/>
                  <a:gd name="connsiteX205" fmla="*/ 969 w 9831"/>
                  <a:gd name="connsiteY205" fmla="*/ 5170 h 10000"/>
                  <a:gd name="connsiteX206" fmla="*/ 1041 w 9831"/>
                  <a:gd name="connsiteY206" fmla="*/ 4963 h 10000"/>
                  <a:gd name="connsiteX207" fmla="*/ 1065 w 9831"/>
                  <a:gd name="connsiteY207" fmla="*/ 4860 h 10000"/>
                  <a:gd name="connsiteX208" fmla="*/ 1041 w 9831"/>
                  <a:gd name="connsiteY208" fmla="*/ 4756 h 10000"/>
                  <a:gd name="connsiteX209" fmla="*/ 1017 w 9831"/>
                  <a:gd name="connsiteY209" fmla="*/ 4653 h 10000"/>
                  <a:gd name="connsiteX210" fmla="*/ 944 w 9831"/>
                  <a:gd name="connsiteY210" fmla="*/ 4549 h 10000"/>
                  <a:gd name="connsiteX211" fmla="*/ 1211 w 9831"/>
                  <a:gd name="connsiteY211" fmla="*/ 4520 h 10000"/>
                  <a:gd name="connsiteX212" fmla="*/ 1404 w 9831"/>
                  <a:gd name="connsiteY212" fmla="*/ 4505 h 10000"/>
                  <a:gd name="connsiteX213" fmla="*/ 1574 w 9831"/>
                  <a:gd name="connsiteY213" fmla="*/ 4505 h 10000"/>
                  <a:gd name="connsiteX214" fmla="*/ 1719 w 9831"/>
                  <a:gd name="connsiteY214" fmla="*/ 4520 h 10000"/>
                  <a:gd name="connsiteX215" fmla="*/ 1840 w 9831"/>
                  <a:gd name="connsiteY215" fmla="*/ 4520 h 10000"/>
                  <a:gd name="connsiteX216" fmla="*/ 1985 w 9831"/>
                  <a:gd name="connsiteY216" fmla="*/ 4520 h 10000"/>
                  <a:gd name="connsiteX217" fmla="*/ 2131 w 9831"/>
                  <a:gd name="connsiteY217" fmla="*/ 4490 h 10000"/>
                  <a:gd name="connsiteX218" fmla="*/ 2324 w 9831"/>
                  <a:gd name="connsiteY218" fmla="*/ 4446 h 10000"/>
                  <a:gd name="connsiteX219" fmla="*/ 2324 w 9831"/>
                  <a:gd name="connsiteY219" fmla="*/ 4579 h 10000"/>
                  <a:gd name="connsiteX220" fmla="*/ 2324 w 9831"/>
                  <a:gd name="connsiteY220" fmla="*/ 4742 h 10000"/>
                  <a:gd name="connsiteX221" fmla="*/ 2324 w 9831"/>
                  <a:gd name="connsiteY221" fmla="*/ 4874 h 10000"/>
                  <a:gd name="connsiteX222" fmla="*/ 2324 w 9831"/>
                  <a:gd name="connsiteY222" fmla="*/ 5037 h 10000"/>
                  <a:gd name="connsiteX223" fmla="*/ 2542 w 9831"/>
                  <a:gd name="connsiteY223" fmla="*/ 5022 h 10000"/>
                  <a:gd name="connsiteX224" fmla="*/ 2688 w 9831"/>
                  <a:gd name="connsiteY224" fmla="*/ 5037 h 10000"/>
                  <a:gd name="connsiteX225" fmla="*/ 2809 w 9831"/>
                  <a:gd name="connsiteY225" fmla="*/ 5066 h 10000"/>
                  <a:gd name="connsiteX226" fmla="*/ 2930 w 9831"/>
                  <a:gd name="connsiteY226" fmla="*/ 5096 h 10000"/>
                  <a:gd name="connsiteX227" fmla="*/ 3027 w 9831"/>
                  <a:gd name="connsiteY227" fmla="*/ 5126 h 10000"/>
                  <a:gd name="connsiteX228" fmla="*/ 3148 w 9831"/>
                  <a:gd name="connsiteY228" fmla="*/ 5155 h 10000"/>
                  <a:gd name="connsiteX229" fmla="*/ 3293 w 9831"/>
                  <a:gd name="connsiteY229" fmla="*/ 5170 h 10000"/>
                  <a:gd name="connsiteX230" fmla="*/ 3511 w 9831"/>
                  <a:gd name="connsiteY230" fmla="*/ 5155 h 10000"/>
                  <a:gd name="connsiteX231" fmla="*/ 3584 w 9831"/>
                  <a:gd name="connsiteY231" fmla="*/ 5096 h 10000"/>
                  <a:gd name="connsiteX232" fmla="*/ 3656 w 9831"/>
                  <a:gd name="connsiteY232" fmla="*/ 5022 h 10000"/>
                  <a:gd name="connsiteX233" fmla="*/ 3680 w 9831"/>
                  <a:gd name="connsiteY233" fmla="*/ 4934 h 10000"/>
                  <a:gd name="connsiteX234" fmla="*/ 3705 w 9831"/>
                  <a:gd name="connsiteY234" fmla="*/ 4860 h 10000"/>
                  <a:gd name="connsiteX235" fmla="*/ 3729 w 9831"/>
                  <a:gd name="connsiteY235" fmla="*/ 4697 h 10000"/>
                  <a:gd name="connsiteX236" fmla="*/ 3705 w 9831"/>
                  <a:gd name="connsiteY236" fmla="*/ 4520 h 10000"/>
                  <a:gd name="connsiteX237" fmla="*/ 3632 w 9831"/>
                  <a:gd name="connsiteY237" fmla="*/ 4343 h 10000"/>
                  <a:gd name="connsiteX238" fmla="*/ 3559 w 9831"/>
                  <a:gd name="connsiteY238" fmla="*/ 4195 h 10000"/>
                  <a:gd name="connsiteX239" fmla="*/ 3438 w 9831"/>
                  <a:gd name="connsiteY239" fmla="*/ 4047 h 10000"/>
                  <a:gd name="connsiteX240" fmla="*/ 3317 w 9831"/>
                  <a:gd name="connsiteY240" fmla="*/ 3959 h 10000"/>
                  <a:gd name="connsiteX241" fmla="*/ 3462 w 9831"/>
                  <a:gd name="connsiteY241" fmla="*/ 3944 h 10000"/>
                  <a:gd name="connsiteX242" fmla="*/ 3584 w 9831"/>
                  <a:gd name="connsiteY242" fmla="*/ 3914 h 10000"/>
                  <a:gd name="connsiteX243" fmla="*/ 3680 w 9831"/>
                  <a:gd name="connsiteY243" fmla="*/ 3855 h 10000"/>
                  <a:gd name="connsiteX244" fmla="*/ 3801 w 9831"/>
                  <a:gd name="connsiteY244" fmla="*/ 3752 h 10000"/>
                  <a:gd name="connsiteX245" fmla="*/ 3923 w 9831"/>
                  <a:gd name="connsiteY245" fmla="*/ 3663 h 10000"/>
                  <a:gd name="connsiteX246" fmla="*/ 4019 w 9831"/>
                  <a:gd name="connsiteY246" fmla="*/ 3560 h 10000"/>
                  <a:gd name="connsiteX247" fmla="*/ 4092 w 9831"/>
                  <a:gd name="connsiteY247" fmla="*/ 3442 h 10000"/>
                  <a:gd name="connsiteX248" fmla="*/ 4165 w 9831"/>
                  <a:gd name="connsiteY248" fmla="*/ 3323 h 10000"/>
                  <a:gd name="connsiteX249" fmla="*/ 4213 w 9831"/>
                  <a:gd name="connsiteY249" fmla="*/ 3220 h 10000"/>
                  <a:gd name="connsiteX250" fmla="*/ 4237 w 9831"/>
                  <a:gd name="connsiteY250" fmla="*/ 3102 h 10000"/>
                  <a:gd name="connsiteX251" fmla="*/ 4262 w 9831"/>
                  <a:gd name="connsiteY251" fmla="*/ 3013 h 10000"/>
                  <a:gd name="connsiteX252" fmla="*/ 4237 w 9831"/>
                  <a:gd name="connsiteY252" fmla="*/ 2939 h 10000"/>
                  <a:gd name="connsiteX253" fmla="*/ 4213 w 9831"/>
                  <a:gd name="connsiteY253" fmla="*/ 2866 h 10000"/>
                  <a:gd name="connsiteX254" fmla="*/ 4140 w 9831"/>
                  <a:gd name="connsiteY254" fmla="*/ 2836 h 10000"/>
                  <a:gd name="connsiteX255" fmla="*/ 4044 w 9831"/>
                  <a:gd name="connsiteY255" fmla="*/ 2836 h 10000"/>
                  <a:gd name="connsiteX256" fmla="*/ 3923 w 9831"/>
                  <a:gd name="connsiteY256" fmla="*/ 2866 h 10000"/>
                  <a:gd name="connsiteX257" fmla="*/ 4019 w 9831"/>
                  <a:gd name="connsiteY257" fmla="*/ 2777 h 10000"/>
                  <a:gd name="connsiteX258" fmla="*/ 4068 w 9831"/>
                  <a:gd name="connsiteY258" fmla="*/ 2674 h 10000"/>
                  <a:gd name="connsiteX259" fmla="*/ 4092 w 9831"/>
                  <a:gd name="connsiteY259" fmla="*/ 2541 h 10000"/>
                  <a:gd name="connsiteX260" fmla="*/ 4092 w 9831"/>
                  <a:gd name="connsiteY260" fmla="*/ 2393 h 10000"/>
                  <a:gd name="connsiteX261" fmla="*/ 4116 w 9831"/>
                  <a:gd name="connsiteY261" fmla="*/ 2349 h 10000"/>
                  <a:gd name="connsiteX262" fmla="*/ 4165 w 9831"/>
                  <a:gd name="connsiteY262" fmla="*/ 2304 h 10000"/>
                  <a:gd name="connsiteX263" fmla="*/ 4213 w 9831"/>
                  <a:gd name="connsiteY263" fmla="*/ 2290 h 10000"/>
                  <a:gd name="connsiteX264" fmla="*/ 4286 w 9831"/>
                  <a:gd name="connsiteY264" fmla="*/ 2275 h 10000"/>
                  <a:gd name="connsiteX265" fmla="*/ 4504 w 9831"/>
                  <a:gd name="connsiteY265" fmla="*/ 2260 h 10000"/>
                  <a:gd name="connsiteX266" fmla="*/ 4697 w 9831"/>
                  <a:gd name="connsiteY266" fmla="*/ 2275 h 10000"/>
                  <a:gd name="connsiteX267" fmla="*/ 4673 w 9831"/>
                  <a:gd name="connsiteY267" fmla="*/ 2112 h 10000"/>
                  <a:gd name="connsiteX268" fmla="*/ 4625 w 9831"/>
                  <a:gd name="connsiteY268" fmla="*/ 1950 h 10000"/>
                  <a:gd name="connsiteX269" fmla="*/ 4552 w 9831"/>
                  <a:gd name="connsiteY269" fmla="*/ 1802 h 10000"/>
                  <a:gd name="connsiteX270" fmla="*/ 4455 w 9831"/>
                  <a:gd name="connsiteY270" fmla="*/ 1640 h 10000"/>
                  <a:gd name="connsiteX271" fmla="*/ 4213 w 9831"/>
                  <a:gd name="connsiteY271" fmla="*/ 1329 h 10000"/>
                  <a:gd name="connsiteX272" fmla="*/ 3971 w 9831"/>
                  <a:gd name="connsiteY272" fmla="*/ 1034 h 10000"/>
                  <a:gd name="connsiteX273" fmla="*/ 3850 w 9831"/>
                  <a:gd name="connsiteY273" fmla="*/ 901 h 10000"/>
                  <a:gd name="connsiteX274" fmla="*/ 3753 w 9831"/>
                  <a:gd name="connsiteY274" fmla="*/ 753 h 10000"/>
                  <a:gd name="connsiteX275" fmla="*/ 3680 w 9831"/>
                  <a:gd name="connsiteY275" fmla="*/ 620 h 10000"/>
                  <a:gd name="connsiteX276" fmla="*/ 3656 w 9831"/>
                  <a:gd name="connsiteY276" fmla="*/ 487 h 10000"/>
                  <a:gd name="connsiteX277" fmla="*/ 3632 w 9831"/>
                  <a:gd name="connsiteY277" fmla="*/ 355 h 10000"/>
                  <a:gd name="connsiteX278" fmla="*/ 3680 w 9831"/>
                  <a:gd name="connsiteY278" fmla="*/ 222 h 10000"/>
                  <a:gd name="connsiteX279" fmla="*/ 3705 w 9831"/>
                  <a:gd name="connsiteY279" fmla="*/ 162 h 10000"/>
                  <a:gd name="connsiteX280" fmla="*/ 3753 w 9831"/>
                  <a:gd name="connsiteY280" fmla="*/ 103 h 10000"/>
                  <a:gd name="connsiteX281" fmla="*/ 3826 w 9831"/>
                  <a:gd name="connsiteY281" fmla="*/ 59 h 10000"/>
                  <a:gd name="connsiteX282" fmla="*/ 3923 w 9831"/>
                  <a:gd name="connsiteY282" fmla="*/ 0 h 10000"/>
                  <a:gd name="connsiteX0" fmla="*/ 3990 w 9851"/>
                  <a:gd name="connsiteY0" fmla="*/ 0 h 10000"/>
                  <a:gd name="connsiteX1" fmla="*/ 4162 w 9851"/>
                  <a:gd name="connsiteY1" fmla="*/ 0 h 10000"/>
                  <a:gd name="connsiteX2" fmla="*/ 4335 w 9851"/>
                  <a:gd name="connsiteY2" fmla="*/ 15 h 10000"/>
                  <a:gd name="connsiteX3" fmla="*/ 4507 w 9851"/>
                  <a:gd name="connsiteY3" fmla="*/ 44 h 10000"/>
                  <a:gd name="connsiteX4" fmla="*/ 4630 w 9851"/>
                  <a:gd name="connsiteY4" fmla="*/ 89 h 10000"/>
                  <a:gd name="connsiteX5" fmla="*/ 4828 w 9851"/>
                  <a:gd name="connsiteY5" fmla="*/ 192 h 10000"/>
                  <a:gd name="connsiteX6" fmla="*/ 5024 w 9851"/>
                  <a:gd name="connsiteY6" fmla="*/ 340 h 10000"/>
                  <a:gd name="connsiteX7" fmla="*/ 5172 w 9851"/>
                  <a:gd name="connsiteY7" fmla="*/ 473 h 10000"/>
                  <a:gd name="connsiteX8" fmla="*/ 5369 w 9851"/>
                  <a:gd name="connsiteY8" fmla="*/ 591 h 10000"/>
                  <a:gd name="connsiteX9" fmla="*/ 5493 w 9851"/>
                  <a:gd name="connsiteY9" fmla="*/ 650 h 10000"/>
                  <a:gd name="connsiteX10" fmla="*/ 5640 w 9851"/>
                  <a:gd name="connsiteY10" fmla="*/ 679 h 10000"/>
                  <a:gd name="connsiteX11" fmla="*/ 5788 w 9851"/>
                  <a:gd name="connsiteY11" fmla="*/ 709 h 10000"/>
                  <a:gd name="connsiteX12" fmla="*/ 5985 w 9851"/>
                  <a:gd name="connsiteY12" fmla="*/ 709 h 10000"/>
                  <a:gd name="connsiteX13" fmla="*/ 5985 w 9851"/>
                  <a:gd name="connsiteY13" fmla="*/ 768 h 10000"/>
                  <a:gd name="connsiteX14" fmla="*/ 6010 w 9851"/>
                  <a:gd name="connsiteY14" fmla="*/ 842 h 10000"/>
                  <a:gd name="connsiteX15" fmla="*/ 6058 w 9851"/>
                  <a:gd name="connsiteY15" fmla="*/ 916 h 10000"/>
                  <a:gd name="connsiteX16" fmla="*/ 6108 w 9851"/>
                  <a:gd name="connsiteY16" fmla="*/ 990 h 10000"/>
                  <a:gd name="connsiteX17" fmla="*/ 6181 w 9851"/>
                  <a:gd name="connsiteY17" fmla="*/ 1049 h 10000"/>
                  <a:gd name="connsiteX18" fmla="*/ 6280 w 9851"/>
                  <a:gd name="connsiteY18" fmla="*/ 1108 h 10000"/>
                  <a:gd name="connsiteX19" fmla="*/ 6403 w 9851"/>
                  <a:gd name="connsiteY19" fmla="*/ 1182 h 10000"/>
                  <a:gd name="connsiteX20" fmla="*/ 6502 w 9851"/>
                  <a:gd name="connsiteY20" fmla="*/ 1226 h 10000"/>
                  <a:gd name="connsiteX21" fmla="*/ 6601 w 9851"/>
                  <a:gd name="connsiteY21" fmla="*/ 1270 h 10000"/>
                  <a:gd name="connsiteX22" fmla="*/ 6699 w 9851"/>
                  <a:gd name="connsiteY22" fmla="*/ 1300 h 10000"/>
                  <a:gd name="connsiteX23" fmla="*/ 6798 w 9851"/>
                  <a:gd name="connsiteY23" fmla="*/ 1315 h 10000"/>
                  <a:gd name="connsiteX24" fmla="*/ 6921 w 9851"/>
                  <a:gd name="connsiteY24" fmla="*/ 1300 h 10000"/>
                  <a:gd name="connsiteX25" fmla="*/ 7020 w 9851"/>
                  <a:gd name="connsiteY25" fmla="*/ 1285 h 10000"/>
                  <a:gd name="connsiteX26" fmla="*/ 7093 w 9851"/>
                  <a:gd name="connsiteY26" fmla="*/ 1241 h 10000"/>
                  <a:gd name="connsiteX27" fmla="*/ 7143 w 9851"/>
                  <a:gd name="connsiteY27" fmla="*/ 1167 h 10000"/>
                  <a:gd name="connsiteX28" fmla="*/ 7167 w 9851"/>
                  <a:gd name="connsiteY28" fmla="*/ 1064 h 10000"/>
                  <a:gd name="connsiteX29" fmla="*/ 7536 w 9851"/>
                  <a:gd name="connsiteY29" fmla="*/ 1034 h 10000"/>
                  <a:gd name="connsiteX30" fmla="*/ 7881 w 9851"/>
                  <a:gd name="connsiteY30" fmla="*/ 1004 h 10000"/>
                  <a:gd name="connsiteX31" fmla="*/ 8177 w 9851"/>
                  <a:gd name="connsiteY31" fmla="*/ 990 h 10000"/>
                  <a:gd name="connsiteX32" fmla="*/ 8448 w 9851"/>
                  <a:gd name="connsiteY32" fmla="*/ 1004 h 10000"/>
                  <a:gd name="connsiteX33" fmla="*/ 8571 w 9851"/>
                  <a:gd name="connsiteY33" fmla="*/ 1019 h 10000"/>
                  <a:gd name="connsiteX34" fmla="*/ 8694 w 9851"/>
                  <a:gd name="connsiteY34" fmla="*/ 1034 h 10000"/>
                  <a:gd name="connsiteX35" fmla="*/ 8793 w 9851"/>
                  <a:gd name="connsiteY35" fmla="*/ 1064 h 10000"/>
                  <a:gd name="connsiteX36" fmla="*/ 8916 w 9851"/>
                  <a:gd name="connsiteY36" fmla="*/ 1108 h 10000"/>
                  <a:gd name="connsiteX37" fmla="*/ 8990 w 9851"/>
                  <a:gd name="connsiteY37" fmla="*/ 1182 h 10000"/>
                  <a:gd name="connsiteX38" fmla="*/ 9063 w 9851"/>
                  <a:gd name="connsiteY38" fmla="*/ 1241 h 10000"/>
                  <a:gd name="connsiteX39" fmla="*/ 9113 w 9851"/>
                  <a:gd name="connsiteY39" fmla="*/ 1329 h 10000"/>
                  <a:gd name="connsiteX40" fmla="*/ 9162 w 9851"/>
                  <a:gd name="connsiteY40" fmla="*/ 1433 h 10000"/>
                  <a:gd name="connsiteX41" fmla="*/ 9212 w 9851"/>
                  <a:gd name="connsiteY41" fmla="*/ 1551 h 10000"/>
                  <a:gd name="connsiteX42" fmla="*/ 9186 w 9851"/>
                  <a:gd name="connsiteY42" fmla="*/ 1625 h 10000"/>
                  <a:gd name="connsiteX43" fmla="*/ 9162 w 9851"/>
                  <a:gd name="connsiteY43" fmla="*/ 1684 h 10000"/>
                  <a:gd name="connsiteX44" fmla="*/ 9113 w 9851"/>
                  <a:gd name="connsiteY44" fmla="*/ 1758 h 10000"/>
                  <a:gd name="connsiteX45" fmla="*/ 9039 w 9851"/>
                  <a:gd name="connsiteY45" fmla="*/ 1802 h 10000"/>
                  <a:gd name="connsiteX46" fmla="*/ 8990 w 9851"/>
                  <a:gd name="connsiteY46" fmla="*/ 1861 h 10000"/>
                  <a:gd name="connsiteX47" fmla="*/ 8966 w 9851"/>
                  <a:gd name="connsiteY47" fmla="*/ 1935 h 10000"/>
                  <a:gd name="connsiteX48" fmla="*/ 8990 w 9851"/>
                  <a:gd name="connsiteY48" fmla="*/ 2024 h 10000"/>
                  <a:gd name="connsiteX49" fmla="*/ 9261 w 9851"/>
                  <a:gd name="connsiteY49" fmla="*/ 2157 h 10000"/>
                  <a:gd name="connsiteX50" fmla="*/ 9581 w 9851"/>
                  <a:gd name="connsiteY50" fmla="*/ 2275 h 10000"/>
                  <a:gd name="connsiteX51" fmla="*/ 9704 w 9851"/>
                  <a:gd name="connsiteY51" fmla="*/ 2349 h 10000"/>
                  <a:gd name="connsiteX52" fmla="*/ 9851 w 9851"/>
                  <a:gd name="connsiteY52" fmla="*/ 2422 h 10000"/>
                  <a:gd name="connsiteX53" fmla="*/ 6970 w 9851"/>
                  <a:gd name="connsiteY53" fmla="*/ 4313 h 10000"/>
                  <a:gd name="connsiteX54" fmla="*/ 6970 w 9851"/>
                  <a:gd name="connsiteY54" fmla="*/ 4431 h 10000"/>
                  <a:gd name="connsiteX55" fmla="*/ 6970 w 9851"/>
                  <a:gd name="connsiteY55" fmla="*/ 4549 h 10000"/>
                  <a:gd name="connsiteX56" fmla="*/ 6921 w 9851"/>
                  <a:gd name="connsiteY56" fmla="*/ 4564 h 10000"/>
                  <a:gd name="connsiteX57" fmla="*/ 6847 w 9851"/>
                  <a:gd name="connsiteY57" fmla="*/ 4594 h 10000"/>
                  <a:gd name="connsiteX58" fmla="*/ 6798 w 9851"/>
                  <a:gd name="connsiteY58" fmla="*/ 4638 h 10000"/>
                  <a:gd name="connsiteX59" fmla="*/ 6798 w 9851"/>
                  <a:gd name="connsiteY59" fmla="*/ 4697 h 10000"/>
                  <a:gd name="connsiteX60" fmla="*/ 6773 w 9851"/>
                  <a:gd name="connsiteY60" fmla="*/ 4801 h 10000"/>
                  <a:gd name="connsiteX61" fmla="*/ 6773 w 9851"/>
                  <a:gd name="connsiteY61" fmla="*/ 4904 h 10000"/>
                  <a:gd name="connsiteX62" fmla="*/ 6650 w 9851"/>
                  <a:gd name="connsiteY62" fmla="*/ 4860 h 10000"/>
                  <a:gd name="connsiteX63" fmla="*/ 6576 w 9851"/>
                  <a:gd name="connsiteY63" fmla="*/ 4801 h 10000"/>
                  <a:gd name="connsiteX64" fmla="*/ 6502 w 9851"/>
                  <a:gd name="connsiteY64" fmla="*/ 4727 h 10000"/>
                  <a:gd name="connsiteX65" fmla="*/ 6429 w 9851"/>
                  <a:gd name="connsiteY65" fmla="*/ 4638 h 10000"/>
                  <a:gd name="connsiteX66" fmla="*/ 6306 w 9851"/>
                  <a:gd name="connsiteY66" fmla="*/ 4476 h 10000"/>
                  <a:gd name="connsiteX67" fmla="*/ 6181 w 9851"/>
                  <a:gd name="connsiteY67" fmla="*/ 4313 h 10000"/>
                  <a:gd name="connsiteX68" fmla="*/ 6330 w 9851"/>
                  <a:gd name="connsiteY68" fmla="*/ 4210 h 10000"/>
                  <a:gd name="connsiteX69" fmla="*/ 6526 w 9851"/>
                  <a:gd name="connsiteY69" fmla="*/ 4121 h 10000"/>
                  <a:gd name="connsiteX70" fmla="*/ 6748 w 9851"/>
                  <a:gd name="connsiteY70" fmla="*/ 4032 h 10000"/>
                  <a:gd name="connsiteX71" fmla="*/ 6995 w 9851"/>
                  <a:gd name="connsiteY71" fmla="*/ 3959 h 10000"/>
                  <a:gd name="connsiteX72" fmla="*/ 7512 w 9851"/>
                  <a:gd name="connsiteY72" fmla="*/ 3811 h 10000"/>
                  <a:gd name="connsiteX73" fmla="*/ 8029 w 9851"/>
                  <a:gd name="connsiteY73" fmla="*/ 3663 h 10000"/>
                  <a:gd name="connsiteX74" fmla="*/ 8276 w 9851"/>
                  <a:gd name="connsiteY74" fmla="*/ 3589 h 10000"/>
                  <a:gd name="connsiteX75" fmla="*/ 8522 w 9851"/>
                  <a:gd name="connsiteY75" fmla="*/ 3516 h 10000"/>
                  <a:gd name="connsiteX76" fmla="*/ 8718 w 9851"/>
                  <a:gd name="connsiteY76" fmla="*/ 3412 h 10000"/>
                  <a:gd name="connsiteX77" fmla="*/ 8916 w 9851"/>
                  <a:gd name="connsiteY77" fmla="*/ 3338 h 10000"/>
                  <a:gd name="connsiteX78" fmla="*/ 9039 w 9851"/>
                  <a:gd name="connsiteY78" fmla="*/ 3235 h 10000"/>
                  <a:gd name="connsiteX79" fmla="*/ 9137 w 9851"/>
                  <a:gd name="connsiteY79" fmla="*/ 3117 h 10000"/>
                  <a:gd name="connsiteX80" fmla="*/ 9162 w 9851"/>
                  <a:gd name="connsiteY80" fmla="*/ 3072 h 10000"/>
                  <a:gd name="connsiteX81" fmla="*/ 9186 w 9851"/>
                  <a:gd name="connsiteY81" fmla="*/ 3013 h 10000"/>
                  <a:gd name="connsiteX82" fmla="*/ 9186 w 9851"/>
                  <a:gd name="connsiteY82" fmla="*/ 2954 h 10000"/>
                  <a:gd name="connsiteX83" fmla="*/ 9162 w 9851"/>
                  <a:gd name="connsiteY83" fmla="*/ 2866 h 10000"/>
                  <a:gd name="connsiteX84" fmla="*/ 8990 w 9851"/>
                  <a:gd name="connsiteY84" fmla="*/ 2984 h 10000"/>
                  <a:gd name="connsiteX85" fmla="*/ 8793 w 9851"/>
                  <a:gd name="connsiteY85" fmla="*/ 3072 h 10000"/>
                  <a:gd name="connsiteX86" fmla="*/ 8595 w 9851"/>
                  <a:gd name="connsiteY86" fmla="*/ 3161 h 10000"/>
                  <a:gd name="connsiteX87" fmla="*/ 8399 w 9851"/>
                  <a:gd name="connsiteY87" fmla="*/ 3250 h 10000"/>
                  <a:gd name="connsiteX88" fmla="*/ 7955 w 9851"/>
                  <a:gd name="connsiteY88" fmla="*/ 3397 h 10000"/>
                  <a:gd name="connsiteX89" fmla="*/ 7488 w 9851"/>
                  <a:gd name="connsiteY89" fmla="*/ 3545 h 10000"/>
                  <a:gd name="connsiteX90" fmla="*/ 7020 w 9851"/>
                  <a:gd name="connsiteY90" fmla="*/ 3678 h 10000"/>
                  <a:gd name="connsiteX91" fmla="*/ 6576 w 9851"/>
                  <a:gd name="connsiteY91" fmla="*/ 3840 h 10000"/>
                  <a:gd name="connsiteX92" fmla="*/ 6354 w 9851"/>
                  <a:gd name="connsiteY92" fmla="*/ 3914 h 10000"/>
                  <a:gd name="connsiteX93" fmla="*/ 6157 w 9851"/>
                  <a:gd name="connsiteY93" fmla="*/ 4003 h 10000"/>
                  <a:gd name="connsiteX94" fmla="*/ 5961 w 9851"/>
                  <a:gd name="connsiteY94" fmla="*/ 4106 h 10000"/>
                  <a:gd name="connsiteX95" fmla="*/ 5763 w 9851"/>
                  <a:gd name="connsiteY95" fmla="*/ 4195 h 10000"/>
                  <a:gd name="connsiteX96" fmla="*/ 5911 w 9851"/>
                  <a:gd name="connsiteY96" fmla="*/ 4417 h 10000"/>
                  <a:gd name="connsiteX97" fmla="*/ 6010 w 9851"/>
                  <a:gd name="connsiteY97" fmla="*/ 4623 h 10000"/>
                  <a:gd name="connsiteX98" fmla="*/ 6108 w 9851"/>
                  <a:gd name="connsiteY98" fmla="*/ 4845 h 10000"/>
                  <a:gd name="connsiteX99" fmla="*/ 6181 w 9851"/>
                  <a:gd name="connsiteY99" fmla="*/ 5081 h 10000"/>
                  <a:gd name="connsiteX100" fmla="*/ 6231 w 9851"/>
                  <a:gd name="connsiteY100" fmla="*/ 5318 h 10000"/>
                  <a:gd name="connsiteX101" fmla="*/ 6256 w 9851"/>
                  <a:gd name="connsiteY101" fmla="*/ 5539 h 10000"/>
                  <a:gd name="connsiteX102" fmla="*/ 6280 w 9851"/>
                  <a:gd name="connsiteY102" fmla="*/ 5775 h 10000"/>
                  <a:gd name="connsiteX103" fmla="*/ 6280 w 9851"/>
                  <a:gd name="connsiteY103" fmla="*/ 5997 h 10000"/>
                  <a:gd name="connsiteX104" fmla="*/ 6256 w 9851"/>
                  <a:gd name="connsiteY104" fmla="*/ 6233 h 10000"/>
                  <a:gd name="connsiteX105" fmla="*/ 6207 w 9851"/>
                  <a:gd name="connsiteY105" fmla="*/ 6470 h 10000"/>
                  <a:gd name="connsiteX106" fmla="*/ 6157 w 9851"/>
                  <a:gd name="connsiteY106" fmla="*/ 6677 h 10000"/>
                  <a:gd name="connsiteX107" fmla="*/ 6084 w 9851"/>
                  <a:gd name="connsiteY107" fmla="*/ 6898 h 10000"/>
                  <a:gd name="connsiteX108" fmla="*/ 5985 w 9851"/>
                  <a:gd name="connsiteY108" fmla="*/ 7105 h 10000"/>
                  <a:gd name="connsiteX109" fmla="*/ 5862 w 9851"/>
                  <a:gd name="connsiteY109" fmla="*/ 7297 h 10000"/>
                  <a:gd name="connsiteX110" fmla="*/ 5714 w 9851"/>
                  <a:gd name="connsiteY110" fmla="*/ 7489 h 10000"/>
                  <a:gd name="connsiteX111" fmla="*/ 5566 w 9851"/>
                  <a:gd name="connsiteY111" fmla="*/ 7681 h 10000"/>
                  <a:gd name="connsiteX112" fmla="*/ 6280 w 9851"/>
                  <a:gd name="connsiteY112" fmla="*/ 7799 h 10000"/>
                  <a:gd name="connsiteX113" fmla="*/ 7020 w 9851"/>
                  <a:gd name="connsiteY113" fmla="*/ 7962 h 10000"/>
                  <a:gd name="connsiteX114" fmla="*/ 7167 w 9851"/>
                  <a:gd name="connsiteY114" fmla="*/ 8021 h 10000"/>
                  <a:gd name="connsiteX115" fmla="*/ 7290 w 9851"/>
                  <a:gd name="connsiteY115" fmla="*/ 8080 h 10000"/>
                  <a:gd name="connsiteX116" fmla="*/ 7413 w 9851"/>
                  <a:gd name="connsiteY116" fmla="*/ 8139 h 10000"/>
                  <a:gd name="connsiteX117" fmla="*/ 7488 w 9851"/>
                  <a:gd name="connsiteY117" fmla="*/ 8227 h 10000"/>
                  <a:gd name="connsiteX118" fmla="*/ 7512 w 9851"/>
                  <a:gd name="connsiteY118" fmla="*/ 8301 h 10000"/>
                  <a:gd name="connsiteX119" fmla="*/ 7512 w 9851"/>
                  <a:gd name="connsiteY119" fmla="*/ 8405 h 10000"/>
                  <a:gd name="connsiteX120" fmla="*/ 7463 w 9851"/>
                  <a:gd name="connsiteY120" fmla="*/ 8523 h 10000"/>
                  <a:gd name="connsiteX121" fmla="*/ 7389 w 9851"/>
                  <a:gd name="connsiteY121" fmla="*/ 8641 h 10000"/>
                  <a:gd name="connsiteX122" fmla="*/ 7068 w 9851"/>
                  <a:gd name="connsiteY122" fmla="*/ 8552 h 10000"/>
                  <a:gd name="connsiteX123" fmla="*/ 6773 w 9851"/>
                  <a:gd name="connsiteY123" fmla="*/ 8449 h 10000"/>
                  <a:gd name="connsiteX124" fmla="*/ 6477 w 9851"/>
                  <a:gd name="connsiteY124" fmla="*/ 8360 h 10000"/>
                  <a:gd name="connsiteX125" fmla="*/ 6181 w 9851"/>
                  <a:gd name="connsiteY125" fmla="*/ 8287 h 10000"/>
                  <a:gd name="connsiteX126" fmla="*/ 6058 w 9851"/>
                  <a:gd name="connsiteY126" fmla="*/ 8449 h 10000"/>
                  <a:gd name="connsiteX127" fmla="*/ 5961 w 9851"/>
                  <a:gd name="connsiteY127" fmla="*/ 8597 h 10000"/>
                  <a:gd name="connsiteX128" fmla="*/ 5911 w 9851"/>
                  <a:gd name="connsiteY128" fmla="*/ 8656 h 10000"/>
                  <a:gd name="connsiteX129" fmla="*/ 5812 w 9851"/>
                  <a:gd name="connsiteY129" fmla="*/ 8700 h 10000"/>
                  <a:gd name="connsiteX130" fmla="*/ 5739 w 9851"/>
                  <a:gd name="connsiteY130" fmla="*/ 8744 h 10000"/>
                  <a:gd name="connsiteX131" fmla="*/ 5665 w 9851"/>
                  <a:gd name="connsiteY131" fmla="*/ 8774 h 10000"/>
                  <a:gd name="connsiteX132" fmla="*/ 5590 w 9851"/>
                  <a:gd name="connsiteY132" fmla="*/ 8804 h 10000"/>
                  <a:gd name="connsiteX133" fmla="*/ 5493 w 9851"/>
                  <a:gd name="connsiteY133" fmla="*/ 8818 h 10000"/>
                  <a:gd name="connsiteX134" fmla="*/ 5369 w 9851"/>
                  <a:gd name="connsiteY134" fmla="*/ 8833 h 10000"/>
                  <a:gd name="connsiteX135" fmla="*/ 5246 w 9851"/>
                  <a:gd name="connsiteY135" fmla="*/ 8833 h 10000"/>
                  <a:gd name="connsiteX136" fmla="*/ 4951 w 9851"/>
                  <a:gd name="connsiteY136" fmla="*/ 8818 h 10000"/>
                  <a:gd name="connsiteX137" fmla="*/ 4581 w 9851"/>
                  <a:gd name="connsiteY137" fmla="*/ 8744 h 10000"/>
                  <a:gd name="connsiteX138" fmla="*/ 4581 w 9851"/>
                  <a:gd name="connsiteY138" fmla="*/ 8922 h 10000"/>
                  <a:gd name="connsiteX139" fmla="*/ 4556 w 9851"/>
                  <a:gd name="connsiteY139" fmla="*/ 9069 h 10000"/>
                  <a:gd name="connsiteX140" fmla="*/ 4532 w 9851"/>
                  <a:gd name="connsiteY140" fmla="*/ 9232 h 10000"/>
                  <a:gd name="connsiteX141" fmla="*/ 4507 w 9851"/>
                  <a:gd name="connsiteY141" fmla="*/ 9365 h 10000"/>
                  <a:gd name="connsiteX142" fmla="*/ 4458 w 9851"/>
                  <a:gd name="connsiteY142" fmla="*/ 9498 h 10000"/>
                  <a:gd name="connsiteX143" fmla="*/ 4360 w 9851"/>
                  <a:gd name="connsiteY143" fmla="*/ 9616 h 10000"/>
                  <a:gd name="connsiteX144" fmla="*/ 4285 w 9851"/>
                  <a:gd name="connsiteY144" fmla="*/ 9734 h 10000"/>
                  <a:gd name="connsiteX145" fmla="*/ 4162 w 9851"/>
                  <a:gd name="connsiteY145" fmla="*/ 9838 h 10000"/>
                  <a:gd name="connsiteX146" fmla="*/ 3866 w 9851"/>
                  <a:gd name="connsiteY146" fmla="*/ 9897 h 10000"/>
                  <a:gd name="connsiteX147" fmla="*/ 3620 w 9851"/>
                  <a:gd name="connsiteY147" fmla="*/ 9941 h 10000"/>
                  <a:gd name="connsiteX148" fmla="*/ 3325 w 9851"/>
                  <a:gd name="connsiteY148" fmla="*/ 9985 h 10000"/>
                  <a:gd name="connsiteX149" fmla="*/ 3103 w 9851"/>
                  <a:gd name="connsiteY149" fmla="*/ 10000 h 10000"/>
                  <a:gd name="connsiteX150" fmla="*/ 2611 w 9851"/>
                  <a:gd name="connsiteY150" fmla="*/ 10000 h 10000"/>
                  <a:gd name="connsiteX151" fmla="*/ 2143 w 9851"/>
                  <a:gd name="connsiteY151" fmla="*/ 9985 h 10000"/>
                  <a:gd name="connsiteX152" fmla="*/ 1700 w 9851"/>
                  <a:gd name="connsiteY152" fmla="*/ 9941 h 10000"/>
                  <a:gd name="connsiteX153" fmla="*/ 1232 w 9851"/>
                  <a:gd name="connsiteY153" fmla="*/ 9911 h 10000"/>
                  <a:gd name="connsiteX154" fmla="*/ 960 w 9851"/>
                  <a:gd name="connsiteY154" fmla="*/ 9911 h 10000"/>
                  <a:gd name="connsiteX155" fmla="*/ 714 w 9851"/>
                  <a:gd name="connsiteY155" fmla="*/ 9911 h 10000"/>
                  <a:gd name="connsiteX156" fmla="*/ 443 w 9851"/>
                  <a:gd name="connsiteY156" fmla="*/ 9926 h 10000"/>
                  <a:gd name="connsiteX157" fmla="*/ 172 w 9851"/>
                  <a:gd name="connsiteY157" fmla="*/ 9970 h 10000"/>
                  <a:gd name="connsiteX158" fmla="*/ 99 w 9851"/>
                  <a:gd name="connsiteY158" fmla="*/ 9867 h 10000"/>
                  <a:gd name="connsiteX159" fmla="*/ 49 w 9851"/>
                  <a:gd name="connsiteY159" fmla="*/ 9793 h 10000"/>
                  <a:gd name="connsiteX160" fmla="*/ 0 w 9851"/>
                  <a:gd name="connsiteY160" fmla="*/ 9705 h 10000"/>
                  <a:gd name="connsiteX161" fmla="*/ 0 w 9851"/>
                  <a:gd name="connsiteY161" fmla="*/ 9601 h 10000"/>
                  <a:gd name="connsiteX162" fmla="*/ 49 w 9851"/>
                  <a:gd name="connsiteY162" fmla="*/ 9424 h 10000"/>
                  <a:gd name="connsiteX163" fmla="*/ 99 w 9851"/>
                  <a:gd name="connsiteY163" fmla="*/ 9202 h 10000"/>
                  <a:gd name="connsiteX164" fmla="*/ 147 w 9851"/>
                  <a:gd name="connsiteY164" fmla="*/ 8996 h 10000"/>
                  <a:gd name="connsiteX165" fmla="*/ 197 w 9851"/>
                  <a:gd name="connsiteY165" fmla="*/ 8759 h 10000"/>
                  <a:gd name="connsiteX166" fmla="*/ 222 w 9851"/>
                  <a:gd name="connsiteY166" fmla="*/ 8641 h 10000"/>
                  <a:gd name="connsiteX167" fmla="*/ 222 w 9851"/>
                  <a:gd name="connsiteY167" fmla="*/ 8538 h 10000"/>
                  <a:gd name="connsiteX168" fmla="*/ 197 w 9851"/>
                  <a:gd name="connsiteY168" fmla="*/ 8405 h 10000"/>
                  <a:gd name="connsiteX169" fmla="*/ 172 w 9851"/>
                  <a:gd name="connsiteY169" fmla="*/ 8287 h 10000"/>
                  <a:gd name="connsiteX170" fmla="*/ 419 w 9851"/>
                  <a:gd name="connsiteY170" fmla="*/ 8213 h 10000"/>
                  <a:gd name="connsiteX171" fmla="*/ 665 w 9851"/>
                  <a:gd name="connsiteY171" fmla="*/ 8139 h 10000"/>
                  <a:gd name="connsiteX172" fmla="*/ 911 w 9851"/>
                  <a:gd name="connsiteY172" fmla="*/ 8095 h 10000"/>
                  <a:gd name="connsiteX173" fmla="*/ 1182 w 9851"/>
                  <a:gd name="connsiteY173" fmla="*/ 8065 h 10000"/>
                  <a:gd name="connsiteX174" fmla="*/ 1674 w 9851"/>
                  <a:gd name="connsiteY174" fmla="*/ 8021 h 10000"/>
                  <a:gd name="connsiteX175" fmla="*/ 2168 w 9851"/>
                  <a:gd name="connsiteY175" fmla="*/ 7976 h 10000"/>
                  <a:gd name="connsiteX176" fmla="*/ 2389 w 9851"/>
                  <a:gd name="connsiteY176" fmla="*/ 7947 h 10000"/>
                  <a:gd name="connsiteX177" fmla="*/ 2611 w 9851"/>
                  <a:gd name="connsiteY177" fmla="*/ 7917 h 10000"/>
                  <a:gd name="connsiteX178" fmla="*/ 2807 w 9851"/>
                  <a:gd name="connsiteY178" fmla="*/ 7843 h 10000"/>
                  <a:gd name="connsiteX179" fmla="*/ 3005 w 9851"/>
                  <a:gd name="connsiteY179" fmla="*/ 7784 h 10000"/>
                  <a:gd name="connsiteX180" fmla="*/ 3177 w 9851"/>
                  <a:gd name="connsiteY180" fmla="*/ 7710 h 10000"/>
                  <a:gd name="connsiteX181" fmla="*/ 3325 w 9851"/>
                  <a:gd name="connsiteY181" fmla="*/ 7592 h 10000"/>
                  <a:gd name="connsiteX182" fmla="*/ 3473 w 9851"/>
                  <a:gd name="connsiteY182" fmla="*/ 7474 h 10000"/>
                  <a:gd name="connsiteX183" fmla="*/ 3571 w 9851"/>
                  <a:gd name="connsiteY183" fmla="*/ 7312 h 10000"/>
                  <a:gd name="connsiteX184" fmla="*/ 3374 w 9851"/>
                  <a:gd name="connsiteY184" fmla="*/ 7238 h 10000"/>
                  <a:gd name="connsiteX185" fmla="*/ 3202 w 9851"/>
                  <a:gd name="connsiteY185" fmla="*/ 7179 h 10000"/>
                  <a:gd name="connsiteX186" fmla="*/ 3054 w 9851"/>
                  <a:gd name="connsiteY186" fmla="*/ 7090 h 10000"/>
                  <a:gd name="connsiteX187" fmla="*/ 2906 w 9851"/>
                  <a:gd name="connsiteY187" fmla="*/ 6987 h 10000"/>
                  <a:gd name="connsiteX188" fmla="*/ 2807 w 9851"/>
                  <a:gd name="connsiteY188" fmla="*/ 6869 h 10000"/>
                  <a:gd name="connsiteX189" fmla="*/ 2759 w 9851"/>
                  <a:gd name="connsiteY189" fmla="*/ 6721 h 10000"/>
                  <a:gd name="connsiteX190" fmla="*/ 2734 w 9851"/>
                  <a:gd name="connsiteY190" fmla="*/ 6558 h 10000"/>
                  <a:gd name="connsiteX191" fmla="*/ 2759 w 9851"/>
                  <a:gd name="connsiteY191" fmla="*/ 6352 h 10000"/>
                  <a:gd name="connsiteX192" fmla="*/ 2636 w 9851"/>
                  <a:gd name="connsiteY192" fmla="*/ 6322 h 10000"/>
                  <a:gd name="connsiteX193" fmla="*/ 2488 w 9851"/>
                  <a:gd name="connsiteY193" fmla="*/ 6292 h 10000"/>
                  <a:gd name="connsiteX194" fmla="*/ 2315 w 9851"/>
                  <a:gd name="connsiteY194" fmla="*/ 6278 h 10000"/>
                  <a:gd name="connsiteX195" fmla="*/ 2143 w 9851"/>
                  <a:gd name="connsiteY195" fmla="*/ 6263 h 10000"/>
                  <a:gd name="connsiteX196" fmla="*/ 1798 w 9851"/>
                  <a:gd name="connsiteY196" fmla="*/ 6248 h 10000"/>
                  <a:gd name="connsiteX197" fmla="*/ 1428 w 9851"/>
                  <a:gd name="connsiteY197" fmla="*/ 6263 h 10000"/>
                  <a:gd name="connsiteX198" fmla="*/ 1109 w 9851"/>
                  <a:gd name="connsiteY198" fmla="*/ 6278 h 10000"/>
                  <a:gd name="connsiteX199" fmla="*/ 813 w 9851"/>
                  <a:gd name="connsiteY199" fmla="*/ 6278 h 10000"/>
                  <a:gd name="connsiteX200" fmla="*/ 567 w 9851"/>
                  <a:gd name="connsiteY200" fmla="*/ 6263 h 10000"/>
                  <a:gd name="connsiteX201" fmla="*/ 369 w 9851"/>
                  <a:gd name="connsiteY201" fmla="*/ 6233 h 10000"/>
                  <a:gd name="connsiteX202" fmla="*/ 615 w 9851"/>
                  <a:gd name="connsiteY202" fmla="*/ 5805 h 10000"/>
                  <a:gd name="connsiteX203" fmla="*/ 887 w 9851"/>
                  <a:gd name="connsiteY203" fmla="*/ 5391 h 10000"/>
                  <a:gd name="connsiteX204" fmla="*/ 986 w 9851"/>
                  <a:gd name="connsiteY204" fmla="*/ 5170 h 10000"/>
                  <a:gd name="connsiteX205" fmla="*/ 1059 w 9851"/>
                  <a:gd name="connsiteY205" fmla="*/ 4963 h 10000"/>
                  <a:gd name="connsiteX206" fmla="*/ 1083 w 9851"/>
                  <a:gd name="connsiteY206" fmla="*/ 4860 h 10000"/>
                  <a:gd name="connsiteX207" fmla="*/ 1059 w 9851"/>
                  <a:gd name="connsiteY207" fmla="*/ 4756 h 10000"/>
                  <a:gd name="connsiteX208" fmla="*/ 1034 w 9851"/>
                  <a:gd name="connsiteY208" fmla="*/ 4653 h 10000"/>
                  <a:gd name="connsiteX209" fmla="*/ 960 w 9851"/>
                  <a:gd name="connsiteY209" fmla="*/ 4549 h 10000"/>
                  <a:gd name="connsiteX210" fmla="*/ 1232 w 9851"/>
                  <a:gd name="connsiteY210" fmla="*/ 4520 h 10000"/>
                  <a:gd name="connsiteX211" fmla="*/ 1428 w 9851"/>
                  <a:gd name="connsiteY211" fmla="*/ 4505 h 10000"/>
                  <a:gd name="connsiteX212" fmla="*/ 1601 w 9851"/>
                  <a:gd name="connsiteY212" fmla="*/ 4505 h 10000"/>
                  <a:gd name="connsiteX213" fmla="*/ 1749 w 9851"/>
                  <a:gd name="connsiteY213" fmla="*/ 4520 h 10000"/>
                  <a:gd name="connsiteX214" fmla="*/ 1872 w 9851"/>
                  <a:gd name="connsiteY214" fmla="*/ 4520 h 10000"/>
                  <a:gd name="connsiteX215" fmla="*/ 2019 w 9851"/>
                  <a:gd name="connsiteY215" fmla="*/ 4520 h 10000"/>
                  <a:gd name="connsiteX216" fmla="*/ 2168 w 9851"/>
                  <a:gd name="connsiteY216" fmla="*/ 4490 h 10000"/>
                  <a:gd name="connsiteX217" fmla="*/ 2364 w 9851"/>
                  <a:gd name="connsiteY217" fmla="*/ 4446 h 10000"/>
                  <a:gd name="connsiteX218" fmla="*/ 2364 w 9851"/>
                  <a:gd name="connsiteY218" fmla="*/ 4579 h 10000"/>
                  <a:gd name="connsiteX219" fmla="*/ 2364 w 9851"/>
                  <a:gd name="connsiteY219" fmla="*/ 4742 h 10000"/>
                  <a:gd name="connsiteX220" fmla="*/ 2364 w 9851"/>
                  <a:gd name="connsiteY220" fmla="*/ 4874 h 10000"/>
                  <a:gd name="connsiteX221" fmla="*/ 2364 w 9851"/>
                  <a:gd name="connsiteY221" fmla="*/ 5037 h 10000"/>
                  <a:gd name="connsiteX222" fmla="*/ 2586 w 9851"/>
                  <a:gd name="connsiteY222" fmla="*/ 5022 h 10000"/>
                  <a:gd name="connsiteX223" fmla="*/ 2734 w 9851"/>
                  <a:gd name="connsiteY223" fmla="*/ 5037 h 10000"/>
                  <a:gd name="connsiteX224" fmla="*/ 2857 w 9851"/>
                  <a:gd name="connsiteY224" fmla="*/ 5066 h 10000"/>
                  <a:gd name="connsiteX225" fmla="*/ 2980 w 9851"/>
                  <a:gd name="connsiteY225" fmla="*/ 5096 h 10000"/>
                  <a:gd name="connsiteX226" fmla="*/ 3079 w 9851"/>
                  <a:gd name="connsiteY226" fmla="*/ 5126 h 10000"/>
                  <a:gd name="connsiteX227" fmla="*/ 3202 w 9851"/>
                  <a:gd name="connsiteY227" fmla="*/ 5155 h 10000"/>
                  <a:gd name="connsiteX228" fmla="*/ 3350 w 9851"/>
                  <a:gd name="connsiteY228" fmla="*/ 5170 h 10000"/>
                  <a:gd name="connsiteX229" fmla="*/ 3571 w 9851"/>
                  <a:gd name="connsiteY229" fmla="*/ 5155 h 10000"/>
                  <a:gd name="connsiteX230" fmla="*/ 3646 w 9851"/>
                  <a:gd name="connsiteY230" fmla="*/ 5096 h 10000"/>
                  <a:gd name="connsiteX231" fmla="*/ 3719 w 9851"/>
                  <a:gd name="connsiteY231" fmla="*/ 5022 h 10000"/>
                  <a:gd name="connsiteX232" fmla="*/ 3743 w 9851"/>
                  <a:gd name="connsiteY232" fmla="*/ 4934 h 10000"/>
                  <a:gd name="connsiteX233" fmla="*/ 3769 w 9851"/>
                  <a:gd name="connsiteY233" fmla="*/ 4860 h 10000"/>
                  <a:gd name="connsiteX234" fmla="*/ 3793 w 9851"/>
                  <a:gd name="connsiteY234" fmla="*/ 4697 h 10000"/>
                  <a:gd name="connsiteX235" fmla="*/ 3769 w 9851"/>
                  <a:gd name="connsiteY235" fmla="*/ 4520 h 10000"/>
                  <a:gd name="connsiteX236" fmla="*/ 3694 w 9851"/>
                  <a:gd name="connsiteY236" fmla="*/ 4343 h 10000"/>
                  <a:gd name="connsiteX237" fmla="*/ 3620 w 9851"/>
                  <a:gd name="connsiteY237" fmla="*/ 4195 h 10000"/>
                  <a:gd name="connsiteX238" fmla="*/ 3497 w 9851"/>
                  <a:gd name="connsiteY238" fmla="*/ 4047 h 10000"/>
                  <a:gd name="connsiteX239" fmla="*/ 3374 w 9851"/>
                  <a:gd name="connsiteY239" fmla="*/ 3959 h 10000"/>
                  <a:gd name="connsiteX240" fmla="*/ 3522 w 9851"/>
                  <a:gd name="connsiteY240" fmla="*/ 3944 h 10000"/>
                  <a:gd name="connsiteX241" fmla="*/ 3646 w 9851"/>
                  <a:gd name="connsiteY241" fmla="*/ 3914 h 10000"/>
                  <a:gd name="connsiteX242" fmla="*/ 3743 w 9851"/>
                  <a:gd name="connsiteY242" fmla="*/ 3855 h 10000"/>
                  <a:gd name="connsiteX243" fmla="*/ 3866 w 9851"/>
                  <a:gd name="connsiteY243" fmla="*/ 3752 h 10000"/>
                  <a:gd name="connsiteX244" fmla="*/ 3990 w 9851"/>
                  <a:gd name="connsiteY244" fmla="*/ 3663 h 10000"/>
                  <a:gd name="connsiteX245" fmla="*/ 4088 w 9851"/>
                  <a:gd name="connsiteY245" fmla="*/ 3560 h 10000"/>
                  <a:gd name="connsiteX246" fmla="*/ 4162 w 9851"/>
                  <a:gd name="connsiteY246" fmla="*/ 3442 h 10000"/>
                  <a:gd name="connsiteX247" fmla="*/ 4237 w 9851"/>
                  <a:gd name="connsiteY247" fmla="*/ 3323 h 10000"/>
                  <a:gd name="connsiteX248" fmla="*/ 4285 w 9851"/>
                  <a:gd name="connsiteY248" fmla="*/ 3220 h 10000"/>
                  <a:gd name="connsiteX249" fmla="*/ 4310 w 9851"/>
                  <a:gd name="connsiteY249" fmla="*/ 3102 h 10000"/>
                  <a:gd name="connsiteX250" fmla="*/ 4335 w 9851"/>
                  <a:gd name="connsiteY250" fmla="*/ 3013 h 10000"/>
                  <a:gd name="connsiteX251" fmla="*/ 4310 w 9851"/>
                  <a:gd name="connsiteY251" fmla="*/ 2939 h 10000"/>
                  <a:gd name="connsiteX252" fmla="*/ 4285 w 9851"/>
                  <a:gd name="connsiteY252" fmla="*/ 2866 h 10000"/>
                  <a:gd name="connsiteX253" fmla="*/ 4211 w 9851"/>
                  <a:gd name="connsiteY253" fmla="*/ 2836 h 10000"/>
                  <a:gd name="connsiteX254" fmla="*/ 4114 w 9851"/>
                  <a:gd name="connsiteY254" fmla="*/ 2836 h 10000"/>
                  <a:gd name="connsiteX255" fmla="*/ 3990 w 9851"/>
                  <a:gd name="connsiteY255" fmla="*/ 2866 h 10000"/>
                  <a:gd name="connsiteX256" fmla="*/ 4088 w 9851"/>
                  <a:gd name="connsiteY256" fmla="*/ 2777 h 10000"/>
                  <a:gd name="connsiteX257" fmla="*/ 4138 w 9851"/>
                  <a:gd name="connsiteY257" fmla="*/ 2674 h 10000"/>
                  <a:gd name="connsiteX258" fmla="*/ 4162 w 9851"/>
                  <a:gd name="connsiteY258" fmla="*/ 2541 h 10000"/>
                  <a:gd name="connsiteX259" fmla="*/ 4162 w 9851"/>
                  <a:gd name="connsiteY259" fmla="*/ 2393 h 10000"/>
                  <a:gd name="connsiteX260" fmla="*/ 4187 w 9851"/>
                  <a:gd name="connsiteY260" fmla="*/ 2349 h 10000"/>
                  <a:gd name="connsiteX261" fmla="*/ 4237 w 9851"/>
                  <a:gd name="connsiteY261" fmla="*/ 2304 h 10000"/>
                  <a:gd name="connsiteX262" fmla="*/ 4285 w 9851"/>
                  <a:gd name="connsiteY262" fmla="*/ 2290 h 10000"/>
                  <a:gd name="connsiteX263" fmla="*/ 4360 w 9851"/>
                  <a:gd name="connsiteY263" fmla="*/ 2275 h 10000"/>
                  <a:gd name="connsiteX264" fmla="*/ 4581 w 9851"/>
                  <a:gd name="connsiteY264" fmla="*/ 2260 h 10000"/>
                  <a:gd name="connsiteX265" fmla="*/ 4778 w 9851"/>
                  <a:gd name="connsiteY265" fmla="*/ 2275 h 10000"/>
                  <a:gd name="connsiteX266" fmla="*/ 4753 w 9851"/>
                  <a:gd name="connsiteY266" fmla="*/ 2112 h 10000"/>
                  <a:gd name="connsiteX267" fmla="*/ 4705 w 9851"/>
                  <a:gd name="connsiteY267" fmla="*/ 1950 h 10000"/>
                  <a:gd name="connsiteX268" fmla="*/ 4630 w 9851"/>
                  <a:gd name="connsiteY268" fmla="*/ 1802 h 10000"/>
                  <a:gd name="connsiteX269" fmla="*/ 4532 w 9851"/>
                  <a:gd name="connsiteY269" fmla="*/ 1640 h 10000"/>
                  <a:gd name="connsiteX270" fmla="*/ 4285 w 9851"/>
                  <a:gd name="connsiteY270" fmla="*/ 1329 h 10000"/>
                  <a:gd name="connsiteX271" fmla="*/ 4039 w 9851"/>
                  <a:gd name="connsiteY271" fmla="*/ 1034 h 10000"/>
                  <a:gd name="connsiteX272" fmla="*/ 3916 w 9851"/>
                  <a:gd name="connsiteY272" fmla="*/ 901 h 10000"/>
                  <a:gd name="connsiteX273" fmla="*/ 3818 w 9851"/>
                  <a:gd name="connsiteY273" fmla="*/ 753 h 10000"/>
                  <a:gd name="connsiteX274" fmla="*/ 3743 w 9851"/>
                  <a:gd name="connsiteY274" fmla="*/ 620 h 10000"/>
                  <a:gd name="connsiteX275" fmla="*/ 3719 w 9851"/>
                  <a:gd name="connsiteY275" fmla="*/ 487 h 10000"/>
                  <a:gd name="connsiteX276" fmla="*/ 3694 w 9851"/>
                  <a:gd name="connsiteY276" fmla="*/ 355 h 10000"/>
                  <a:gd name="connsiteX277" fmla="*/ 3743 w 9851"/>
                  <a:gd name="connsiteY277" fmla="*/ 222 h 10000"/>
                  <a:gd name="connsiteX278" fmla="*/ 3769 w 9851"/>
                  <a:gd name="connsiteY278" fmla="*/ 162 h 10000"/>
                  <a:gd name="connsiteX279" fmla="*/ 3818 w 9851"/>
                  <a:gd name="connsiteY279" fmla="*/ 103 h 10000"/>
                  <a:gd name="connsiteX280" fmla="*/ 3892 w 9851"/>
                  <a:gd name="connsiteY280" fmla="*/ 59 h 10000"/>
                  <a:gd name="connsiteX281" fmla="*/ 3990 w 9851"/>
                  <a:gd name="connsiteY281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51 w 10000"/>
                  <a:gd name="connsiteY56" fmla="*/ 4594 h 10000"/>
                  <a:gd name="connsiteX57" fmla="*/ 6901 w 10000"/>
                  <a:gd name="connsiteY57" fmla="*/ 4638 h 10000"/>
                  <a:gd name="connsiteX58" fmla="*/ 6901 w 10000"/>
                  <a:gd name="connsiteY58" fmla="*/ 4697 h 10000"/>
                  <a:gd name="connsiteX59" fmla="*/ 6875 w 10000"/>
                  <a:gd name="connsiteY59" fmla="*/ 4801 h 10000"/>
                  <a:gd name="connsiteX60" fmla="*/ 6875 w 10000"/>
                  <a:gd name="connsiteY60" fmla="*/ 4904 h 10000"/>
                  <a:gd name="connsiteX61" fmla="*/ 6751 w 10000"/>
                  <a:gd name="connsiteY61" fmla="*/ 4860 h 10000"/>
                  <a:gd name="connsiteX62" fmla="*/ 6675 w 10000"/>
                  <a:gd name="connsiteY62" fmla="*/ 4801 h 10000"/>
                  <a:gd name="connsiteX63" fmla="*/ 6600 w 10000"/>
                  <a:gd name="connsiteY63" fmla="*/ 4727 h 10000"/>
                  <a:gd name="connsiteX64" fmla="*/ 6526 w 10000"/>
                  <a:gd name="connsiteY64" fmla="*/ 4638 h 10000"/>
                  <a:gd name="connsiteX65" fmla="*/ 6401 w 10000"/>
                  <a:gd name="connsiteY65" fmla="*/ 4476 h 10000"/>
                  <a:gd name="connsiteX66" fmla="*/ 6274 w 10000"/>
                  <a:gd name="connsiteY66" fmla="*/ 4313 h 10000"/>
                  <a:gd name="connsiteX67" fmla="*/ 6426 w 10000"/>
                  <a:gd name="connsiteY67" fmla="*/ 4210 h 10000"/>
                  <a:gd name="connsiteX68" fmla="*/ 6625 w 10000"/>
                  <a:gd name="connsiteY68" fmla="*/ 4121 h 10000"/>
                  <a:gd name="connsiteX69" fmla="*/ 6850 w 10000"/>
                  <a:gd name="connsiteY69" fmla="*/ 4032 h 10000"/>
                  <a:gd name="connsiteX70" fmla="*/ 7101 w 10000"/>
                  <a:gd name="connsiteY70" fmla="*/ 3959 h 10000"/>
                  <a:gd name="connsiteX71" fmla="*/ 7626 w 10000"/>
                  <a:gd name="connsiteY71" fmla="*/ 3811 h 10000"/>
                  <a:gd name="connsiteX72" fmla="*/ 8150 w 10000"/>
                  <a:gd name="connsiteY72" fmla="*/ 3663 h 10000"/>
                  <a:gd name="connsiteX73" fmla="*/ 8401 w 10000"/>
                  <a:gd name="connsiteY73" fmla="*/ 3589 h 10000"/>
                  <a:gd name="connsiteX74" fmla="*/ 8651 w 10000"/>
                  <a:gd name="connsiteY74" fmla="*/ 3516 h 10000"/>
                  <a:gd name="connsiteX75" fmla="*/ 8850 w 10000"/>
                  <a:gd name="connsiteY75" fmla="*/ 3412 h 10000"/>
                  <a:gd name="connsiteX76" fmla="*/ 9051 w 10000"/>
                  <a:gd name="connsiteY76" fmla="*/ 3338 h 10000"/>
                  <a:gd name="connsiteX77" fmla="*/ 9176 w 10000"/>
                  <a:gd name="connsiteY77" fmla="*/ 3235 h 10000"/>
                  <a:gd name="connsiteX78" fmla="*/ 9275 w 10000"/>
                  <a:gd name="connsiteY78" fmla="*/ 3117 h 10000"/>
                  <a:gd name="connsiteX79" fmla="*/ 9301 w 10000"/>
                  <a:gd name="connsiteY79" fmla="*/ 3072 h 10000"/>
                  <a:gd name="connsiteX80" fmla="*/ 9325 w 10000"/>
                  <a:gd name="connsiteY80" fmla="*/ 3013 h 10000"/>
                  <a:gd name="connsiteX81" fmla="*/ 9325 w 10000"/>
                  <a:gd name="connsiteY81" fmla="*/ 2954 h 10000"/>
                  <a:gd name="connsiteX82" fmla="*/ 9301 w 10000"/>
                  <a:gd name="connsiteY82" fmla="*/ 2866 h 10000"/>
                  <a:gd name="connsiteX83" fmla="*/ 9126 w 10000"/>
                  <a:gd name="connsiteY83" fmla="*/ 2984 h 10000"/>
                  <a:gd name="connsiteX84" fmla="*/ 8926 w 10000"/>
                  <a:gd name="connsiteY84" fmla="*/ 3072 h 10000"/>
                  <a:gd name="connsiteX85" fmla="*/ 8725 w 10000"/>
                  <a:gd name="connsiteY85" fmla="*/ 3161 h 10000"/>
                  <a:gd name="connsiteX86" fmla="*/ 8526 w 10000"/>
                  <a:gd name="connsiteY86" fmla="*/ 3250 h 10000"/>
                  <a:gd name="connsiteX87" fmla="*/ 8075 w 10000"/>
                  <a:gd name="connsiteY87" fmla="*/ 3397 h 10000"/>
                  <a:gd name="connsiteX88" fmla="*/ 7601 w 10000"/>
                  <a:gd name="connsiteY88" fmla="*/ 3545 h 10000"/>
                  <a:gd name="connsiteX89" fmla="*/ 7126 w 10000"/>
                  <a:gd name="connsiteY89" fmla="*/ 3678 h 10000"/>
                  <a:gd name="connsiteX90" fmla="*/ 6675 w 10000"/>
                  <a:gd name="connsiteY90" fmla="*/ 3840 h 10000"/>
                  <a:gd name="connsiteX91" fmla="*/ 6450 w 10000"/>
                  <a:gd name="connsiteY91" fmla="*/ 3914 h 10000"/>
                  <a:gd name="connsiteX92" fmla="*/ 6250 w 10000"/>
                  <a:gd name="connsiteY92" fmla="*/ 4003 h 10000"/>
                  <a:gd name="connsiteX93" fmla="*/ 6051 w 10000"/>
                  <a:gd name="connsiteY93" fmla="*/ 4106 h 10000"/>
                  <a:gd name="connsiteX94" fmla="*/ 5850 w 10000"/>
                  <a:gd name="connsiteY94" fmla="*/ 4195 h 10000"/>
                  <a:gd name="connsiteX95" fmla="*/ 6000 w 10000"/>
                  <a:gd name="connsiteY95" fmla="*/ 4417 h 10000"/>
                  <a:gd name="connsiteX96" fmla="*/ 6101 w 10000"/>
                  <a:gd name="connsiteY96" fmla="*/ 4623 h 10000"/>
                  <a:gd name="connsiteX97" fmla="*/ 6200 w 10000"/>
                  <a:gd name="connsiteY97" fmla="*/ 4845 h 10000"/>
                  <a:gd name="connsiteX98" fmla="*/ 6274 w 10000"/>
                  <a:gd name="connsiteY98" fmla="*/ 5081 h 10000"/>
                  <a:gd name="connsiteX99" fmla="*/ 6325 w 10000"/>
                  <a:gd name="connsiteY99" fmla="*/ 5318 h 10000"/>
                  <a:gd name="connsiteX100" fmla="*/ 6351 w 10000"/>
                  <a:gd name="connsiteY100" fmla="*/ 5539 h 10000"/>
                  <a:gd name="connsiteX101" fmla="*/ 6375 w 10000"/>
                  <a:gd name="connsiteY101" fmla="*/ 5775 h 10000"/>
                  <a:gd name="connsiteX102" fmla="*/ 6375 w 10000"/>
                  <a:gd name="connsiteY102" fmla="*/ 5997 h 10000"/>
                  <a:gd name="connsiteX103" fmla="*/ 6351 w 10000"/>
                  <a:gd name="connsiteY103" fmla="*/ 6233 h 10000"/>
                  <a:gd name="connsiteX104" fmla="*/ 6301 w 10000"/>
                  <a:gd name="connsiteY104" fmla="*/ 6470 h 10000"/>
                  <a:gd name="connsiteX105" fmla="*/ 6250 w 10000"/>
                  <a:gd name="connsiteY105" fmla="*/ 6677 h 10000"/>
                  <a:gd name="connsiteX106" fmla="*/ 6176 w 10000"/>
                  <a:gd name="connsiteY106" fmla="*/ 6898 h 10000"/>
                  <a:gd name="connsiteX107" fmla="*/ 6076 w 10000"/>
                  <a:gd name="connsiteY107" fmla="*/ 7105 h 10000"/>
                  <a:gd name="connsiteX108" fmla="*/ 5951 w 10000"/>
                  <a:gd name="connsiteY108" fmla="*/ 7297 h 10000"/>
                  <a:gd name="connsiteX109" fmla="*/ 5800 w 10000"/>
                  <a:gd name="connsiteY109" fmla="*/ 7489 h 10000"/>
                  <a:gd name="connsiteX110" fmla="*/ 5650 w 10000"/>
                  <a:gd name="connsiteY110" fmla="*/ 7681 h 10000"/>
                  <a:gd name="connsiteX111" fmla="*/ 6375 w 10000"/>
                  <a:gd name="connsiteY111" fmla="*/ 7799 h 10000"/>
                  <a:gd name="connsiteX112" fmla="*/ 7126 w 10000"/>
                  <a:gd name="connsiteY112" fmla="*/ 7962 h 10000"/>
                  <a:gd name="connsiteX113" fmla="*/ 7275 w 10000"/>
                  <a:gd name="connsiteY113" fmla="*/ 8021 h 10000"/>
                  <a:gd name="connsiteX114" fmla="*/ 7400 w 10000"/>
                  <a:gd name="connsiteY114" fmla="*/ 8080 h 10000"/>
                  <a:gd name="connsiteX115" fmla="*/ 7525 w 10000"/>
                  <a:gd name="connsiteY115" fmla="*/ 8139 h 10000"/>
                  <a:gd name="connsiteX116" fmla="*/ 7601 w 10000"/>
                  <a:gd name="connsiteY116" fmla="*/ 8227 h 10000"/>
                  <a:gd name="connsiteX117" fmla="*/ 7626 w 10000"/>
                  <a:gd name="connsiteY117" fmla="*/ 8301 h 10000"/>
                  <a:gd name="connsiteX118" fmla="*/ 7626 w 10000"/>
                  <a:gd name="connsiteY118" fmla="*/ 8405 h 10000"/>
                  <a:gd name="connsiteX119" fmla="*/ 7576 w 10000"/>
                  <a:gd name="connsiteY119" fmla="*/ 8523 h 10000"/>
                  <a:gd name="connsiteX120" fmla="*/ 7501 w 10000"/>
                  <a:gd name="connsiteY120" fmla="*/ 8641 h 10000"/>
                  <a:gd name="connsiteX121" fmla="*/ 7175 w 10000"/>
                  <a:gd name="connsiteY121" fmla="*/ 8552 h 10000"/>
                  <a:gd name="connsiteX122" fmla="*/ 6875 w 10000"/>
                  <a:gd name="connsiteY122" fmla="*/ 8449 h 10000"/>
                  <a:gd name="connsiteX123" fmla="*/ 6575 w 10000"/>
                  <a:gd name="connsiteY123" fmla="*/ 8360 h 10000"/>
                  <a:gd name="connsiteX124" fmla="*/ 6274 w 10000"/>
                  <a:gd name="connsiteY124" fmla="*/ 8287 h 10000"/>
                  <a:gd name="connsiteX125" fmla="*/ 6150 w 10000"/>
                  <a:gd name="connsiteY125" fmla="*/ 8449 h 10000"/>
                  <a:gd name="connsiteX126" fmla="*/ 6051 w 10000"/>
                  <a:gd name="connsiteY126" fmla="*/ 8597 h 10000"/>
                  <a:gd name="connsiteX127" fmla="*/ 6000 w 10000"/>
                  <a:gd name="connsiteY127" fmla="*/ 8656 h 10000"/>
                  <a:gd name="connsiteX128" fmla="*/ 5900 w 10000"/>
                  <a:gd name="connsiteY128" fmla="*/ 8700 h 10000"/>
                  <a:gd name="connsiteX129" fmla="*/ 5826 w 10000"/>
                  <a:gd name="connsiteY129" fmla="*/ 8744 h 10000"/>
                  <a:gd name="connsiteX130" fmla="*/ 5751 w 10000"/>
                  <a:gd name="connsiteY130" fmla="*/ 8774 h 10000"/>
                  <a:gd name="connsiteX131" fmla="*/ 5675 w 10000"/>
                  <a:gd name="connsiteY131" fmla="*/ 8804 h 10000"/>
                  <a:gd name="connsiteX132" fmla="*/ 5576 w 10000"/>
                  <a:gd name="connsiteY132" fmla="*/ 8818 h 10000"/>
                  <a:gd name="connsiteX133" fmla="*/ 5450 w 10000"/>
                  <a:gd name="connsiteY133" fmla="*/ 8833 h 10000"/>
                  <a:gd name="connsiteX134" fmla="*/ 5325 w 10000"/>
                  <a:gd name="connsiteY134" fmla="*/ 8833 h 10000"/>
                  <a:gd name="connsiteX135" fmla="*/ 5026 w 10000"/>
                  <a:gd name="connsiteY135" fmla="*/ 8818 h 10000"/>
                  <a:gd name="connsiteX136" fmla="*/ 4650 w 10000"/>
                  <a:gd name="connsiteY136" fmla="*/ 8744 h 10000"/>
                  <a:gd name="connsiteX137" fmla="*/ 4650 w 10000"/>
                  <a:gd name="connsiteY137" fmla="*/ 8922 h 10000"/>
                  <a:gd name="connsiteX138" fmla="*/ 4625 w 10000"/>
                  <a:gd name="connsiteY138" fmla="*/ 9069 h 10000"/>
                  <a:gd name="connsiteX139" fmla="*/ 4601 w 10000"/>
                  <a:gd name="connsiteY139" fmla="*/ 9232 h 10000"/>
                  <a:gd name="connsiteX140" fmla="*/ 4575 w 10000"/>
                  <a:gd name="connsiteY140" fmla="*/ 9365 h 10000"/>
                  <a:gd name="connsiteX141" fmla="*/ 4525 w 10000"/>
                  <a:gd name="connsiteY141" fmla="*/ 9498 h 10000"/>
                  <a:gd name="connsiteX142" fmla="*/ 4426 w 10000"/>
                  <a:gd name="connsiteY142" fmla="*/ 9616 h 10000"/>
                  <a:gd name="connsiteX143" fmla="*/ 4350 w 10000"/>
                  <a:gd name="connsiteY143" fmla="*/ 9734 h 10000"/>
                  <a:gd name="connsiteX144" fmla="*/ 4225 w 10000"/>
                  <a:gd name="connsiteY144" fmla="*/ 9838 h 10000"/>
                  <a:gd name="connsiteX145" fmla="*/ 3924 w 10000"/>
                  <a:gd name="connsiteY145" fmla="*/ 9897 h 10000"/>
                  <a:gd name="connsiteX146" fmla="*/ 3675 w 10000"/>
                  <a:gd name="connsiteY146" fmla="*/ 9941 h 10000"/>
                  <a:gd name="connsiteX147" fmla="*/ 3375 w 10000"/>
                  <a:gd name="connsiteY147" fmla="*/ 9985 h 10000"/>
                  <a:gd name="connsiteX148" fmla="*/ 3150 w 10000"/>
                  <a:gd name="connsiteY148" fmla="*/ 10000 h 10000"/>
                  <a:gd name="connsiteX149" fmla="*/ 2650 w 10000"/>
                  <a:gd name="connsiteY149" fmla="*/ 10000 h 10000"/>
                  <a:gd name="connsiteX150" fmla="*/ 2175 w 10000"/>
                  <a:gd name="connsiteY150" fmla="*/ 9985 h 10000"/>
                  <a:gd name="connsiteX151" fmla="*/ 1726 w 10000"/>
                  <a:gd name="connsiteY151" fmla="*/ 9941 h 10000"/>
                  <a:gd name="connsiteX152" fmla="*/ 1251 w 10000"/>
                  <a:gd name="connsiteY152" fmla="*/ 9911 h 10000"/>
                  <a:gd name="connsiteX153" fmla="*/ 975 w 10000"/>
                  <a:gd name="connsiteY153" fmla="*/ 9911 h 10000"/>
                  <a:gd name="connsiteX154" fmla="*/ 725 w 10000"/>
                  <a:gd name="connsiteY154" fmla="*/ 9911 h 10000"/>
                  <a:gd name="connsiteX155" fmla="*/ 450 w 10000"/>
                  <a:gd name="connsiteY155" fmla="*/ 9926 h 10000"/>
                  <a:gd name="connsiteX156" fmla="*/ 175 w 10000"/>
                  <a:gd name="connsiteY156" fmla="*/ 9970 h 10000"/>
                  <a:gd name="connsiteX157" fmla="*/ 100 w 10000"/>
                  <a:gd name="connsiteY157" fmla="*/ 9867 h 10000"/>
                  <a:gd name="connsiteX158" fmla="*/ 50 w 10000"/>
                  <a:gd name="connsiteY158" fmla="*/ 9793 h 10000"/>
                  <a:gd name="connsiteX159" fmla="*/ 0 w 10000"/>
                  <a:gd name="connsiteY159" fmla="*/ 9705 h 10000"/>
                  <a:gd name="connsiteX160" fmla="*/ 0 w 10000"/>
                  <a:gd name="connsiteY160" fmla="*/ 9601 h 10000"/>
                  <a:gd name="connsiteX161" fmla="*/ 50 w 10000"/>
                  <a:gd name="connsiteY161" fmla="*/ 9424 h 10000"/>
                  <a:gd name="connsiteX162" fmla="*/ 100 w 10000"/>
                  <a:gd name="connsiteY162" fmla="*/ 9202 h 10000"/>
                  <a:gd name="connsiteX163" fmla="*/ 149 w 10000"/>
                  <a:gd name="connsiteY163" fmla="*/ 8996 h 10000"/>
                  <a:gd name="connsiteX164" fmla="*/ 200 w 10000"/>
                  <a:gd name="connsiteY164" fmla="*/ 8759 h 10000"/>
                  <a:gd name="connsiteX165" fmla="*/ 225 w 10000"/>
                  <a:gd name="connsiteY165" fmla="*/ 8641 h 10000"/>
                  <a:gd name="connsiteX166" fmla="*/ 225 w 10000"/>
                  <a:gd name="connsiteY166" fmla="*/ 8538 h 10000"/>
                  <a:gd name="connsiteX167" fmla="*/ 200 w 10000"/>
                  <a:gd name="connsiteY167" fmla="*/ 8405 h 10000"/>
                  <a:gd name="connsiteX168" fmla="*/ 175 w 10000"/>
                  <a:gd name="connsiteY168" fmla="*/ 8287 h 10000"/>
                  <a:gd name="connsiteX169" fmla="*/ 425 w 10000"/>
                  <a:gd name="connsiteY169" fmla="*/ 8213 h 10000"/>
                  <a:gd name="connsiteX170" fmla="*/ 675 w 10000"/>
                  <a:gd name="connsiteY170" fmla="*/ 8139 h 10000"/>
                  <a:gd name="connsiteX171" fmla="*/ 925 w 10000"/>
                  <a:gd name="connsiteY171" fmla="*/ 8095 h 10000"/>
                  <a:gd name="connsiteX172" fmla="*/ 1200 w 10000"/>
                  <a:gd name="connsiteY172" fmla="*/ 8065 h 10000"/>
                  <a:gd name="connsiteX173" fmla="*/ 1699 w 10000"/>
                  <a:gd name="connsiteY173" fmla="*/ 8021 h 10000"/>
                  <a:gd name="connsiteX174" fmla="*/ 2201 w 10000"/>
                  <a:gd name="connsiteY174" fmla="*/ 7976 h 10000"/>
                  <a:gd name="connsiteX175" fmla="*/ 2425 w 10000"/>
                  <a:gd name="connsiteY175" fmla="*/ 7947 h 10000"/>
                  <a:gd name="connsiteX176" fmla="*/ 2650 w 10000"/>
                  <a:gd name="connsiteY176" fmla="*/ 7917 h 10000"/>
                  <a:gd name="connsiteX177" fmla="*/ 2849 w 10000"/>
                  <a:gd name="connsiteY177" fmla="*/ 7843 h 10000"/>
                  <a:gd name="connsiteX178" fmla="*/ 3050 w 10000"/>
                  <a:gd name="connsiteY178" fmla="*/ 7784 h 10000"/>
                  <a:gd name="connsiteX179" fmla="*/ 3225 w 10000"/>
                  <a:gd name="connsiteY179" fmla="*/ 7710 h 10000"/>
                  <a:gd name="connsiteX180" fmla="*/ 3375 w 10000"/>
                  <a:gd name="connsiteY180" fmla="*/ 7592 h 10000"/>
                  <a:gd name="connsiteX181" fmla="*/ 3526 w 10000"/>
                  <a:gd name="connsiteY181" fmla="*/ 7474 h 10000"/>
                  <a:gd name="connsiteX182" fmla="*/ 3625 w 10000"/>
                  <a:gd name="connsiteY182" fmla="*/ 7312 h 10000"/>
                  <a:gd name="connsiteX183" fmla="*/ 3425 w 10000"/>
                  <a:gd name="connsiteY183" fmla="*/ 7238 h 10000"/>
                  <a:gd name="connsiteX184" fmla="*/ 3250 w 10000"/>
                  <a:gd name="connsiteY184" fmla="*/ 7179 h 10000"/>
                  <a:gd name="connsiteX185" fmla="*/ 3100 w 10000"/>
                  <a:gd name="connsiteY185" fmla="*/ 7090 h 10000"/>
                  <a:gd name="connsiteX186" fmla="*/ 2950 w 10000"/>
                  <a:gd name="connsiteY186" fmla="*/ 6987 h 10000"/>
                  <a:gd name="connsiteX187" fmla="*/ 2849 w 10000"/>
                  <a:gd name="connsiteY187" fmla="*/ 6869 h 10000"/>
                  <a:gd name="connsiteX188" fmla="*/ 2801 w 10000"/>
                  <a:gd name="connsiteY188" fmla="*/ 6721 h 10000"/>
                  <a:gd name="connsiteX189" fmla="*/ 2775 w 10000"/>
                  <a:gd name="connsiteY189" fmla="*/ 6558 h 10000"/>
                  <a:gd name="connsiteX190" fmla="*/ 2801 w 10000"/>
                  <a:gd name="connsiteY190" fmla="*/ 6352 h 10000"/>
                  <a:gd name="connsiteX191" fmla="*/ 2676 w 10000"/>
                  <a:gd name="connsiteY191" fmla="*/ 6322 h 10000"/>
                  <a:gd name="connsiteX192" fmla="*/ 2526 w 10000"/>
                  <a:gd name="connsiteY192" fmla="*/ 6292 h 10000"/>
                  <a:gd name="connsiteX193" fmla="*/ 2350 w 10000"/>
                  <a:gd name="connsiteY193" fmla="*/ 6278 h 10000"/>
                  <a:gd name="connsiteX194" fmla="*/ 2175 w 10000"/>
                  <a:gd name="connsiteY194" fmla="*/ 6263 h 10000"/>
                  <a:gd name="connsiteX195" fmla="*/ 1825 w 10000"/>
                  <a:gd name="connsiteY195" fmla="*/ 6248 h 10000"/>
                  <a:gd name="connsiteX196" fmla="*/ 1450 w 10000"/>
                  <a:gd name="connsiteY196" fmla="*/ 6263 h 10000"/>
                  <a:gd name="connsiteX197" fmla="*/ 1126 w 10000"/>
                  <a:gd name="connsiteY197" fmla="*/ 6278 h 10000"/>
                  <a:gd name="connsiteX198" fmla="*/ 825 w 10000"/>
                  <a:gd name="connsiteY198" fmla="*/ 6278 h 10000"/>
                  <a:gd name="connsiteX199" fmla="*/ 576 w 10000"/>
                  <a:gd name="connsiteY199" fmla="*/ 6263 h 10000"/>
                  <a:gd name="connsiteX200" fmla="*/ 375 w 10000"/>
                  <a:gd name="connsiteY200" fmla="*/ 6233 h 10000"/>
                  <a:gd name="connsiteX201" fmla="*/ 624 w 10000"/>
                  <a:gd name="connsiteY201" fmla="*/ 5805 h 10000"/>
                  <a:gd name="connsiteX202" fmla="*/ 900 w 10000"/>
                  <a:gd name="connsiteY202" fmla="*/ 5391 h 10000"/>
                  <a:gd name="connsiteX203" fmla="*/ 1001 w 10000"/>
                  <a:gd name="connsiteY203" fmla="*/ 5170 h 10000"/>
                  <a:gd name="connsiteX204" fmla="*/ 1075 w 10000"/>
                  <a:gd name="connsiteY204" fmla="*/ 4963 h 10000"/>
                  <a:gd name="connsiteX205" fmla="*/ 1099 w 10000"/>
                  <a:gd name="connsiteY205" fmla="*/ 4860 h 10000"/>
                  <a:gd name="connsiteX206" fmla="*/ 1075 w 10000"/>
                  <a:gd name="connsiteY206" fmla="*/ 4756 h 10000"/>
                  <a:gd name="connsiteX207" fmla="*/ 1050 w 10000"/>
                  <a:gd name="connsiteY207" fmla="*/ 4653 h 10000"/>
                  <a:gd name="connsiteX208" fmla="*/ 975 w 10000"/>
                  <a:gd name="connsiteY208" fmla="*/ 4549 h 10000"/>
                  <a:gd name="connsiteX209" fmla="*/ 1251 w 10000"/>
                  <a:gd name="connsiteY209" fmla="*/ 4520 h 10000"/>
                  <a:gd name="connsiteX210" fmla="*/ 1450 w 10000"/>
                  <a:gd name="connsiteY210" fmla="*/ 4505 h 10000"/>
                  <a:gd name="connsiteX211" fmla="*/ 1625 w 10000"/>
                  <a:gd name="connsiteY211" fmla="*/ 4505 h 10000"/>
                  <a:gd name="connsiteX212" fmla="*/ 1775 w 10000"/>
                  <a:gd name="connsiteY212" fmla="*/ 4520 h 10000"/>
                  <a:gd name="connsiteX213" fmla="*/ 1900 w 10000"/>
                  <a:gd name="connsiteY213" fmla="*/ 4520 h 10000"/>
                  <a:gd name="connsiteX214" fmla="*/ 2050 w 10000"/>
                  <a:gd name="connsiteY214" fmla="*/ 4520 h 10000"/>
                  <a:gd name="connsiteX215" fmla="*/ 2201 w 10000"/>
                  <a:gd name="connsiteY215" fmla="*/ 4490 h 10000"/>
                  <a:gd name="connsiteX216" fmla="*/ 2400 w 10000"/>
                  <a:gd name="connsiteY216" fmla="*/ 4446 h 10000"/>
                  <a:gd name="connsiteX217" fmla="*/ 2400 w 10000"/>
                  <a:gd name="connsiteY217" fmla="*/ 4579 h 10000"/>
                  <a:gd name="connsiteX218" fmla="*/ 2400 w 10000"/>
                  <a:gd name="connsiteY218" fmla="*/ 4742 h 10000"/>
                  <a:gd name="connsiteX219" fmla="*/ 2400 w 10000"/>
                  <a:gd name="connsiteY219" fmla="*/ 4874 h 10000"/>
                  <a:gd name="connsiteX220" fmla="*/ 2400 w 10000"/>
                  <a:gd name="connsiteY220" fmla="*/ 5037 h 10000"/>
                  <a:gd name="connsiteX221" fmla="*/ 2625 w 10000"/>
                  <a:gd name="connsiteY221" fmla="*/ 5022 h 10000"/>
                  <a:gd name="connsiteX222" fmla="*/ 2775 w 10000"/>
                  <a:gd name="connsiteY222" fmla="*/ 5037 h 10000"/>
                  <a:gd name="connsiteX223" fmla="*/ 2900 w 10000"/>
                  <a:gd name="connsiteY223" fmla="*/ 5066 h 10000"/>
                  <a:gd name="connsiteX224" fmla="*/ 3025 w 10000"/>
                  <a:gd name="connsiteY224" fmla="*/ 5096 h 10000"/>
                  <a:gd name="connsiteX225" fmla="*/ 3126 w 10000"/>
                  <a:gd name="connsiteY225" fmla="*/ 5126 h 10000"/>
                  <a:gd name="connsiteX226" fmla="*/ 3250 w 10000"/>
                  <a:gd name="connsiteY226" fmla="*/ 5155 h 10000"/>
                  <a:gd name="connsiteX227" fmla="*/ 3401 w 10000"/>
                  <a:gd name="connsiteY227" fmla="*/ 5170 h 10000"/>
                  <a:gd name="connsiteX228" fmla="*/ 3625 w 10000"/>
                  <a:gd name="connsiteY228" fmla="*/ 5155 h 10000"/>
                  <a:gd name="connsiteX229" fmla="*/ 3701 w 10000"/>
                  <a:gd name="connsiteY229" fmla="*/ 5096 h 10000"/>
                  <a:gd name="connsiteX230" fmla="*/ 3775 w 10000"/>
                  <a:gd name="connsiteY230" fmla="*/ 5022 h 10000"/>
                  <a:gd name="connsiteX231" fmla="*/ 3800 w 10000"/>
                  <a:gd name="connsiteY231" fmla="*/ 4934 h 10000"/>
                  <a:gd name="connsiteX232" fmla="*/ 3826 w 10000"/>
                  <a:gd name="connsiteY232" fmla="*/ 4860 h 10000"/>
                  <a:gd name="connsiteX233" fmla="*/ 3850 w 10000"/>
                  <a:gd name="connsiteY233" fmla="*/ 4697 h 10000"/>
                  <a:gd name="connsiteX234" fmla="*/ 3826 w 10000"/>
                  <a:gd name="connsiteY234" fmla="*/ 4520 h 10000"/>
                  <a:gd name="connsiteX235" fmla="*/ 3750 w 10000"/>
                  <a:gd name="connsiteY235" fmla="*/ 4343 h 10000"/>
                  <a:gd name="connsiteX236" fmla="*/ 3675 w 10000"/>
                  <a:gd name="connsiteY236" fmla="*/ 4195 h 10000"/>
                  <a:gd name="connsiteX237" fmla="*/ 3550 w 10000"/>
                  <a:gd name="connsiteY237" fmla="*/ 4047 h 10000"/>
                  <a:gd name="connsiteX238" fmla="*/ 3425 w 10000"/>
                  <a:gd name="connsiteY238" fmla="*/ 3959 h 10000"/>
                  <a:gd name="connsiteX239" fmla="*/ 3575 w 10000"/>
                  <a:gd name="connsiteY239" fmla="*/ 3944 h 10000"/>
                  <a:gd name="connsiteX240" fmla="*/ 3701 w 10000"/>
                  <a:gd name="connsiteY240" fmla="*/ 3914 h 10000"/>
                  <a:gd name="connsiteX241" fmla="*/ 3800 w 10000"/>
                  <a:gd name="connsiteY241" fmla="*/ 3855 h 10000"/>
                  <a:gd name="connsiteX242" fmla="*/ 3924 w 10000"/>
                  <a:gd name="connsiteY242" fmla="*/ 3752 h 10000"/>
                  <a:gd name="connsiteX243" fmla="*/ 4050 w 10000"/>
                  <a:gd name="connsiteY243" fmla="*/ 3663 h 10000"/>
                  <a:gd name="connsiteX244" fmla="*/ 4150 w 10000"/>
                  <a:gd name="connsiteY244" fmla="*/ 3560 h 10000"/>
                  <a:gd name="connsiteX245" fmla="*/ 4225 w 10000"/>
                  <a:gd name="connsiteY245" fmla="*/ 3442 h 10000"/>
                  <a:gd name="connsiteX246" fmla="*/ 4301 w 10000"/>
                  <a:gd name="connsiteY246" fmla="*/ 3323 h 10000"/>
                  <a:gd name="connsiteX247" fmla="*/ 4350 w 10000"/>
                  <a:gd name="connsiteY247" fmla="*/ 3220 h 10000"/>
                  <a:gd name="connsiteX248" fmla="*/ 4375 w 10000"/>
                  <a:gd name="connsiteY248" fmla="*/ 3102 h 10000"/>
                  <a:gd name="connsiteX249" fmla="*/ 4401 w 10000"/>
                  <a:gd name="connsiteY249" fmla="*/ 3013 h 10000"/>
                  <a:gd name="connsiteX250" fmla="*/ 4375 w 10000"/>
                  <a:gd name="connsiteY250" fmla="*/ 2939 h 10000"/>
                  <a:gd name="connsiteX251" fmla="*/ 4350 w 10000"/>
                  <a:gd name="connsiteY251" fmla="*/ 2866 h 10000"/>
                  <a:gd name="connsiteX252" fmla="*/ 4275 w 10000"/>
                  <a:gd name="connsiteY252" fmla="*/ 2836 h 10000"/>
                  <a:gd name="connsiteX253" fmla="*/ 4176 w 10000"/>
                  <a:gd name="connsiteY253" fmla="*/ 2836 h 10000"/>
                  <a:gd name="connsiteX254" fmla="*/ 4050 w 10000"/>
                  <a:gd name="connsiteY254" fmla="*/ 2866 h 10000"/>
                  <a:gd name="connsiteX255" fmla="*/ 4150 w 10000"/>
                  <a:gd name="connsiteY255" fmla="*/ 2777 h 10000"/>
                  <a:gd name="connsiteX256" fmla="*/ 4201 w 10000"/>
                  <a:gd name="connsiteY256" fmla="*/ 2674 h 10000"/>
                  <a:gd name="connsiteX257" fmla="*/ 4225 w 10000"/>
                  <a:gd name="connsiteY257" fmla="*/ 2541 h 10000"/>
                  <a:gd name="connsiteX258" fmla="*/ 4225 w 10000"/>
                  <a:gd name="connsiteY258" fmla="*/ 2393 h 10000"/>
                  <a:gd name="connsiteX259" fmla="*/ 4250 w 10000"/>
                  <a:gd name="connsiteY259" fmla="*/ 2349 h 10000"/>
                  <a:gd name="connsiteX260" fmla="*/ 4301 w 10000"/>
                  <a:gd name="connsiteY260" fmla="*/ 2304 h 10000"/>
                  <a:gd name="connsiteX261" fmla="*/ 4350 w 10000"/>
                  <a:gd name="connsiteY261" fmla="*/ 2290 h 10000"/>
                  <a:gd name="connsiteX262" fmla="*/ 4426 w 10000"/>
                  <a:gd name="connsiteY262" fmla="*/ 2275 h 10000"/>
                  <a:gd name="connsiteX263" fmla="*/ 4650 w 10000"/>
                  <a:gd name="connsiteY263" fmla="*/ 2260 h 10000"/>
                  <a:gd name="connsiteX264" fmla="*/ 4850 w 10000"/>
                  <a:gd name="connsiteY264" fmla="*/ 2275 h 10000"/>
                  <a:gd name="connsiteX265" fmla="*/ 4825 w 10000"/>
                  <a:gd name="connsiteY265" fmla="*/ 2112 h 10000"/>
                  <a:gd name="connsiteX266" fmla="*/ 4776 w 10000"/>
                  <a:gd name="connsiteY266" fmla="*/ 1950 h 10000"/>
                  <a:gd name="connsiteX267" fmla="*/ 4700 w 10000"/>
                  <a:gd name="connsiteY267" fmla="*/ 1802 h 10000"/>
                  <a:gd name="connsiteX268" fmla="*/ 4601 w 10000"/>
                  <a:gd name="connsiteY268" fmla="*/ 1640 h 10000"/>
                  <a:gd name="connsiteX269" fmla="*/ 4350 w 10000"/>
                  <a:gd name="connsiteY269" fmla="*/ 1329 h 10000"/>
                  <a:gd name="connsiteX270" fmla="*/ 4100 w 10000"/>
                  <a:gd name="connsiteY270" fmla="*/ 1034 h 10000"/>
                  <a:gd name="connsiteX271" fmla="*/ 3975 w 10000"/>
                  <a:gd name="connsiteY271" fmla="*/ 901 h 10000"/>
                  <a:gd name="connsiteX272" fmla="*/ 3876 w 10000"/>
                  <a:gd name="connsiteY272" fmla="*/ 753 h 10000"/>
                  <a:gd name="connsiteX273" fmla="*/ 3800 w 10000"/>
                  <a:gd name="connsiteY273" fmla="*/ 620 h 10000"/>
                  <a:gd name="connsiteX274" fmla="*/ 3775 w 10000"/>
                  <a:gd name="connsiteY274" fmla="*/ 487 h 10000"/>
                  <a:gd name="connsiteX275" fmla="*/ 3750 w 10000"/>
                  <a:gd name="connsiteY275" fmla="*/ 355 h 10000"/>
                  <a:gd name="connsiteX276" fmla="*/ 3800 w 10000"/>
                  <a:gd name="connsiteY276" fmla="*/ 222 h 10000"/>
                  <a:gd name="connsiteX277" fmla="*/ 3826 w 10000"/>
                  <a:gd name="connsiteY277" fmla="*/ 162 h 10000"/>
                  <a:gd name="connsiteX278" fmla="*/ 3876 w 10000"/>
                  <a:gd name="connsiteY278" fmla="*/ 103 h 10000"/>
                  <a:gd name="connsiteX279" fmla="*/ 3951 w 10000"/>
                  <a:gd name="connsiteY279" fmla="*/ 59 h 10000"/>
                  <a:gd name="connsiteX280" fmla="*/ 4050 w 10000"/>
                  <a:gd name="connsiteY280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51 w 10000"/>
                  <a:gd name="connsiteY56" fmla="*/ 4594 h 10000"/>
                  <a:gd name="connsiteX57" fmla="*/ 6901 w 10000"/>
                  <a:gd name="connsiteY57" fmla="*/ 4638 h 10000"/>
                  <a:gd name="connsiteX58" fmla="*/ 6901 w 10000"/>
                  <a:gd name="connsiteY58" fmla="*/ 4697 h 10000"/>
                  <a:gd name="connsiteX59" fmla="*/ 6875 w 10000"/>
                  <a:gd name="connsiteY59" fmla="*/ 4801 h 10000"/>
                  <a:gd name="connsiteX60" fmla="*/ 6875 w 10000"/>
                  <a:gd name="connsiteY60" fmla="*/ 4904 h 10000"/>
                  <a:gd name="connsiteX61" fmla="*/ 6751 w 10000"/>
                  <a:gd name="connsiteY61" fmla="*/ 4860 h 10000"/>
                  <a:gd name="connsiteX62" fmla="*/ 6675 w 10000"/>
                  <a:gd name="connsiteY62" fmla="*/ 4801 h 10000"/>
                  <a:gd name="connsiteX63" fmla="*/ 6600 w 10000"/>
                  <a:gd name="connsiteY63" fmla="*/ 4727 h 10000"/>
                  <a:gd name="connsiteX64" fmla="*/ 6526 w 10000"/>
                  <a:gd name="connsiteY64" fmla="*/ 4638 h 10000"/>
                  <a:gd name="connsiteX65" fmla="*/ 6401 w 10000"/>
                  <a:gd name="connsiteY65" fmla="*/ 4476 h 10000"/>
                  <a:gd name="connsiteX66" fmla="*/ 6274 w 10000"/>
                  <a:gd name="connsiteY66" fmla="*/ 4313 h 10000"/>
                  <a:gd name="connsiteX67" fmla="*/ 6426 w 10000"/>
                  <a:gd name="connsiteY67" fmla="*/ 4210 h 10000"/>
                  <a:gd name="connsiteX68" fmla="*/ 6625 w 10000"/>
                  <a:gd name="connsiteY68" fmla="*/ 4121 h 10000"/>
                  <a:gd name="connsiteX69" fmla="*/ 7101 w 10000"/>
                  <a:gd name="connsiteY69" fmla="*/ 3959 h 10000"/>
                  <a:gd name="connsiteX70" fmla="*/ 7626 w 10000"/>
                  <a:gd name="connsiteY70" fmla="*/ 3811 h 10000"/>
                  <a:gd name="connsiteX71" fmla="*/ 8150 w 10000"/>
                  <a:gd name="connsiteY71" fmla="*/ 3663 h 10000"/>
                  <a:gd name="connsiteX72" fmla="*/ 8401 w 10000"/>
                  <a:gd name="connsiteY72" fmla="*/ 3589 h 10000"/>
                  <a:gd name="connsiteX73" fmla="*/ 8651 w 10000"/>
                  <a:gd name="connsiteY73" fmla="*/ 3516 h 10000"/>
                  <a:gd name="connsiteX74" fmla="*/ 8850 w 10000"/>
                  <a:gd name="connsiteY74" fmla="*/ 3412 h 10000"/>
                  <a:gd name="connsiteX75" fmla="*/ 9051 w 10000"/>
                  <a:gd name="connsiteY75" fmla="*/ 3338 h 10000"/>
                  <a:gd name="connsiteX76" fmla="*/ 9176 w 10000"/>
                  <a:gd name="connsiteY76" fmla="*/ 3235 h 10000"/>
                  <a:gd name="connsiteX77" fmla="*/ 9275 w 10000"/>
                  <a:gd name="connsiteY77" fmla="*/ 3117 h 10000"/>
                  <a:gd name="connsiteX78" fmla="*/ 9301 w 10000"/>
                  <a:gd name="connsiteY78" fmla="*/ 3072 h 10000"/>
                  <a:gd name="connsiteX79" fmla="*/ 9325 w 10000"/>
                  <a:gd name="connsiteY79" fmla="*/ 3013 h 10000"/>
                  <a:gd name="connsiteX80" fmla="*/ 9325 w 10000"/>
                  <a:gd name="connsiteY80" fmla="*/ 2954 h 10000"/>
                  <a:gd name="connsiteX81" fmla="*/ 9301 w 10000"/>
                  <a:gd name="connsiteY81" fmla="*/ 2866 h 10000"/>
                  <a:gd name="connsiteX82" fmla="*/ 9126 w 10000"/>
                  <a:gd name="connsiteY82" fmla="*/ 2984 h 10000"/>
                  <a:gd name="connsiteX83" fmla="*/ 8926 w 10000"/>
                  <a:gd name="connsiteY83" fmla="*/ 3072 h 10000"/>
                  <a:gd name="connsiteX84" fmla="*/ 8725 w 10000"/>
                  <a:gd name="connsiteY84" fmla="*/ 3161 h 10000"/>
                  <a:gd name="connsiteX85" fmla="*/ 8526 w 10000"/>
                  <a:gd name="connsiteY85" fmla="*/ 3250 h 10000"/>
                  <a:gd name="connsiteX86" fmla="*/ 8075 w 10000"/>
                  <a:gd name="connsiteY86" fmla="*/ 3397 h 10000"/>
                  <a:gd name="connsiteX87" fmla="*/ 7601 w 10000"/>
                  <a:gd name="connsiteY87" fmla="*/ 3545 h 10000"/>
                  <a:gd name="connsiteX88" fmla="*/ 7126 w 10000"/>
                  <a:gd name="connsiteY88" fmla="*/ 3678 h 10000"/>
                  <a:gd name="connsiteX89" fmla="*/ 6675 w 10000"/>
                  <a:gd name="connsiteY89" fmla="*/ 3840 h 10000"/>
                  <a:gd name="connsiteX90" fmla="*/ 6450 w 10000"/>
                  <a:gd name="connsiteY90" fmla="*/ 3914 h 10000"/>
                  <a:gd name="connsiteX91" fmla="*/ 6250 w 10000"/>
                  <a:gd name="connsiteY91" fmla="*/ 4003 h 10000"/>
                  <a:gd name="connsiteX92" fmla="*/ 6051 w 10000"/>
                  <a:gd name="connsiteY92" fmla="*/ 4106 h 10000"/>
                  <a:gd name="connsiteX93" fmla="*/ 5850 w 10000"/>
                  <a:gd name="connsiteY93" fmla="*/ 4195 h 10000"/>
                  <a:gd name="connsiteX94" fmla="*/ 6000 w 10000"/>
                  <a:gd name="connsiteY94" fmla="*/ 4417 h 10000"/>
                  <a:gd name="connsiteX95" fmla="*/ 6101 w 10000"/>
                  <a:gd name="connsiteY95" fmla="*/ 4623 h 10000"/>
                  <a:gd name="connsiteX96" fmla="*/ 6200 w 10000"/>
                  <a:gd name="connsiteY96" fmla="*/ 4845 h 10000"/>
                  <a:gd name="connsiteX97" fmla="*/ 6274 w 10000"/>
                  <a:gd name="connsiteY97" fmla="*/ 5081 h 10000"/>
                  <a:gd name="connsiteX98" fmla="*/ 6325 w 10000"/>
                  <a:gd name="connsiteY98" fmla="*/ 5318 h 10000"/>
                  <a:gd name="connsiteX99" fmla="*/ 6351 w 10000"/>
                  <a:gd name="connsiteY99" fmla="*/ 5539 h 10000"/>
                  <a:gd name="connsiteX100" fmla="*/ 6375 w 10000"/>
                  <a:gd name="connsiteY100" fmla="*/ 5775 h 10000"/>
                  <a:gd name="connsiteX101" fmla="*/ 6375 w 10000"/>
                  <a:gd name="connsiteY101" fmla="*/ 5997 h 10000"/>
                  <a:gd name="connsiteX102" fmla="*/ 6351 w 10000"/>
                  <a:gd name="connsiteY102" fmla="*/ 6233 h 10000"/>
                  <a:gd name="connsiteX103" fmla="*/ 6301 w 10000"/>
                  <a:gd name="connsiteY103" fmla="*/ 6470 h 10000"/>
                  <a:gd name="connsiteX104" fmla="*/ 6250 w 10000"/>
                  <a:gd name="connsiteY104" fmla="*/ 6677 h 10000"/>
                  <a:gd name="connsiteX105" fmla="*/ 6176 w 10000"/>
                  <a:gd name="connsiteY105" fmla="*/ 6898 h 10000"/>
                  <a:gd name="connsiteX106" fmla="*/ 6076 w 10000"/>
                  <a:gd name="connsiteY106" fmla="*/ 7105 h 10000"/>
                  <a:gd name="connsiteX107" fmla="*/ 5951 w 10000"/>
                  <a:gd name="connsiteY107" fmla="*/ 7297 h 10000"/>
                  <a:gd name="connsiteX108" fmla="*/ 5800 w 10000"/>
                  <a:gd name="connsiteY108" fmla="*/ 7489 h 10000"/>
                  <a:gd name="connsiteX109" fmla="*/ 5650 w 10000"/>
                  <a:gd name="connsiteY109" fmla="*/ 7681 h 10000"/>
                  <a:gd name="connsiteX110" fmla="*/ 6375 w 10000"/>
                  <a:gd name="connsiteY110" fmla="*/ 7799 h 10000"/>
                  <a:gd name="connsiteX111" fmla="*/ 7126 w 10000"/>
                  <a:gd name="connsiteY111" fmla="*/ 7962 h 10000"/>
                  <a:gd name="connsiteX112" fmla="*/ 7275 w 10000"/>
                  <a:gd name="connsiteY112" fmla="*/ 8021 h 10000"/>
                  <a:gd name="connsiteX113" fmla="*/ 7400 w 10000"/>
                  <a:gd name="connsiteY113" fmla="*/ 8080 h 10000"/>
                  <a:gd name="connsiteX114" fmla="*/ 7525 w 10000"/>
                  <a:gd name="connsiteY114" fmla="*/ 8139 h 10000"/>
                  <a:gd name="connsiteX115" fmla="*/ 7601 w 10000"/>
                  <a:gd name="connsiteY115" fmla="*/ 8227 h 10000"/>
                  <a:gd name="connsiteX116" fmla="*/ 7626 w 10000"/>
                  <a:gd name="connsiteY116" fmla="*/ 8301 h 10000"/>
                  <a:gd name="connsiteX117" fmla="*/ 7626 w 10000"/>
                  <a:gd name="connsiteY117" fmla="*/ 8405 h 10000"/>
                  <a:gd name="connsiteX118" fmla="*/ 7576 w 10000"/>
                  <a:gd name="connsiteY118" fmla="*/ 8523 h 10000"/>
                  <a:gd name="connsiteX119" fmla="*/ 7501 w 10000"/>
                  <a:gd name="connsiteY119" fmla="*/ 8641 h 10000"/>
                  <a:gd name="connsiteX120" fmla="*/ 7175 w 10000"/>
                  <a:gd name="connsiteY120" fmla="*/ 8552 h 10000"/>
                  <a:gd name="connsiteX121" fmla="*/ 6875 w 10000"/>
                  <a:gd name="connsiteY121" fmla="*/ 8449 h 10000"/>
                  <a:gd name="connsiteX122" fmla="*/ 6575 w 10000"/>
                  <a:gd name="connsiteY122" fmla="*/ 8360 h 10000"/>
                  <a:gd name="connsiteX123" fmla="*/ 6274 w 10000"/>
                  <a:gd name="connsiteY123" fmla="*/ 8287 h 10000"/>
                  <a:gd name="connsiteX124" fmla="*/ 6150 w 10000"/>
                  <a:gd name="connsiteY124" fmla="*/ 8449 h 10000"/>
                  <a:gd name="connsiteX125" fmla="*/ 6051 w 10000"/>
                  <a:gd name="connsiteY125" fmla="*/ 8597 h 10000"/>
                  <a:gd name="connsiteX126" fmla="*/ 6000 w 10000"/>
                  <a:gd name="connsiteY126" fmla="*/ 8656 h 10000"/>
                  <a:gd name="connsiteX127" fmla="*/ 5900 w 10000"/>
                  <a:gd name="connsiteY127" fmla="*/ 8700 h 10000"/>
                  <a:gd name="connsiteX128" fmla="*/ 5826 w 10000"/>
                  <a:gd name="connsiteY128" fmla="*/ 8744 h 10000"/>
                  <a:gd name="connsiteX129" fmla="*/ 5751 w 10000"/>
                  <a:gd name="connsiteY129" fmla="*/ 8774 h 10000"/>
                  <a:gd name="connsiteX130" fmla="*/ 5675 w 10000"/>
                  <a:gd name="connsiteY130" fmla="*/ 8804 h 10000"/>
                  <a:gd name="connsiteX131" fmla="*/ 5576 w 10000"/>
                  <a:gd name="connsiteY131" fmla="*/ 8818 h 10000"/>
                  <a:gd name="connsiteX132" fmla="*/ 5450 w 10000"/>
                  <a:gd name="connsiteY132" fmla="*/ 8833 h 10000"/>
                  <a:gd name="connsiteX133" fmla="*/ 5325 w 10000"/>
                  <a:gd name="connsiteY133" fmla="*/ 8833 h 10000"/>
                  <a:gd name="connsiteX134" fmla="*/ 5026 w 10000"/>
                  <a:gd name="connsiteY134" fmla="*/ 8818 h 10000"/>
                  <a:gd name="connsiteX135" fmla="*/ 4650 w 10000"/>
                  <a:gd name="connsiteY135" fmla="*/ 8744 h 10000"/>
                  <a:gd name="connsiteX136" fmla="*/ 4650 w 10000"/>
                  <a:gd name="connsiteY136" fmla="*/ 8922 h 10000"/>
                  <a:gd name="connsiteX137" fmla="*/ 4625 w 10000"/>
                  <a:gd name="connsiteY137" fmla="*/ 9069 h 10000"/>
                  <a:gd name="connsiteX138" fmla="*/ 4601 w 10000"/>
                  <a:gd name="connsiteY138" fmla="*/ 9232 h 10000"/>
                  <a:gd name="connsiteX139" fmla="*/ 4575 w 10000"/>
                  <a:gd name="connsiteY139" fmla="*/ 9365 h 10000"/>
                  <a:gd name="connsiteX140" fmla="*/ 4525 w 10000"/>
                  <a:gd name="connsiteY140" fmla="*/ 9498 h 10000"/>
                  <a:gd name="connsiteX141" fmla="*/ 4426 w 10000"/>
                  <a:gd name="connsiteY141" fmla="*/ 9616 h 10000"/>
                  <a:gd name="connsiteX142" fmla="*/ 4350 w 10000"/>
                  <a:gd name="connsiteY142" fmla="*/ 9734 h 10000"/>
                  <a:gd name="connsiteX143" fmla="*/ 4225 w 10000"/>
                  <a:gd name="connsiteY143" fmla="*/ 9838 h 10000"/>
                  <a:gd name="connsiteX144" fmla="*/ 3924 w 10000"/>
                  <a:gd name="connsiteY144" fmla="*/ 9897 h 10000"/>
                  <a:gd name="connsiteX145" fmla="*/ 3675 w 10000"/>
                  <a:gd name="connsiteY145" fmla="*/ 9941 h 10000"/>
                  <a:gd name="connsiteX146" fmla="*/ 3375 w 10000"/>
                  <a:gd name="connsiteY146" fmla="*/ 9985 h 10000"/>
                  <a:gd name="connsiteX147" fmla="*/ 3150 w 10000"/>
                  <a:gd name="connsiteY147" fmla="*/ 10000 h 10000"/>
                  <a:gd name="connsiteX148" fmla="*/ 2650 w 10000"/>
                  <a:gd name="connsiteY148" fmla="*/ 10000 h 10000"/>
                  <a:gd name="connsiteX149" fmla="*/ 2175 w 10000"/>
                  <a:gd name="connsiteY149" fmla="*/ 9985 h 10000"/>
                  <a:gd name="connsiteX150" fmla="*/ 1726 w 10000"/>
                  <a:gd name="connsiteY150" fmla="*/ 9941 h 10000"/>
                  <a:gd name="connsiteX151" fmla="*/ 1251 w 10000"/>
                  <a:gd name="connsiteY151" fmla="*/ 9911 h 10000"/>
                  <a:gd name="connsiteX152" fmla="*/ 975 w 10000"/>
                  <a:gd name="connsiteY152" fmla="*/ 9911 h 10000"/>
                  <a:gd name="connsiteX153" fmla="*/ 725 w 10000"/>
                  <a:gd name="connsiteY153" fmla="*/ 9911 h 10000"/>
                  <a:gd name="connsiteX154" fmla="*/ 450 w 10000"/>
                  <a:gd name="connsiteY154" fmla="*/ 9926 h 10000"/>
                  <a:gd name="connsiteX155" fmla="*/ 175 w 10000"/>
                  <a:gd name="connsiteY155" fmla="*/ 9970 h 10000"/>
                  <a:gd name="connsiteX156" fmla="*/ 100 w 10000"/>
                  <a:gd name="connsiteY156" fmla="*/ 9867 h 10000"/>
                  <a:gd name="connsiteX157" fmla="*/ 50 w 10000"/>
                  <a:gd name="connsiteY157" fmla="*/ 9793 h 10000"/>
                  <a:gd name="connsiteX158" fmla="*/ 0 w 10000"/>
                  <a:gd name="connsiteY158" fmla="*/ 9705 h 10000"/>
                  <a:gd name="connsiteX159" fmla="*/ 0 w 10000"/>
                  <a:gd name="connsiteY159" fmla="*/ 9601 h 10000"/>
                  <a:gd name="connsiteX160" fmla="*/ 50 w 10000"/>
                  <a:gd name="connsiteY160" fmla="*/ 9424 h 10000"/>
                  <a:gd name="connsiteX161" fmla="*/ 100 w 10000"/>
                  <a:gd name="connsiteY161" fmla="*/ 9202 h 10000"/>
                  <a:gd name="connsiteX162" fmla="*/ 149 w 10000"/>
                  <a:gd name="connsiteY162" fmla="*/ 8996 h 10000"/>
                  <a:gd name="connsiteX163" fmla="*/ 200 w 10000"/>
                  <a:gd name="connsiteY163" fmla="*/ 8759 h 10000"/>
                  <a:gd name="connsiteX164" fmla="*/ 225 w 10000"/>
                  <a:gd name="connsiteY164" fmla="*/ 8641 h 10000"/>
                  <a:gd name="connsiteX165" fmla="*/ 225 w 10000"/>
                  <a:gd name="connsiteY165" fmla="*/ 8538 h 10000"/>
                  <a:gd name="connsiteX166" fmla="*/ 200 w 10000"/>
                  <a:gd name="connsiteY166" fmla="*/ 8405 h 10000"/>
                  <a:gd name="connsiteX167" fmla="*/ 175 w 10000"/>
                  <a:gd name="connsiteY167" fmla="*/ 8287 h 10000"/>
                  <a:gd name="connsiteX168" fmla="*/ 425 w 10000"/>
                  <a:gd name="connsiteY168" fmla="*/ 8213 h 10000"/>
                  <a:gd name="connsiteX169" fmla="*/ 675 w 10000"/>
                  <a:gd name="connsiteY169" fmla="*/ 8139 h 10000"/>
                  <a:gd name="connsiteX170" fmla="*/ 925 w 10000"/>
                  <a:gd name="connsiteY170" fmla="*/ 8095 h 10000"/>
                  <a:gd name="connsiteX171" fmla="*/ 1200 w 10000"/>
                  <a:gd name="connsiteY171" fmla="*/ 8065 h 10000"/>
                  <a:gd name="connsiteX172" fmla="*/ 1699 w 10000"/>
                  <a:gd name="connsiteY172" fmla="*/ 8021 h 10000"/>
                  <a:gd name="connsiteX173" fmla="*/ 2201 w 10000"/>
                  <a:gd name="connsiteY173" fmla="*/ 7976 h 10000"/>
                  <a:gd name="connsiteX174" fmla="*/ 2425 w 10000"/>
                  <a:gd name="connsiteY174" fmla="*/ 7947 h 10000"/>
                  <a:gd name="connsiteX175" fmla="*/ 2650 w 10000"/>
                  <a:gd name="connsiteY175" fmla="*/ 7917 h 10000"/>
                  <a:gd name="connsiteX176" fmla="*/ 2849 w 10000"/>
                  <a:gd name="connsiteY176" fmla="*/ 7843 h 10000"/>
                  <a:gd name="connsiteX177" fmla="*/ 3050 w 10000"/>
                  <a:gd name="connsiteY177" fmla="*/ 7784 h 10000"/>
                  <a:gd name="connsiteX178" fmla="*/ 3225 w 10000"/>
                  <a:gd name="connsiteY178" fmla="*/ 7710 h 10000"/>
                  <a:gd name="connsiteX179" fmla="*/ 3375 w 10000"/>
                  <a:gd name="connsiteY179" fmla="*/ 7592 h 10000"/>
                  <a:gd name="connsiteX180" fmla="*/ 3526 w 10000"/>
                  <a:gd name="connsiteY180" fmla="*/ 7474 h 10000"/>
                  <a:gd name="connsiteX181" fmla="*/ 3625 w 10000"/>
                  <a:gd name="connsiteY181" fmla="*/ 7312 h 10000"/>
                  <a:gd name="connsiteX182" fmla="*/ 3425 w 10000"/>
                  <a:gd name="connsiteY182" fmla="*/ 7238 h 10000"/>
                  <a:gd name="connsiteX183" fmla="*/ 3250 w 10000"/>
                  <a:gd name="connsiteY183" fmla="*/ 7179 h 10000"/>
                  <a:gd name="connsiteX184" fmla="*/ 3100 w 10000"/>
                  <a:gd name="connsiteY184" fmla="*/ 7090 h 10000"/>
                  <a:gd name="connsiteX185" fmla="*/ 2950 w 10000"/>
                  <a:gd name="connsiteY185" fmla="*/ 6987 h 10000"/>
                  <a:gd name="connsiteX186" fmla="*/ 2849 w 10000"/>
                  <a:gd name="connsiteY186" fmla="*/ 6869 h 10000"/>
                  <a:gd name="connsiteX187" fmla="*/ 2801 w 10000"/>
                  <a:gd name="connsiteY187" fmla="*/ 6721 h 10000"/>
                  <a:gd name="connsiteX188" fmla="*/ 2775 w 10000"/>
                  <a:gd name="connsiteY188" fmla="*/ 6558 h 10000"/>
                  <a:gd name="connsiteX189" fmla="*/ 2801 w 10000"/>
                  <a:gd name="connsiteY189" fmla="*/ 6352 h 10000"/>
                  <a:gd name="connsiteX190" fmla="*/ 2676 w 10000"/>
                  <a:gd name="connsiteY190" fmla="*/ 6322 h 10000"/>
                  <a:gd name="connsiteX191" fmla="*/ 2526 w 10000"/>
                  <a:gd name="connsiteY191" fmla="*/ 6292 h 10000"/>
                  <a:gd name="connsiteX192" fmla="*/ 2350 w 10000"/>
                  <a:gd name="connsiteY192" fmla="*/ 6278 h 10000"/>
                  <a:gd name="connsiteX193" fmla="*/ 2175 w 10000"/>
                  <a:gd name="connsiteY193" fmla="*/ 6263 h 10000"/>
                  <a:gd name="connsiteX194" fmla="*/ 1825 w 10000"/>
                  <a:gd name="connsiteY194" fmla="*/ 6248 h 10000"/>
                  <a:gd name="connsiteX195" fmla="*/ 1450 w 10000"/>
                  <a:gd name="connsiteY195" fmla="*/ 6263 h 10000"/>
                  <a:gd name="connsiteX196" fmla="*/ 1126 w 10000"/>
                  <a:gd name="connsiteY196" fmla="*/ 6278 h 10000"/>
                  <a:gd name="connsiteX197" fmla="*/ 825 w 10000"/>
                  <a:gd name="connsiteY197" fmla="*/ 6278 h 10000"/>
                  <a:gd name="connsiteX198" fmla="*/ 576 w 10000"/>
                  <a:gd name="connsiteY198" fmla="*/ 6263 h 10000"/>
                  <a:gd name="connsiteX199" fmla="*/ 375 w 10000"/>
                  <a:gd name="connsiteY199" fmla="*/ 6233 h 10000"/>
                  <a:gd name="connsiteX200" fmla="*/ 624 w 10000"/>
                  <a:gd name="connsiteY200" fmla="*/ 5805 h 10000"/>
                  <a:gd name="connsiteX201" fmla="*/ 900 w 10000"/>
                  <a:gd name="connsiteY201" fmla="*/ 5391 h 10000"/>
                  <a:gd name="connsiteX202" fmla="*/ 1001 w 10000"/>
                  <a:gd name="connsiteY202" fmla="*/ 5170 h 10000"/>
                  <a:gd name="connsiteX203" fmla="*/ 1075 w 10000"/>
                  <a:gd name="connsiteY203" fmla="*/ 4963 h 10000"/>
                  <a:gd name="connsiteX204" fmla="*/ 1099 w 10000"/>
                  <a:gd name="connsiteY204" fmla="*/ 4860 h 10000"/>
                  <a:gd name="connsiteX205" fmla="*/ 1075 w 10000"/>
                  <a:gd name="connsiteY205" fmla="*/ 4756 h 10000"/>
                  <a:gd name="connsiteX206" fmla="*/ 1050 w 10000"/>
                  <a:gd name="connsiteY206" fmla="*/ 4653 h 10000"/>
                  <a:gd name="connsiteX207" fmla="*/ 975 w 10000"/>
                  <a:gd name="connsiteY207" fmla="*/ 4549 h 10000"/>
                  <a:gd name="connsiteX208" fmla="*/ 1251 w 10000"/>
                  <a:gd name="connsiteY208" fmla="*/ 4520 h 10000"/>
                  <a:gd name="connsiteX209" fmla="*/ 1450 w 10000"/>
                  <a:gd name="connsiteY209" fmla="*/ 4505 h 10000"/>
                  <a:gd name="connsiteX210" fmla="*/ 1625 w 10000"/>
                  <a:gd name="connsiteY210" fmla="*/ 4505 h 10000"/>
                  <a:gd name="connsiteX211" fmla="*/ 1775 w 10000"/>
                  <a:gd name="connsiteY211" fmla="*/ 4520 h 10000"/>
                  <a:gd name="connsiteX212" fmla="*/ 1900 w 10000"/>
                  <a:gd name="connsiteY212" fmla="*/ 4520 h 10000"/>
                  <a:gd name="connsiteX213" fmla="*/ 2050 w 10000"/>
                  <a:gd name="connsiteY213" fmla="*/ 4520 h 10000"/>
                  <a:gd name="connsiteX214" fmla="*/ 2201 w 10000"/>
                  <a:gd name="connsiteY214" fmla="*/ 4490 h 10000"/>
                  <a:gd name="connsiteX215" fmla="*/ 2400 w 10000"/>
                  <a:gd name="connsiteY215" fmla="*/ 4446 h 10000"/>
                  <a:gd name="connsiteX216" fmla="*/ 2400 w 10000"/>
                  <a:gd name="connsiteY216" fmla="*/ 4579 h 10000"/>
                  <a:gd name="connsiteX217" fmla="*/ 2400 w 10000"/>
                  <a:gd name="connsiteY217" fmla="*/ 4742 h 10000"/>
                  <a:gd name="connsiteX218" fmla="*/ 2400 w 10000"/>
                  <a:gd name="connsiteY218" fmla="*/ 4874 h 10000"/>
                  <a:gd name="connsiteX219" fmla="*/ 2400 w 10000"/>
                  <a:gd name="connsiteY219" fmla="*/ 5037 h 10000"/>
                  <a:gd name="connsiteX220" fmla="*/ 2625 w 10000"/>
                  <a:gd name="connsiteY220" fmla="*/ 5022 h 10000"/>
                  <a:gd name="connsiteX221" fmla="*/ 2775 w 10000"/>
                  <a:gd name="connsiteY221" fmla="*/ 5037 h 10000"/>
                  <a:gd name="connsiteX222" fmla="*/ 2900 w 10000"/>
                  <a:gd name="connsiteY222" fmla="*/ 5066 h 10000"/>
                  <a:gd name="connsiteX223" fmla="*/ 3025 w 10000"/>
                  <a:gd name="connsiteY223" fmla="*/ 5096 h 10000"/>
                  <a:gd name="connsiteX224" fmla="*/ 3126 w 10000"/>
                  <a:gd name="connsiteY224" fmla="*/ 5126 h 10000"/>
                  <a:gd name="connsiteX225" fmla="*/ 3250 w 10000"/>
                  <a:gd name="connsiteY225" fmla="*/ 5155 h 10000"/>
                  <a:gd name="connsiteX226" fmla="*/ 3401 w 10000"/>
                  <a:gd name="connsiteY226" fmla="*/ 5170 h 10000"/>
                  <a:gd name="connsiteX227" fmla="*/ 3625 w 10000"/>
                  <a:gd name="connsiteY227" fmla="*/ 5155 h 10000"/>
                  <a:gd name="connsiteX228" fmla="*/ 3701 w 10000"/>
                  <a:gd name="connsiteY228" fmla="*/ 5096 h 10000"/>
                  <a:gd name="connsiteX229" fmla="*/ 3775 w 10000"/>
                  <a:gd name="connsiteY229" fmla="*/ 5022 h 10000"/>
                  <a:gd name="connsiteX230" fmla="*/ 3800 w 10000"/>
                  <a:gd name="connsiteY230" fmla="*/ 4934 h 10000"/>
                  <a:gd name="connsiteX231" fmla="*/ 3826 w 10000"/>
                  <a:gd name="connsiteY231" fmla="*/ 4860 h 10000"/>
                  <a:gd name="connsiteX232" fmla="*/ 3850 w 10000"/>
                  <a:gd name="connsiteY232" fmla="*/ 4697 h 10000"/>
                  <a:gd name="connsiteX233" fmla="*/ 3826 w 10000"/>
                  <a:gd name="connsiteY233" fmla="*/ 4520 h 10000"/>
                  <a:gd name="connsiteX234" fmla="*/ 3750 w 10000"/>
                  <a:gd name="connsiteY234" fmla="*/ 4343 h 10000"/>
                  <a:gd name="connsiteX235" fmla="*/ 3675 w 10000"/>
                  <a:gd name="connsiteY235" fmla="*/ 4195 h 10000"/>
                  <a:gd name="connsiteX236" fmla="*/ 3550 w 10000"/>
                  <a:gd name="connsiteY236" fmla="*/ 4047 h 10000"/>
                  <a:gd name="connsiteX237" fmla="*/ 3425 w 10000"/>
                  <a:gd name="connsiteY237" fmla="*/ 3959 h 10000"/>
                  <a:gd name="connsiteX238" fmla="*/ 3575 w 10000"/>
                  <a:gd name="connsiteY238" fmla="*/ 3944 h 10000"/>
                  <a:gd name="connsiteX239" fmla="*/ 3701 w 10000"/>
                  <a:gd name="connsiteY239" fmla="*/ 3914 h 10000"/>
                  <a:gd name="connsiteX240" fmla="*/ 3800 w 10000"/>
                  <a:gd name="connsiteY240" fmla="*/ 3855 h 10000"/>
                  <a:gd name="connsiteX241" fmla="*/ 3924 w 10000"/>
                  <a:gd name="connsiteY241" fmla="*/ 3752 h 10000"/>
                  <a:gd name="connsiteX242" fmla="*/ 4050 w 10000"/>
                  <a:gd name="connsiteY242" fmla="*/ 3663 h 10000"/>
                  <a:gd name="connsiteX243" fmla="*/ 4150 w 10000"/>
                  <a:gd name="connsiteY243" fmla="*/ 3560 h 10000"/>
                  <a:gd name="connsiteX244" fmla="*/ 4225 w 10000"/>
                  <a:gd name="connsiteY244" fmla="*/ 3442 h 10000"/>
                  <a:gd name="connsiteX245" fmla="*/ 4301 w 10000"/>
                  <a:gd name="connsiteY245" fmla="*/ 3323 h 10000"/>
                  <a:gd name="connsiteX246" fmla="*/ 4350 w 10000"/>
                  <a:gd name="connsiteY246" fmla="*/ 3220 h 10000"/>
                  <a:gd name="connsiteX247" fmla="*/ 4375 w 10000"/>
                  <a:gd name="connsiteY247" fmla="*/ 3102 h 10000"/>
                  <a:gd name="connsiteX248" fmla="*/ 4401 w 10000"/>
                  <a:gd name="connsiteY248" fmla="*/ 3013 h 10000"/>
                  <a:gd name="connsiteX249" fmla="*/ 4375 w 10000"/>
                  <a:gd name="connsiteY249" fmla="*/ 2939 h 10000"/>
                  <a:gd name="connsiteX250" fmla="*/ 4350 w 10000"/>
                  <a:gd name="connsiteY250" fmla="*/ 2866 h 10000"/>
                  <a:gd name="connsiteX251" fmla="*/ 4275 w 10000"/>
                  <a:gd name="connsiteY251" fmla="*/ 2836 h 10000"/>
                  <a:gd name="connsiteX252" fmla="*/ 4176 w 10000"/>
                  <a:gd name="connsiteY252" fmla="*/ 2836 h 10000"/>
                  <a:gd name="connsiteX253" fmla="*/ 4050 w 10000"/>
                  <a:gd name="connsiteY253" fmla="*/ 2866 h 10000"/>
                  <a:gd name="connsiteX254" fmla="*/ 4150 w 10000"/>
                  <a:gd name="connsiteY254" fmla="*/ 2777 h 10000"/>
                  <a:gd name="connsiteX255" fmla="*/ 4201 w 10000"/>
                  <a:gd name="connsiteY255" fmla="*/ 2674 h 10000"/>
                  <a:gd name="connsiteX256" fmla="*/ 4225 w 10000"/>
                  <a:gd name="connsiteY256" fmla="*/ 2541 h 10000"/>
                  <a:gd name="connsiteX257" fmla="*/ 4225 w 10000"/>
                  <a:gd name="connsiteY257" fmla="*/ 2393 h 10000"/>
                  <a:gd name="connsiteX258" fmla="*/ 4250 w 10000"/>
                  <a:gd name="connsiteY258" fmla="*/ 2349 h 10000"/>
                  <a:gd name="connsiteX259" fmla="*/ 4301 w 10000"/>
                  <a:gd name="connsiteY259" fmla="*/ 2304 h 10000"/>
                  <a:gd name="connsiteX260" fmla="*/ 4350 w 10000"/>
                  <a:gd name="connsiteY260" fmla="*/ 2290 h 10000"/>
                  <a:gd name="connsiteX261" fmla="*/ 4426 w 10000"/>
                  <a:gd name="connsiteY261" fmla="*/ 2275 h 10000"/>
                  <a:gd name="connsiteX262" fmla="*/ 4650 w 10000"/>
                  <a:gd name="connsiteY262" fmla="*/ 2260 h 10000"/>
                  <a:gd name="connsiteX263" fmla="*/ 4850 w 10000"/>
                  <a:gd name="connsiteY263" fmla="*/ 2275 h 10000"/>
                  <a:gd name="connsiteX264" fmla="*/ 4825 w 10000"/>
                  <a:gd name="connsiteY264" fmla="*/ 2112 h 10000"/>
                  <a:gd name="connsiteX265" fmla="*/ 4776 w 10000"/>
                  <a:gd name="connsiteY265" fmla="*/ 1950 h 10000"/>
                  <a:gd name="connsiteX266" fmla="*/ 4700 w 10000"/>
                  <a:gd name="connsiteY266" fmla="*/ 1802 h 10000"/>
                  <a:gd name="connsiteX267" fmla="*/ 4601 w 10000"/>
                  <a:gd name="connsiteY267" fmla="*/ 1640 h 10000"/>
                  <a:gd name="connsiteX268" fmla="*/ 4350 w 10000"/>
                  <a:gd name="connsiteY268" fmla="*/ 1329 h 10000"/>
                  <a:gd name="connsiteX269" fmla="*/ 4100 w 10000"/>
                  <a:gd name="connsiteY269" fmla="*/ 1034 h 10000"/>
                  <a:gd name="connsiteX270" fmla="*/ 3975 w 10000"/>
                  <a:gd name="connsiteY270" fmla="*/ 901 h 10000"/>
                  <a:gd name="connsiteX271" fmla="*/ 3876 w 10000"/>
                  <a:gd name="connsiteY271" fmla="*/ 753 h 10000"/>
                  <a:gd name="connsiteX272" fmla="*/ 3800 w 10000"/>
                  <a:gd name="connsiteY272" fmla="*/ 620 h 10000"/>
                  <a:gd name="connsiteX273" fmla="*/ 3775 w 10000"/>
                  <a:gd name="connsiteY273" fmla="*/ 487 h 10000"/>
                  <a:gd name="connsiteX274" fmla="*/ 3750 w 10000"/>
                  <a:gd name="connsiteY274" fmla="*/ 355 h 10000"/>
                  <a:gd name="connsiteX275" fmla="*/ 3800 w 10000"/>
                  <a:gd name="connsiteY275" fmla="*/ 222 h 10000"/>
                  <a:gd name="connsiteX276" fmla="*/ 3826 w 10000"/>
                  <a:gd name="connsiteY276" fmla="*/ 162 h 10000"/>
                  <a:gd name="connsiteX277" fmla="*/ 3876 w 10000"/>
                  <a:gd name="connsiteY277" fmla="*/ 103 h 10000"/>
                  <a:gd name="connsiteX278" fmla="*/ 3951 w 10000"/>
                  <a:gd name="connsiteY278" fmla="*/ 59 h 10000"/>
                  <a:gd name="connsiteX279" fmla="*/ 4050 w 10000"/>
                  <a:gd name="connsiteY279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51 w 10000"/>
                  <a:gd name="connsiteY56" fmla="*/ 4594 h 10000"/>
                  <a:gd name="connsiteX57" fmla="*/ 6901 w 10000"/>
                  <a:gd name="connsiteY57" fmla="*/ 4638 h 10000"/>
                  <a:gd name="connsiteX58" fmla="*/ 6901 w 10000"/>
                  <a:gd name="connsiteY58" fmla="*/ 4697 h 10000"/>
                  <a:gd name="connsiteX59" fmla="*/ 6875 w 10000"/>
                  <a:gd name="connsiteY59" fmla="*/ 4801 h 10000"/>
                  <a:gd name="connsiteX60" fmla="*/ 6875 w 10000"/>
                  <a:gd name="connsiteY60" fmla="*/ 4904 h 10000"/>
                  <a:gd name="connsiteX61" fmla="*/ 6751 w 10000"/>
                  <a:gd name="connsiteY61" fmla="*/ 4860 h 10000"/>
                  <a:gd name="connsiteX62" fmla="*/ 6675 w 10000"/>
                  <a:gd name="connsiteY62" fmla="*/ 4801 h 10000"/>
                  <a:gd name="connsiteX63" fmla="*/ 6600 w 10000"/>
                  <a:gd name="connsiteY63" fmla="*/ 4727 h 10000"/>
                  <a:gd name="connsiteX64" fmla="*/ 6526 w 10000"/>
                  <a:gd name="connsiteY64" fmla="*/ 4638 h 10000"/>
                  <a:gd name="connsiteX65" fmla="*/ 6401 w 10000"/>
                  <a:gd name="connsiteY65" fmla="*/ 4476 h 10000"/>
                  <a:gd name="connsiteX66" fmla="*/ 6274 w 10000"/>
                  <a:gd name="connsiteY66" fmla="*/ 4313 h 10000"/>
                  <a:gd name="connsiteX67" fmla="*/ 6426 w 10000"/>
                  <a:gd name="connsiteY67" fmla="*/ 4210 h 10000"/>
                  <a:gd name="connsiteX68" fmla="*/ 6625 w 10000"/>
                  <a:gd name="connsiteY68" fmla="*/ 4121 h 10000"/>
                  <a:gd name="connsiteX69" fmla="*/ 7101 w 10000"/>
                  <a:gd name="connsiteY69" fmla="*/ 3959 h 10000"/>
                  <a:gd name="connsiteX70" fmla="*/ 7626 w 10000"/>
                  <a:gd name="connsiteY70" fmla="*/ 3811 h 10000"/>
                  <a:gd name="connsiteX71" fmla="*/ 8150 w 10000"/>
                  <a:gd name="connsiteY71" fmla="*/ 3663 h 10000"/>
                  <a:gd name="connsiteX72" fmla="*/ 8401 w 10000"/>
                  <a:gd name="connsiteY72" fmla="*/ 3589 h 10000"/>
                  <a:gd name="connsiteX73" fmla="*/ 8651 w 10000"/>
                  <a:gd name="connsiteY73" fmla="*/ 3516 h 10000"/>
                  <a:gd name="connsiteX74" fmla="*/ 8850 w 10000"/>
                  <a:gd name="connsiteY74" fmla="*/ 3412 h 10000"/>
                  <a:gd name="connsiteX75" fmla="*/ 9051 w 10000"/>
                  <a:gd name="connsiteY75" fmla="*/ 3338 h 10000"/>
                  <a:gd name="connsiteX76" fmla="*/ 9176 w 10000"/>
                  <a:gd name="connsiteY76" fmla="*/ 3235 h 10000"/>
                  <a:gd name="connsiteX77" fmla="*/ 9275 w 10000"/>
                  <a:gd name="connsiteY77" fmla="*/ 3117 h 10000"/>
                  <a:gd name="connsiteX78" fmla="*/ 9301 w 10000"/>
                  <a:gd name="connsiteY78" fmla="*/ 3072 h 10000"/>
                  <a:gd name="connsiteX79" fmla="*/ 9325 w 10000"/>
                  <a:gd name="connsiteY79" fmla="*/ 3013 h 10000"/>
                  <a:gd name="connsiteX80" fmla="*/ 9325 w 10000"/>
                  <a:gd name="connsiteY80" fmla="*/ 2954 h 10000"/>
                  <a:gd name="connsiteX81" fmla="*/ 9301 w 10000"/>
                  <a:gd name="connsiteY81" fmla="*/ 2866 h 10000"/>
                  <a:gd name="connsiteX82" fmla="*/ 9126 w 10000"/>
                  <a:gd name="connsiteY82" fmla="*/ 2984 h 10000"/>
                  <a:gd name="connsiteX83" fmla="*/ 8926 w 10000"/>
                  <a:gd name="connsiteY83" fmla="*/ 3072 h 10000"/>
                  <a:gd name="connsiteX84" fmla="*/ 8725 w 10000"/>
                  <a:gd name="connsiteY84" fmla="*/ 3161 h 10000"/>
                  <a:gd name="connsiteX85" fmla="*/ 8526 w 10000"/>
                  <a:gd name="connsiteY85" fmla="*/ 3250 h 10000"/>
                  <a:gd name="connsiteX86" fmla="*/ 8075 w 10000"/>
                  <a:gd name="connsiteY86" fmla="*/ 3397 h 10000"/>
                  <a:gd name="connsiteX87" fmla="*/ 7601 w 10000"/>
                  <a:gd name="connsiteY87" fmla="*/ 3545 h 10000"/>
                  <a:gd name="connsiteX88" fmla="*/ 7126 w 10000"/>
                  <a:gd name="connsiteY88" fmla="*/ 3678 h 10000"/>
                  <a:gd name="connsiteX89" fmla="*/ 6675 w 10000"/>
                  <a:gd name="connsiteY89" fmla="*/ 3840 h 10000"/>
                  <a:gd name="connsiteX90" fmla="*/ 6450 w 10000"/>
                  <a:gd name="connsiteY90" fmla="*/ 3914 h 10000"/>
                  <a:gd name="connsiteX91" fmla="*/ 6250 w 10000"/>
                  <a:gd name="connsiteY91" fmla="*/ 4003 h 10000"/>
                  <a:gd name="connsiteX92" fmla="*/ 6051 w 10000"/>
                  <a:gd name="connsiteY92" fmla="*/ 4106 h 10000"/>
                  <a:gd name="connsiteX93" fmla="*/ 5850 w 10000"/>
                  <a:gd name="connsiteY93" fmla="*/ 4195 h 10000"/>
                  <a:gd name="connsiteX94" fmla="*/ 6000 w 10000"/>
                  <a:gd name="connsiteY94" fmla="*/ 4417 h 10000"/>
                  <a:gd name="connsiteX95" fmla="*/ 6101 w 10000"/>
                  <a:gd name="connsiteY95" fmla="*/ 4623 h 10000"/>
                  <a:gd name="connsiteX96" fmla="*/ 6200 w 10000"/>
                  <a:gd name="connsiteY96" fmla="*/ 4845 h 10000"/>
                  <a:gd name="connsiteX97" fmla="*/ 6274 w 10000"/>
                  <a:gd name="connsiteY97" fmla="*/ 5081 h 10000"/>
                  <a:gd name="connsiteX98" fmla="*/ 6325 w 10000"/>
                  <a:gd name="connsiteY98" fmla="*/ 5318 h 10000"/>
                  <a:gd name="connsiteX99" fmla="*/ 6351 w 10000"/>
                  <a:gd name="connsiteY99" fmla="*/ 5539 h 10000"/>
                  <a:gd name="connsiteX100" fmla="*/ 6375 w 10000"/>
                  <a:gd name="connsiteY100" fmla="*/ 5775 h 10000"/>
                  <a:gd name="connsiteX101" fmla="*/ 6375 w 10000"/>
                  <a:gd name="connsiteY101" fmla="*/ 5997 h 10000"/>
                  <a:gd name="connsiteX102" fmla="*/ 6351 w 10000"/>
                  <a:gd name="connsiteY102" fmla="*/ 6233 h 10000"/>
                  <a:gd name="connsiteX103" fmla="*/ 6301 w 10000"/>
                  <a:gd name="connsiteY103" fmla="*/ 6470 h 10000"/>
                  <a:gd name="connsiteX104" fmla="*/ 6250 w 10000"/>
                  <a:gd name="connsiteY104" fmla="*/ 6677 h 10000"/>
                  <a:gd name="connsiteX105" fmla="*/ 6176 w 10000"/>
                  <a:gd name="connsiteY105" fmla="*/ 6898 h 10000"/>
                  <a:gd name="connsiteX106" fmla="*/ 6076 w 10000"/>
                  <a:gd name="connsiteY106" fmla="*/ 7105 h 10000"/>
                  <a:gd name="connsiteX107" fmla="*/ 5951 w 10000"/>
                  <a:gd name="connsiteY107" fmla="*/ 7297 h 10000"/>
                  <a:gd name="connsiteX108" fmla="*/ 5800 w 10000"/>
                  <a:gd name="connsiteY108" fmla="*/ 7489 h 10000"/>
                  <a:gd name="connsiteX109" fmla="*/ 5650 w 10000"/>
                  <a:gd name="connsiteY109" fmla="*/ 7681 h 10000"/>
                  <a:gd name="connsiteX110" fmla="*/ 6375 w 10000"/>
                  <a:gd name="connsiteY110" fmla="*/ 7799 h 10000"/>
                  <a:gd name="connsiteX111" fmla="*/ 7126 w 10000"/>
                  <a:gd name="connsiteY111" fmla="*/ 7962 h 10000"/>
                  <a:gd name="connsiteX112" fmla="*/ 7275 w 10000"/>
                  <a:gd name="connsiteY112" fmla="*/ 8021 h 10000"/>
                  <a:gd name="connsiteX113" fmla="*/ 7400 w 10000"/>
                  <a:gd name="connsiteY113" fmla="*/ 8080 h 10000"/>
                  <a:gd name="connsiteX114" fmla="*/ 7525 w 10000"/>
                  <a:gd name="connsiteY114" fmla="*/ 8139 h 10000"/>
                  <a:gd name="connsiteX115" fmla="*/ 7601 w 10000"/>
                  <a:gd name="connsiteY115" fmla="*/ 8227 h 10000"/>
                  <a:gd name="connsiteX116" fmla="*/ 7626 w 10000"/>
                  <a:gd name="connsiteY116" fmla="*/ 8301 h 10000"/>
                  <a:gd name="connsiteX117" fmla="*/ 7626 w 10000"/>
                  <a:gd name="connsiteY117" fmla="*/ 8405 h 10000"/>
                  <a:gd name="connsiteX118" fmla="*/ 7576 w 10000"/>
                  <a:gd name="connsiteY118" fmla="*/ 8523 h 10000"/>
                  <a:gd name="connsiteX119" fmla="*/ 7501 w 10000"/>
                  <a:gd name="connsiteY119" fmla="*/ 8641 h 10000"/>
                  <a:gd name="connsiteX120" fmla="*/ 7175 w 10000"/>
                  <a:gd name="connsiteY120" fmla="*/ 8552 h 10000"/>
                  <a:gd name="connsiteX121" fmla="*/ 6875 w 10000"/>
                  <a:gd name="connsiteY121" fmla="*/ 8449 h 10000"/>
                  <a:gd name="connsiteX122" fmla="*/ 6575 w 10000"/>
                  <a:gd name="connsiteY122" fmla="*/ 8360 h 10000"/>
                  <a:gd name="connsiteX123" fmla="*/ 6274 w 10000"/>
                  <a:gd name="connsiteY123" fmla="*/ 8287 h 10000"/>
                  <a:gd name="connsiteX124" fmla="*/ 6150 w 10000"/>
                  <a:gd name="connsiteY124" fmla="*/ 8449 h 10000"/>
                  <a:gd name="connsiteX125" fmla="*/ 6051 w 10000"/>
                  <a:gd name="connsiteY125" fmla="*/ 8597 h 10000"/>
                  <a:gd name="connsiteX126" fmla="*/ 6000 w 10000"/>
                  <a:gd name="connsiteY126" fmla="*/ 8656 h 10000"/>
                  <a:gd name="connsiteX127" fmla="*/ 5900 w 10000"/>
                  <a:gd name="connsiteY127" fmla="*/ 8700 h 10000"/>
                  <a:gd name="connsiteX128" fmla="*/ 5826 w 10000"/>
                  <a:gd name="connsiteY128" fmla="*/ 8744 h 10000"/>
                  <a:gd name="connsiteX129" fmla="*/ 5751 w 10000"/>
                  <a:gd name="connsiteY129" fmla="*/ 8774 h 10000"/>
                  <a:gd name="connsiteX130" fmla="*/ 5675 w 10000"/>
                  <a:gd name="connsiteY130" fmla="*/ 8804 h 10000"/>
                  <a:gd name="connsiteX131" fmla="*/ 5576 w 10000"/>
                  <a:gd name="connsiteY131" fmla="*/ 8818 h 10000"/>
                  <a:gd name="connsiteX132" fmla="*/ 5450 w 10000"/>
                  <a:gd name="connsiteY132" fmla="*/ 8833 h 10000"/>
                  <a:gd name="connsiteX133" fmla="*/ 5325 w 10000"/>
                  <a:gd name="connsiteY133" fmla="*/ 8833 h 10000"/>
                  <a:gd name="connsiteX134" fmla="*/ 5026 w 10000"/>
                  <a:gd name="connsiteY134" fmla="*/ 8818 h 10000"/>
                  <a:gd name="connsiteX135" fmla="*/ 4650 w 10000"/>
                  <a:gd name="connsiteY135" fmla="*/ 8744 h 10000"/>
                  <a:gd name="connsiteX136" fmla="*/ 4650 w 10000"/>
                  <a:gd name="connsiteY136" fmla="*/ 8922 h 10000"/>
                  <a:gd name="connsiteX137" fmla="*/ 4625 w 10000"/>
                  <a:gd name="connsiteY137" fmla="*/ 9069 h 10000"/>
                  <a:gd name="connsiteX138" fmla="*/ 4601 w 10000"/>
                  <a:gd name="connsiteY138" fmla="*/ 9232 h 10000"/>
                  <a:gd name="connsiteX139" fmla="*/ 4575 w 10000"/>
                  <a:gd name="connsiteY139" fmla="*/ 9365 h 10000"/>
                  <a:gd name="connsiteX140" fmla="*/ 4525 w 10000"/>
                  <a:gd name="connsiteY140" fmla="*/ 9498 h 10000"/>
                  <a:gd name="connsiteX141" fmla="*/ 4426 w 10000"/>
                  <a:gd name="connsiteY141" fmla="*/ 9616 h 10000"/>
                  <a:gd name="connsiteX142" fmla="*/ 4350 w 10000"/>
                  <a:gd name="connsiteY142" fmla="*/ 9734 h 10000"/>
                  <a:gd name="connsiteX143" fmla="*/ 4225 w 10000"/>
                  <a:gd name="connsiteY143" fmla="*/ 9838 h 10000"/>
                  <a:gd name="connsiteX144" fmla="*/ 3924 w 10000"/>
                  <a:gd name="connsiteY144" fmla="*/ 9897 h 10000"/>
                  <a:gd name="connsiteX145" fmla="*/ 3675 w 10000"/>
                  <a:gd name="connsiteY145" fmla="*/ 9941 h 10000"/>
                  <a:gd name="connsiteX146" fmla="*/ 3375 w 10000"/>
                  <a:gd name="connsiteY146" fmla="*/ 9985 h 10000"/>
                  <a:gd name="connsiteX147" fmla="*/ 3150 w 10000"/>
                  <a:gd name="connsiteY147" fmla="*/ 10000 h 10000"/>
                  <a:gd name="connsiteX148" fmla="*/ 2650 w 10000"/>
                  <a:gd name="connsiteY148" fmla="*/ 10000 h 10000"/>
                  <a:gd name="connsiteX149" fmla="*/ 2175 w 10000"/>
                  <a:gd name="connsiteY149" fmla="*/ 9985 h 10000"/>
                  <a:gd name="connsiteX150" fmla="*/ 1726 w 10000"/>
                  <a:gd name="connsiteY150" fmla="*/ 9941 h 10000"/>
                  <a:gd name="connsiteX151" fmla="*/ 1251 w 10000"/>
                  <a:gd name="connsiteY151" fmla="*/ 9911 h 10000"/>
                  <a:gd name="connsiteX152" fmla="*/ 975 w 10000"/>
                  <a:gd name="connsiteY152" fmla="*/ 9911 h 10000"/>
                  <a:gd name="connsiteX153" fmla="*/ 725 w 10000"/>
                  <a:gd name="connsiteY153" fmla="*/ 9911 h 10000"/>
                  <a:gd name="connsiteX154" fmla="*/ 450 w 10000"/>
                  <a:gd name="connsiteY154" fmla="*/ 9926 h 10000"/>
                  <a:gd name="connsiteX155" fmla="*/ 175 w 10000"/>
                  <a:gd name="connsiteY155" fmla="*/ 9970 h 10000"/>
                  <a:gd name="connsiteX156" fmla="*/ 100 w 10000"/>
                  <a:gd name="connsiteY156" fmla="*/ 9867 h 10000"/>
                  <a:gd name="connsiteX157" fmla="*/ 50 w 10000"/>
                  <a:gd name="connsiteY157" fmla="*/ 9793 h 10000"/>
                  <a:gd name="connsiteX158" fmla="*/ 0 w 10000"/>
                  <a:gd name="connsiteY158" fmla="*/ 9705 h 10000"/>
                  <a:gd name="connsiteX159" fmla="*/ 0 w 10000"/>
                  <a:gd name="connsiteY159" fmla="*/ 9601 h 10000"/>
                  <a:gd name="connsiteX160" fmla="*/ 50 w 10000"/>
                  <a:gd name="connsiteY160" fmla="*/ 9424 h 10000"/>
                  <a:gd name="connsiteX161" fmla="*/ 100 w 10000"/>
                  <a:gd name="connsiteY161" fmla="*/ 9202 h 10000"/>
                  <a:gd name="connsiteX162" fmla="*/ 149 w 10000"/>
                  <a:gd name="connsiteY162" fmla="*/ 8996 h 10000"/>
                  <a:gd name="connsiteX163" fmla="*/ 200 w 10000"/>
                  <a:gd name="connsiteY163" fmla="*/ 8759 h 10000"/>
                  <a:gd name="connsiteX164" fmla="*/ 225 w 10000"/>
                  <a:gd name="connsiteY164" fmla="*/ 8641 h 10000"/>
                  <a:gd name="connsiteX165" fmla="*/ 225 w 10000"/>
                  <a:gd name="connsiteY165" fmla="*/ 8538 h 10000"/>
                  <a:gd name="connsiteX166" fmla="*/ 200 w 10000"/>
                  <a:gd name="connsiteY166" fmla="*/ 8405 h 10000"/>
                  <a:gd name="connsiteX167" fmla="*/ 175 w 10000"/>
                  <a:gd name="connsiteY167" fmla="*/ 8287 h 10000"/>
                  <a:gd name="connsiteX168" fmla="*/ 425 w 10000"/>
                  <a:gd name="connsiteY168" fmla="*/ 8213 h 10000"/>
                  <a:gd name="connsiteX169" fmla="*/ 675 w 10000"/>
                  <a:gd name="connsiteY169" fmla="*/ 8139 h 10000"/>
                  <a:gd name="connsiteX170" fmla="*/ 925 w 10000"/>
                  <a:gd name="connsiteY170" fmla="*/ 8095 h 10000"/>
                  <a:gd name="connsiteX171" fmla="*/ 1200 w 10000"/>
                  <a:gd name="connsiteY171" fmla="*/ 8065 h 10000"/>
                  <a:gd name="connsiteX172" fmla="*/ 1699 w 10000"/>
                  <a:gd name="connsiteY172" fmla="*/ 8021 h 10000"/>
                  <a:gd name="connsiteX173" fmla="*/ 2201 w 10000"/>
                  <a:gd name="connsiteY173" fmla="*/ 7976 h 10000"/>
                  <a:gd name="connsiteX174" fmla="*/ 2425 w 10000"/>
                  <a:gd name="connsiteY174" fmla="*/ 7947 h 10000"/>
                  <a:gd name="connsiteX175" fmla="*/ 2650 w 10000"/>
                  <a:gd name="connsiteY175" fmla="*/ 7917 h 10000"/>
                  <a:gd name="connsiteX176" fmla="*/ 2849 w 10000"/>
                  <a:gd name="connsiteY176" fmla="*/ 7843 h 10000"/>
                  <a:gd name="connsiteX177" fmla="*/ 3050 w 10000"/>
                  <a:gd name="connsiteY177" fmla="*/ 7784 h 10000"/>
                  <a:gd name="connsiteX178" fmla="*/ 3225 w 10000"/>
                  <a:gd name="connsiteY178" fmla="*/ 7710 h 10000"/>
                  <a:gd name="connsiteX179" fmla="*/ 3375 w 10000"/>
                  <a:gd name="connsiteY179" fmla="*/ 7592 h 10000"/>
                  <a:gd name="connsiteX180" fmla="*/ 3526 w 10000"/>
                  <a:gd name="connsiteY180" fmla="*/ 7474 h 10000"/>
                  <a:gd name="connsiteX181" fmla="*/ 3625 w 10000"/>
                  <a:gd name="connsiteY181" fmla="*/ 7312 h 10000"/>
                  <a:gd name="connsiteX182" fmla="*/ 3425 w 10000"/>
                  <a:gd name="connsiteY182" fmla="*/ 7238 h 10000"/>
                  <a:gd name="connsiteX183" fmla="*/ 3250 w 10000"/>
                  <a:gd name="connsiteY183" fmla="*/ 7179 h 10000"/>
                  <a:gd name="connsiteX184" fmla="*/ 3100 w 10000"/>
                  <a:gd name="connsiteY184" fmla="*/ 7090 h 10000"/>
                  <a:gd name="connsiteX185" fmla="*/ 2950 w 10000"/>
                  <a:gd name="connsiteY185" fmla="*/ 6987 h 10000"/>
                  <a:gd name="connsiteX186" fmla="*/ 2849 w 10000"/>
                  <a:gd name="connsiteY186" fmla="*/ 6869 h 10000"/>
                  <a:gd name="connsiteX187" fmla="*/ 2801 w 10000"/>
                  <a:gd name="connsiteY187" fmla="*/ 6721 h 10000"/>
                  <a:gd name="connsiteX188" fmla="*/ 2775 w 10000"/>
                  <a:gd name="connsiteY188" fmla="*/ 6558 h 10000"/>
                  <a:gd name="connsiteX189" fmla="*/ 2801 w 10000"/>
                  <a:gd name="connsiteY189" fmla="*/ 6352 h 10000"/>
                  <a:gd name="connsiteX190" fmla="*/ 2676 w 10000"/>
                  <a:gd name="connsiteY190" fmla="*/ 6322 h 10000"/>
                  <a:gd name="connsiteX191" fmla="*/ 2526 w 10000"/>
                  <a:gd name="connsiteY191" fmla="*/ 6292 h 10000"/>
                  <a:gd name="connsiteX192" fmla="*/ 2350 w 10000"/>
                  <a:gd name="connsiteY192" fmla="*/ 6278 h 10000"/>
                  <a:gd name="connsiteX193" fmla="*/ 2175 w 10000"/>
                  <a:gd name="connsiteY193" fmla="*/ 6263 h 10000"/>
                  <a:gd name="connsiteX194" fmla="*/ 1825 w 10000"/>
                  <a:gd name="connsiteY194" fmla="*/ 6248 h 10000"/>
                  <a:gd name="connsiteX195" fmla="*/ 1450 w 10000"/>
                  <a:gd name="connsiteY195" fmla="*/ 6263 h 10000"/>
                  <a:gd name="connsiteX196" fmla="*/ 1126 w 10000"/>
                  <a:gd name="connsiteY196" fmla="*/ 6278 h 10000"/>
                  <a:gd name="connsiteX197" fmla="*/ 825 w 10000"/>
                  <a:gd name="connsiteY197" fmla="*/ 6278 h 10000"/>
                  <a:gd name="connsiteX198" fmla="*/ 576 w 10000"/>
                  <a:gd name="connsiteY198" fmla="*/ 6263 h 10000"/>
                  <a:gd name="connsiteX199" fmla="*/ 375 w 10000"/>
                  <a:gd name="connsiteY199" fmla="*/ 6233 h 10000"/>
                  <a:gd name="connsiteX200" fmla="*/ 624 w 10000"/>
                  <a:gd name="connsiteY200" fmla="*/ 5805 h 10000"/>
                  <a:gd name="connsiteX201" fmla="*/ 900 w 10000"/>
                  <a:gd name="connsiteY201" fmla="*/ 5391 h 10000"/>
                  <a:gd name="connsiteX202" fmla="*/ 1001 w 10000"/>
                  <a:gd name="connsiteY202" fmla="*/ 5170 h 10000"/>
                  <a:gd name="connsiteX203" fmla="*/ 1075 w 10000"/>
                  <a:gd name="connsiteY203" fmla="*/ 4963 h 10000"/>
                  <a:gd name="connsiteX204" fmla="*/ 1099 w 10000"/>
                  <a:gd name="connsiteY204" fmla="*/ 4860 h 10000"/>
                  <a:gd name="connsiteX205" fmla="*/ 1075 w 10000"/>
                  <a:gd name="connsiteY205" fmla="*/ 4756 h 10000"/>
                  <a:gd name="connsiteX206" fmla="*/ 1050 w 10000"/>
                  <a:gd name="connsiteY206" fmla="*/ 4653 h 10000"/>
                  <a:gd name="connsiteX207" fmla="*/ 975 w 10000"/>
                  <a:gd name="connsiteY207" fmla="*/ 4549 h 10000"/>
                  <a:gd name="connsiteX208" fmla="*/ 1251 w 10000"/>
                  <a:gd name="connsiteY208" fmla="*/ 4520 h 10000"/>
                  <a:gd name="connsiteX209" fmla="*/ 1450 w 10000"/>
                  <a:gd name="connsiteY209" fmla="*/ 4505 h 10000"/>
                  <a:gd name="connsiteX210" fmla="*/ 1625 w 10000"/>
                  <a:gd name="connsiteY210" fmla="*/ 4505 h 10000"/>
                  <a:gd name="connsiteX211" fmla="*/ 1775 w 10000"/>
                  <a:gd name="connsiteY211" fmla="*/ 4520 h 10000"/>
                  <a:gd name="connsiteX212" fmla="*/ 1900 w 10000"/>
                  <a:gd name="connsiteY212" fmla="*/ 4520 h 10000"/>
                  <a:gd name="connsiteX213" fmla="*/ 2050 w 10000"/>
                  <a:gd name="connsiteY213" fmla="*/ 4520 h 10000"/>
                  <a:gd name="connsiteX214" fmla="*/ 2201 w 10000"/>
                  <a:gd name="connsiteY214" fmla="*/ 4490 h 10000"/>
                  <a:gd name="connsiteX215" fmla="*/ 2400 w 10000"/>
                  <a:gd name="connsiteY215" fmla="*/ 4446 h 10000"/>
                  <a:gd name="connsiteX216" fmla="*/ 2400 w 10000"/>
                  <a:gd name="connsiteY216" fmla="*/ 4579 h 10000"/>
                  <a:gd name="connsiteX217" fmla="*/ 2400 w 10000"/>
                  <a:gd name="connsiteY217" fmla="*/ 4742 h 10000"/>
                  <a:gd name="connsiteX218" fmla="*/ 2400 w 10000"/>
                  <a:gd name="connsiteY218" fmla="*/ 4874 h 10000"/>
                  <a:gd name="connsiteX219" fmla="*/ 2400 w 10000"/>
                  <a:gd name="connsiteY219" fmla="*/ 5037 h 10000"/>
                  <a:gd name="connsiteX220" fmla="*/ 2625 w 10000"/>
                  <a:gd name="connsiteY220" fmla="*/ 5022 h 10000"/>
                  <a:gd name="connsiteX221" fmla="*/ 2775 w 10000"/>
                  <a:gd name="connsiteY221" fmla="*/ 5037 h 10000"/>
                  <a:gd name="connsiteX222" fmla="*/ 2900 w 10000"/>
                  <a:gd name="connsiteY222" fmla="*/ 5066 h 10000"/>
                  <a:gd name="connsiteX223" fmla="*/ 3025 w 10000"/>
                  <a:gd name="connsiteY223" fmla="*/ 5096 h 10000"/>
                  <a:gd name="connsiteX224" fmla="*/ 3126 w 10000"/>
                  <a:gd name="connsiteY224" fmla="*/ 5126 h 10000"/>
                  <a:gd name="connsiteX225" fmla="*/ 3250 w 10000"/>
                  <a:gd name="connsiteY225" fmla="*/ 5155 h 10000"/>
                  <a:gd name="connsiteX226" fmla="*/ 3401 w 10000"/>
                  <a:gd name="connsiteY226" fmla="*/ 5170 h 10000"/>
                  <a:gd name="connsiteX227" fmla="*/ 3625 w 10000"/>
                  <a:gd name="connsiteY227" fmla="*/ 5155 h 10000"/>
                  <a:gd name="connsiteX228" fmla="*/ 3701 w 10000"/>
                  <a:gd name="connsiteY228" fmla="*/ 5096 h 10000"/>
                  <a:gd name="connsiteX229" fmla="*/ 3775 w 10000"/>
                  <a:gd name="connsiteY229" fmla="*/ 5022 h 10000"/>
                  <a:gd name="connsiteX230" fmla="*/ 3800 w 10000"/>
                  <a:gd name="connsiteY230" fmla="*/ 4934 h 10000"/>
                  <a:gd name="connsiteX231" fmla="*/ 3826 w 10000"/>
                  <a:gd name="connsiteY231" fmla="*/ 4860 h 10000"/>
                  <a:gd name="connsiteX232" fmla="*/ 3850 w 10000"/>
                  <a:gd name="connsiteY232" fmla="*/ 4697 h 10000"/>
                  <a:gd name="connsiteX233" fmla="*/ 3826 w 10000"/>
                  <a:gd name="connsiteY233" fmla="*/ 4520 h 10000"/>
                  <a:gd name="connsiteX234" fmla="*/ 3750 w 10000"/>
                  <a:gd name="connsiteY234" fmla="*/ 4343 h 10000"/>
                  <a:gd name="connsiteX235" fmla="*/ 3675 w 10000"/>
                  <a:gd name="connsiteY235" fmla="*/ 4195 h 10000"/>
                  <a:gd name="connsiteX236" fmla="*/ 3550 w 10000"/>
                  <a:gd name="connsiteY236" fmla="*/ 4047 h 10000"/>
                  <a:gd name="connsiteX237" fmla="*/ 3425 w 10000"/>
                  <a:gd name="connsiteY237" fmla="*/ 3959 h 10000"/>
                  <a:gd name="connsiteX238" fmla="*/ 3575 w 10000"/>
                  <a:gd name="connsiteY238" fmla="*/ 3944 h 10000"/>
                  <a:gd name="connsiteX239" fmla="*/ 3701 w 10000"/>
                  <a:gd name="connsiteY239" fmla="*/ 3914 h 10000"/>
                  <a:gd name="connsiteX240" fmla="*/ 3800 w 10000"/>
                  <a:gd name="connsiteY240" fmla="*/ 3855 h 10000"/>
                  <a:gd name="connsiteX241" fmla="*/ 3924 w 10000"/>
                  <a:gd name="connsiteY241" fmla="*/ 3752 h 10000"/>
                  <a:gd name="connsiteX242" fmla="*/ 4050 w 10000"/>
                  <a:gd name="connsiteY242" fmla="*/ 3663 h 10000"/>
                  <a:gd name="connsiteX243" fmla="*/ 4150 w 10000"/>
                  <a:gd name="connsiteY243" fmla="*/ 3560 h 10000"/>
                  <a:gd name="connsiteX244" fmla="*/ 4225 w 10000"/>
                  <a:gd name="connsiteY244" fmla="*/ 3442 h 10000"/>
                  <a:gd name="connsiteX245" fmla="*/ 4301 w 10000"/>
                  <a:gd name="connsiteY245" fmla="*/ 3323 h 10000"/>
                  <a:gd name="connsiteX246" fmla="*/ 4350 w 10000"/>
                  <a:gd name="connsiteY246" fmla="*/ 3220 h 10000"/>
                  <a:gd name="connsiteX247" fmla="*/ 4375 w 10000"/>
                  <a:gd name="connsiteY247" fmla="*/ 3102 h 10000"/>
                  <a:gd name="connsiteX248" fmla="*/ 4401 w 10000"/>
                  <a:gd name="connsiteY248" fmla="*/ 3013 h 10000"/>
                  <a:gd name="connsiteX249" fmla="*/ 4375 w 10000"/>
                  <a:gd name="connsiteY249" fmla="*/ 2939 h 10000"/>
                  <a:gd name="connsiteX250" fmla="*/ 4350 w 10000"/>
                  <a:gd name="connsiteY250" fmla="*/ 2866 h 10000"/>
                  <a:gd name="connsiteX251" fmla="*/ 4275 w 10000"/>
                  <a:gd name="connsiteY251" fmla="*/ 2836 h 10000"/>
                  <a:gd name="connsiteX252" fmla="*/ 4176 w 10000"/>
                  <a:gd name="connsiteY252" fmla="*/ 2836 h 10000"/>
                  <a:gd name="connsiteX253" fmla="*/ 4050 w 10000"/>
                  <a:gd name="connsiteY253" fmla="*/ 2866 h 10000"/>
                  <a:gd name="connsiteX254" fmla="*/ 4150 w 10000"/>
                  <a:gd name="connsiteY254" fmla="*/ 2777 h 10000"/>
                  <a:gd name="connsiteX255" fmla="*/ 4201 w 10000"/>
                  <a:gd name="connsiteY255" fmla="*/ 2674 h 10000"/>
                  <a:gd name="connsiteX256" fmla="*/ 4225 w 10000"/>
                  <a:gd name="connsiteY256" fmla="*/ 2541 h 10000"/>
                  <a:gd name="connsiteX257" fmla="*/ 4225 w 10000"/>
                  <a:gd name="connsiteY257" fmla="*/ 2393 h 10000"/>
                  <a:gd name="connsiteX258" fmla="*/ 4250 w 10000"/>
                  <a:gd name="connsiteY258" fmla="*/ 2349 h 10000"/>
                  <a:gd name="connsiteX259" fmla="*/ 4301 w 10000"/>
                  <a:gd name="connsiteY259" fmla="*/ 2304 h 10000"/>
                  <a:gd name="connsiteX260" fmla="*/ 4350 w 10000"/>
                  <a:gd name="connsiteY260" fmla="*/ 2290 h 10000"/>
                  <a:gd name="connsiteX261" fmla="*/ 4426 w 10000"/>
                  <a:gd name="connsiteY261" fmla="*/ 2275 h 10000"/>
                  <a:gd name="connsiteX262" fmla="*/ 4650 w 10000"/>
                  <a:gd name="connsiteY262" fmla="*/ 2260 h 10000"/>
                  <a:gd name="connsiteX263" fmla="*/ 4850 w 10000"/>
                  <a:gd name="connsiteY263" fmla="*/ 2275 h 10000"/>
                  <a:gd name="connsiteX264" fmla="*/ 4825 w 10000"/>
                  <a:gd name="connsiteY264" fmla="*/ 2112 h 10000"/>
                  <a:gd name="connsiteX265" fmla="*/ 4776 w 10000"/>
                  <a:gd name="connsiteY265" fmla="*/ 1950 h 10000"/>
                  <a:gd name="connsiteX266" fmla="*/ 4700 w 10000"/>
                  <a:gd name="connsiteY266" fmla="*/ 1802 h 10000"/>
                  <a:gd name="connsiteX267" fmla="*/ 4601 w 10000"/>
                  <a:gd name="connsiteY267" fmla="*/ 1640 h 10000"/>
                  <a:gd name="connsiteX268" fmla="*/ 4350 w 10000"/>
                  <a:gd name="connsiteY268" fmla="*/ 1329 h 10000"/>
                  <a:gd name="connsiteX269" fmla="*/ 4100 w 10000"/>
                  <a:gd name="connsiteY269" fmla="*/ 1034 h 10000"/>
                  <a:gd name="connsiteX270" fmla="*/ 3975 w 10000"/>
                  <a:gd name="connsiteY270" fmla="*/ 901 h 10000"/>
                  <a:gd name="connsiteX271" fmla="*/ 3876 w 10000"/>
                  <a:gd name="connsiteY271" fmla="*/ 753 h 10000"/>
                  <a:gd name="connsiteX272" fmla="*/ 3800 w 10000"/>
                  <a:gd name="connsiteY272" fmla="*/ 620 h 10000"/>
                  <a:gd name="connsiteX273" fmla="*/ 3775 w 10000"/>
                  <a:gd name="connsiteY273" fmla="*/ 487 h 10000"/>
                  <a:gd name="connsiteX274" fmla="*/ 3750 w 10000"/>
                  <a:gd name="connsiteY274" fmla="*/ 355 h 10000"/>
                  <a:gd name="connsiteX275" fmla="*/ 3800 w 10000"/>
                  <a:gd name="connsiteY275" fmla="*/ 222 h 10000"/>
                  <a:gd name="connsiteX276" fmla="*/ 3826 w 10000"/>
                  <a:gd name="connsiteY276" fmla="*/ 162 h 10000"/>
                  <a:gd name="connsiteX277" fmla="*/ 3876 w 10000"/>
                  <a:gd name="connsiteY277" fmla="*/ 103 h 10000"/>
                  <a:gd name="connsiteX278" fmla="*/ 3951 w 10000"/>
                  <a:gd name="connsiteY278" fmla="*/ 59 h 10000"/>
                  <a:gd name="connsiteX279" fmla="*/ 4050 w 10000"/>
                  <a:gd name="connsiteY279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51 w 10000"/>
                  <a:gd name="connsiteY56" fmla="*/ 4594 h 10000"/>
                  <a:gd name="connsiteX57" fmla="*/ 6901 w 10000"/>
                  <a:gd name="connsiteY57" fmla="*/ 4638 h 10000"/>
                  <a:gd name="connsiteX58" fmla="*/ 6901 w 10000"/>
                  <a:gd name="connsiteY58" fmla="*/ 4697 h 10000"/>
                  <a:gd name="connsiteX59" fmla="*/ 6875 w 10000"/>
                  <a:gd name="connsiteY59" fmla="*/ 4801 h 10000"/>
                  <a:gd name="connsiteX60" fmla="*/ 6875 w 10000"/>
                  <a:gd name="connsiteY60" fmla="*/ 4904 h 10000"/>
                  <a:gd name="connsiteX61" fmla="*/ 6751 w 10000"/>
                  <a:gd name="connsiteY61" fmla="*/ 4860 h 10000"/>
                  <a:gd name="connsiteX62" fmla="*/ 6675 w 10000"/>
                  <a:gd name="connsiteY62" fmla="*/ 4801 h 10000"/>
                  <a:gd name="connsiteX63" fmla="*/ 6600 w 10000"/>
                  <a:gd name="connsiteY63" fmla="*/ 4727 h 10000"/>
                  <a:gd name="connsiteX64" fmla="*/ 6526 w 10000"/>
                  <a:gd name="connsiteY64" fmla="*/ 4638 h 10000"/>
                  <a:gd name="connsiteX65" fmla="*/ 6401 w 10000"/>
                  <a:gd name="connsiteY65" fmla="*/ 4476 h 10000"/>
                  <a:gd name="connsiteX66" fmla="*/ 6274 w 10000"/>
                  <a:gd name="connsiteY66" fmla="*/ 4313 h 10000"/>
                  <a:gd name="connsiteX67" fmla="*/ 6426 w 10000"/>
                  <a:gd name="connsiteY67" fmla="*/ 4210 h 10000"/>
                  <a:gd name="connsiteX68" fmla="*/ 7101 w 10000"/>
                  <a:gd name="connsiteY68" fmla="*/ 3959 h 10000"/>
                  <a:gd name="connsiteX69" fmla="*/ 7626 w 10000"/>
                  <a:gd name="connsiteY69" fmla="*/ 3811 h 10000"/>
                  <a:gd name="connsiteX70" fmla="*/ 8150 w 10000"/>
                  <a:gd name="connsiteY70" fmla="*/ 3663 h 10000"/>
                  <a:gd name="connsiteX71" fmla="*/ 8401 w 10000"/>
                  <a:gd name="connsiteY71" fmla="*/ 3589 h 10000"/>
                  <a:gd name="connsiteX72" fmla="*/ 8651 w 10000"/>
                  <a:gd name="connsiteY72" fmla="*/ 3516 h 10000"/>
                  <a:gd name="connsiteX73" fmla="*/ 8850 w 10000"/>
                  <a:gd name="connsiteY73" fmla="*/ 3412 h 10000"/>
                  <a:gd name="connsiteX74" fmla="*/ 9051 w 10000"/>
                  <a:gd name="connsiteY74" fmla="*/ 3338 h 10000"/>
                  <a:gd name="connsiteX75" fmla="*/ 9176 w 10000"/>
                  <a:gd name="connsiteY75" fmla="*/ 3235 h 10000"/>
                  <a:gd name="connsiteX76" fmla="*/ 9275 w 10000"/>
                  <a:gd name="connsiteY76" fmla="*/ 3117 h 10000"/>
                  <a:gd name="connsiteX77" fmla="*/ 9301 w 10000"/>
                  <a:gd name="connsiteY77" fmla="*/ 3072 h 10000"/>
                  <a:gd name="connsiteX78" fmla="*/ 9325 w 10000"/>
                  <a:gd name="connsiteY78" fmla="*/ 3013 h 10000"/>
                  <a:gd name="connsiteX79" fmla="*/ 9325 w 10000"/>
                  <a:gd name="connsiteY79" fmla="*/ 2954 h 10000"/>
                  <a:gd name="connsiteX80" fmla="*/ 9301 w 10000"/>
                  <a:gd name="connsiteY80" fmla="*/ 2866 h 10000"/>
                  <a:gd name="connsiteX81" fmla="*/ 9126 w 10000"/>
                  <a:gd name="connsiteY81" fmla="*/ 2984 h 10000"/>
                  <a:gd name="connsiteX82" fmla="*/ 8926 w 10000"/>
                  <a:gd name="connsiteY82" fmla="*/ 3072 h 10000"/>
                  <a:gd name="connsiteX83" fmla="*/ 8725 w 10000"/>
                  <a:gd name="connsiteY83" fmla="*/ 3161 h 10000"/>
                  <a:gd name="connsiteX84" fmla="*/ 8526 w 10000"/>
                  <a:gd name="connsiteY84" fmla="*/ 3250 h 10000"/>
                  <a:gd name="connsiteX85" fmla="*/ 8075 w 10000"/>
                  <a:gd name="connsiteY85" fmla="*/ 3397 h 10000"/>
                  <a:gd name="connsiteX86" fmla="*/ 7601 w 10000"/>
                  <a:gd name="connsiteY86" fmla="*/ 3545 h 10000"/>
                  <a:gd name="connsiteX87" fmla="*/ 7126 w 10000"/>
                  <a:gd name="connsiteY87" fmla="*/ 3678 h 10000"/>
                  <a:gd name="connsiteX88" fmla="*/ 6675 w 10000"/>
                  <a:gd name="connsiteY88" fmla="*/ 3840 h 10000"/>
                  <a:gd name="connsiteX89" fmla="*/ 6450 w 10000"/>
                  <a:gd name="connsiteY89" fmla="*/ 3914 h 10000"/>
                  <a:gd name="connsiteX90" fmla="*/ 6250 w 10000"/>
                  <a:gd name="connsiteY90" fmla="*/ 4003 h 10000"/>
                  <a:gd name="connsiteX91" fmla="*/ 6051 w 10000"/>
                  <a:gd name="connsiteY91" fmla="*/ 4106 h 10000"/>
                  <a:gd name="connsiteX92" fmla="*/ 5850 w 10000"/>
                  <a:gd name="connsiteY92" fmla="*/ 4195 h 10000"/>
                  <a:gd name="connsiteX93" fmla="*/ 6000 w 10000"/>
                  <a:gd name="connsiteY93" fmla="*/ 4417 h 10000"/>
                  <a:gd name="connsiteX94" fmla="*/ 6101 w 10000"/>
                  <a:gd name="connsiteY94" fmla="*/ 4623 h 10000"/>
                  <a:gd name="connsiteX95" fmla="*/ 6200 w 10000"/>
                  <a:gd name="connsiteY95" fmla="*/ 4845 h 10000"/>
                  <a:gd name="connsiteX96" fmla="*/ 6274 w 10000"/>
                  <a:gd name="connsiteY96" fmla="*/ 5081 h 10000"/>
                  <a:gd name="connsiteX97" fmla="*/ 6325 w 10000"/>
                  <a:gd name="connsiteY97" fmla="*/ 5318 h 10000"/>
                  <a:gd name="connsiteX98" fmla="*/ 6351 w 10000"/>
                  <a:gd name="connsiteY98" fmla="*/ 5539 h 10000"/>
                  <a:gd name="connsiteX99" fmla="*/ 6375 w 10000"/>
                  <a:gd name="connsiteY99" fmla="*/ 5775 h 10000"/>
                  <a:gd name="connsiteX100" fmla="*/ 6375 w 10000"/>
                  <a:gd name="connsiteY100" fmla="*/ 5997 h 10000"/>
                  <a:gd name="connsiteX101" fmla="*/ 6351 w 10000"/>
                  <a:gd name="connsiteY101" fmla="*/ 6233 h 10000"/>
                  <a:gd name="connsiteX102" fmla="*/ 6301 w 10000"/>
                  <a:gd name="connsiteY102" fmla="*/ 6470 h 10000"/>
                  <a:gd name="connsiteX103" fmla="*/ 6250 w 10000"/>
                  <a:gd name="connsiteY103" fmla="*/ 6677 h 10000"/>
                  <a:gd name="connsiteX104" fmla="*/ 6176 w 10000"/>
                  <a:gd name="connsiteY104" fmla="*/ 6898 h 10000"/>
                  <a:gd name="connsiteX105" fmla="*/ 6076 w 10000"/>
                  <a:gd name="connsiteY105" fmla="*/ 7105 h 10000"/>
                  <a:gd name="connsiteX106" fmla="*/ 5951 w 10000"/>
                  <a:gd name="connsiteY106" fmla="*/ 7297 h 10000"/>
                  <a:gd name="connsiteX107" fmla="*/ 5800 w 10000"/>
                  <a:gd name="connsiteY107" fmla="*/ 7489 h 10000"/>
                  <a:gd name="connsiteX108" fmla="*/ 5650 w 10000"/>
                  <a:gd name="connsiteY108" fmla="*/ 7681 h 10000"/>
                  <a:gd name="connsiteX109" fmla="*/ 6375 w 10000"/>
                  <a:gd name="connsiteY109" fmla="*/ 7799 h 10000"/>
                  <a:gd name="connsiteX110" fmla="*/ 7126 w 10000"/>
                  <a:gd name="connsiteY110" fmla="*/ 7962 h 10000"/>
                  <a:gd name="connsiteX111" fmla="*/ 7275 w 10000"/>
                  <a:gd name="connsiteY111" fmla="*/ 8021 h 10000"/>
                  <a:gd name="connsiteX112" fmla="*/ 7400 w 10000"/>
                  <a:gd name="connsiteY112" fmla="*/ 8080 h 10000"/>
                  <a:gd name="connsiteX113" fmla="*/ 7525 w 10000"/>
                  <a:gd name="connsiteY113" fmla="*/ 8139 h 10000"/>
                  <a:gd name="connsiteX114" fmla="*/ 7601 w 10000"/>
                  <a:gd name="connsiteY114" fmla="*/ 8227 h 10000"/>
                  <a:gd name="connsiteX115" fmla="*/ 7626 w 10000"/>
                  <a:gd name="connsiteY115" fmla="*/ 8301 h 10000"/>
                  <a:gd name="connsiteX116" fmla="*/ 7626 w 10000"/>
                  <a:gd name="connsiteY116" fmla="*/ 8405 h 10000"/>
                  <a:gd name="connsiteX117" fmla="*/ 7576 w 10000"/>
                  <a:gd name="connsiteY117" fmla="*/ 8523 h 10000"/>
                  <a:gd name="connsiteX118" fmla="*/ 7501 w 10000"/>
                  <a:gd name="connsiteY118" fmla="*/ 8641 h 10000"/>
                  <a:gd name="connsiteX119" fmla="*/ 7175 w 10000"/>
                  <a:gd name="connsiteY119" fmla="*/ 8552 h 10000"/>
                  <a:gd name="connsiteX120" fmla="*/ 6875 w 10000"/>
                  <a:gd name="connsiteY120" fmla="*/ 8449 h 10000"/>
                  <a:gd name="connsiteX121" fmla="*/ 6575 w 10000"/>
                  <a:gd name="connsiteY121" fmla="*/ 8360 h 10000"/>
                  <a:gd name="connsiteX122" fmla="*/ 6274 w 10000"/>
                  <a:gd name="connsiteY122" fmla="*/ 8287 h 10000"/>
                  <a:gd name="connsiteX123" fmla="*/ 6150 w 10000"/>
                  <a:gd name="connsiteY123" fmla="*/ 8449 h 10000"/>
                  <a:gd name="connsiteX124" fmla="*/ 6051 w 10000"/>
                  <a:gd name="connsiteY124" fmla="*/ 8597 h 10000"/>
                  <a:gd name="connsiteX125" fmla="*/ 6000 w 10000"/>
                  <a:gd name="connsiteY125" fmla="*/ 8656 h 10000"/>
                  <a:gd name="connsiteX126" fmla="*/ 5900 w 10000"/>
                  <a:gd name="connsiteY126" fmla="*/ 8700 h 10000"/>
                  <a:gd name="connsiteX127" fmla="*/ 5826 w 10000"/>
                  <a:gd name="connsiteY127" fmla="*/ 8744 h 10000"/>
                  <a:gd name="connsiteX128" fmla="*/ 5751 w 10000"/>
                  <a:gd name="connsiteY128" fmla="*/ 8774 h 10000"/>
                  <a:gd name="connsiteX129" fmla="*/ 5675 w 10000"/>
                  <a:gd name="connsiteY129" fmla="*/ 8804 h 10000"/>
                  <a:gd name="connsiteX130" fmla="*/ 5576 w 10000"/>
                  <a:gd name="connsiteY130" fmla="*/ 8818 h 10000"/>
                  <a:gd name="connsiteX131" fmla="*/ 5450 w 10000"/>
                  <a:gd name="connsiteY131" fmla="*/ 8833 h 10000"/>
                  <a:gd name="connsiteX132" fmla="*/ 5325 w 10000"/>
                  <a:gd name="connsiteY132" fmla="*/ 8833 h 10000"/>
                  <a:gd name="connsiteX133" fmla="*/ 5026 w 10000"/>
                  <a:gd name="connsiteY133" fmla="*/ 8818 h 10000"/>
                  <a:gd name="connsiteX134" fmla="*/ 4650 w 10000"/>
                  <a:gd name="connsiteY134" fmla="*/ 8744 h 10000"/>
                  <a:gd name="connsiteX135" fmla="*/ 4650 w 10000"/>
                  <a:gd name="connsiteY135" fmla="*/ 8922 h 10000"/>
                  <a:gd name="connsiteX136" fmla="*/ 4625 w 10000"/>
                  <a:gd name="connsiteY136" fmla="*/ 9069 h 10000"/>
                  <a:gd name="connsiteX137" fmla="*/ 4601 w 10000"/>
                  <a:gd name="connsiteY137" fmla="*/ 9232 h 10000"/>
                  <a:gd name="connsiteX138" fmla="*/ 4575 w 10000"/>
                  <a:gd name="connsiteY138" fmla="*/ 9365 h 10000"/>
                  <a:gd name="connsiteX139" fmla="*/ 4525 w 10000"/>
                  <a:gd name="connsiteY139" fmla="*/ 9498 h 10000"/>
                  <a:gd name="connsiteX140" fmla="*/ 4426 w 10000"/>
                  <a:gd name="connsiteY140" fmla="*/ 9616 h 10000"/>
                  <a:gd name="connsiteX141" fmla="*/ 4350 w 10000"/>
                  <a:gd name="connsiteY141" fmla="*/ 9734 h 10000"/>
                  <a:gd name="connsiteX142" fmla="*/ 4225 w 10000"/>
                  <a:gd name="connsiteY142" fmla="*/ 9838 h 10000"/>
                  <a:gd name="connsiteX143" fmla="*/ 3924 w 10000"/>
                  <a:gd name="connsiteY143" fmla="*/ 9897 h 10000"/>
                  <a:gd name="connsiteX144" fmla="*/ 3675 w 10000"/>
                  <a:gd name="connsiteY144" fmla="*/ 9941 h 10000"/>
                  <a:gd name="connsiteX145" fmla="*/ 3375 w 10000"/>
                  <a:gd name="connsiteY145" fmla="*/ 9985 h 10000"/>
                  <a:gd name="connsiteX146" fmla="*/ 3150 w 10000"/>
                  <a:gd name="connsiteY146" fmla="*/ 10000 h 10000"/>
                  <a:gd name="connsiteX147" fmla="*/ 2650 w 10000"/>
                  <a:gd name="connsiteY147" fmla="*/ 10000 h 10000"/>
                  <a:gd name="connsiteX148" fmla="*/ 2175 w 10000"/>
                  <a:gd name="connsiteY148" fmla="*/ 9985 h 10000"/>
                  <a:gd name="connsiteX149" fmla="*/ 1726 w 10000"/>
                  <a:gd name="connsiteY149" fmla="*/ 9941 h 10000"/>
                  <a:gd name="connsiteX150" fmla="*/ 1251 w 10000"/>
                  <a:gd name="connsiteY150" fmla="*/ 9911 h 10000"/>
                  <a:gd name="connsiteX151" fmla="*/ 975 w 10000"/>
                  <a:gd name="connsiteY151" fmla="*/ 9911 h 10000"/>
                  <a:gd name="connsiteX152" fmla="*/ 725 w 10000"/>
                  <a:gd name="connsiteY152" fmla="*/ 9911 h 10000"/>
                  <a:gd name="connsiteX153" fmla="*/ 450 w 10000"/>
                  <a:gd name="connsiteY153" fmla="*/ 9926 h 10000"/>
                  <a:gd name="connsiteX154" fmla="*/ 175 w 10000"/>
                  <a:gd name="connsiteY154" fmla="*/ 9970 h 10000"/>
                  <a:gd name="connsiteX155" fmla="*/ 100 w 10000"/>
                  <a:gd name="connsiteY155" fmla="*/ 9867 h 10000"/>
                  <a:gd name="connsiteX156" fmla="*/ 50 w 10000"/>
                  <a:gd name="connsiteY156" fmla="*/ 9793 h 10000"/>
                  <a:gd name="connsiteX157" fmla="*/ 0 w 10000"/>
                  <a:gd name="connsiteY157" fmla="*/ 9705 h 10000"/>
                  <a:gd name="connsiteX158" fmla="*/ 0 w 10000"/>
                  <a:gd name="connsiteY158" fmla="*/ 9601 h 10000"/>
                  <a:gd name="connsiteX159" fmla="*/ 50 w 10000"/>
                  <a:gd name="connsiteY159" fmla="*/ 9424 h 10000"/>
                  <a:gd name="connsiteX160" fmla="*/ 100 w 10000"/>
                  <a:gd name="connsiteY160" fmla="*/ 9202 h 10000"/>
                  <a:gd name="connsiteX161" fmla="*/ 149 w 10000"/>
                  <a:gd name="connsiteY161" fmla="*/ 8996 h 10000"/>
                  <a:gd name="connsiteX162" fmla="*/ 200 w 10000"/>
                  <a:gd name="connsiteY162" fmla="*/ 8759 h 10000"/>
                  <a:gd name="connsiteX163" fmla="*/ 225 w 10000"/>
                  <a:gd name="connsiteY163" fmla="*/ 8641 h 10000"/>
                  <a:gd name="connsiteX164" fmla="*/ 225 w 10000"/>
                  <a:gd name="connsiteY164" fmla="*/ 8538 h 10000"/>
                  <a:gd name="connsiteX165" fmla="*/ 200 w 10000"/>
                  <a:gd name="connsiteY165" fmla="*/ 8405 h 10000"/>
                  <a:gd name="connsiteX166" fmla="*/ 175 w 10000"/>
                  <a:gd name="connsiteY166" fmla="*/ 8287 h 10000"/>
                  <a:gd name="connsiteX167" fmla="*/ 425 w 10000"/>
                  <a:gd name="connsiteY167" fmla="*/ 8213 h 10000"/>
                  <a:gd name="connsiteX168" fmla="*/ 675 w 10000"/>
                  <a:gd name="connsiteY168" fmla="*/ 8139 h 10000"/>
                  <a:gd name="connsiteX169" fmla="*/ 925 w 10000"/>
                  <a:gd name="connsiteY169" fmla="*/ 8095 h 10000"/>
                  <a:gd name="connsiteX170" fmla="*/ 1200 w 10000"/>
                  <a:gd name="connsiteY170" fmla="*/ 8065 h 10000"/>
                  <a:gd name="connsiteX171" fmla="*/ 1699 w 10000"/>
                  <a:gd name="connsiteY171" fmla="*/ 8021 h 10000"/>
                  <a:gd name="connsiteX172" fmla="*/ 2201 w 10000"/>
                  <a:gd name="connsiteY172" fmla="*/ 7976 h 10000"/>
                  <a:gd name="connsiteX173" fmla="*/ 2425 w 10000"/>
                  <a:gd name="connsiteY173" fmla="*/ 7947 h 10000"/>
                  <a:gd name="connsiteX174" fmla="*/ 2650 w 10000"/>
                  <a:gd name="connsiteY174" fmla="*/ 7917 h 10000"/>
                  <a:gd name="connsiteX175" fmla="*/ 2849 w 10000"/>
                  <a:gd name="connsiteY175" fmla="*/ 7843 h 10000"/>
                  <a:gd name="connsiteX176" fmla="*/ 3050 w 10000"/>
                  <a:gd name="connsiteY176" fmla="*/ 7784 h 10000"/>
                  <a:gd name="connsiteX177" fmla="*/ 3225 w 10000"/>
                  <a:gd name="connsiteY177" fmla="*/ 7710 h 10000"/>
                  <a:gd name="connsiteX178" fmla="*/ 3375 w 10000"/>
                  <a:gd name="connsiteY178" fmla="*/ 7592 h 10000"/>
                  <a:gd name="connsiteX179" fmla="*/ 3526 w 10000"/>
                  <a:gd name="connsiteY179" fmla="*/ 7474 h 10000"/>
                  <a:gd name="connsiteX180" fmla="*/ 3625 w 10000"/>
                  <a:gd name="connsiteY180" fmla="*/ 7312 h 10000"/>
                  <a:gd name="connsiteX181" fmla="*/ 3425 w 10000"/>
                  <a:gd name="connsiteY181" fmla="*/ 7238 h 10000"/>
                  <a:gd name="connsiteX182" fmla="*/ 3250 w 10000"/>
                  <a:gd name="connsiteY182" fmla="*/ 7179 h 10000"/>
                  <a:gd name="connsiteX183" fmla="*/ 3100 w 10000"/>
                  <a:gd name="connsiteY183" fmla="*/ 7090 h 10000"/>
                  <a:gd name="connsiteX184" fmla="*/ 2950 w 10000"/>
                  <a:gd name="connsiteY184" fmla="*/ 6987 h 10000"/>
                  <a:gd name="connsiteX185" fmla="*/ 2849 w 10000"/>
                  <a:gd name="connsiteY185" fmla="*/ 6869 h 10000"/>
                  <a:gd name="connsiteX186" fmla="*/ 2801 w 10000"/>
                  <a:gd name="connsiteY186" fmla="*/ 6721 h 10000"/>
                  <a:gd name="connsiteX187" fmla="*/ 2775 w 10000"/>
                  <a:gd name="connsiteY187" fmla="*/ 6558 h 10000"/>
                  <a:gd name="connsiteX188" fmla="*/ 2801 w 10000"/>
                  <a:gd name="connsiteY188" fmla="*/ 6352 h 10000"/>
                  <a:gd name="connsiteX189" fmla="*/ 2676 w 10000"/>
                  <a:gd name="connsiteY189" fmla="*/ 6322 h 10000"/>
                  <a:gd name="connsiteX190" fmla="*/ 2526 w 10000"/>
                  <a:gd name="connsiteY190" fmla="*/ 6292 h 10000"/>
                  <a:gd name="connsiteX191" fmla="*/ 2350 w 10000"/>
                  <a:gd name="connsiteY191" fmla="*/ 6278 h 10000"/>
                  <a:gd name="connsiteX192" fmla="*/ 2175 w 10000"/>
                  <a:gd name="connsiteY192" fmla="*/ 6263 h 10000"/>
                  <a:gd name="connsiteX193" fmla="*/ 1825 w 10000"/>
                  <a:gd name="connsiteY193" fmla="*/ 6248 h 10000"/>
                  <a:gd name="connsiteX194" fmla="*/ 1450 w 10000"/>
                  <a:gd name="connsiteY194" fmla="*/ 6263 h 10000"/>
                  <a:gd name="connsiteX195" fmla="*/ 1126 w 10000"/>
                  <a:gd name="connsiteY195" fmla="*/ 6278 h 10000"/>
                  <a:gd name="connsiteX196" fmla="*/ 825 w 10000"/>
                  <a:gd name="connsiteY196" fmla="*/ 6278 h 10000"/>
                  <a:gd name="connsiteX197" fmla="*/ 576 w 10000"/>
                  <a:gd name="connsiteY197" fmla="*/ 6263 h 10000"/>
                  <a:gd name="connsiteX198" fmla="*/ 375 w 10000"/>
                  <a:gd name="connsiteY198" fmla="*/ 6233 h 10000"/>
                  <a:gd name="connsiteX199" fmla="*/ 624 w 10000"/>
                  <a:gd name="connsiteY199" fmla="*/ 5805 h 10000"/>
                  <a:gd name="connsiteX200" fmla="*/ 900 w 10000"/>
                  <a:gd name="connsiteY200" fmla="*/ 5391 h 10000"/>
                  <a:gd name="connsiteX201" fmla="*/ 1001 w 10000"/>
                  <a:gd name="connsiteY201" fmla="*/ 5170 h 10000"/>
                  <a:gd name="connsiteX202" fmla="*/ 1075 w 10000"/>
                  <a:gd name="connsiteY202" fmla="*/ 4963 h 10000"/>
                  <a:gd name="connsiteX203" fmla="*/ 1099 w 10000"/>
                  <a:gd name="connsiteY203" fmla="*/ 4860 h 10000"/>
                  <a:gd name="connsiteX204" fmla="*/ 1075 w 10000"/>
                  <a:gd name="connsiteY204" fmla="*/ 4756 h 10000"/>
                  <a:gd name="connsiteX205" fmla="*/ 1050 w 10000"/>
                  <a:gd name="connsiteY205" fmla="*/ 4653 h 10000"/>
                  <a:gd name="connsiteX206" fmla="*/ 975 w 10000"/>
                  <a:gd name="connsiteY206" fmla="*/ 4549 h 10000"/>
                  <a:gd name="connsiteX207" fmla="*/ 1251 w 10000"/>
                  <a:gd name="connsiteY207" fmla="*/ 4520 h 10000"/>
                  <a:gd name="connsiteX208" fmla="*/ 1450 w 10000"/>
                  <a:gd name="connsiteY208" fmla="*/ 4505 h 10000"/>
                  <a:gd name="connsiteX209" fmla="*/ 1625 w 10000"/>
                  <a:gd name="connsiteY209" fmla="*/ 4505 h 10000"/>
                  <a:gd name="connsiteX210" fmla="*/ 1775 w 10000"/>
                  <a:gd name="connsiteY210" fmla="*/ 4520 h 10000"/>
                  <a:gd name="connsiteX211" fmla="*/ 1900 w 10000"/>
                  <a:gd name="connsiteY211" fmla="*/ 4520 h 10000"/>
                  <a:gd name="connsiteX212" fmla="*/ 2050 w 10000"/>
                  <a:gd name="connsiteY212" fmla="*/ 4520 h 10000"/>
                  <a:gd name="connsiteX213" fmla="*/ 2201 w 10000"/>
                  <a:gd name="connsiteY213" fmla="*/ 4490 h 10000"/>
                  <a:gd name="connsiteX214" fmla="*/ 2400 w 10000"/>
                  <a:gd name="connsiteY214" fmla="*/ 4446 h 10000"/>
                  <a:gd name="connsiteX215" fmla="*/ 2400 w 10000"/>
                  <a:gd name="connsiteY215" fmla="*/ 4579 h 10000"/>
                  <a:gd name="connsiteX216" fmla="*/ 2400 w 10000"/>
                  <a:gd name="connsiteY216" fmla="*/ 4742 h 10000"/>
                  <a:gd name="connsiteX217" fmla="*/ 2400 w 10000"/>
                  <a:gd name="connsiteY217" fmla="*/ 4874 h 10000"/>
                  <a:gd name="connsiteX218" fmla="*/ 2400 w 10000"/>
                  <a:gd name="connsiteY218" fmla="*/ 5037 h 10000"/>
                  <a:gd name="connsiteX219" fmla="*/ 2625 w 10000"/>
                  <a:gd name="connsiteY219" fmla="*/ 5022 h 10000"/>
                  <a:gd name="connsiteX220" fmla="*/ 2775 w 10000"/>
                  <a:gd name="connsiteY220" fmla="*/ 5037 h 10000"/>
                  <a:gd name="connsiteX221" fmla="*/ 2900 w 10000"/>
                  <a:gd name="connsiteY221" fmla="*/ 5066 h 10000"/>
                  <a:gd name="connsiteX222" fmla="*/ 3025 w 10000"/>
                  <a:gd name="connsiteY222" fmla="*/ 5096 h 10000"/>
                  <a:gd name="connsiteX223" fmla="*/ 3126 w 10000"/>
                  <a:gd name="connsiteY223" fmla="*/ 5126 h 10000"/>
                  <a:gd name="connsiteX224" fmla="*/ 3250 w 10000"/>
                  <a:gd name="connsiteY224" fmla="*/ 5155 h 10000"/>
                  <a:gd name="connsiteX225" fmla="*/ 3401 w 10000"/>
                  <a:gd name="connsiteY225" fmla="*/ 5170 h 10000"/>
                  <a:gd name="connsiteX226" fmla="*/ 3625 w 10000"/>
                  <a:gd name="connsiteY226" fmla="*/ 5155 h 10000"/>
                  <a:gd name="connsiteX227" fmla="*/ 3701 w 10000"/>
                  <a:gd name="connsiteY227" fmla="*/ 5096 h 10000"/>
                  <a:gd name="connsiteX228" fmla="*/ 3775 w 10000"/>
                  <a:gd name="connsiteY228" fmla="*/ 5022 h 10000"/>
                  <a:gd name="connsiteX229" fmla="*/ 3800 w 10000"/>
                  <a:gd name="connsiteY229" fmla="*/ 4934 h 10000"/>
                  <a:gd name="connsiteX230" fmla="*/ 3826 w 10000"/>
                  <a:gd name="connsiteY230" fmla="*/ 4860 h 10000"/>
                  <a:gd name="connsiteX231" fmla="*/ 3850 w 10000"/>
                  <a:gd name="connsiteY231" fmla="*/ 4697 h 10000"/>
                  <a:gd name="connsiteX232" fmla="*/ 3826 w 10000"/>
                  <a:gd name="connsiteY232" fmla="*/ 4520 h 10000"/>
                  <a:gd name="connsiteX233" fmla="*/ 3750 w 10000"/>
                  <a:gd name="connsiteY233" fmla="*/ 4343 h 10000"/>
                  <a:gd name="connsiteX234" fmla="*/ 3675 w 10000"/>
                  <a:gd name="connsiteY234" fmla="*/ 4195 h 10000"/>
                  <a:gd name="connsiteX235" fmla="*/ 3550 w 10000"/>
                  <a:gd name="connsiteY235" fmla="*/ 4047 h 10000"/>
                  <a:gd name="connsiteX236" fmla="*/ 3425 w 10000"/>
                  <a:gd name="connsiteY236" fmla="*/ 3959 h 10000"/>
                  <a:gd name="connsiteX237" fmla="*/ 3575 w 10000"/>
                  <a:gd name="connsiteY237" fmla="*/ 3944 h 10000"/>
                  <a:gd name="connsiteX238" fmla="*/ 3701 w 10000"/>
                  <a:gd name="connsiteY238" fmla="*/ 3914 h 10000"/>
                  <a:gd name="connsiteX239" fmla="*/ 3800 w 10000"/>
                  <a:gd name="connsiteY239" fmla="*/ 3855 h 10000"/>
                  <a:gd name="connsiteX240" fmla="*/ 3924 w 10000"/>
                  <a:gd name="connsiteY240" fmla="*/ 3752 h 10000"/>
                  <a:gd name="connsiteX241" fmla="*/ 4050 w 10000"/>
                  <a:gd name="connsiteY241" fmla="*/ 3663 h 10000"/>
                  <a:gd name="connsiteX242" fmla="*/ 4150 w 10000"/>
                  <a:gd name="connsiteY242" fmla="*/ 3560 h 10000"/>
                  <a:gd name="connsiteX243" fmla="*/ 4225 w 10000"/>
                  <a:gd name="connsiteY243" fmla="*/ 3442 h 10000"/>
                  <a:gd name="connsiteX244" fmla="*/ 4301 w 10000"/>
                  <a:gd name="connsiteY244" fmla="*/ 3323 h 10000"/>
                  <a:gd name="connsiteX245" fmla="*/ 4350 w 10000"/>
                  <a:gd name="connsiteY245" fmla="*/ 3220 h 10000"/>
                  <a:gd name="connsiteX246" fmla="*/ 4375 w 10000"/>
                  <a:gd name="connsiteY246" fmla="*/ 3102 h 10000"/>
                  <a:gd name="connsiteX247" fmla="*/ 4401 w 10000"/>
                  <a:gd name="connsiteY247" fmla="*/ 3013 h 10000"/>
                  <a:gd name="connsiteX248" fmla="*/ 4375 w 10000"/>
                  <a:gd name="connsiteY248" fmla="*/ 2939 h 10000"/>
                  <a:gd name="connsiteX249" fmla="*/ 4350 w 10000"/>
                  <a:gd name="connsiteY249" fmla="*/ 2866 h 10000"/>
                  <a:gd name="connsiteX250" fmla="*/ 4275 w 10000"/>
                  <a:gd name="connsiteY250" fmla="*/ 2836 h 10000"/>
                  <a:gd name="connsiteX251" fmla="*/ 4176 w 10000"/>
                  <a:gd name="connsiteY251" fmla="*/ 2836 h 10000"/>
                  <a:gd name="connsiteX252" fmla="*/ 4050 w 10000"/>
                  <a:gd name="connsiteY252" fmla="*/ 2866 h 10000"/>
                  <a:gd name="connsiteX253" fmla="*/ 4150 w 10000"/>
                  <a:gd name="connsiteY253" fmla="*/ 2777 h 10000"/>
                  <a:gd name="connsiteX254" fmla="*/ 4201 w 10000"/>
                  <a:gd name="connsiteY254" fmla="*/ 2674 h 10000"/>
                  <a:gd name="connsiteX255" fmla="*/ 4225 w 10000"/>
                  <a:gd name="connsiteY255" fmla="*/ 2541 h 10000"/>
                  <a:gd name="connsiteX256" fmla="*/ 4225 w 10000"/>
                  <a:gd name="connsiteY256" fmla="*/ 2393 h 10000"/>
                  <a:gd name="connsiteX257" fmla="*/ 4250 w 10000"/>
                  <a:gd name="connsiteY257" fmla="*/ 2349 h 10000"/>
                  <a:gd name="connsiteX258" fmla="*/ 4301 w 10000"/>
                  <a:gd name="connsiteY258" fmla="*/ 2304 h 10000"/>
                  <a:gd name="connsiteX259" fmla="*/ 4350 w 10000"/>
                  <a:gd name="connsiteY259" fmla="*/ 2290 h 10000"/>
                  <a:gd name="connsiteX260" fmla="*/ 4426 w 10000"/>
                  <a:gd name="connsiteY260" fmla="*/ 2275 h 10000"/>
                  <a:gd name="connsiteX261" fmla="*/ 4650 w 10000"/>
                  <a:gd name="connsiteY261" fmla="*/ 2260 h 10000"/>
                  <a:gd name="connsiteX262" fmla="*/ 4850 w 10000"/>
                  <a:gd name="connsiteY262" fmla="*/ 2275 h 10000"/>
                  <a:gd name="connsiteX263" fmla="*/ 4825 w 10000"/>
                  <a:gd name="connsiteY263" fmla="*/ 2112 h 10000"/>
                  <a:gd name="connsiteX264" fmla="*/ 4776 w 10000"/>
                  <a:gd name="connsiteY264" fmla="*/ 1950 h 10000"/>
                  <a:gd name="connsiteX265" fmla="*/ 4700 w 10000"/>
                  <a:gd name="connsiteY265" fmla="*/ 1802 h 10000"/>
                  <a:gd name="connsiteX266" fmla="*/ 4601 w 10000"/>
                  <a:gd name="connsiteY266" fmla="*/ 1640 h 10000"/>
                  <a:gd name="connsiteX267" fmla="*/ 4350 w 10000"/>
                  <a:gd name="connsiteY267" fmla="*/ 1329 h 10000"/>
                  <a:gd name="connsiteX268" fmla="*/ 4100 w 10000"/>
                  <a:gd name="connsiteY268" fmla="*/ 1034 h 10000"/>
                  <a:gd name="connsiteX269" fmla="*/ 3975 w 10000"/>
                  <a:gd name="connsiteY269" fmla="*/ 901 h 10000"/>
                  <a:gd name="connsiteX270" fmla="*/ 3876 w 10000"/>
                  <a:gd name="connsiteY270" fmla="*/ 753 h 10000"/>
                  <a:gd name="connsiteX271" fmla="*/ 3800 w 10000"/>
                  <a:gd name="connsiteY271" fmla="*/ 620 h 10000"/>
                  <a:gd name="connsiteX272" fmla="*/ 3775 w 10000"/>
                  <a:gd name="connsiteY272" fmla="*/ 487 h 10000"/>
                  <a:gd name="connsiteX273" fmla="*/ 3750 w 10000"/>
                  <a:gd name="connsiteY273" fmla="*/ 355 h 10000"/>
                  <a:gd name="connsiteX274" fmla="*/ 3800 w 10000"/>
                  <a:gd name="connsiteY274" fmla="*/ 222 h 10000"/>
                  <a:gd name="connsiteX275" fmla="*/ 3826 w 10000"/>
                  <a:gd name="connsiteY275" fmla="*/ 162 h 10000"/>
                  <a:gd name="connsiteX276" fmla="*/ 3876 w 10000"/>
                  <a:gd name="connsiteY276" fmla="*/ 103 h 10000"/>
                  <a:gd name="connsiteX277" fmla="*/ 3951 w 10000"/>
                  <a:gd name="connsiteY277" fmla="*/ 59 h 10000"/>
                  <a:gd name="connsiteX278" fmla="*/ 4050 w 10000"/>
                  <a:gd name="connsiteY278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01 w 10000"/>
                  <a:gd name="connsiteY56" fmla="*/ 4638 h 10000"/>
                  <a:gd name="connsiteX57" fmla="*/ 6901 w 10000"/>
                  <a:gd name="connsiteY57" fmla="*/ 4697 h 10000"/>
                  <a:gd name="connsiteX58" fmla="*/ 6875 w 10000"/>
                  <a:gd name="connsiteY58" fmla="*/ 4801 h 10000"/>
                  <a:gd name="connsiteX59" fmla="*/ 6875 w 10000"/>
                  <a:gd name="connsiteY59" fmla="*/ 4904 h 10000"/>
                  <a:gd name="connsiteX60" fmla="*/ 6751 w 10000"/>
                  <a:gd name="connsiteY60" fmla="*/ 4860 h 10000"/>
                  <a:gd name="connsiteX61" fmla="*/ 6675 w 10000"/>
                  <a:gd name="connsiteY61" fmla="*/ 4801 h 10000"/>
                  <a:gd name="connsiteX62" fmla="*/ 6600 w 10000"/>
                  <a:gd name="connsiteY62" fmla="*/ 4727 h 10000"/>
                  <a:gd name="connsiteX63" fmla="*/ 6526 w 10000"/>
                  <a:gd name="connsiteY63" fmla="*/ 4638 h 10000"/>
                  <a:gd name="connsiteX64" fmla="*/ 6401 w 10000"/>
                  <a:gd name="connsiteY64" fmla="*/ 4476 h 10000"/>
                  <a:gd name="connsiteX65" fmla="*/ 6274 w 10000"/>
                  <a:gd name="connsiteY65" fmla="*/ 4313 h 10000"/>
                  <a:gd name="connsiteX66" fmla="*/ 6426 w 10000"/>
                  <a:gd name="connsiteY66" fmla="*/ 4210 h 10000"/>
                  <a:gd name="connsiteX67" fmla="*/ 7101 w 10000"/>
                  <a:gd name="connsiteY67" fmla="*/ 3959 h 10000"/>
                  <a:gd name="connsiteX68" fmla="*/ 7626 w 10000"/>
                  <a:gd name="connsiteY68" fmla="*/ 3811 h 10000"/>
                  <a:gd name="connsiteX69" fmla="*/ 8150 w 10000"/>
                  <a:gd name="connsiteY69" fmla="*/ 3663 h 10000"/>
                  <a:gd name="connsiteX70" fmla="*/ 8401 w 10000"/>
                  <a:gd name="connsiteY70" fmla="*/ 3589 h 10000"/>
                  <a:gd name="connsiteX71" fmla="*/ 8651 w 10000"/>
                  <a:gd name="connsiteY71" fmla="*/ 3516 h 10000"/>
                  <a:gd name="connsiteX72" fmla="*/ 8850 w 10000"/>
                  <a:gd name="connsiteY72" fmla="*/ 3412 h 10000"/>
                  <a:gd name="connsiteX73" fmla="*/ 9051 w 10000"/>
                  <a:gd name="connsiteY73" fmla="*/ 3338 h 10000"/>
                  <a:gd name="connsiteX74" fmla="*/ 9176 w 10000"/>
                  <a:gd name="connsiteY74" fmla="*/ 3235 h 10000"/>
                  <a:gd name="connsiteX75" fmla="*/ 9275 w 10000"/>
                  <a:gd name="connsiteY75" fmla="*/ 3117 h 10000"/>
                  <a:gd name="connsiteX76" fmla="*/ 9301 w 10000"/>
                  <a:gd name="connsiteY76" fmla="*/ 3072 h 10000"/>
                  <a:gd name="connsiteX77" fmla="*/ 9325 w 10000"/>
                  <a:gd name="connsiteY77" fmla="*/ 3013 h 10000"/>
                  <a:gd name="connsiteX78" fmla="*/ 9325 w 10000"/>
                  <a:gd name="connsiteY78" fmla="*/ 2954 h 10000"/>
                  <a:gd name="connsiteX79" fmla="*/ 9301 w 10000"/>
                  <a:gd name="connsiteY79" fmla="*/ 2866 h 10000"/>
                  <a:gd name="connsiteX80" fmla="*/ 9126 w 10000"/>
                  <a:gd name="connsiteY80" fmla="*/ 2984 h 10000"/>
                  <a:gd name="connsiteX81" fmla="*/ 8926 w 10000"/>
                  <a:gd name="connsiteY81" fmla="*/ 3072 h 10000"/>
                  <a:gd name="connsiteX82" fmla="*/ 8725 w 10000"/>
                  <a:gd name="connsiteY82" fmla="*/ 3161 h 10000"/>
                  <a:gd name="connsiteX83" fmla="*/ 8526 w 10000"/>
                  <a:gd name="connsiteY83" fmla="*/ 3250 h 10000"/>
                  <a:gd name="connsiteX84" fmla="*/ 8075 w 10000"/>
                  <a:gd name="connsiteY84" fmla="*/ 3397 h 10000"/>
                  <a:gd name="connsiteX85" fmla="*/ 7601 w 10000"/>
                  <a:gd name="connsiteY85" fmla="*/ 3545 h 10000"/>
                  <a:gd name="connsiteX86" fmla="*/ 7126 w 10000"/>
                  <a:gd name="connsiteY86" fmla="*/ 3678 h 10000"/>
                  <a:gd name="connsiteX87" fmla="*/ 6675 w 10000"/>
                  <a:gd name="connsiteY87" fmla="*/ 3840 h 10000"/>
                  <a:gd name="connsiteX88" fmla="*/ 6450 w 10000"/>
                  <a:gd name="connsiteY88" fmla="*/ 3914 h 10000"/>
                  <a:gd name="connsiteX89" fmla="*/ 6250 w 10000"/>
                  <a:gd name="connsiteY89" fmla="*/ 4003 h 10000"/>
                  <a:gd name="connsiteX90" fmla="*/ 6051 w 10000"/>
                  <a:gd name="connsiteY90" fmla="*/ 4106 h 10000"/>
                  <a:gd name="connsiteX91" fmla="*/ 5850 w 10000"/>
                  <a:gd name="connsiteY91" fmla="*/ 4195 h 10000"/>
                  <a:gd name="connsiteX92" fmla="*/ 6000 w 10000"/>
                  <a:gd name="connsiteY92" fmla="*/ 4417 h 10000"/>
                  <a:gd name="connsiteX93" fmla="*/ 6101 w 10000"/>
                  <a:gd name="connsiteY93" fmla="*/ 4623 h 10000"/>
                  <a:gd name="connsiteX94" fmla="*/ 6200 w 10000"/>
                  <a:gd name="connsiteY94" fmla="*/ 4845 h 10000"/>
                  <a:gd name="connsiteX95" fmla="*/ 6274 w 10000"/>
                  <a:gd name="connsiteY95" fmla="*/ 5081 h 10000"/>
                  <a:gd name="connsiteX96" fmla="*/ 6325 w 10000"/>
                  <a:gd name="connsiteY96" fmla="*/ 5318 h 10000"/>
                  <a:gd name="connsiteX97" fmla="*/ 6351 w 10000"/>
                  <a:gd name="connsiteY97" fmla="*/ 5539 h 10000"/>
                  <a:gd name="connsiteX98" fmla="*/ 6375 w 10000"/>
                  <a:gd name="connsiteY98" fmla="*/ 5775 h 10000"/>
                  <a:gd name="connsiteX99" fmla="*/ 6375 w 10000"/>
                  <a:gd name="connsiteY99" fmla="*/ 5997 h 10000"/>
                  <a:gd name="connsiteX100" fmla="*/ 6351 w 10000"/>
                  <a:gd name="connsiteY100" fmla="*/ 6233 h 10000"/>
                  <a:gd name="connsiteX101" fmla="*/ 6301 w 10000"/>
                  <a:gd name="connsiteY101" fmla="*/ 6470 h 10000"/>
                  <a:gd name="connsiteX102" fmla="*/ 6250 w 10000"/>
                  <a:gd name="connsiteY102" fmla="*/ 6677 h 10000"/>
                  <a:gd name="connsiteX103" fmla="*/ 6176 w 10000"/>
                  <a:gd name="connsiteY103" fmla="*/ 6898 h 10000"/>
                  <a:gd name="connsiteX104" fmla="*/ 6076 w 10000"/>
                  <a:gd name="connsiteY104" fmla="*/ 7105 h 10000"/>
                  <a:gd name="connsiteX105" fmla="*/ 5951 w 10000"/>
                  <a:gd name="connsiteY105" fmla="*/ 7297 h 10000"/>
                  <a:gd name="connsiteX106" fmla="*/ 5800 w 10000"/>
                  <a:gd name="connsiteY106" fmla="*/ 7489 h 10000"/>
                  <a:gd name="connsiteX107" fmla="*/ 5650 w 10000"/>
                  <a:gd name="connsiteY107" fmla="*/ 7681 h 10000"/>
                  <a:gd name="connsiteX108" fmla="*/ 6375 w 10000"/>
                  <a:gd name="connsiteY108" fmla="*/ 7799 h 10000"/>
                  <a:gd name="connsiteX109" fmla="*/ 7126 w 10000"/>
                  <a:gd name="connsiteY109" fmla="*/ 7962 h 10000"/>
                  <a:gd name="connsiteX110" fmla="*/ 7275 w 10000"/>
                  <a:gd name="connsiteY110" fmla="*/ 8021 h 10000"/>
                  <a:gd name="connsiteX111" fmla="*/ 7400 w 10000"/>
                  <a:gd name="connsiteY111" fmla="*/ 8080 h 10000"/>
                  <a:gd name="connsiteX112" fmla="*/ 7525 w 10000"/>
                  <a:gd name="connsiteY112" fmla="*/ 8139 h 10000"/>
                  <a:gd name="connsiteX113" fmla="*/ 7601 w 10000"/>
                  <a:gd name="connsiteY113" fmla="*/ 8227 h 10000"/>
                  <a:gd name="connsiteX114" fmla="*/ 7626 w 10000"/>
                  <a:gd name="connsiteY114" fmla="*/ 8301 h 10000"/>
                  <a:gd name="connsiteX115" fmla="*/ 7626 w 10000"/>
                  <a:gd name="connsiteY115" fmla="*/ 8405 h 10000"/>
                  <a:gd name="connsiteX116" fmla="*/ 7576 w 10000"/>
                  <a:gd name="connsiteY116" fmla="*/ 8523 h 10000"/>
                  <a:gd name="connsiteX117" fmla="*/ 7501 w 10000"/>
                  <a:gd name="connsiteY117" fmla="*/ 8641 h 10000"/>
                  <a:gd name="connsiteX118" fmla="*/ 7175 w 10000"/>
                  <a:gd name="connsiteY118" fmla="*/ 8552 h 10000"/>
                  <a:gd name="connsiteX119" fmla="*/ 6875 w 10000"/>
                  <a:gd name="connsiteY119" fmla="*/ 8449 h 10000"/>
                  <a:gd name="connsiteX120" fmla="*/ 6575 w 10000"/>
                  <a:gd name="connsiteY120" fmla="*/ 8360 h 10000"/>
                  <a:gd name="connsiteX121" fmla="*/ 6274 w 10000"/>
                  <a:gd name="connsiteY121" fmla="*/ 8287 h 10000"/>
                  <a:gd name="connsiteX122" fmla="*/ 6150 w 10000"/>
                  <a:gd name="connsiteY122" fmla="*/ 8449 h 10000"/>
                  <a:gd name="connsiteX123" fmla="*/ 6051 w 10000"/>
                  <a:gd name="connsiteY123" fmla="*/ 8597 h 10000"/>
                  <a:gd name="connsiteX124" fmla="*/ 6000 w 10000"/>
                  <a:gd name="connsiteY124" fmla="*/ 8656 h 10000"/>
                  <a:gd name="connsiteX125" fmla="*/ 5900 w 10000"/>
                  <a:gd name="connsiteY125" fmla="*/ 8700 h 10000"/>
                  <a:gd name="connsiteX126" fmla="*/ 5826 w 10000"/>
                  <a:gd name="connsiteY126" fmla="*/ 8744 h 10000"/>
                  <a:gd name="connsiteX127" fmla="*/ 5751 w 10000"/>
                  <a:gd name="connsiteY127" fmla="*/ 8774 h 10000"/>
                  <a:gd name="connsiteX128" fmla="*/ 5675 w 10000"/>
                  <a:gd name="connsiteY128" fmla="*/ 8804 h 10000"/>
                  <a:gd name="connsiteX129" fmla="*/ 5576 w 10000"/>
                  <a:gd name="connsiteY129" fmla="*/ 8818 h 10000"/>
                  <a:gd name="connsiteX130" fmla="*/ 5450 w 10000"/>
                  <a:gd name="connsiteY130" fmla="*/ 8833 h 10000"/>
                  <a:gd name="connsiteX131" fmla="*/ 5325 w 10000"/>
                  <a:gd name="connsiteY131" fmla="*/ 8833 h 10000"/>
                  <a:gd name="connsiteX132" fmla="*/ 5026 w 10000"/>
                  <a:gd name="connsiteY132" fmla="*/ 8818 h 10000"/>
                  <a:gd name="connsiteX133" fmla="*/ 4650 w 10000"/>
                  <a:gd name="connsiteY133" fmla="*/ 8744 h 10000"/>
                  <a:gd name="connsiteX134" fmla="*/ 4650 w 10000"/>
                  <a:gd name="connsiteY134" fmla="*/ 8922 h 10000"/>
                  <a:gd name="connsiteX135" fmla="*/ 4625 w 10000"/>
                  <a:gd name="connsiteY135" fmla="*/ 9069 h 10000"/>
                  <a:gd name="connsiteX136" fmla="*/ 4601 w 10000"/>
                  <a:gd name="connsiteY136" fmla="*/ 9232 h 10000"/>
                  <a:gd name="connsiteX137" fmla="*/ 4575 w 10000"/>
                  <a:gd name="connsiteY137" fmla="*/ 9365 h 10000"/>
                  <a:gd name="connsiteX138" fmla="*/ 4525 w 10000"/>
                  <a:gd name="connsiteY138" fmla="*/ 9498 h 10000"/>
                  <a:gd name="connsiteX139" fmla="*/ 4426 w 10000"/>
                  <a:gd name="connsiteY139" fmla="*/ 9616 h 10000"/>
                  <a:gd name="connsiteX140" fmla="*/ 4350 w 10000"/>
                  <a:gd name="connsiteY140" fmla="*/ 9734 h 10000"/>
                  <a:gd name="connsiteX141" fmla="*/ 4225 w 10000"/>
                  <a:gd name="connsiteY141" fmla="*/ 9838 h 10000"/>
                  <a:gd name="connsiteX142" fmla="*/ 3924 w 10000"/>
                  <a:gd name="connsiteY142" fmla="*/ 9897 h 10000"/>
                  <a:gd name="connsiteX143" fmla="*/ 3675 w 10000"/>
                  <a:gd name="connsiteY143" fmla="*/ 9941 h 10000"/>
                  <a:gd name="connsiteX144" fmla="*/ 3375 w 10000"/>
                  <a:gd name="connsiteY144" fmla="*/ 9985 h 10000"/>
                  <a:gd name="connsiteX145" fmla="*/ 3150 w 10000"/>
                  <a:gd name="connsiteY145" fmla="*/ 10000 h 10000"/>
                  <a:gd name="connsiteX146" fmla="*/ 2650 w 10000"/>
                  <a:gd name="connsiteY146" fmla="*/ 10000 h 10000"/>
                  <a:gd name="connsiteX147" fmla="*/ 2175 w 10000"/>
                  <a:gd name="connsiteY147" fmla="*/ 9985 h 10000"/>
                  <a:gd name="connsiteX148" fmla="*/ 1726 w 10000"/>
                  <a:gd name="connsiteY148" fmla="*/ 9941 h 10000"/>
                  <a:gd name="connsiteX149" fmla="*/ 1251 w 10000"/>
                  <a:gd name="connsiteY149" fmla="*/ 9911 h 10000"/>
                  <a:gd name="connsiteX150" fmla="*/ 975 w 10000"/>
                  <a:gd name="connsiteY150" fmla="*/ 9911 h 10000"/>
                  <a:gd name="connsiteX151" fmla="*/ 725 w 10000"/>
                  <a:gd name="connsiteY151" fmla="*/ 9911 h 10000"/>
                  <a:gd name="connsiteX152" fmla="*/ 450 w 10000"/>
                  <a:gd name="connsiteY152" fmla="*/ 9926 h 10000"/>
                  <a:gd name="connsiteX153" fmla="*/ 175 w 10000"/>
                  <a:gd name="connsiteY153" fmla="*/ 9970 h 10000"/>
                  <a:gd name="connsiteX154" fmla="*/ 100 w 10000"/>
                  <a:gd name="connsiteY154" fmla="*/ 9867 h 10000"/>
                  <a:gd name="connsiteX155" fmla="*/ 50 w 10000"/>
                  <a:gd name="connsiteY155" fmla="*/ 9793 h 10000"/>
                  <a:gd name="connsiteX156" fmla="*/ 0 w 10000"/>
                  <a:gd name="connsiteY156" fmla="*/ 9705 h 10000"/>
                  <a:gd name="connsiteX157" fmla="*/ 0 w 10000"/>
                  <a:gd name="connsiteY157" fmla="*/ 9601 h 10000"/>
                  <a:gd name="connsiteX158" fmla="*/ 50 w 10000"/>
                  <a:gd name="connsiteY158" fmla="*/ 9424 h 10000"/>
                  <a:gd name="connsiteX159" fmla="*/ 100 w 10000"/>
                  <a:gd name="connsiteY159" fmla="*/ 9202 h 10000"/>
                  <a:gd name="connsiteX160" fmla="*/ 149 w 10000"/>
                  <a:gd name="connsiteY160" fmla="*/ 8996 h 10000"/>
                  <a:gd name="connsiteX161" fmla="*/ 200 w 10000"/>
                  <a:gd name="connsiteY161" fmla="*/ 8759 h 10000"/>
                  <a:gd name="connsiteX162" fmla="*/ 225 w 10000"/>
                  <a:gd name="connsiteY162" fmla="*/ 8641 h 10000"/>
                  <a:gd name="connsiteX163" fmla="*/ 225 w 10000"/>
                  <a:gd name="connsiteY163" fmla="*/ 8538 h 10000"/>
                  <a:gd name="connsiteX164" fmla="*/ 200 w 10000"/>
                  <a:gd name="connsiteY164" fmla="*/ 8405 h 10000"/>
                  <a:gd name="connsiteX165" fmla="*/ 175 w 10000"/>
                  <a:gd name="connsiteY165" fmla="*/ 8287 h 10000"/>
                  <a:gd name="connsiteX166" fmla="*/ 425 w 10000"/>
                  <a:gd name="connsiteY166" fmla="*/ 8213 h 10000"/>
                  <a:gd name="connsiteX167" fmla="*/ 675 w 10000"/>
                  <a:gd name="connsiteY167" fmla="*/ 8139 h 10000"/>
                  <a:gd name="connsiteX168" fmla="*/ 925 w 10000"/>
                  <a:gd name="connsiteY168" fmla="*/ 8095 h 10000"/>
                  <a:gd name="connsiteX169" fmla="*/ 1200 w 10000"/>
                  <a:gd name="connsiteY169" fmla="*/ 8065 h 10000"/>
                  <a:gd name="connsiteX170" fmla="*/ 1699 w 10000"/>
                  <a:gd name="connsiteY170" fmla="*/ 8021 h 10000"/>
                  <a:gd name="connsiteX171" fmla="*/ 2201 w 10000"/>
                  <a:gd name="connsiteY171" fmla="*/ 7976 h 10000"/>
                  <a:gd name="connsiteX172" fmla="*/ 2425 w 10000"/>
                  <a:gd name="connsiteY172" fmla="*/ 7947 h 10000"/>
                  <a:gd name="connsiteX173" fmla="*/ 2650 w 10000"/>
                  <a:gd name="connsiteY173" fmla="*/ 7917 h 10000"/>
                  <a:gd name="connsiteX174" fmla="*/ 2849 w 10000"/>
                  <a:gd name="connsiteY174" fmla="*/ 7843 h 10000"/>
                  <a:gd name="connsiteX175" fmla="*/ 3050 w 10000"/>
                  <a:gd name="connsiteY175" fmla="*/ 7784 h 10000"/>
                  <a:gd name="connsiteX176" fmla="*/ 3225 w 10000"/>
                  <a:gd name="connsiteY176" fmla="*/ 7710 h 10000"/>
                  <a:gd name="connsiteX177" fmla="*/ 3375 w 10000"/>
                  <a:gd name="connsiteY177" fmla="*/ 7592 h 10000"/>
                  <a:gd name="connsiteX178" fmla="*/ 3526 w 10000"/>
                  <a:gd name="connsiteY178" fmla="*/ 7474 h 10000"/>
                  <a:gd name="connsiteX179" fmla="*/ 3625 w 10000"/>
                  <a:gd name="connsiteY179" fmla="*/ 7312 h 10000"/>
                  <a:gd name="connsiteX180" fmla="*/ 3425 w 10000"/>
                  <a:gd name="connsiteY180" fmla="*/ 7238 h 10000"/>
                  <a:gd name="connsiteX181" fmla="*/ 3250 w 10000"/>
                  <a:gd name="connsiteY181" fmla="*/ 7179 h 10000"/>
                  <a:gd name="connsiteX182" fmla="*/ 3100 w 10000"/>
                  <a:gd name="connsiteY182" fmla="*/ 7090 h 10000"/>
                  <a:gd name="connsiteX183" fmla="*/ 2950 w 10000"/>
                  <a:gd name="connsiteY183" fmla="*/ 6987 h 10000"/>
                  <a:gd name="connsiteX184" fmla="*/ 2849 w 10000"/>
                  <a:gd name="connsiteY184" fmla="*/ 6869 h 10000"/>
                  <a:gd name="connsiteX185" fmla="*/ 2801 w 10000"/>
                  <a:gd name="connsiteY185" fmla="*/ 6721 h 10000"/>
                  <a:gd name="connsiteX186" fmla="*/ 2775 w 10000"/>
                  <a:gd name="connsiteY186" fmla="*/ 6558 h 10000"/>
                  <a:gd name="connsiteX187" fmla="*/ 2801 w 10000"/>
                  <a:gd name="connsiteY187" fmla="*/ 6352 h 10000"/>
                  <a:gd name="connsiteX188" fmla="*/ 2676 w 10000"/>
                  <a:gd name="connsiteY188" fmla="*/ 6322 h 10000"/>
                  <a:gd name="connsiteX189" fmla="*/ 2526 w 10000"/>
                  <a:gd name="connsiteY189" fmla="*/ 6292 h 10000"/>
                  <a:gd name="connsiteX190" fmla="*/ 2350 w 10000"/>
                  <a:gd name="connsiteY190" fmla="*/ 6278 h 10000"/>
                  <a:gd name="connsiteX191" fmla="*/ 2175 w 10000"/>
                  <a:gd name="connsiteY191" fmla="*/ 6263 h 10000"/>
                  <a:gd name="connsiteX192" fmla="*/ 1825 w 10000"/>
                  <a:gd name="connsiteY192" fmla="*/ 6248 h 10000"/>
                  <a:gd name="connsiteX193" fmla="*/ 1450 w 10000"/>
                  <a:gd name="connsiteY193" fmla="*/ 6263 h 10000"/>
                  <a:gd name="connsiteX194" fmla="*/ 1126 w 10000"/>
                  <a:gd name="connsiteY194" fmla="*/ 6278 h 10000"/>
                  <a:gd name="connsiteX195" fmla="*/ 825 w 10000"/>
                  <a:gd name="connsiteY195" fmla="*/ 6278 h 10000"/>
                  <a:gd name="connsiteX196" fmla="*/ 576 w 10000"/>
                  <a:gd name="connsiteY196" fmla="*/ 6263 h 10000"/>
                  <a:gd name="connsiteX197" fmla="*/ 375 w 10000"/>
                  <a:gd name="connsiteY197" fmla="*/ 6233 h 10000"/>
                  <a:gd name="connsiteX198" fmla="*/ 624 w 10000"/>
                  <a:gd name="connsiteY198" fmla="*/ 5805 h 10000"/>
                  <a:gd name="connsiteX199" fmla="*/ 900 w 10000"/>
                  <a:gd name="connsiteY199" fmla="*/ 5391 h 10000"/>
                  <a:gd name="connsiteX200" fmla="*/ 1001 w 10000"/>
                  <a:gd name="connsiteY200" fmla="*/ 5170 h 10000"/>
                  <a:gd name="connsiteX201" fmla="*/ 1075 w 10000"/>
                  <a:gd name="connsiteY201" fmla="*/ 4963 h 10000"/>
                  <a:gd name="connsiteX202" fmla="*/ 1099 w 10000"/>
                  <a:gd name="connsiteY202" fmla="*/ 4860 h 10000"/>
                  <a:gd name="connsiteX203" fmla="*/ 1075 w 10000"/>
                  <a:gd name="connsiteY203" fmla="*/ 4756 h 10000"/>
                  <a:gd name="connsiteX204" fmla="*/ 1050 w 10000"/>
                  <a:gd name="connsiteY204" fmla="*/ 4653 h 10000"/>
                  <a:gd name="connsiteX205" fmla="*/ 975 w 10000"/>
                  <a:gd name="connsiteY205" fmla="*/ 4549 h 10000"/>
                  <a:gd name="connsiteX206" fmla="*/ 1251 w 10000"/>
                  <a:gd name="connsiteY206" fmla="*/ 4520 h 10000"/>
                  <a:gd name="connsiteX207" fmla="*/ 1450 w 10000"/>
                  <a:gd name="connsiteY207" fmla="*/ 4505 h 10000"/>
                  <a:gd name="connsiteX208" fmla="*/ 1625 w 10000"/>
                  <a:gd name="connsiteY208" fmla="*/ 4505 h 10000"/>
                  <a:gd name="connsiteX209" fmla="*/ 1775 w 10000"/>
                  <a:gd name="connsiteY209" fmla="*/ 4520 h 10000"/>
                  <a:gd name="connsiteX210" fmla="*/ 1900 w 10000"/>
                  <a:gd name="connsiteY210" fmla="*/ 4520 h 10000"/>
                  <a:gd name="connsiteX211" fmla="*/ 2050 w 10000"/>
                  <a:gd name="connsiteY211" fmla="*/ 4520 h 10000"/>
                  <a:gd name="connsiteX212" fmla="*/ 2201 w 10000"/>
                  <a:gd name="connsiteY212" fmla="*/ 4490 h 10000"/>
                  <a:gd name="connsiteX213" fmla="*/ 2400 w 10000"/>
                  <a:gd name="connsiteY213" fmla="*/ 4446 h 10000"/>
                  <a:gd name="connsiteX214" fmla="*/ 2400 w 10000"/>
                  <a:gd name="connsiteY214" fmla="*/ 4579 h 10000"/>
                  <a:gd name="connsiteX215" fmla="*/ 2400 w 10000"/>
                  <a:gd name="connsiteY215" fmla="*/ 4742 h 10000"/>
                  <a:gd name="connsiteX216" fmla="*/ 2400 w 10000"/>
                  <a:gd name="connsiteY216" fmla="*/ 4874 h 10000"/>
                  <a:gd name="connsiteX217" fmla="*/ 2400 w 10000"/>
                  <a:gd name="connsiteY217" fmla="*/ 5037 h 10000"/>
                  <a:gd name="connsiteX218" fmla="*/ 2625 w 10000"/>
                  <a:gd name="connsiteY218" fmla="*/ 5022 h 10000"/>
                  <a:gd name="connsiteX219" fmla="*/ 2775 w 10000"/>
                  <a:gd name="connsiteY219" fmla="*/ 5037 h 10000"/>
                  <a:gd name="connsiteX220" fmla="*/ 2900 w 10000"/>
                  <a:gd name="connsiteY220" fmla="*/ 5066 h 10000"/>
                  <a:gd name="connsiteX221" fmla="*/ 3025 w 10000"/>
                  <a:gd name="connsiteY221" fmla="*/ 5096 h 10000"/>
                  <a:gd name="connsiteX222" fmla="*/ 3126 w 10000"/>
                  <a:gd name="connsiteY222" fmla="*/ 5126 h 10000"/>
                  <a:gd name="connsiteX223" fmla="*/ 3250 w 10000"/>
                  <a:gd name="connsiteY223" fmla="*/ 5155 h 10000"/>
                  <a:gd name="connsiteX224" fmla="*/ 3401 w 10000"/>
                  <a:gd name="connsiteY224" fmla="*/ 5170 h 10000"/>
                  <a:gd name="connsiteX225" fmla="*/ 3625 w 10000"/>
                  <a:gd name="connsiteY225" fmla="*/ 5155 h 10000"/>
                  <a:gd name="connsiteX226" fmla="*/ 3701 w 10000"/>
                  <a:gd name="connsiteY226" fmla="*/ 5096 h 10000"/>
                  <a:gd name="connsiteX227" fmla="*/ 3775 w 10000"/>
                  <a:gd name="connsiteY227" fmla="*/ 5022 h 10000"/>
                  <a:gd name="connsiteX228" fmla="*/ 3800 w 10000"/>
                  <a:gd name="connsiteY228" fmla="*/ 4934 h 10000"/>
                  <a:gd name="connsiteX229" fmla="*/ 3826 w 10000"/>
                  <a:gd name="connsiteY229" fmla="*/ 4860 h 10000"/>
                  <a:gd name="connsiteX230" fmla="*/ 3850 w 10000"/>
                  <a:gd name="connsiteY230" fmla="*/ 4697 h 10000"/>
                  <a:gd name="connsiteX231" fmla="*/ 3826 w 10000"/>
                  <a:gd name="connsiteY231" fmla="*/ 4520 h 10000"/>
                  <a:gd name="connsiteX232" fmla="*/ 3750 w 10000"/>
                  <a:gd name="connsiteY232" fmla="*/ 4343 h 10000"/>
                  <a:gd name="connsiteX233" fmla="*/ 3675 w 10000"/>
                  <a:gd name="connsiteY233" fmla="*/ 4195 h 10000"/>
                  <a:gd name="connsiteX234" fmla="*/ 3550 w 10000"/>
                  <a:gd name="connsiteY234" fmla="*/ 4047 h 10000"/>
                  <a:gd name="connsiteX235" fmla="*/ 3425 w 10000"/>
                  <a:gd name="connsiteY235" fmla="*/ 3959 h 10000"/>
                  <a:gd name="connsiteX236" fmla="*/ 3575 w 10000"/>
                  <a:gd name="connsiteY236" fmla="*/ 3944 h 10000"/>
                  <a:gd name="connsiteX237" fmla="*/ 3701 w 10000"/>
                  <a:gd name="connsiteY237" fmla="*/ 3914 h 10000"/>
                  <a:gd name="connsiteX238" fmla="*/ 3800 w 10000"/>
                  <a:gd name="connsiteY238" fmla="*/ 3855 h 10000"/>
                  <a:gd name="connsiteX239" fmla="*/ 3924 w 10000"/>
                  <a:gd name="connsiteY239" fmla="*/ 3752 h 10000"/>
                  <a:gd name="connsiteX240" fmla="*/ 4050 w 10000"/>
                  <a:gd name="connsiteY240" fmla="*/ 3663 h 10000"/>
                  <a:gd name="connsiteX241" fmla="*/ 4150 w 10000"/>
                  <a:gd name="connsiteY241" fmla="*/ 3560 h 10000"/>
                  <a:gd name="connsiteX242" fmla="*/ 4225 w 10000"/>
                  <a:gd name="connsiteY242" fmla="*/ 3442 h 10000"/>
                  <a:gd name="connsiteX243" fmla="*/ 4301 w 10000"/>
                  <a:gd name="connsiteY243" fmla="*/ 3323 h 10000"/>
                  <a:gd name="connsiteX244" fmla="*/ 4350 w 10000"/>
                  <a:gd name="connsiteY244" fmla="*/ 3220 h 10000"/>
                  <a:gd name="connsiteX245" fmla="*/ 4375 w 10000"/>
                  <a:gd name="connsiteY245" fmla="*/ 3102 h 10000"/>
                  <a:gd name="connsiteX246" fmla="*/ 4401 w 10000"/>
                  <a:gd name="connsiteY246" fmla="*/ 3013 h 10000"/>
                  <a:gd name="connsiteX247" fmla="*/ 4375 w 10000"/>
                  <a:gd name="connsiteY247" fmla="*/ 2939 h 10000"/>
                  <a:gd name="connsiteX248" fmla="*/ 4350 w 10000"/>
                  <a:gd name="connsiteY248" fmla="*/ 2866 h 10000"/>
                  <a:gd name="connsiteX249" fmla="*/ 4275 w 10000"/>
                  <a:gd name="connsiteY249" fmla="*/ 2836 h 10000"/>
                  <a:gd name="connsiteX250" fmla="*/ 4176 w 10000"/>
                  <a:gd name="connsiteY250" fmla="*/ 2836 h 10000"/>
                  <a:gd name="connsiteX251" fmla="*/ 4050 w 10000"/>
                  <a:gd name="connsiteY251" fmla="*/ 2866 h 10000"/>
                  <a:gd name="connsiteX252" fmla="*/ 4150 w 10000"/>
                  <a:gd name="connsiteY252" fmla="*/ 2777 h 10000"/>
                  <a:gd name="connsiteX253" fmla="*/ 4201 w 10000"/>
                  <a:gd name="connsiteY253" fmla="*/ 2674 h 10000"/>
                  <a:gd name="connsiteX254" fmla="*/ 4225 w 10000"/>
                  <a:gd name="connsiteY254" fmla="*/ 2541 h 10000"/>
                  <a:gd name="connsiteX255" fmla="*/ 4225 w 10000"/>
                  <a:gd name="connsiteY255" fmla="*/ 2393 h 10000"/>
                  <a:gd name="connsiteX256" fmla="*/ 4250 w 10000"/>
                  <a:gd name="connsiteY256" fmla="*/ 2349 h 10000"/>
                  <a:gd name="connsiteX257" fmla="*/ 4301 w 10000"/>
                  <a:gd name="connsiteY257" fmla="*/ 2304 h 10000"/>
                  <a:gd name="connsiteX258" fmla="*/ 4350 w 10000"/>
                  <a:gd name="connsiteY258" fmla="*/ 2290 h 10000"/>
                  <a:gd name="connsiteX259" fmla="*/ 4426 w 10000"/>
                  <a:gd name="connsiteY259" fmla="*/ 2275 h 10000"/>
                  <a:gd name="connsiteX260" fmla="*/ 4650 w 10000"/>
                  <a:gd name="connsiteY260" fmla="*/ 2260 h 10000"/>
                  <a:gd name="connsiteX261" fmla="*/ 4850 w 10000"/>
                  <a:gd name="connsiteY261" fmla="*/ 2275 h 10000"/>
                  <a:gd name="connsiteX262" fmla="*/ 4825 w 10000"/>
                  <a:gd name="connsiteY262" fmla="*/ 2112 h 10000"/>
                  <a:gd name="connsiteX263" fmla="*/ 4776 w 10000"/>
                  <a:gd name="connsiteY263" fmla="*/ 1950 h 10000"/>
                  <a:gd name="connsiteX264" fmla="*/ 4700 w 10000"/>
                  <a:gd name="connsiteY264" fmla="*/ 1802 h 10000"/>
                  <a:gd name="connsiteX265" fmla="*/ 4601 w 10000"/>
                  <a:gd name="connsiteY265" fmla="*/ 1640 h 10000"/>
                  <a:gd name="connsiteX266" fmla="*/ 4350 w 10000"/>
                  <a:gd name="connsiteY266" fmla="*/ 1329 h 10000"/>
                  <a:gd name="connsiteX267" fmla="*/ 4100 w 10000"/>
                  <a:gd name="connsiteY267" fmla="*/ 1034 h 10000"/>
                  <a:gd name="connsiteX268" fmla="*/ 3975 w 10000"/>
                  <a:gd name="connsiteY268" fmla="*/ 901 h 10000"/>
                  <a:gd name="connsiteX269" fmla="*/ 3876 w 10000"/>
                  <a:gd name="connsiteY269" fmla="*/ 753 h 10000"/>
                  <a:gd name="connsiteX270" fmla="*/ 3800 w 10000"/>
                  <a:gd name="connsiteY270" fmla="*/ 620 h 10000"/>
                  <a:gd name="connsiteX271" fmla="*/ 3775 w 10000"/>
                  <a:gd name="connsiteY271" fmla="*/ 487 h 10000"/>
                  <a:gd name="connsiteX272" fmla="*/ 3750 w 10000"/>
                  <a:gd name="connsiteY272" fmla="*/ 355 h 10000"/>
                  <a:gd name="connsiteX273" fmla="*/ 3800 w 10000"/>
                  <a:gd name="connsiteY273" fmla="*/ 222 h 10000"/>
                  <a:gd name="connsiteX274" fmla="*/ 3826 w 10000"/>
                  <a:gd name="connsiteY274" fmla="*/ 162 h 10000"/>
                  <a:gd name="connsiteX275" fmla="*/ 3876 w 10000"/>
                  <a:gd name="connsiteY275" fmla="*/ 103 h 10000"/>
                  <a:gd name="connsiteX276" fmla="*/ 3951 w 10000"/>
                  <a:gd name="connsiteY276" fmla="*/ 59 h 10000"/>
                  <a:gd name="connsiteX277" fmla="*/ 4050 w 10000"/>
                  <a:gd name="connsiteY277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75 w 10000"/>
                  <a:gd name="connsiteY54" fmla="*/ 4431 h 10000"/>
                  <a:gd name="connsiteX55" fmla="*/ 7026 w 10000"/>
                  <a:gd name="connsiteY55" fmla="*/ 4564 h 10000"/>
                  <a:gd name="connsiteX56" fmla="*/ 6901 w 10000"/>
                  <a:gd name="connsiteY56" fmla="*/ 4638 h 10000"/>
                  <a:gd name="connsiteX57" fmla="*/ 6901 w 10000"/>
                  <a:gd name="connsiteY57" fmla="*/ 4697 h 10000"/>
                  <a:gd name="connsiteX58" fmla="*/ 6875 w 10000"/>
                  <a:gd name="connsiteY58" fmla="*/ 4801 h 10000"/>
                  <a:gd name="connsiteX59" fmla="*/ 6875 w 10000"/>
                  <a:gd name="connsiteY59" fmla="*/ 4904 h 10000"/>
                  <a:gd name="connsiteX60" fmla="*/ 6751 w 10000"/>
                  <a:gd name="connsiteY60" fmla="*/ 4860 h 10000"/>
                  <a:gd name="connsiteX61" fmla="*/ 6675 w 10000"/>
                  <a:gd name="connsiteY61" fmla="*/ 4801 h 10000"/>
                  <a:gd name="connsiteX62" fmla="*/ 6600 w 10000"/>
                  <a:gd name="connsiteY62" fmla="*/ 4727 h 10000"/>
                  <a:gd name="connsiteX63" fmla="*/ 6526 w 10000"/>
                  <a:gd name="connsiteY63" fmla="*/ 4638 h 10000"/>
                  <a:gd name="connsiteX64" fmla="*/ 6401 w 10000"/>
                  <a:gd name="connsiteY64" fmla="*/ 4476 h 10000"/>
                  <a:gd name="connsiteX65" fmla="*/ 6274 w 10000"/>
                  <a:gd name="connsiteY65" fmla="*/ 4313 h 10000"/>
                  <a:gd name="connsiteX66" fmla="*/ 6426 w 10000"/>
                  <a:gd name="connsiteY66" fmla="*/ 4210 h 10000"/>
                  <a:gd name="connsiteX67" fmla="*/ 7101 w 10000"/>
                  <a:gd name="connsiteY67" fmla="*/ 3959 h 10000"/>
                  <a:gd name="connsiteX68" fmla="*/ 8150 w 10000"/>
                  <a:gd name="connsiteY68" fmla="*/ 3663 h 10000"/>
                  <a:gd name="connsiteX69" fmla="*/ 8401 w 10000"/>
                  <a:gd name="connsiteY69" fmla="*/ 3589 h 10000"/>
                  <a:gd name="connsiteX70" fmla="*/ 8651 w 10000"/>
                  <a:gd name="connsiteY70" fmla="*/ 3516 h 10000"/>
                  <a:gd name="connsiteX71" fmla="*/ 8850 w 10000"/>
                  <a:gd name="connsiteY71" fmla="*/ 3412 h 10000"/>
                  <a:gd name="connsiteX72" fmla="*/ 9051 w 10000"/>
                  <a:gd name="connsiteY72" fmla="*/ 3338 h 10000"/>
                  <a:gd name="connsiteX73" fmla="*/ 9176 w 10000"/>
                  <a:gd name="connsiteY73" fmla="*/ 3235 h 10000"/>
                  <a:gd name="connsiteX74" fmla="*/ 9275 w 10000"/>
                  <a:gd name="connsiteY74" fmla="*/ 3117 h 10000"/>
                  <a:gd name="connsiteX75" fmla="*/ 9301 w 10000"/>
                  <a:gd name="connsiteY75" fmla="*/ 3072 h 10000"/>
                  <a:gd name="connsiteX76" fmla="*/ 9325 w 10000"/>
                  <a:gd name="connsiteY76" fmla="*/ 3013 h 10000"/>
                  <a:gd name="connsiteX77" fmla="*/ 9325 w 10000"/>
                  <a:gd name="connsiteY77" fmla="*/ 2954 h 10000"/>
                  <a:gd name="connsiteX78" fmla="*/ 9301 w 10000"/>
                  <a:gd name="connsiteY78" fmla="*/ 2866 h 10000"/>
                  <a:gd name="connsiteX79" fmla="*/ 9126 w 10000"/>
                  <a:gd name="connsiteY79" fmla="*/ 2984 h 10000"/>
                  <a:gd name="connsiteX80" fmla="*/ 8926 w 10000"/>
                  <a:gd name="connsiteY80" fmla="*/ 3072 h 10000"/>
                  <a:gd name="connsiteX81" fmla="*/ 8725 w 10000"/>
                  <a:gd name="connsiteY81" fmla="*/ 3161 h 10000"/>
                  <a:gd name="connsiteX82" fmla="*/ 8526 w 10000"/>
                  <a:gd name="connsiteY82" fmla="*/ 3250 h 10000"/>
                  <a:gd name="connsiteX83" fmla="*/ 8075 w 10000"/>
                  <a:gd name="connsiteY83" fmla="*/ 3397 h 10000"/>
                  <a:gd name="connsiteX84" fmla="*/ 7601 w 10000"/>
                  <a:gd name="connsiteY84" fmla="*/ 3545 h 10000"/>
                  <a:gd name="connsiteX85" fmla="*/ 7126 w 10000"/>
                  <a:gd name="connsiteY85" fmla="*/ 3678 h 10000"/>
                  <a:gd name="connsiteX86" fmla="*/ 6675 w 10000"/>
                  <a:gd name="connsiteY86" fmla="*/ 3840 h 10000"/>
                  <a:gd name="connsiteX87" fmla="*/ 6450 w 10000"/>
                  <a:gd name="connsiteY87" fmla="*/ 3914 h 10000"/>
                  <a:gd name="connsiteX88" fmla="*/ 6250 w 10000"/>
                  <a:gd name="connsiteY88" fmla="*/ 4003 h 10000"/>
                  <a:gd name="connsiteX89" fmla="*/ 6051 w 10000"/>
                  <a:gd name="connsiteY89" fmla="*/ 4106 h 10000"/>
                  <a:gd name="connsiteX90" fmla="*/ 5850 w 10000"/>
                  <a:gd name="connsiteY90" fmla="*/ 4195 h 10000"/>
                  <a:gd name="connsiteX91" fmla="*/ 6000 w 10000"/>
                  <a:gd name="connsiteY91" fmla="*/ 4417 h 10000"/>
                  <a:gd name="connsiteX92" fmla="*/ 6101 w 10000"/>
                  <a:gd name="connsiteY92" fmla="*/ 4623 h 10000"/>
                  <a:gd name="connsiteX93" fmla="*/ 6200 w 10000"/>
                  <a:gd name="connsiteY93" fmla="*/ 4845 h 10000"/>
                  <a:gd name="connsiteX94" fmla="*/ 6274 w 10000"/>
                  <a:gd name="connsiteY94" fmla="*/ 5081 h 10000"/>
                  <a:gd name="connsiteX95" fmla="*/ 6325 w 10000"/>
                  <a:gd name="connsiteY95" fmla="*/ 5318 h 10000"/>
                  <a:gd name="connsiteX96" fmla="*/ 6351 w 10000"/>
                  <a:gd name="connsiteY96" fmla="*/ 5539 h 10000"/>
                  <a:gd name="connsiteX97" fmla="*/ 6375 w 10000"/>
                  <a:gd name="connsiteY97" fmla="*/ 5775 h 10000"/>
                  <a:gd name="connsiteX98" fmla="*/ 6375 w 10000"/>
                  <a:gd name="connsiteY98" fmla="*/ 5997 h 10000"/>
                  <a:gd name="connsiteX99" fmla="*/ 6351 w 10000"/>
                  <a:gd name="connsiteY99" fmla="*/ 6233 h 10000"/>
                  <a:gd name="connsiteX100" fmla="*/ 6301 w 10000"/>
                  <a:gd name="connsiteY100" fmla="*/ 6470 h 10000"/>
                  <a:gd name="connsiteX101" fmla="*/ 6250 w 10000"/>
                  <a:gd name="connsiteY101" fmla="*/ 6677 h 10000"/>
                  <a:gd name="connsiteX102" fmla="*/ 6176 w 10000"/>
                  <a:gd name="connsiteY102" fmla="*/ 6898 h 10000"/>
                  <a:gd name="connsiteX103" fmla="*/ 6076 w 10000"/>
                  <a:gd name="connsiteY103" fmla="*/ 7105 h 10000"/>
                  <a:gd name="connsiteX104" fmla="*/ 5951 w 10000"/>
                  <a:gd name="connsiteY104" fmla="*/ 7297 h 10000"/>
                  <a:gd name="connsiteX105" fmla="*/ 5800 w 10000"/>
                  <a:gd name="connsiteY105" fmla="*/ 7489 h 10000"/>
                  <a:gd name="connsiteX106" fmla="*/ 5650 w 10000"/>
                  <a:gd name="connsiteY106" fmla="*/ 7681 h 10000"/>
                  <a:gd name="connsiteX107" fmla="*/ 6375 w 10000"/>
                  <a:gd name="connsiteY107" fmla="*/ 7799 h 10000"/>
                  <a:gd name="connsiteX108" fmla="*/ 7126 w 10000"/>
                  <a:gd name="connsiteY108" fmla="*/ 7962 h 10000"/>
                  <a:gd name="connsiteX109" fmla="*/ 7275 w 10000"/>
                  <a:gd name="connsiteY109" fmla="*/ 8021 h 10000"/>
                  <a:gd name="connsiteX110" fmla="*/ 7400 w 10000"/>
                  <a:gd name="connsiteY110" fmla="*/ 8080 h 10000"/>
                  <a:gd name="connsiteX111" fmla="*/ 7525 w 10000"/>
                  <a:gd name="connsiteY111" fmla="*/ 8139 h 10000"/>
                  <a:gd name="connsiteX112" fmla="*/ 7601 w 10000"/>
                  <a:gd name="connsiteY112" fmla="*/ 8227 h 10000"/>
                  <a:gd name="connsiteX113" fmla="*/ 7626 w 10000"/>
                  <a:gd name="connsiteY113" fmla="*/ 8301 h 10000"/>
                  <a:gd name="connsiteX114" fmla="*/ 7626 w 10000"/>
                  <a:gd name="connsiteY114" fmla="*/ 8405 h 10000"/>
                  <a:gd name="connsiteX115" fmla="*/ 7576 w 10000"/>
                  <a:gd name="connsiteY115" fmla="*/ 8523 h 10000"/>
                  <a:gd name="connsiteX116" fmla="*/ 7501 w 10000"/>
                  <a:gd name="connsiteY116" fmla="*/ 8641 h 10000"/>
                  <a:gd name="connsiteX117" fmla="*/ 7175 w 10000"/>
                  <a:gd name="connsiteY117" fmla="*/ 8552 h 10000"/>
                  <a:gd name="connsiteX118" fmla="*/ 6875 w 10000"/>
                  <a:gd name="connsiteY118" fmla="*/ 8449 h 10000"/>
                  <a:gd name="connsiteX119" fmla="*/ 6575 w 10000"/>
                  <a:gd name="connsiteY119" fmla="*/ 8360 h 10000"/>
                  <a:gd name="connsiteX120" fmla="*/ 6274 w 10000"/>
                  <a:gd name="connsiteY120" fmla="*/ 8287 h 10000"/>
                  <a:gd name="connsiteX121" fmla="*/ 6150 w 10000"/>
                  <a:gd name="connsiteY121" fmla="*/ 8449 h 10000"/>
                  <a:gd name="connsiteX122" fmla="*/ 6051 w 10000"/>
                  <a:gd name="connsiteY122" fmla="*/ 8597 h 10000"/>
                  <a:gd name="connsiteX123" fmla="*/ 6000 w 10000"/>
                  <a:gd name="connsiteY123" fmla="*/ 8656 h 10000"/>
                  <a:gd name="connsiteX124" fmla="*/ 5900 w 10000"/>
                  <a:gd name="connsiteY124" fmla="*/ 8700 h 10000"/>
                  <a:gd name="connsiteX125" fmla="*/ 5826 w 10000"/>
                  <a:gd name="connsiteY125" fmla="*/ 8744 h 10000"/>
                  <a:gd name="connsiteX126" fmla="*/ 5751 w 10000"/>
                  <a:gd name="connsiteY126" fmla="*/ 8774 h 10000"/>
                  <a:gd name="connsiteX127" fmla="*/ 5675 w 10000"/>
                  <a:gd name="connsiteY127" fmla="*/ 8804 h 10000"/>
                  <a:gd name="connsiteX128" fmla="*/ 5576 w 10000"/>
                  <a:gd name="connsiteY128" fmla="*/ 8818 h 10000"/>
                  <a:gd name="connsiteX129" fmla="*/ 5450 w 10000"/>
                  <a:gd name="connsiteY129" fmla="*/ 8833 h 10000"/>
                  <a:gd name="connsiteX130" fmla="*/ 5325 w 10000"/>
                  <a:gd name="connsiteY130" fmla="*/ 8833 h 10000"/>
                  <a:gd name="connsiteX131" fmla="*/ 5026 w 10000"/>
                  <a:gd name="connsiteY131" fmla="*/ 8818 h 10000"/>
                  <a:gd name="connsiteX132" fmla="*/ 4650 w 10000"/>
                  <a:gd name="connsiteY132" fmla="*/ 8744 h 10000"/>
                  <a:gd name="connsiteX133" fmla="*/ 4650 w 10000"/>
                  <a:gd name="connsiteY133" fmla="*/ 8922 h 10000"/>
                  <a:gd name="connsiteX134" fmla="*/ 4625 w 10000"/>
                  <a:gd name="connsiteY134" fmla="*/ 9069 h 10000"/>
                  <a:gd name="connsiteX135" fmla="*/ 4601 w 10000"/>
                  <a:gd name="connsiteY135" fmla="*/ 9232 h 10000"/>
                  <a:gd name="connsiteX136" fmla="*/ 4575 w 10000"/>
                  <a:gd name="connsiteY136" fmla="*/ 9365 h 10000"/>
                  <a:gd name="connsiteX137" fmla="*/ 4525 w 10000"/>
                  <a:gd name="connsiteY137" fmla="*/ 9498 h 10000"/>
                  <a:gd name="connsiteX138" fmla="*/ 4426 w 10000"/>
                  <a:gd name="connsiteY138" fmla="*/ 9616 h 10000"/>
                  <a:gd name="connsiteX139" fmla="*/ 4350 w 10000"/>
                  <a:gd name="connsiteY139" fmla="*/ 9734 h 10000"/>
                  <a:gd name="connsiteX140" fmla="*/ 4225 w 10000"/>
                  <a:gd name="connsiteY140" fmla="*/ 9838 h 10000"/>
                  <a:gd name="connsiteX141" fmla="*/ 3924 w 10000"/>
                  <a:gd name="connsiteY141" fmla="*/ 9897 h 10000"/>
                  <a:gd name="connsiteX142" fmla="*/ 3675 w 10000"/>
                  <a:gd name="connsiteY142" fmla="*/ 9941 h 10000"/>
                  <a:gd name="connsiteX143" fmla="*/ 3375 w 10000"/>
                  <a:gd name="connsiteY143" fmla="*/ 9985 h 10000"/>
                  <a:gd name="connsiteX144" fmla="*/ 3150 w 10000"/>
                  <a:gd name="connsiteY144" fmla="*/ 10000 h 10000"/>
                  <a:gd name="connsiteX145" fmla="*/ 2650 w 10000"/>
                  <a:gd name="connsiteY145" fmla="*/ 10000 h 10000"/>
                  <a:gd name="connsiteX146" fmla="*/ 2175 w 10000"/>
                  <a:gd name="connsiteY146" fmla="*/ 9985 h 10000"/>
                  <a:gd name="connsiteX147" fmla="*/ 1726 w 10000"/>
                  <a:gd name="connsiteY147" fmla="*/ 9941 h 10000"/>
                  <a:gd name="connsiteX148" fmla="*/ 1251 w 10000"/>
                  <a:gd name="connsiteY148" fmla="*/ 9911 h 10000"/>
                  <a:gd name="connsiteX149" fmla="*/ 975 w 10000"/>
                  <a:gd name="connsiteY149" fmla="*/ 9911 h 10000"/>
                  <a:gd name="connsiteX150" fmla="*/ 725 w 10000"/>
                  <a:gd name="connsiteY150" fmla="*/ 9911 h 10000"/>
                  <a:gd name="connsiteX151" fmla="*/ 450 w 10000"/>
                  <a:gd name="connsiteY151" fmla="*/ 9926 h 10000"/>
                  <a:gd name="connsiteX152" fmla="*/ 175 w 10000"/>
                  <a:gd name="connsiteY152" fmla="*/ 9970 h 10000"/>
                  <a:gd name="connsiteX153" fmla="*/ 100 w 10000"/>
                  <a:gd name="connsiteY153" fmla="*/ 9867 h 10000"/>
                  <a:gd name="connsiteX154" fmla="*/ 50 w 10000"/>
                  <a:gd name="connsiteY154" fmla="*/ 9793 h 10000"/>
                  <a:gd name="connsiteX155" fmla="*/ 0 w 10000"/>
                  <a:gd name="connsiteY155" fmla="*/ 9705 h 10000"/>
                  <a:gd name="connsiteX156" fmla="*/ 0 w 10000"/>
                  <a:gd name="connsiteY156" fmla="*/ 9601 h 10000"/>
                  <a:gd name="connsiteX157" fmla="*/ 50 w 10000"/>
                  <a:gd name="connsiteY157" fmla="*/ 9424 h 10000"/>
                  <a:gd name="connsiteX158" fmla="*/ 100 w 10000"/>
                  <a:gd name="connsiteY158" fmla="*/ 9202 h 10000"/>
                  <a:gd name="connsiteX159" fmla="*/ 149 w 10000"/>
                  <a:gd name="connsiteY159" fmla="*/ 8996 h 10000"/>
                  <a:gd name="connsiteX160" fmla="*/ 200 w 10000"/>
                  <a:gd name="connsiteY160" fmla="*/ 8759 h 10000"/>
                  <a:gd name="connsiteX161" fmla="*/ 225 w 10000"/>
                  <a:gd name="connsiteY161" fmla="*/ 8641 h 10000"/>
                  <a:gd name="connsiteX162" fmla="*/ 225 w 10000"/>
                  <a:gd name="connsiteY162" fmla="*/ 8538 h 10000"/>
                  <a:gd name="connsiteX163" fmla="*/ 200 w 10000"/>
                  <a:gd name="connsiteY163" fmla="*/ 8405 h 10000"/>
                  <a:gd name="connsiteX164" fmla="*/ 175 w 10000"/>
                  <a:gd name="connsiteY164" fmla="*/ 8287 h 10000"/>
                  <a:gd name="connsiteX165" fmla="*/ 425 w 10000"/>
                  <a:gd name="connsiteY165" fmla="*/ 8213 h 10000"/>
                  <a:gd name="connsiteX166" fmla="*/ 675 w 10000"/>
                  <a:gd name="connsiteY166" fmla="*/ 8139 h 10000"/>
                  <a:gd name="connsiteX167" fmla="*/ 925 w 10000"/>
                  <a:gd name="connsiteY167" fmla="*/ 8095 h 10000"/>
                  <a:gd name="connsiteX168" fmla="*/ 1200 w 10000"/>
                  <a:gd name="connsiteY168" fmla="*/ 8065 h 10000"/>
                  <a:gd name="connsiteX169" fmla="*/ 1699 w 10000"/>
                  <a:gd name="connsiteY169" fmla="*/ 8021 h 10000"/>
                  <a:gd name="connsiteX170" fmla="*/ 2201 w 10000"/>
                  <a:gd name="connsiteY170" fmla="*/ 7976 h 10000"/>
                  <a:gd name="connsiteX171" fmla="*/ 2425 w 10000"/>
                  <a:gd name="connsiteY171" fmla="*/ 7947 h 10000"/>
                  <a:gd name="connsiteX172" fmla="*/ 2650 w 10000"/>
                  <a:gd name="connsiteY172" fmla="*/ 7917 h 10000"/>
                  <a:gd name="connsiteX173" fmla="*/ 2849 w 10000"/>
                  <a:gd name="connsiteY173" fmla="*/ 7843 h 10000"/>
                  <a:gd name="connsiteX174" fmla="*/ 3050 w 10000"/>
                  <a:gd name="connsiteY174" fmla="*/ 7784 h 10000"/>
                  <a:gd name="connsiteX175" fmla="*/ 3225 w 10000"/>
                  <a:gd name="connsiteY175" fmla="*/ 7710 h 10000"/>
                  <a:gd name="connsiteX176" fmla="*/ 3375 w 10000"/>
                  <a:gd name="connsiteY176" fmla="*/ 7592 h 10000"/>
                  <a:gd name="connsiteX177" fmla="*/ 3526 w 10000"/>
                  <a:gd name="connsiteY177" fmla="*/ 7474 h 10000"/>
                  <a:gd name="connsiteX178" fmla="*/ 3625 w 10000"/>
                  <a:gd name="connsiteY178" fmla="*/ 7312 h 10000"/>
                  <a:gd name="connsiteX179" fmla="*/ 3425 w 10000"/>
                  <a:gd name="connsiteY179" fmla="*/ 7238 h 10000"/>
                  <a:gd name="connsiteX180" fmla="*/ 3250 w 10000"/>
                  <a:gd name="connsiteY180" fmla="*/ 7179 h 10000"/>
                  <a:gd name="connsiteX181" fmla="*/ 3100 w 10000"/>
                  <a:gd name="connsiteY181" fmla="*/ 7090 h 10000"/>
                  <a:gd name="connsiteX182" fmla="*/ 2950 w 10000"/>
                  <a:gd name="connsiteY182" fmla="*/ 6987 h 10000"/>
                  <a:gd name="connsiteX183" fmla="*/ 2849 w 10000"/>
                  <a:gd name="connsiteY183" fmla="*/ 6869 h 10000"/>
                  <a:gd name="connsiteX184" fmla="*/ 2801 w 10000"/>
                  <a:gd name="connsiteY184" fmla="*/ 6721 h 10000"/>
                  <a:gd name="connsiteX185" fmla="*/ 2775 w 10000"/>
                  <a:gd name="connsiteY185" fmla="*/ 6558 h 10000"/>
                  <a:gd name="connsiteX186" fmla="*/ 2801 w 10000"/>
                  <a:gd name="connsiteY186" fmla="*/ 6352 h 10000"/>
                  <a:gd name="connsiteX187" fmla="*/ 2676 w 10000"/>
                  <a:gd name="connsiteY187" fmla="*/ 6322 h 10000"/>
                  <a:gd name="connsiteX188" fmla="*/ 2526 w 10000"/>
                  <a:gd name="connsiteY188" fmla="*/ 6292 h 10000"/>
                  <a:gd name="connsiteX189" fmla="*/ 2350 w 10000"/>
                  <a:gd name="connsiteY189" fmla="*/ 6278 h 10000"/>
                  <a:gd name="connsiteX190" fmla="*/ 2175 w 10000"/>
                  <a:gd name="connsiteY190" fmla="*/ 6263 h 10000"/>
                  <a:gd name="connsiteX191" fmla="*/ 1825 w 10000"/>
                  <a:gd name="connsiteY191" fmla="*/ 6248 h 10000"/>
                  <a:gd name="connsiteX192" fmla="*/ 1450 w 10000"/>
                  <a:gd name="connsiteY192" fmla="*/ 6263 h 10000"/>
                  <a:gd name="connsiteX193" fmla="*/ 1126 w 10000"/>
                  <a:gd name="connsiteY193" fmla="*/ 6278 h 10000"/>
                  <a:gd name="connsiteX194" fmla="*/ 825 w 10000"/>
                  <a:gd name="connsiteY194" fmla="*/ 6278 h 10000"/>
                  <a:gd name="connsiteX195" fmla="*/ 576 w 10000"/>
                  <a:gd name="connsiteY195" fmla="*/ 6263 h 10000"/>
                  <a:gd name="connsiteX196" fmla="*/ 375 w 10000"/>
                  <a:gd name="connsiteY196" fmla="*/ 6233 h 10000"/>
                  <a:gd name="connsiteX197" fmla="*/ 624 w 10000"/>
                  <a:gd name="connsiteY197" fmla="*/ 5805 h 10000"/>
                  <a:gd name="connsiteX198" fmla="*/ 900 w 10000"/>
                  <a:gd name="connsiteY198" fmla="*/ 5391 h 10000"/>
                  <a:gd name="connsiteX199" fmla="*/ 1001 w 10000"/>
                  <a:gd name="connsiteY199" fmla="*/ 5170 h 10000"/>
                  <a:gd name="connsiteX200" fmla="*/ 1075 w 10000"/>
                  <a:gd name="connsiteY200" fmla="*/ 4963 h 10000"/>
                  <a:gd name="connsiteX201" fmla="*/ 1099 w 10000"/>
                  <a:gd name="connsiteY201" fmla="*/ 4860 h 10000"/>
                  <a:gd name="connsiteX202" fmla="*/ 1075 w 10000"/>
                  <a:gd name="connsiteY202" fmla="*/ 4756 h 10000"/>
                  <a:gd name="connsiteX203" fmla="*/ 1050 w 10000"/>
                  <a:gd name="connsiteY203" fmla="*/ 4653 h 10000"/>
                  <a:gd name="connsiteX204" fmla="*/ 975 w 10000"/>
                  <a:gd name="connsiteY204" fmla="*/ 4549 h 10000"/>
                  <a:gd name="connsiteX205" fmla="*/ 1251 w 10000"/>
                  <a:gd name="connsiteY205" fmla="*/ 4520 h 10000"/>
                  <a:gd name="connsiteX206" fmla="*/ 1450 w 10000"/>
                  <a:gd name="connsiteY206" fmla="*/ 4505 h 10000"/>
                  <a:gd name="connsiteX207" fmla="*/ 1625 w 10000"/>
                  <a:gd name="connsiteY207" fmla="*/ 4505 h 10000"/>
                  <a:gd name="connsiteX208" fmla="*/ 1775 w 10000"/>
                  <a:gd name="connsiteY208" fmla="*/ 4520 h 10000"/>
                  <a:gd name="connsiteX209" fmla="*/ 1900 w 10000"/>
                  <a:gd name="connsiteY209" fmla="*/ 4520 h 10000"/>
                  <a:gd name="connsiteX210" fmla="*/ 2050 w 10000"/>
                  <a:gd name="connsiteY210" fmla="*/ 4520 h 10000"/>
                  <a:gd name="connsiteX211" fmla="*/ 2201 w 10000"/>
                  <a:gd name="connsiteY211" fmla="*/ 4490 h 10000"/>
                  <a:gd name="connsiteX212" fmla="*/ 2400 w 10000"/>
                  <a:gd name="connsiteY212" fmla="*/ 4446 h 10000"/>
                  <a:gd name="connsiteX213" fmla="*/ 2400 w 10000"/>
                  <a:gd name="connsiteY213" fmla="*/ 4579 h 10000"/>
                  <a:gd name="connsiteX214" fmla="*/ 2400 w 10000"/>
                  <a:gd name="connsiteY214" fmla="*/ 4742 h 10000"/>
                  <a:gd name="connsiteX215" fmla="*/ 2400 w 10000"/>
                  <a:gd name="connsiteY215" fmla="*/ 4874 h 10000"/>
                  <a:gd name="connsiteX216" fmla="*/ 2400 w 10000"/>
                  <a:gd name="connsiteY216" fmla="*/ 5037 h 10000"/>
                  <a:gd name="connsiteX217" fmla="*/ 2625 w 10000"/>
                  <a:gd name="connsiteY217" fmla="*/ 5022 h 10000"/>
                  <a:gd name="connsiteX218" fmla="*/ 2775 w 10000"/>
                  <a:gd name="connsiteY218" fmla="*/ 5037 h 10000"/>
                  <a:gd name="connsiteX219" fmla="*/ 2900 w 10000"/>
                  <a:gd name="connsiteY219" fmla="*/ 5066 h 10000"/>
                  <a:gd name="connsiteX220" fmla="*/ 3025 w 10000"/>
                  <a:gd name="connsiteY220" fmla="*/ 5096 h 10000"/>
                  <a:gd name="connsiteX221" fmla="*/ 3126 w 10000"/>
                  <a:gd name="connsiteY221" fmla="*/ 5126 h 10000"/>
                  <a:gd name="connsiteX222" fmla="*/ 3250 w 10000"/>
                  <a:gd name="connsiteY222" fmla="*/ 5155 h 10000"/>
                  <a:gd name="connsiteX223" fmla="*/ 3401 w 10000"/>
                  <a:gd name="connsiteY223" fmla="*/ 5170 h 10000"/>
                  <a:gd name="connsiteX224" fmla="*/ 3625 w 10000"/>
                  <a:gd name="connsiteY224" fmla="*/ 5155 h 10000"/>
                  <a:gd name="connsiteX225" fmla="*/ 3701 w 10000"/>
                  <a:gd name="connsiteY225" fmla="*/ 5096 h 10000"/>
                  <a:gd name="connsiteX226" fmla="*/ 3775 w 10000"/>
                  <a:gd name="connsiteY226" fmla="*/ 5022 h 10000"/>
                  <a:gd name="connsiteX227" fmla="*/ 3800 w 10000"/>
                  <a:gd name="connsiteY227" fmla="*/ 4934 h 10000"/>
                  <a:gd name="connsiteX228" fmla="*/ 3826 w 10000"/>
                  <a:gd name="connsiteY228" fmla="*/ 4860 h 10000"/>
                  <a:gd name="connsiteX229" fmla="*/ 3850 w 10000"/>
                  <a:gd name="connsiteY229" fmla="*/ 4697 h 10000"/>
                  <a:gd name="connsiteX230" fmla="*/ 3826 w 10000"/>
                  <a:gd name="connsiteY230" fmla="*/ 4520 h 10000"/>
                  <a:gd name="connsiteX231" fmla="*/ 3750 w 10000"/>
                  <a:gd name="connsiteY231" fmla="*/ 4343 h 10000"/>
                  <a:gd name="connsiteX232" fmla="*/ 3675 w 10000"/>
                  <a:gd name="connsiteY232" fmla="*/ 4195 h 10000"/>
                  <a:gd name="connsiteX233" fmla="*/ 3550 w 10000"/>
                  <a:gd name="connsiteY233" fmla="*/ 4047 h 10000"/>
                  <a:gd name="connsiteX234" fmla="*/ 3425 w 10000"/>
                  <a:gd name="connsiteY234" fmla="*/ 3959 h 10000"/>
                  <a:gd name="connsiteX235" fmla="*/ 3575 w 10000"/>
                  <a:gd name="connsiteY235" fmla="*/ 3944 h 10000"/>
                  <a:gd name="connsiteX236" fmla="*/ 3701 w 10000"/>
                  <a:gd name="connsiteY236" fmla="*/ 3914 h 10000"/>
                  <a:gd name="connsiteX237" fmla="*/ 3800 w 10000"/>
                  <a:gd name="connsiteY237" fmla="*/ 3855 h 10000"/>
                  <a:gd name="connsiteX238" fmla="*/ 3924 w 10000"/>
                  <a:gd name="connsiteY238" fmla="*/ 3752 h 10000"/>
                  <a:gd name="connsiteX239" fmla="*/ 4050 w 10000"/>
                  <a:gd name="connsiteY239" fmla="*/ 3663 h 10000"/>
                  <a:gd name="connsiteX240" fmla="*/ 4150 w 10000"/>
                  <a:gd name="connsiteY240" fmla="*/ 3560 h 10000"/>
                  <a:gd name="connsiteX241" fmla="*/ 4225 w 10000"/>
                  <a:gd name="connsiteY241" fmla="*/ 3442 h 10000"/>
                  <a:gd name="connsiteX242" fmla="*/ 4301 w 10000"/>
                  <a:gd name="connsiteY242" fmla="*/ 3323 h 10000"/>
                  <a:gd name="connsiteX243" fmla="*/ 4350 w 10000"/>
                  <a:gd name="connsiteY243" fmla="*/ 3220 h 10000"/>
                  <a:gd name="connsiteX244" fmla="*/ 4375 w 10000"/>
                  <a:gd name="connsiteY244" fmla="*/ 3102 h 10000"/>
                  <a:gd name="connsiteX245" fmla="*/ 4401 w 10000"/>
                  <a:gd name="connsiteY245" fmla="*/ 3013 h 10000"/>
                  <a:gd name="connsiteX246" fmla="*/ 4375 w 10000"/>
                  <a:gd name="connsiteY246" fmla="*/ 2939 h 10000"/>
                  <a:gd name="connsiteX247" fmla="*/ 4350 w 10000"/>
                  <a:gd name="connsiteY247" fmla="*/ 2866 h 10000"/>
                  <a:gd name="connsiteX248" fmla="*/ 4275 w 10000"/>
                  <a:gd name="connsiteY248" fmla="*/ 2836 h 10000"/>
                  <a:gd name="connsiteX249" fmla="*/ 4176 w 10000"/>
                  <a:gd name="connsiteY249" fmla="*/ 2836 h 10000"/>
                  <a:gd name="connsiteX250" fmla="*/ 4050 w 10000"/>
                  <a:gd name="connsiteY250" fmla="*/ 2866 h 10000"/>
                  <a:gd name="connsiteX251" fmla="*/ 4150 w 10000"/>
                  <a:gd name="connsiteY251" fmla="*/ 2777 h 10000"/>
                  <a:gd name="connsiteX252" fmla="*/ 4201 w 10000"/>
                  <a:gd name="connsiteY252" fmla="*/ 2674 h 10000"/>
                  <a:gd name="connsiteX253" fmla="*/ 4225 w 10000"/>
                  <a:gd name="connsiteY253" fmla="*/ 2541 h 10000"/>
                  <a:gd name="connsiteX254" fmla="*/ 4225 w 10000"/>
                  <a:gd name="connsiteY254" fmla="*/ 2393 h 10000"/>
                  <a:gd name="connsiteX255" fmla="*/ 4250 w 10000"/>
                  <a:gd name="connsiteY255" fmla="*/ 2349 h 10000"/>
                  <a:gd name="connsiteX256" fmla="*/ 4301 w 10000"/>
                  <a:gd name="connsiteY256" fmla="*/ 2304 h 10000"/>
                  <a:gd name="connsiteX257" fmla="*/ 4350 w 10000"/>
                  <a:gd name="connsiteY257" fmla="*/ 2290 h 10000"/>
                  <a:gd name="connsiteX258" fmla="*/ 4426 w 10000"/>
                  <a:gd name="connsiteY258" fmla="*/ 2275 h 10000"/>
                  <a:gd name="connsiteX259" fmla="*/ 4650 w 10000"/>
                  <a:gd name="connsiteY259" fmla="*/ 2260 h 10000"/>
                  <a:gd name="connsiteX260" fmla="*/ 4850 w 10000"/>
                  <a:gd name="connsiteY260" fmla="*/ 2275 h 10000"/>
                  <a:gd name="connsiteX261" fmla="*/ 4825 w 10000"/>
                  <a:gd name="connsiteY261" fmla="*/ 2112 h 10000"/>
                  <a:gd name="connsiteX262" fmla="*/ 4776 w 10000"/>
                  <a:gd name="connsiteY262" fmla="*/ 1950 h 10000"/>
                  <a:gd name="connsiteX263" fmla="*/ 4700 w 10000"/>
                  <a:gd name="connsiteY263" fmla="*/ 1802 h 10000"/>
                  <a:gd name="connsiteX264" fmla="*/ 4601 w 10000"/>
                  <a:gd name="connsiteY264" fmla="*/ 1640 h 10000"/>
                  <a:gd name="connsiteX265" fmla="*/ 4350 w 10000"/>
                  <a:gd name="connsiteY265" fmla="*/ 1329 h 10000"/>
                  <a:gd name="connsiteX266" fmla="*/ 4100 w 10000"/>
                  <a:gd name="connsiteY266" fmla="*/ 1034 h 10000"/>
                  <a:gd name="connsiteX267" fmla="*/ 3975 w 10000"/>
                  <a:gd name="connsiteY267" fmla="*/ 901 h 10000"/>
                  <a:gd name="connsiteX268" fmla="*/ 3876 w 10000"/>
                  <a:gd name="connsiteY268" fmla="*/ 753 h 10000"/>
                  <a:gd name="connsiteX269" fmla="*/ 3800 w 10000"/>
                  <a:gd name="connsiteY269" fmla="*/ 620 h 10000"/>
                  <a:gd name="connsiteX270" fmla="*/ 3775 w 10000"/>
                  <a:gd name="connsiteY270" fmla="*/ 487 h 10000"/>
                  <a:gd name="connsiteX271" fmla="*/ 3750 w 10000"/>
                  <a:gd name="connsiteY271" fmla="*/ 355 h 10000"/>
                  <a:gd name="connsiteX272" fmla="*/ 3800 w 10000"/>
                  <a:gd name="connsiteY272" fmla="*/ 222 h 10000"/>
                  <a:gd name="connsiteX273" fmla="*/ 3826 w 10000"/>
                  <a:gd name="connsiteY273" fmla="*/ 162 h 10000"/>
                  <a:gd name="connsiteX274" fmla="*/ 3876 w 10000"/>
                  <a:gd name="connsiteY274" fmla="*/ 103 h 10000"/>
                  <a:gd name="connsiteX275" fmla="*/ 3951 w 10000"/>
                  <a:gd name="connsiteY275" fmla="*/ 59 h 10000"/>
                  <a:gd name="connsiteX276" fmla="*/ 4050 w 10000"/>
                  <a:gd name="connsiteY276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75 w 10000"/>
                  <a:gd name="connsiteY53" fmla="*/ 4313 h 10000"/>
                  <a:gd name="connsiteX54" fmla="*/ 7026 w 10000"/>
                  <a:gd name="connsiteY54" fmla="*/ 4564 h 10000"/>
                  <a:gd name="connsiteX55" fmla="*/ 6901 w 10000"/>
                  <a:gd name="connsiteY55" fmla="*/ 4638 h 10000"/>
                  <a:gd name="connsiteX56" fmla="*/ 6901 w 10000"/>
                  <a:gd name="connsiteY56" fmla="*/ 4697 h 10000"/>
                  <a:gd name="connsiteX57" fmla="*/ 6875 w 10000"/>
                  <a:gd name="connsiteY57" fmla="*/ 4801 h 10000"/>
                  <a:gd name="connsiteX58" fmla="*/ 6875 w 10000"/>
                  <a:gd name="connsiteY58" fmla="*/ 4904 h 10000"/>
                  <a:gd name="connsiteX59" fmla="*/ 6751 w 10000"/>
                  <a:gd name="connsiteY59" fmla="*/ 4860 h 10000"/>
                  <a:gd name="connsiteX60" fmla="*/ 6675 w 10000"/>
                  <a:gd name="connsiteY60" fmla="*/ 4801 h 10000"/>
                  <a:gd name="connsiteX61" fmla="*/ 6600 w 10000"/>
                  <a:gd name="connsiteY61" fmla="*/ 4727 h 10000"/>
                  <a:gd name="connsiteX62" fmla="*/ 6526 w 10000"/>
                  <a:gd name="connsiteY62" fmla="*/ 4638 h 10000"/>
                  <a:gd name="connsiteX63" fmla="*/ 6401 w 10000"/>
                  <a:gd name="connsiteY63" fmla="*/ 4476 h 10000"/>
                  <a:gd name="connsiteX64" fmla="*/ 6274 w 10000"/>
                  <a:gd name="connsiteY64" fmla="*/ 4313 h 10000"/>
                  <a:gd name="connsiteX65" fmla="*/ 6426 w 10000"/>
                  <a:gd name="connsiteY65" fmla="*/ 4210 h 10000"/>
                  <a:gd name="connsiteX66" fmla="*/ 7101 w 10000"/>
                  <a:gd name="connsiteY66" fmla="*/ 3959 h 10000"/>
                  <a:gd name="connsiteX67" fmla="*/ 8150 w 10000"/>
                  <a:gd name="connsiteY67" fmla="*/ 3663 h 10000"/>
                  <a:gd name="connsiteX68" fmla="*/ 8401 w 10000"/>
                  <a:gd name="connsiteY68" fmla="*/ 3589 h 10000"/>
                  <a:gd name="connsiteX69" fmla="*/ 8651 w 10000"/>
                  <a:gd name="connsiteY69" fmla="*/ 3516 h 10000"/>
                  <a:gd name="connsiteX70" fmla="*/ 8850 w 10000"/>
                  <a:gd name="connsiteY70" fmla="*/ 3412 h 10000"/>
                  <a:gd name="connsiteX71" fmla="*/ 9051 w 10000"/>
                  <a:gd name="connsiteY71" fmla="*/ 3338 h 10000"/>
                  <a:gd name="connsiteX72" fmla="*/ 9176 w 10000"/>
                  <a:gd name="connsiteY72" fmla="*/ 3235 h 10000"/>
                  <a:gd name="connsiteX73" fmla="*/ 9275 w 10000"/>
                  <a:gd name="connsiteY73" fmla="*/ 3117 h 10000"/>
                  <a:gd name="connsiteX74" fmla="*/ 9301 w 10000"/>
                  <a:gd name="connsiteY74" fmla="*/ 3072 h 10000"/>
                  <a:gd name="connsiteX75" fmla="*/ 9325 w 10000"/>
                  <a:gd name="connsiteY75" fmla="*/ 3013 h 10000"/>
                  <a:gd name="connsiteX76" fmla="*/ 9325 w 10000"/>
                  <a:gd name="connsiteY76" fmla="*/ 2954 h 10000"/>
                  <a:gd name="connsiteX77" fmla="*/ 9301 w 10000"/>
                  <a:gd name="connsiteY77" fmla="*/ 2866 h 10000"/>
                  <a:gd name="connsiteX78" fmla="*/ 9126 w 10000"/>
                  <a:gd name="connsiteY78" fmla="*/ 2984 h 10000"/>
                  <a:gd name="connsiteX79" fmla="*/ 8926 w 10000"/>
                  <a:gd name="connsiteY79" fmla="*/ 3072 h 10000"/>
                  <a:gd name="connsiteX80" fmla="*/ 8725 w 10000"/>
                  <a:gd name="connsiteY80" fmla="*/ 3161 h 10000"/>
                  <a:gd name="connsiteX81" fmla="*/ 8526 w 10000"/>
                  <a:gd name="connsiteY81" fmla="*/ 3250 h 10000"/>
                  <a:gd name="connsiteX82" fmla="*/ 8075 w 10000"/>
                  <a:gd name="connsiteY82" fmla="*/ 3397 h 10000"/>
                  <a:gd name="connsiteX83" fmla="*/ 7601 w 10000"/>
                  <a:gd name="connsiteY83" fmla="*/ 3545 h 10000"/>
                  <a:gd name="connsiteX84" fmla="*/ 7126 w 10000"/>
                  <a:gd name="connsiteY84" fmla="*/ 3678 h 10000"/>
                  <a:gd name="connsiteX85" fmla="*/ 6675 w 10000"/>
                  <a:gd name="connsiteY85" fmla="*/ 3840 h 10000"/>
                  <a:gd name="connsiteX86" fmla="*/ 6450 w 10000"/>
                  <a:gd name="connsiteY86" fmla="*/ 3914 h 10000"/>
                  <a:gd name="connsiteX87" fmla="*/ 6250 w 10000"/>
                  <a:gd name="connsiteY87" fmla="*/ 4003 h 10000"/>
                  <a:gd name="connsiteX88" fmla="*/ 6051 w 10000"/>
                  <a:gd name="connsiteY88" fmla="*/ 4106 h 10000"/>
                  <a:gd name="connsiteX89" fmla="*/ 5850 w 10000"/>
                  <a:gd name="connsiteY89" fmla="*/ 4195 h 10000"/>
                  <a:gd name="connsiteX90" fmla="*/ 6000 w 10000"/>
                  <a:gd name="connsiteY90" fmla="*/ 4417 h 10000"/>
                  <a:gd name="connsiteX91" fmla="*/ 6101 w 10000"/>
                  <a:gd name="connsiteY91" fmla="*/ 4623 h 10000"/>
                  <a:gd name="connsiteX92" fmla="*/ 6200 w 10000"/>
                  <a:gd name="connsiteY92" fmla="*/ 4845 h 10000"/>
                  <a:gd name="connsiteX93" fmla="*/ 6274 w 10000"/>
                  <a:gd name="connsiteY93" fmla="*/ 5081 h 10000"/>
                  <a:gd name="connsiteX94" fmla="*/ 6325 w 10000"/>
                  <a:gd name="connsiteY94" fmla="*/ 5318 h 10000"/>
                  <a:gd name="connsiteX95" fmla="*/ 6351 w 10000"/>
                  <a:gd name="connsiteY95" fmla="*/ 5539 h 10000"/>
                  <a:gd name="connsiteX96" fmla="*/ 6375 w 10000"/>
                  <a:gd name="connsiteY96" fmla="*/ 5775 h 10000"/>
                  <a:gd name="connsiteX97" fmla="*/ 6375 w 10000"/>
                  <a:gd name="connsiteY97" fmla="*/ 5997 h 10000"/>
                  <a:gd name="connsiteX98" fmla="*/ 6351 w 10000"/>
                  <a:gd name="connsiteY98" fmla="*/ 6233 h 10000"/>
                  <a:gd name="connsiteX99" fmla="*/ 6301 w 10000"/>
                  <a:gd name="connsiteY99" fmla="*/ 6470 h 10000"/>
                  <a:gd name="connsiteX100" fmla="*/ 6250 w 10000"/>
                  <a:gd name="connsiteY100" fmla="*/ 6677 h 10000"/>
                  <a:gd name="connsiteX101" fmla="*/ 6176 w 10000"/>
                  <a:gd name="connsiteY101" fmla="*/ 6898 h 10000"/>
                  <a:gd name="connsiteX102" fmla="*/ 6076 w 10000"/>
                  <a:gd name="connsiteY102" fmla="*/ 7105 h 10000"/>
                  <a:gd name="connsiteX103" fmla="*/ 5951 w 10000"/>
                  <a:gd name="connsiteY103" fmla="*/ 7297 h 10000"/>
                  <a:gd name="connsiteX104" fmla="*/ 5800 w 10000"/>
                  <a:gd name="connsiteY104" fmla="*/ 7489 h 10000"/>
                  <a:gd name="connsiteX105" fmla="*/ 5650 w 10000"/>
                  <a:gd name="connsiteY105" fmla="*/ 7681 h 10000"/>
                  <a:gd name="connsiteX106" fmla="*/ 6375 w 10000"/>
                  <a:gd name="connsiteY106" fmla="*/ 7799 h 10000"/>
                  <a:gd name="connsiteX107" fmla="*/ 7126 w 10000"/>
                  <a:gd name="connsiteY107" fmla="*/ 7962 h 10000"/>
                  <a:gd name="connsiteX108" fmla="*/ 7275 w 10000"/>
                  <a:gd name="connsiteY108" fmla="*/ 8021 h 10000"/>
                  <a:gd name="connsiteX109" fmla="*/ 7400 w 10000"/>
                  <a:gd name="connsiteY109" fmla="*/ 8080 h 10000"/>
                  <a:gd name="connsiteX110" fmla="*/ 7525 w 10000"/>
                  <a:gd name="connsiteY110" fmla="*/ 8139 h 10000"/>
                  <a:gd name="connsiteX111" fmla="*/ 7601 w 10000"/>
                  <a:gd name="connsiteY111" fmla="*/ 8227 h 10000"/>
                  <a:gd name="connsiteX112" fmla="*/ 7626 w 10000"/>
                  <a:gd name="connsiteY112" fmla="*/ 8301 h 10000"/>
                  <a:gd name="connsiteX113" fmla="*/ 7626 w 10000"/>
                  <a:gd name="connsiteY113" fmla="*/ 8405 h 10000"/>
                  <a:gd name="connsiteX114" fmla="*/ 7576 w 10000"/>
                  <a:gd name="connsiteY114" fmla="*/ 8523 h 10000"/>
                  <a:gd name="connsiteX115" fmla="*/ 7501 w 10000"/>
                  <a:gd name="connsiteY115" fmla="*/ 8641 h 10000"/>
                  <a:gd name="connsiteX116" fmla="*/ 7175 w 10000"/>
                  <a:gd name="connsiteY116" fmla="*/ 8552 h 10000"/>
                  <a:gd name="connsiteX117" fmla="*/ 6875 w 10000"/>
                  <a:gd name="connsiteY117" fmla="*/ 8449 h 10000"/>
                  <a:gd name="connsiteX118" fmla="*/ 6575 w 10000"/>
                  <a:gd name="connsiteY118" fmla="*/ 8360 h 10000"/>
                  <a:gd name="connsiteX119" fmla="*/ 6274 w 10000"/>
                  <a:gd name="connsiteY119" fmla="*/ 8287 h 10000"/>
                  <a:gd name="connsiteX120" fmla="*/ 6150 w 10000"/>
                  <a:gd name="connsiteY120" fmla="*/ 8449 h 10000"/>
                  <a:gd name="connsiteX121" fmla="*/ 6051 w 10000"/>
                  <a:gd name="connsiteY121" fmla="*/ 8597 h 10000"/>
                  <a:gd name="connsiteX122" fmla="*/ 6000 w 10000"/>
                  <a:gd name="connsiteY122" fmla="*/ 8656 h 10000"/>
                  <a:gd name="connsiteX123" fmla="*/ 5900 w 10000"/>
                  <a:gd name="connsiteY123" fmla="*/ 8700 h 10000"/>
                  <a:gd name="connsiteX124" fmla="*/ 5826 w 10000"/>
                  <a:gd name="connsiteY124" fmla="*/ 8744 h 10000"/>
                  <a:gd name="connsiteX125" fmla="*/ 5751 w 10000"/>
                  <a:gd name="connsiteY125" fmla="*/ 8774 h 10000"/>
                  <a:gd name="connsiteX126" fmla="*/ 5675 w 10000"/>
                  <a:gd name="connsiteY126" fmla="*/ 8804 h 10000"/>
                  <a:gd name="connsiteX127" fmla="*/ 5576 w 10000"/>
                  <a:gd name="connsiteY127" fmla="*/ 8818 h 10000"/>
                  <a:gd name="connsiteX128" fmla="*/ 5450 w 10000"/>
                  <a:gd name="connsiteY128" fmla="*/ 8833 h 10000"/>
                  <a:gd name="connsiteX129" fmla="*/ 5325 w 10000"/>
                  <a:gd name="connsiteY129" fmla="*/ 8833 h 10000"/>
                  <a:gd name="connsiteX130" fmla="*/ 5026 w 10000"/>
                  <a:gd name="connsiteY130" fmla="*/ 8818 h 10000"/>
                  <a:gd name="connsiteX131" fmla="*/ 4650 w 10000"/>
                  <a:gd name="connsiteY131" fmla="*/ 8744 h 10000"/>
                  <a:gd name="connsiteX132" fmla="*/ 4650 w 10000"/>
                  <a:gd name="connsiteY132" fmla="*/ 8922 h 10000"/>
                  <a:gd name="connsiteX133" fmla="*/ 4625 w 10000"/>
                  <a:gd name="connsiteY133" fmla="*/ 9069 h 10000"/>
                  <a:gd name="connsiteX134" fmla="*/ 4601 w 10000"/>
                  <a:gd name="connsiteY134" fmla="*/ 9232 h 10000"/>
                  <a:gd name="connsiteX135" fmla="*/ 4575 w 10000"/>
                  <a:gd name="connsiteY135" fmla="*/ 9365 h 10000"/>
                  <a:gd name="connsiteX136" fmla="*/ 4525 w 10000"/>
                  <a:gd name="connsiteY136" fmla="*/ 9498 h 10000"/>
                  <a:gd name="connsiteX137" fmla="*/ 4426 w 10000"/>
                  <a:gd name="connsiteY137" fmla="*/ 9616 h 10000"/>
                  <a:gd name="connsiteX138" fmla="*/ 4350 w 10000"/>
                  <a:gd name="connsiteY138" fmla="*/ 9734 h 10000"/>
                  <a:gd name="connsiteX139" fmla="*/ 4225 w 10000"/>
                  <a:gd name="connsiteY139" fmla="*/ 9838 h 10000"/>
                  <a:gd name="connsiteX140" fmla="*/ 3924 w 10000"/>
                  <a:gd name="connsiteY140" fmla="*/ 9897 h 10000"/>
                  <a:gd name="connsiteX141" fmla="*/ 3675 w 10000"/>
                  <a:gd name="connsiteY141" fmla="*/ 9941 h 10000"/>
                  <a:gd name="connsiteX142" fmla="*/ 3375 w 10000"/>
                  <a:gd name="connsiteY142" fmla="*/ 9985 h 10000"/>
                  <a:gd name="connsiteX143" fmla="*/ 3150 w 10000"/>
                  <a:gd name="connsiteY143" fmla="*/ 10000 h 10000"/>
                  <a:gd name="connsiteX144" fmla="*/ 2650 w 10000"/>
                  <a:gd name="connsiteY144" fmla="*/ 10000 h 10000"/>
                  <a:gd name="connsiteX145" fmla="*/ 2175 w 10000"/>
                  <a:gd name="connsiteY145" fmla="*/ 9985 h 10000"/>
                  <a:gd name="connsiteX146" fmla="*/ 1726 w 10000"/>
                  <a:gd name="connsiteY146" fmla="*/ 9941 h 10000"/>
                  <a:gd name="connsiteX147" fmla="*/ 1251 w 10000"/>
                  <a:gd name="connsiteY147" fmla="*/ 9911 h 10000"/>
                  <a:gd name="connsiteX148" fmla="*/ 975 w 10000"/>
                  <a:gd name="connsiteY148" fmla="*/ 9911 h 10000"/>
                  <a:gd name="connsiteX149" fmla="*/ 725 w 10000"/>
                  <a:gd name="connsiteY149" fmla="*/ 9911 h 10000"/>
                  <a:gd name="connsiteX150" fmla="*/ 450 w 10000"/>
                  <a:gd name="connsiteY150" fmla="*/ 9926 h 10000"/>
                  <a:gd name="connsiteX151" fmla="*/ 175 w 10000"/>
                  <a:gd name="connsiteY151" fmla="*/ 9970 h 10000"/>
                  <a:gd name="connsiteX152" fmla="*/ 100 w 10000"/>
                  <a:gd name="connsiteY152" fmla="*/ 9867 h 10000"/>
                  <a:gd name="connsiteX153" fmla="*/ 50 w 10000"/>
                  <a:gd name="connsiteY153" fmla="*/ 9793 h 10000"/>
                  <a:gd name="connsiteX154" fmla="*/ 0 w 10000"/>
                  <a:gd name="connsiteY154" fmla="*/ 9705 h 10000"/>
                  <a:gd name="connsiteX155" fmla="*/ 0 w 10000"/>
                  <a:gd name="connsiteY155" fmla="*/ 9601 h 10000"/>
                  <a:gd name="connsiteX156" fmla="*/ 50 w 10000"/>
                  <a:gd name="connsiteY156" fmla="*/ 9424 h 10000"/>
                  <a:gd name="connsiteX157" fmla="*/ 100 w 10000"/>
                  <a:gd name="connsiteY157" fmla="*/ 9202 h 10000"/>
                  <a:gd name="connsiteX158" fmla="*/ 149 w 10000"/>
                  <a:gd name="connsiteY158" fmla="*/ 8996 h 10000"/>
                  <a:gd name="connsiteX159" fmla="*/ 200 w 10000"/>
                  <a:gd name="connsiteY159" fmla="*/ 8759 h 10000"/>
                  <a:gd name="connsiteX160" fmla="*/ 225 w 10000"/>
                  <a:gd name="connsiteY160" fmla="*/ 8641 h 10000"/>
                  <a:gd name="connsiteX161" fmla="*/ 225 w 10000"/>
                  <a:gd name="connsiteY161" fmla="*/ 8538 h 10000"/>
                  <a:gd name="connsiteX162" fmla="*/ 200 w 10000"/>
                  <a:gd name="connsiteY162" fmla="*/ 8405 h 10000"/>
                  <a:gd name="connsiteX163" fmla="*/ 175 w 10000"/>
                  <a:gd name="connsiteY163" fmla="*/ 8287 h 10000"/>
                  <a:gd name="connsiteX164" fmla="*/ 425 w 10000"/>
                  <a:gd name="connsiteY164" fmla="*/ 8213 h 10000"/>
                  <a:gd name="connsiteX165" fmla="*/ 675 w 10000"/>
                  <a:gd name="connsiteY165" fmla="*/ 8139 h 10000"/>
                  <a:gd name="connsiteX166" fmla="*/ 925 w 10000"/>
                  <a:gd name="connsiteY166" fmla="*/ 8095 h 10000"/>
                  <a:gd name="connsiteX167" fmla="*/ 1200 w 10000"/>
                  <a:gd name="connsiteY167" fmla="*/ 8065 h 10000"/>
                  <a:gd name="connsiteX168" fmla="*/ 1699 w 10000"/>
                  <a:gd name="connsiteY168" fmla="*/ 8021 h 10000"/>
                  <a:gd name="connsiteX169" fmla="*/ 2201 w 10000"/>
                  <a:gd name="connsiteY169" fmla="*/ 7976 h 10000"/>
                  <a:gd name="connsiteX170" fmla="*/ 2425 w 10000"/>
                  <a:gd name="connsiteY170" fmla="*/ 7947 h 10000"/>
                  <a:gd name="connsiteX171" fmla="*/ 2650 w 10000"/>
                  <a:gd name="connsiteY171" fmla="*/ 7917 h 10000"/>
                  <a:gd name="connsiteX172" fmla="*/ 2849 w 10000"/>
                  <a:gd name="connsiteY172" fmla="*/ 7843 h 10000"/>
                  <a:gd name="connsiteX173" fmla="*/ 3050 w 10000"/>
                  <a:gd name="connsiteY173" fmla="*/ 7784 h 10000"/>
                  <a:gd name="connsiteX174" fmla="*/ 3225 w 10000"/>
                  <a:gd name="connsiteY174" fmla="*/ 7710 h 10000"/>
                  <a:gd name="connsiteX175" fmla="*/ 3375 w 10000"/>
                  <a:gd name="connsiteY175" fmla="*/ 7592 h 10000"/>
                  <a:gd name="connsiteX176" fmla="*/ 3526 w 10000"/>
                  <a:gd name="connsiteY176" fmla="*/ 7474 h 10000"/>
                  <a:gd name="connsiteX177" fmla="*/ 3625 w 10000"/>
                  <a:gd name="connsiteY177" fmla="*/ 7312 h 10000"/>
                  <a:gd name="connsiteX178" fmla="*/ 3425 w 10000"/>
                  <a:gd name="connsiteY178" fmla="*/ 7238 h 10000"/>
                  <a:gd name="connsiteX179" fmla="*/ 3250 w 10000"/>
                  <a:gd name="connsiteY179" fmla="*/ 7179 h 10000"/>
                  <a:gd name="connsiteX180" fmla="*/ 3100 w 10000"/>
                  <a:gd name="connsiteY180" fmla="*/ 7090 h 10000"/>
                  <a:gd name="connsiteX181" fmla="*/ 2950 w 10000"/>
                  <a:gd name="connsiteY181" fmla="*/ 6987 h 10000"/>
                  <a:gd name="connsiteX182" fmla="*/ 2849 w 10000"/>
                  <a:gd name="connsiteY182" fmla="*/ 6869 h 10000"/>
                  <a:gd name="connsiteX183" fmla="*/ 2801 w 10000"/>
                  <a:gd name="connsiteY183" fmla="*/ 6721 h 10000"/>
                  <a:gd name="connsiteX184" fmla="*/ 2775 w 10000"/>
                  <a:gd name="connsiteY184" fmla="*/ 6558 h 10000"/>
                  <a:gd name="connsiteX185" fmla="*/ 2801 w 10000"/>
                  <a:gd name="connsiteY185" fmla="*/ 6352 h 10000"/>
                  <a:gd name="connsiteX186" fmla="*/ 2676 w 10000"/>
                  <a:gd name="connsiteY186" fmla="*/ 6322 h 10000"/>
                  <a:gd name="connsiteX187" fmla="*/ 2526 w 10000"/>
                  <a:gd name="connsiteY187" fmla="*/ 6292 h 10000"/>
                  <a:gd name="connsiteX188" fmla="*/ 2350 w 10000"/>
                  <a:gd name="connsiteY188" fmla="*/ 6278 h 10000"/>
                  <a:gd name="connsiteX189" fmla="*/ 2175 w 10000"/>
                  <a:gd name="connsiteY189" fmla="*/ 6263 h 10000"/>
                  <a:gd name="connsiteX190" fmla="*/ 1825 w 10000"/>
                  <a:gd name="connsiteY190" fmla="*/ 6248 h 10000"/>
                  <a:gd name="connsiteX191" fmla="*/ 1450 w 10000"/>
                  <a:gd name="connsiteY191" fmla="*/ 6263 h 10000"/>
                  <a:gd name="connsiteX192" fmla="*/ 1126 w 10000"/>
                  <a:gd name="connsiteY192" fmla="*/ 6278 h 10000"/>
                  <a:gd name="connsiteX193" fmla="*/ 825 w 10000"/>
                  <a:gd name="connsiteY193" fmla="*/ 6278 h 10000"/>
                  <a:gd name="connsiteX194" fmla="*/ 576 w 10000"/>
                  <a:gd name="connsiteY194" fmla="*/ 6263 h 10000"/>
                  <a:gd name="connsiteX195" fmla="*/ 375 w 10000"/>
                  <a:gd name="connsiteY195" fmla="*/ 6233 h 10000"/>
                  <a:gd name="connsiteX196" fmla="*/ 624 w 10000"/>
                  <a:gd name="connsiteY196" fmla="*/ 5805 h 10000"/>
                  <a:gd name="connsiteX197" fmla="*/ 900 w 10000"/>
                  <a:gd name="connsiteY197" fmla="*/ 5391 h 10000"/>
                  <a:gd name="connsiteX198" fmla="*/ 1001 w 10000"/>
                  <a:gd name="connsiteY198" fmla="*/ 5170 h 10000"/>
                  <a:gd name="connsiteX199" fmla="*/ 1075 w 10000"/>
                  <a:gd name="connsiteY199" fmla="*/ 4963 h 10000"/>
                  <a:gd name="connsiteX200" fmla="*/ 1099 w 10000"/>
                  <a:gd name="connsiteY200" fmla="*/ 4860 h 10000"/>
                  <a:gd name="connsiteX201" fmla="*/ 1075 w 10000"/>
                  <a:gd name="connsiteY201" fmla="*/ 4756 h 10000"/>
                  <a:gd name="connsiteX202" fmla="*/ 1050 w 10000"/>
                  <a:gd name="connsiteY202" fmla="*/ 4653 h 10000"/>
                  <a:gd name="connsiteX203" fmla="*/ 975 w 10000"/>
                  <a:gd name="connsiteY203" fmla="*/ 4549 h 10000"/>
                  <a:gd name="connsiteX204" fmla="*/ 1251 w 10000"/>
                  <a:gd name="connsiteY204" fmla="*/ 4520 h 10000"/>
                  <a:gd name="connsiteX205" fmla="*/ 1450 w 10000"/>
                  <a:gd name="connsiteY205" fmla="*/ 4505 h 10000"/>
                  <a:gd name="connsiteX206" fmla="*/ 1625 w 10000"/>
                  <a:gd name="connsiteY206" fmla="*/ 4505 h 10000"/>
                  <a:gd name="connsiteX207" fmla="*/ 1775 w 10000"/>
                  <a:gd name="connsiteY207" fmla="*/ 4520 h 10000"/>
                  <a:gd name="connsiteX208" fmla="*/ 1900 w 10000"/>
                  <a:gd name="connsiteY208" fmla="*/ 4520 h 10000"/>
                  <a:gd name="connsiteX209" fmla="*/ 2050 w 10000"/>
                  <a:gd name="connsiteY209" fmla="*/ 4520 h 10000"/>
                  <a:gd name="connsiteX210" fmla="*/ 2201 w 10000"/>
                  <a:gd name="connsiteY210" fmla="*/ 4490 h 10000"/>
                  <a:gd name="connsiteX211" fmla="*/ 2400 w 10000"/>
                  <a:gd name="connsiteY211" fmla="*/ 4446 h 10000"/>
                  <a:gd name="connsiteX212" fmla="*/ 2400 w 10000"/>
                  <a:gd name="connsiteY212" fmla="*/ 4579 h 10000"/>
                  <a:gd name="connsiteX213" fmla="*/ 2400 w 10000"/>
                  <a:gd name="connsiteY213" fmla="*/ 4742 h 10000"/>
                  <a:gd name="connsiteX214" fmla="*/ 2400 w 10000"/>
                  <a:gd name="connsiteY214" fmla="*/ 4874 h 10000"/>
                  <a:gd name="connsiteX215" fmla="*/ 2400 w 10000"/>
                  <a:gd name="connsiteY215" fmla="*/ 5037 h 10000"/>
                  <a:gd name="connsiteX216" fmla="*/ 2625 w 10000"/>
                  <a:gd name="connsiteY216" fmla="*/ 5022 h 10000"/>
                  <a:gd name="connsiteX217" fmla="*/ 2775 w 10000"/>
                  <a:gd name="connsiteY217" fmla="*/ 5037 h 10000"/>
                  <a:gd name="connsiteX218" fmla="*/ 2900 w 10000"/>
                  <a:gd name="connsiteY218" fmla="*/ 5066 h 10000"/>
                  <a:gd name="connsiteX219" fmla="*/ 3025 w 10000"/>
                  <a:gd name="connsiteY219" fmla="*/ 5096 h 10000"/>
                  <a:gd name="connsiteX220" fmla="*/ 3126 w 10000"/>
                  <a:gd name="connsiteY220" fmla="*/ 5126 h 10000"/>
                  <a:gd name="connsiteX221" fmla="*/ 3250 w 10000"/>
                  <a:gd name="connsiteY221" fmla="*/ 5155 h 10000"/>
                  <a:gd name="connsiteX222" fmla="*/ 3401 w 10000"/>
                  <a:gd name="connsiteY222" fmla="*/ 5170 h 10000"/>
                  <a:gd name="connsiteX223" fmla="*/ 3625 w 10000"/>
                  <a:gd name="connsiteY223" fmla="*/ 5155 h 10000"/>
                  <a:gd name="connsiteX224" fmla="*/ 3701 w 10000"/>
                  <a:gd name="connsiteY224" fmla="*/ 5096 h 10000"/>
                  <a:gd name="connsiteX225" fmla="*/ 3775 w 10000"/>
                  <a:gd name="connsiteY225" fmla="*/ 5022 h 10000"/>
                  <a:gd name="connsiteX226" fmla="*/ 3800 w 10000"/>
                  <a:gd name="connsiteY226" fmla="*/ 4934 h 10000"/>
                  <a:gd name="connsiteX227" fmla="*/ 3826 w 10000"/>
                  <a:gd name="connsiteY227" fmla="*/ 4860 h 10000"/>
                  <a:gd name="connsiteX228" fmla="*/ 3850 w 10000"/>
                  <a:gd name="connsiteY228" fmla="*/ 4697 h 10000"/>
                  <a:gd name="connsiteX229" fmla="*/ 3826 w 10000"/>
                  <a:gd name="connsiteY229" fmla="*/ 4520 h 10000"/>
                  <a:gd name="connsiteX230" fmla="*/ 3750 w 10000"/>
                  <a:gd name="connsiteY230" fmla="*/ 4343 h 10000"/>
                  <a:gd name="connsiteX231" fmla="*/ 3675 w 10000"/>
                  <a:gd name="connsiteY231" fmla="*/ 4195 h 10000"/>
                  <a:gd name="connsiteX232" fmla="*/ 3550 w 10000"/>
                  <a:gd name="connsiteY232" fmla="*/ 4047 h 10000"/>
                  <a:gd name="connsiteX233" fmla="*/ 3425 w 10000"/>
                  <a:gd name="connsiteY233" fmla="*/ 3959 h 10000"/>
                  <a:gd name="connsiteX234" fmla="*/ 3575 w 10000"/>
                  <a:gd name="connsiteY234" fmla="*/ 3944 h 10000"/>
                  <a:gd name="connsiteX235" fmla="*/ 3701 w 10000"/>
                  <a:gd name="connsiteY235" fmla="*/ 3914 h 10000"/>
                  <a:gd name="connsiteX236" fmla="*/ 3800 w 10000"/>
                  <a:gd name="connsiteY236" fmla="*/ 3855 h 10000"/>
                  <a:gd name="connsiteX237" fmla="*/ 3924 w 10000"/>
                  <a:gd name="connsiteY237" fmla="*/ 3752 h 10000"/>
                  <a:gd name="connsiteX238" fmla="*/ 4050 w 10000"/>
                  <a:gd name="connsiteY238" fmla="*/ 3663 h 10000"/>
                  <a:gd name="connsiteX239" fmla="*/ 4150 w 10000"/>
                  <a:gd name="connsiteY239" fmla="*/ 3560 h 10000"/>
                  <a:gd name="connsiteX240" fmla="*/ 4225 w 10000"/>
                  <a:gd name="connsiteY240" fmla="*/ 3442 h 10000"/>
                  <a:gd name="connsiteX241" fmla="*/ 4301 w 10000"/>
                  <a:gd name="connsiteY241" fmla="*/ 3323 h 10000"/>
                  <a:gd name="connsiteX242" fmla="*/ 4350 w 10000"/>
                  <a:gd name="connsiteY242" fmla="*/ 3220 h 10000"/>
                  <a:gd name="connsiteX243" fmla="*/ 4375 w 10000"/>
                  <a:gd name="connsiteY243" fmla="*/ 3102 h 10000"/>
                  <a:gd name="connsiteX244" fmla="*/ 4401 w 10000"/>
                  <a:gd name="connsiteY244" fmla="*/ 3013 h 10000"/>
                  <a:gd name="connsiteX245" fmla="*/ 4375 w 10000"/>
                  <a:gd name="connsiteY245" fmla="*/ 2939 h 10000"/>
                  <a:gd name="connsiteX246" fmla="*/ 4350 w 10000"/>
                  <a:gd name="connsiteY246" fmla="*/ 2866 h 10000"/>
                  <a:gd name="connsiteX247" fmla="*/ 4275 w 10000"/>
                  <a:gd name="connsiteY247" fmla="*/ 2836 h 10000"/>
                  <a:gd name="connsiteX248" fmla="*/ 4176 w 10000"/>
                  <a:gd name="connsiteY248" fmla="*/ 2836 h 10000"/>
                  <a:gd name="connsiteX249" fmla="*/ 4050 w 10000"/>
                  <a:gd name="connsiteY249" fmla="*/ 2866 h 10000"/>
                  <a:gd name="connsiteX250" fmla="*/ 4150 w 10000"/>
                  <a:gd name="connsiteY250" fmla="*/ 2777 h 10000"/>
                  <a:gd name="connsiteX251" fmla="*/ 4201 w 10000"/>
                  <a:gd name="connsiteY251" fmla="*/ 2674 h 10000"/>
                  <a:gd name="connsiteX252" fmla="*/ 4225 w 10000"/>
                  <a:gd name="connsiteY252" fmla="*/ 2541 h 10000"/>
                  <a:gd name="connsiteX253" fmla="*/ 4225 w 10000"/>
                  <a:gd name="connsiteY253" fmla="*/ 2393 h 10000"/>
                  <a:gd name="connsiteX254" fmla="*/ 4250 w 10000"/>
                  <a:gd name="connsiteY254" fmla="*/ 2349 h 10000"/>
                  <a:gd name="connsiteX255" fmla="*/ 4301 w 10000"/>
                  <a:gd name="connsiteY255" fmla="*/ 2304 h 10000"/>
                  <a:gd name="connsiteX256" fmla="*/ 4350 w 10000"/>
                  <a:gd name="connsiteY256" fmla="*/ 2290 h 10000"/>
                  <a:gd name="connsiteX257" fmla="*/ 4426 w 10000"/>
                  <a:gd name="connsiteY257" fmla="*/ 2275 h 10000"/>
                  <a:gd name="connsiteX258" fmla="*/ 4650 w 10000"/>
                  <a:gd name="connsiteY258" fmla="*/ 2260 h 10000"/>
                  <a:gd name="connsiteX259" fmla="*/ 4850 w 10000"/>
                  <a:gd name="connsiteY259" fmla="*/ 2275 h 10000"/>
                  <a:gd name="connsiteX260" fmla="*/ 4825 w 10000"/>
                  <a:gd name="connsiteY260" fmla="*/ 2112 h 10000"/>
                  <a:gd name="connsiteX261" fmla="*/ 4776 w 10000"/>
                  <a:gd name="connsiteY261" fmla="*/ 1950 h 10000"/>
                  <a:gd name="connsiteX262" fmla="*/ 4700 w 10000"/>
                  <a:gd name="connsiteY262" fmla="*/ 1802 h 10000"/>
                  <a:gd name="connsiteX263" fmla="*/ 4601 w 10000"/>
                  <a:gd name="connsiteY263" fmla="*/ 1640 h 10000"/>
                  <a:gd name="connsiteX264" fmla="*/ 4350 w 10000"/>
                  <a:gd name="connsiteY264" fmla="*/ 1329 h 10000"/>
                  <a:gd name="connsiteX265" fmla="*/ 4100 w 10000"/>
                  <a:gd name="connsiteY265" fmla="*/ 1034 h 10000"/>
                  <a:gd name="connsiteX266" fmla="*/ 3975 w 10000"/>
                  <a:gd name="connsiteY266" fmla="*/ 901 h 10000"/>
                  <a:gd name="connsiteX267" fmla="*/ 3876 w 10000"/>
                  <a:gd name="connsiteY267" fmla="*/ 753 h 10000"/>
                  <a:gd name="connsiteX268" fmla="*/ 3800 w 10000"/>
                  <a:gd name="connsiteY268" fmla="*/ 620 h 10000"/>
                  <a:gd name="connsiteX269" fmla="*/ 3775 w 10000"/>
                  <a:gd name="connsiteY269" fmla="*/ 487 h 10000"/>
                  <a:gd name="connsiteX270" fmla="*/ 3750 w 10000"/>
                  <a:gd name="connsiteY270" fmla="*/ 355 h 10000"/>
                  <a:gd name="connsiteX271" fmla="*/ 3800 w 10000"/>
                  <a:gd name="connsiteY271" fmla="*/ 222 h 10000"/>
                  <a:gd name="connsiteX272" fmla="*/ 3826 w 10000"/>
                  <a:gd name="connsiteY272" fmla="*/ 162 h 10000"/>
                  <a:gd name="connsiteX273" fmla="*/ 3876 w 10000"/>
                  <a:gd name="connsiteY273" fmla="*/ 103 h 10000"/>
                  <a:gd name="connsiteX274" fmla="*/ 3951 w 10000"/>
                  <a:gd name="connsiteY274" fmla="*/ 59 h 10000"/>
                  <a:gd name="connsiteX275" fmla="*/ 4050 w 10000"/>
                  <a:gd name="connsiteY275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26 w 10000"/>
                  <a:gd name="connsiteY53" fmla="*/ 4564 h 10000"/>
                  <a:gd name="connsiteX54" fmla="*/ 6901 w 10000"/>
                  <a:gd name="connsiteY54" fmla="*/ 4638 h 10000"/>
                  <a:gd name="connsiteX55" fmla="*/ 6901 w 10000"/>
                  <a:gd name="connsiteY55" fmla="*/ 4697 h 10000"/>
                  <a:gd name="connsiteX56" fmla="*/ 6875 w 10000"/>
                  <a:gd name="connsiteY56" fmla="*/ 4801 h 10000"/>
                  <a:gd name="connsiteX57" fmla="*/ 6875 w 10000"/>
                  <a:gd name="connsiteY57" fmla="*/ 4904 h 10000"/>
                  <a:gd name="connsiteX58" fmla="*/ 6751 w 10000"/>
                  <a:gd name="connsiteY58" fmla="*/ 4860 h 10000"/>
                  <a:gd name="connsiteX59" fmla="*/ 6675 w 10000"/>
                  <a:gd name="connsiteY59" fmla="*/ 4801 h 10000"/>
                  <a:gd name="connsiteX60" fmla="*/ 6600 w 10000"/>
                  <a:gd name="connsiteY60" fmla="*/ 4727 h 10000"/>
                  <a:gd name="connsiteX61" fmla="*/ 6526 w 10000"/>
                  <a:gd name="connsiteY61" fmla="*/ 4638 h 10000"/>
                  <a:gd name="connsiteX62" fmla="*/ 6401 w 10000"/>
                  <a:gd name="connsiteY62" fmla="*/ 4476 h 10000"/>
                  <a:gd name="connsiteX63" fmla="*/ 6274 w 10000"/>
                  <a:gd name="connsiteY63" fmla="*/ 4313 h 10000"/>
                  <a:gd name="connsiteX64" fmla="*/ 6426 w 10000"/>
                  <a:gd name="connsiteY64" fmla="*/ 4210 h 10000"/>
                  <a:gd name="connsiteX65" fmla="*/ 7101 w 10000"/>
                  <a:gd name="connsiteY65" fmla="*/ 3959 h 10000"/>
                  <a:gd name="connsiteX66" fmla="*/ 8150 w 10000"/>
                  <a:gd name="connsiteY66" fmla="*/ 3663 h 10000"/>
                  <a:gd name="connsiteX67" fmla="*/ 8401 w 10000"/>
                  <a:gd name="connsiteY67" fmla="*/ 3589 h 10000"/>
                  <a:gd name="connsiteX68" fmla="*/ 8651 w 10000"/>
                  <a:gd name="connsiteY68" fmla="*/ 3516 h 10000"/>
                  <a:gd name="connsiteX69" fmla="*/ 8850 w 10000"/>
                  <a:gd name="connsiteY69" fmla="*/ 3412 h 10000"/>
                  <a:gd name="connsiteX70" fmla="*/ 9051 w 10000"/>
                  <a:gd name="connsiteY70" fmla="*/ 3338 h 10000"/>
                  <a:gd name="connsiteX71" fmla="*/ 9176 w 10000"/>
                  <a:gd name="connsiteY71" fmla="*/ 3235 h 10000"/>
                  <a:gd name="connsiteX72" fmla="*/ 9275 w 10000"/>
                  <a:gd name="connsiteY72" fmla="*/ 3117 h 10000"/>
                  <a:gd name="connsiteX73" fmla="*/ 9301 w 10000"/>
                  <a:gd name="connsiteY73" fmla="*/ 3072 h 10000"/>
                  <a:gd name="connsiteX74" fmla="*/ 9325 w 10000"/>
                  <a:gd name="connsiteY74" fmla="*/ 3013 h 10000"/>
                  <a:gd name="connsiteX75" fmla="*/ 9325 w 10000"/>
                  <a:gd name="connsiteY75" fmla="*/ 2954 h 10000"/>
                  <a:gd name="connsiteX76" fmla="*/ 9301 w 10000"/>
                  <a:gd name="connsiteY76" fmla="*/ 2866 h 10000"/>
                  <a:gd name="connsiteX77" fmla="*/ 9126 w 10000"/>
                  <a:gd name="connsiteY77" fmla="*/ 2984 h 10000"/>
                  <a:gd name="connsiteX78" fmla="*/ 8926 w 10000"/>
                  <a:gd name="connsiteY78" fmla="*/ 3072 h 10000"/>
                  <a:gd name="connsiteX79" fmla="*/ 8725 w 10000"/>
                  <a:gd name="connsiteY79" fmla="*/ 3161 h 10000"/>
                  <a:gd name="connsiteX80" fmla="*/ 8526 w 10000"/>
                  <a:gd name="connsiteY80" fmla="*/ 3250 h 10000"/>
                  <a:gd name="connsiteX81" fmla="*/ 8075 w 10000"/>
                  <a:gd name="connsiteY81" fmla="*/ 3397 h 10000"/>
                  <a:gd name="connsiteX82" fmla="*/ 7601 w 10000"/>
                  <a:gd name="connsiteY82" fmla="*/ 3545 h 10000"/>
                  <a:gd name="connsiteX83" fmla="*/ 7126 w 10000"/>
                  <a:gd name="connsiteY83" fmla="*/ 3678 h 10000"/>
                  <a:gd name="connsiteX84" fmla="*/ 6675 w 10000"/>
                  <a:gd name="connsiteY84" fmla="*/ 3840 h 10000"/>
                  <a:gd name="connsiteX85" fmla="*/ 6450 w 10000"/>
                  <a:gd name="connsiteY85" fmla="*/ 3914 h 10000"/>
                  <a:gd name="connsiteX86" fmla="*/ 6250 w 10000"/>
                  <a:gd name="connsiteY86" fmla="*/ 4003 h 10000"/>
                  <a:gd name="connsiteX87" fmla="*/ 6051 w 10000"/>
                  <a:gd name="connsiteY87" fmla="*/ 4106 h 10000"/>
                  <a:gd name="connsiteX88" fmla="*/ 5850 w 10000"/>
                  <a:gd name="connsiteY88" fmla="*/ 4195 h 10000"/>
                  <a:gd name="connsiteX89" fmla="*/ 6000 w 10000"/>
                  <a:gd name="connsiteY89" fmla="*/ 4417 h 10000"/>
                  <a:gd name="connsiteX90" fmla="*/ 6101 w 10000"/>
                  <a:gd name="connsiteY90" fmla="*/ 4623 h 10000"/>
                  <a:gd name="connsiteX91" fmla="*/ 6200 w 10000"/>
                  <a:gd name="connsiteY91" fmla="*/ 4845 h 10000"/>
                  <a:gd name="connsiteX92" fmla="*/ 6274 w 10000"/>
                  <a:gd name="connsiteY92" fmla="*/ 5081 h 10000"/>
                  <a:gd name="connsiteX93" fmla="*/ 6325 w 10000"/>
                  <a:gd name="connsiteY93" fmla="*/ 5318 h 10000"/>
                  <a:gd name="connsiteX94" fmla="*/ 6351 w 10000"/>
                  <a:gd name="connsiteY94" fmla="*/ 5539 h 10000"/>
                  <a:gd name="connsiteX95" fmla="*/ 6375 w 10000"/>
                  <a:gd name="connsiteY95" fmla="*/ 5775 h 10000"/>
                  <a:gd name="connsiteX96" fmla="*/ 6375 w 10000"/>
                  <a:gd name="connsiteY96" fmla="*/ 5997 h 10000"/>
                  <a:gd name="connsiteX97" fmla="*/ 6351 w 10000"/>
                  <a:gd name="connsiteY97" fmla="*/ 6233 h 10000"/>
                  <a:gd name="connsiteX98" fmla="*/ 6301 w 10000"/>
                  <a:gd name="connsiteY98" fmla="*/ 6470 h 10000"/>
                  <a:gd name="connsiteX99" fmla="*/ 6250 w 10000"/>
                  <a:gd name="connsiteY99" fmla="*/ 6677 h 10000"/>
                  <a:gd name="connsiteX100" fmla="*/ 6176 w 10000"/>
                  <a:gd name="connsiteY100" fmla="*/ 6898 h 10000"/>
                  <a:gd name="connsiteX101" fmla="*/ 6076 w 10000"/>
                  <a:gd name="connsiteY101" fmla="*/ 7105 h 10000"/>
                  <a:gd name="connsiteX102" fmla="*/ 5951 w 10000"/>
                  <a:gd name="connsiteY102" fmla="*/ 7297 h 10000"/>
                  <a:gd name="connsiteX103" fmla="*/ 5800 w 10000"/>
                  <a:gd name="connsiteY103" fmla="*/ 7489 h 10000"/>
                  <a:gd name="connsiteX104" fmla="*/ 5650 w 10000"/>
                  <a:gd name="connsiteY104" fmla="*/ 7681 h 10000"/>
                  <a:gd name="connsiteX105" fmla="*/ 6375 w 10000"/>
                  <a:gd name="connsiteY105" fmla="*/ 7799 h 10000"/>
                  <a:gd name="connsiteX106" fmla="*/ 7126 w 10000"/>
                  <a:gd name="connsiteY106" fmla="*/ 7962 h 10000"/>
                  <a:gd name="connsiteX107" fmla="*/ 7275 w 10000"/>
                  <a:gd name="connsiteY107" fmla="*/ 8021 h 10000"/>
                  <a:gd name="connsiteX108" fmla="*/ 7400 w 10000"/>
                  <a:gd name="connsiteY108" fmla="*/ 8080 h 10000"/>
                  <a:gd name="connsiteX109" fmla="*/ 7525 w 10000"/>
                  <a:gd name="connsiteY109" fmla="*/ 8139 h 10000"/>
                  <a:gd name="connsiteX110" fmla="*/ 7601 w 10000"/>
                  <a:gd name="connsiteY110" fmla="*/ 8227 h 10000"/>
                  <a:gd name="connsiteX111" fmla="*/ 7626 w 10000"/>
                  <a:gd name="connsiteY111" fmla="*/ 8301 h 10000"/>
                  <a:gd name="connsiteX112" fmla="*/ 7626 w 10000"/>
                  <a:gd name="connsiteY112" fmla="*/ 8405 h 10000"/>
                  <a:gd name="connsiteX113" fmla="*/ 7576 w 10000"/>
                  <a:gd name="connsiteY113" fmla="*/ 8523 h 10000"/>
                  <a:gd name="connsiteX114" fmla="*/ 7501 w 10000"/>
                  <a:gd name="connsiteY114" fmla="*/ 8641 h 10000"/>
                  <a:gd name="connsiteX115" fmla="*/ 7175 w 10000"/>
                  <a:gd name="connsiteY115" fmla="*/ 8552 h 10000"/>
                  <a:gd name="connsiteX116" fmla="*/ 6875 w 10000"/>
                  <a:gd name="connsiteY116" fmla="*/ 8449 h 10000"/>
                  <a:gd name="connsiteX117" fmla="*/ 6575 w 10000"/>
                  <a:gd name="connsiteY117" fmla="*/ 8360 h 10000"/>
                  <a:gd name="connsiteX118" fmla="*/ 6274 w 10000"/>
                  <a:gd name="connsiteY118" fmla="*/ 8287 h 10000"/>
                  <a:gd name="connsiteX119" fmla="*/ 6150 w 10000"/>
                  <a:gd name="connsiteY119" fmla="*/ 8449 h 10000"/>
                  <a:gd name="connsiteX120" fmla="*/ 6051 w 10000"/>
                  <a:gd name="connsiteY120" fmla="*/ 8597 h 10000"/>
                  <a:gd name="connsiteX121" fmla="*/ 6000 w 10000"/>
                  <a:gd name="connsiteY121" fmla="*/ 8656 h 10000"/>
                  <a:gd name="connsiteX122" fmla="*/ 5900 w 10000"/>
                  <a:gd name="connsiteY122" fmla="*/ 8700 h 10000"/>
                  <a:gd name="connsiteX123" fmla="*/ 5826 w 10000"/>
                  <a:gd name="connsiteY123" fmla="*/ 8744 h 10000"/>
                  <a:gd name="connsiteX124" fmla="*/ 5751 w 10000"/>
                  <a:gd name="connsiteY124" fmla="*/ 8774 h 10000"/>
                  <a:gd name="connsiteX125" fmla="*/ 5675 w 10000"/>
                  <a:gd name="connsiteY125" fmla="*/ 8804 h 10000"/>
                  <a:gd name="connsiteX126" fmla="*/ 5576 w 10000"/>
                  <a:gd name="connsiteY126" fmla="*/ 8818 h 10000"/>
                  <a:gd name="connsiteX127" fmla="*/ 5450 w 10000"/>
                  <a:gd name="connsiteY127" fmla="*/ 8833 h 10000"/>
                  <a:gd name="connsiteX128" fmla="*/ 5325 w 10000"/>
                  <a:gd name="connsiteY128" fmla="*/ 8833 h 10000"/>
                  <a:gd name="connsiteX129" fmla="*/ 5026 w 10000"/>
                  <a:gd name="connsiteY129" fmla="*/ 8818 h 10000"/>
                  <a:gd name="connsiteX130" fmla="*/ 4650 w 10000"/>
                  <a:gd name="connsiteY130" fmla="*/ 8744 h 10000"/>
                  <a:gd name="connsiteX131" fmla="*/ 4650 w 10000"/>
                  <a:gd name="connsiteY131" fmla="*/ 8922 h 10000"/>
                  <a:gd name="connsiteX132" fmla="*/ 4625 w 10000"/>
                  <a:gd name="connsiteY132" fmla="*/ 9069 h 10000"/>
                  <a:gd name="connsiteX133" fmla="*/ 4601 w 10000"/>
                  <a:gd name="connsiteY133" fmla="*/ 9232 h 10000"/>
                  <a:gd name="connsiteX134" fmla="*/ 4575 w 10000"/>
                  <a:gd name="connsiteY134" fmla="*/ 9365 h 10000"/>
                  <a:gd name="connsiteX135" fmla="*/ 4525 w 10000"/>
                  <a:gd name="connsiteY135" fmla="*/ 9498 h 10000"/>
                  <a:gd name="connsiteX136" fmla="*/ 4426 w 10000"/>
                  <a:gd name="connsiteY136" fmla="*/ 9616 h 10000"/>
                  <a:gd name="connsiteX137" fmla="*/ 4350 w 10000"/>
                  <a:gd name="connsiteY137" fmla="*/ 9734 h 10000"/>
                  <a:gd name="connsiteX138" fmla="*/ 4225 w 10000"/>
                  <a:gd name="connsiteY138" fmla="*/ 9838 h 10000"/>
                  <a:gd name="connsiteX139" fmla="*/ 3924 w 10000"/>
                  <a:gd name="connsiteY139" fmla="*/ 9897 h 10000"/>
                  <a:gd name="connsiteX140" fmla="*/ 3675 w 10000"/>
                  <a:gd name="connsiteY140" fmla="*/ 9941 h 10000"/>
                  <a:gd name="connsiteX141" fmla="*/ 3375 w 10000"/>
                  <a:gd name="connsiteY141" fmla="*/ 9985 h 10000"/>
                  <a:gd name="connsiteX142" fmla="*/ 3150 w 10000"/>
                  <a:gd name="connsiteY142" fmla="*/ 10000 h 10000"/>
                  <a:gd name="connsiteX143" fmla="*/ 2650 w 10000"/>
                  <a:gd name="connsiteY143" fmla="*/ 10000 h 10000"/>
                  <a:gd name="connsiteX144" fmla="*/ 2175 w 10000"/>
                  <a:gd name="connsiteY144" fmla="*/ 9985 h 10000"/>
                  <a:gd name="connsiteX145" fmla="*/ 1726 w 10000"/>
                  <a:gd name="connsiteY145" fmla="*/ 9941 h 10000"/>
                  <a:gd name="connsiteX146" fmla="*/ 1251 w 10000"/>
                  <a:gd name="connsiteY146" fmla="*/ 9911 h 10000"/>
                  <a:gd name="connsiteX147" fmla="*/ 975 w 10000"/>
                  <a:gd name="connsiteY147" fmla="*/ 9911 h 10000"/>
                  <a:gd name="connsiteX148" fmla="*/ 725 w 10000"/>
                  <a:gd name="connsiteY148" fmla="*/ 9911 h 10000"/>
                  <a:gd name="connsiteX149" fmla="*/ 450 w 10000"/>
                  <a:gd name="connsiteY149" fmla="*/ 9926 h 10000"/>
                  <a:gd name="connsiteX150" fmla="*/ 175 w 10000"/>
                  <a:gd name="connsiteY150" fmla="*/ 9970 h 10000"/>
                  <a:gd name="connsiteX151" fmla="*/ 100 w 10000"/>
                  <a:gd name="connsiteY151" fmla="*/ 9867 h 10000"/>
                  <a:gd name="connsiteX152" fmla="*/ 50 w 10000"/>
                  <a:gd name="connsiteY152" fmla="*/ 9793 h 10000"/>
                  <a:gd name="connsiteX153" fmla="*/ 0 w 10000"/>
                  <a:gd name="connsiteY153" fmla="*/ 9705 h 10000"/>
                  <a:gd name="connsiteX154" fmla="*/ 0 w 10000"/>
                  <a:gd name="connsiteY154" fmla="*/ 9601 h 10000"/>
                  <a:gd name="connsiteX155" fmla="*/ 50 w 10000"/>
                  <a:gd name="connsiteY155" fmla="*/ 9424 h 10000"/>
                  <a:gd name="connsiteX156" fmla="*/ 100 w 10000"/>
                  <a:gd name="connsiteY156" fmla="*/ 9202 h 10000"/>
                  <a:gd name="connsiteX157" fmla="*/ 149 w 10000"/>
                  <a:gd name="connsiteY157" fmla="*/ 8996 h 10000"/>
                  <a:gd name="connsiteX158" fmla="*/ 200 w 10000"/>
                  <a:gd name="connsiteY158" fmla="*/ 8759 h 10000"/>
                  <a:gd name="connsiteX159" fmla="*/ 225 w 10000"/>
                  <a:gd name="connsiteY159" fmla="*/ 8641 h 10000"/>
                  <a:gd name="connsiteX160" fmla="*/ 225 w 10000"/>
                  <a:gd name="connsiteY160" fmla="*/ 8538 h 10000"/>
                  <a:gd name="connsiteX161" fmla="*/ 200 w 10000"/>
                  <a:gd name="connsiteY161" fmla="*/ 8405 h 10000"/>
                  <a:gd name="connsiteX162" fmla="*/ 175 w 10000"/>
                  <a:gd name="connsiteY162" fmla="*/ 8287 h 10000"/>
                  <a:gd name="connsiteX163" fmla="*/ 425 w 10000"/>
                  <a:gd name="connsiteY163" fmla="*/ 8213 h 10000"/>
                  <a:gd name="connsiteX164" fmla="*/ 675 w 10000"/>
                  <a:gd name="connsiteY164" fmla="*/ 8139 h 10000"/>
                  <a:gd name="connsiteX165" fmla="*/ 925 w 10000"/>
                  <a:gd name="connsiteY165" fmla="*/ 8095 h 10000"/>
                  <a:gd name="connsiteX166" fmla="*/ 1200 w 10000"/>
                  <a:gd name="connsiteY166" fmla="*/ 8065 h 10000"/>
                  <a:gd name="connsiteX167" fmla="*/ 1699 w 10000"/>
                  <a:gd name="connsiteY167" fmla="*/ 8021 h 10000"/>
                  <a:gd name="connsiteX168" fmla="*/ 2201 w 10000"/>
                  <a:gd name="connsiteY168" fmla="*/ 7976 h 10000"/>
                  <a:gd name="connsiteX169" fmla="*/ 2425 w 10000"/>
                  <a:gd name="connsiteY169" fmla="*/ 7947 h 10000"/>
                  <a:gd name="connsiteX170" fmla="*/ 2650 w 10000"/>
                  <a:gd name="connsiteY170" fmla="*/ 7917 h 10000"/>
                  <a:gd name="connsiteX171" fmla="*/ 2849 w 10000"/>
                  <a:gd name="connsiteY171" fmla="*/ 7843 h 10000"/>
                  <a:gd name="connsiteX172" fmla="*/ 3050 w 10000"/>
                  <a:gd name="connsiteY172" fmla="*/ 7784 h 10000"/>
                  <a:gd name="connsiteX173" fmla="*/ 3225 w 10000"/>
                  <a:gd name="connsiteY173" fmla="*/ 7710 h 10000"/>
                  <a:gd name="connsiteX174" fmla="*/ 3375 w 10000"/>
                  <a:gd name="connsiteY174" fmla="*/ 7592 h 10000"/>
                  <a:gd name="connsiteX175" fmla="*/ 3526 w 10000"/>
                  <a:gd name="connsiteY175" fmla="*/ 7474 h 10000"/>
                  <a:gd name="connsiteX176" fmla="*/ 3625 w 10000"/>
                  <a:gd name="connsiteY176" fmla="*/ 7312 h 10000"/>
                  <a:gd name="connsiteX177" fmla="*/ 3425 w 10000"/>
                  <a:gd name="connsiteY177" fmla="*/ 7238 h 10000"/>
                  <a:gd name="connsiteX178" fmla="*/ 3250 w 10000"/>
                  <a:gd name="connsiteY178" fmla="*/ 7179 h 10000"/>
                  <a:gd name="connsiteX179" fmla="*/ 3100 w 10000"/>
                  <a:gd name="connsiteY179" fmla="*/ 7090 h 10000"/>
                  <a:gd name="connsiteX180" fmla="*/ 2950 w 10000"/>
                  <a:gd name="connsiteY180" fmla="*/ 6987 h 10000"/>
                  <a:gd name="connsiteX181" fmla="*/ 2849 w 10000"/>
                  <a:gd name="connsiteY181" fmla="*/ 6869 h 10000"/>
                  <a:gd name="connsiteX182" fmla="*/ 2801 w 10000"/>
                  <a:gd name="connsiteY182" fmla="*/ 6721 h 10000"/>
                  <a:gd name="connsiteX183" fmla="*/ 2775 w 10000"/>
                  <a:gd name="connsiteY183" fmla="*/ 6558 h 10000"/>
                  <a:gd name="connsiteX184" fmla="*/ 2801 w 10000"/>
                  <a:gd name="connsiteY184" fmla="*/ 6352 h 10000"/>
                  <a:gd name="connsiteX185" fmla="*/ 2676 w 10000"/>
                  <a:gd name="connsiteY185" fmla="*/ 6322 h 10000"/>
                  <a:gd name="connsiteX186" fmla="*/ 2526 w 10000"/>
                  <a:gd name="connsiteY186" fmla="*/ 6292 h 10000"/>
                  <a:gd name="connsiteX187" fmla="*/ 2350 w 10000"/>
                  <a:gd name="connsiteY187" fmla="*/ 6278 h 10000"/>
                  <a:gd name="connsiteX188" fmla="*/ 2175 w 10000"/>
                  <a:gd name="connsiteY188" fmla="*/ 6263 h 10000"/>
                  <a:gd name="connsiteX189" fmla="*/ 1825 w 10000"/>
                  <a:gd name="connsiteY189" fmla="*/ 6248 h 10000"/>
                  <a:gd name="connsiteX190" fmla="*/ 1450 w 10000"/>
                  <a:gd name="connsiteY190" fmla="*/ 6263 h 10000"/>
                  <a:gd name="connsiteX191" fmla="*/ 1126 w 10000"/>
                  <a:gd name="connsiteY191" fmla="*/ 6278 h 10000"/>
                  <a:gd name="connsiteX192" fmla="*/ 825 w 10000"/>
                  <a:gd name="connsiteY192" fmla="*/ 6278 h 10000"/>
                  <a:gd name="connsiteX193" fmla="*/ 576 w 10000"/>
                  <a:gd name="connsiteY193" fmla="*/ 6263 h 10000"/>
                  <a:gd name="connsiteX194" fmla="*/ 375 w 10000"/>
                  <a:gd name="connsiteY194" fmla="*/ 6233 h 10000"/>
                  <a:gd name="connsiteX195" fmla="*/ 624 w 10000"/>
                  <a:gd name="connsiteY195" fmla="*/ 5805 h 10000"/>
                  <a:gd name="connsiteX196" fmla="*/ 900 w 10000"/>
                  <a:gd name="connsiteY196" fmla="*/ 5391 h 10000"/>
                  <a:gd name="connsiteX197" fmla="*/ 1001 w 10000"/>
                  <a:gd name="connsiteY197" fmla="*/ 5170 h 10000"/>
                  <a:gd name="connsiteX198" fmla="*/ 1075 w 10000"/>
                  <a:gd name="connsiteY198" fmla="*/ 4963 h 10000"/>
                  <a:gd name="connsiteX199" fmla="*/ 1099 w 10000"/>
                  <a:gd name="connsiteY199" fmla="*/ 4860 h 10000"/>
                  <a:gd name="connsiteX200" fmla="*/ 1075 w 10000"/>
                  <a:gd name="connsiteY200" fmla="*/ 4756 h 10000"/>
                  <a:gd name="connsiteX201" fmla="*/ 1050 w 10000"/>
                  <a:gd name="connsiteY201" fmla="*/ 4653 h 10000"/>
                  <a:gd name="connsiteX202" fmla="*/ 975 w 10000"/>
                  <a:gd name="connsiteY202" fmla="*/ 4549 h 10000"/>
                  <a:gd name="connsiteX203" fmla="*/ 1251 w 10000"/>
                  <a:gd name="connsiteY203" fmla="*/ 4520 h 10000"/>
                  <a:gd name="connsiteX204" fmla="*/ 1450 w 10000"/>
                  <a:gd name="connsiteY204" fmla="*/ 4505 h 10000"/>
                  <a:gd name="connsiteX205" fmla="*/ 1625 w 10000"/>
                  <a:gd name="connsiteY205" fmla="*/ 4505 h 10000"/>
                  <a:gd name="connsiteX206" fmla="*/ 1775 w 10000"/>
                  <a:gd name="connsiteY206" fmla="*/ 4520 h 10000"/>
                  <a:gd name="connsiteX207" fmla="*/ 1900 w 10000"/>
                  <a:gd name="connsiteY207" fmla="*/ 4520 h 10000"/>
                  <a:gd name="connsiteX208" fmla="*/ 2050 w 10000"/>
                  <a:gd name="connsiteY208" fmla="*/ 4520 h 10000"/>
                  <a:gd name="connsiteX209" fmla="*/ 2201 w 10000"/>
                  <a:gd name="connsiteY209" fmla="*/ 4490 h 10000"/>
                  <a:gd name="connsiteX210" fmla="*/ 2400 w 10000"/>
                  <a:gd name="connsiteY210" fmla="*/ 4446 h 10000"/>
                  <a:gd name="connsiteX211" fmla="*/ 2400 w 10000"/>
                  <a:gd name="connsiteY211" fmla="*/ 4579 h 10000"/>
                  <a:gd name="connsiteX212" fmla="*/ 2400 w 10000"/>
                  <a:gd name="connsiteY212" fmla="*/ 4742 h 10000"/>
                  <a:gd name="connsiteX213" fmla="*/ 2400 w 10000"/>
                  <a:gd name="connsiteY213" fmla="*/ 4874 h 10000"/>
                  <a:gd name="connsiteX214" fmla="*/ 2400 w 10000"/>
                  <a:gd name="connsiteY214" fmla="*/ 5037 h 10000"/>
                  <a:gd name="connsiteX215" fmla="*/ 2625 w 10000"/>
                  <a:gd name="connsiteY215" fmla="*/ 5022 h 10000"/>
                  <a:gd name="connsiteX216" fmla="*/ 2775 w 10000"/>
                  <a:gd name="connsiteY216" fmla="*/ 5037 h 10000"/>
                  <a:gd name="connsiteX217" fmla="*/ 2900 w 10000"/>
                  <a:gd name="connsiteY217" fmla="*/ 5066 h 10000"/>
                  <a:gd name="connsiteX218" fmla="*/ 3025 w 10000"/>
                  <a:gd name="connsiteY218" fmla="*/ 5096 h 10000"/>
                  <a:gd name="connsiteX219" fmla="*/ 3126 w 10000"/>
                  <a:gd name="connsiteY219" fmla="*/ 5126 h 10000"/>
                  <a:gd name="connsiteX220" fmla="*/ 3250 w 10000"/>
                  <a:gd name="connsiteY220" fmla="*/ 5155 h 10000"/>
                  <a:gd name="connsiteX221" fmla="*/ 3401 w 10000"/>
                  <a:gd name="connsiteY221" fmla="*/ 5170 h 10000"/>
                  <a:gd name="connsiteX222" fmla="*/ 3625 w 10000"/>
                  <a:gd name="connsiteY222" fmla="*/ 5155 h 10000"/>
                  <a:gd name="connsiteX223" fmla="*/ 3701 w 10000"/>
                  <a:gd name="connsiteY223" fmla="*/ 5096 h 10000"/>
                  <a:gd name="connsiteX224" fmla="*/ 3775 w 10000"/>
                  <a:gd name="connsiteY224" fmla="*/ 5022 h 10000"/>
                  <a:gd name="connsiteX225" fmla="*/ 3800 w 10000"/>
                  <a:gd name="connsiteY225" fmla="*/ 4934 h 10000"/>
                  <a:gd name="connsiteX226" fmla="*/ 3826 w 10000"/>
                  <a:gd name="connsiteY226" fmla="*/ 4860 h 10000"/>
                  <a:gd name="connsiteX227" fmla="*/ 3850 w 10000"/>
                  <a:gd name="connsiteY227" fmla="*/ 4697 h 10000"/>
                  <a:gd name="connsiteX228" fmla="*/ 3826 w 10000"/>
                  <a:gd name="connsiteY228" fmla="*/ 4520 h 10000"/>
                  <a:gd name="connsiteX229" fmla="*/ 3750 w 10000"/>
                  <a:gd name="connsiteY229" fmla="*/ 4343 h 10000"/>
                  <a:gd name="connsiteX230" fmla="*/ 3675 w 10000"/>
                  <a:gd name="connsiteY230" fmla="*/ 4195 h 10000"/>
                  <a:gd name="connsiteX231" fmla="*/ 3550 w 10000"/>
                  <a:gd name="connsiteY231" fmla="*/ 4047 h 10000"/>
                  <a:gd name="connsiteX232" fmla="*/ 3425 w 10000"/>
                  <a:gd name="connsiteY232" fmla="*/ 3959 h 10000"/>
                  <a:gd name="connsiteX233" fmla="*/ 3575 w 10000"/>
                  <a:gd name="connsiteY233" fmla="*/ 3944 h 10000"/>
                  <a:gd name="connsiteX234" fmla="*/ 3701 w 10000"/>
                  <a:gd name="connsiteY234" fmla="*/ 3914 h 10000"/>
                  <a:gd name="connsiteX235" fmla="*/ 3800 w 10000"/>
                  <a:gd name="connsiteY235" fmla="*/ 3855 h 10000"/>
                  <a:gd name="connsiteX236" fmla="*/ 3924 w 10000"/>
                  <a:gd name="connsiteY236" fmla="*/ 3752 h 10000"/>
                  <a:gd name="connsiteX237" fmla="*/ 4050 w 10000"/>
                  <a:gd name="connsiteY237" fmla="*/ 3663 h 10000"/>
                  <a:gd name="connsiteX238" fmla="*/ 4150 w 10000"/>
                  <a:gd name="connsiteY238" fmla="*/ 3560 h 10000"/>
                  <a:gd name="connsiteX239" fmla="*/ 4225 w 10000"/>
                  <a:gd name="connsiteY239" fmla="*/ 3442 h 10000"/>
                  <a:gd name="connsiteX240" fmla="*/ 4301 w 10000"/>
                  <a:gd name="connsiteY240" fmla="*/ 3323 h 10000"/>
                  <a:gd name="connsiteX241" fmla="*/ 4350 w 10000"/>
                  <a:gd name="connsiteY241" fmla="*/ 3220 h 10000"/>
                  <a:gd name="connsiteX242" fmla="*/ 4375 w 10000"/>
                  <a:gd name="connsiteY242" fmla="*/ 3102 h 10000"/>
                  <a:gd name="connsiteX243" fmla="*/ 4401 w 10000"/>
                  <a:gd name="connsiteY243" fmla="*/ 3013 h 10000"/>
                  <a:gd name="connsiteX244" fmla="*/ 4375 w 10000"/>
                  <a:gd name="connsiteY244" fmla="*/ 2939 h 10000"/>
                  <a:gd name="connsiteX245" fmla="*/ 4350 w 10000"/>
                  <a:gd name="connsiteY245" fmla="*/ 2866 h 10000"/>
                  <a:gd name="connsiteX246" fmla="*/ 4275 w 10000"/>
                  <a:gd name="connsiteY246" fmla="*/ 2836 h 10000"/>
                  <a:gd name="connsiteX247" fmla="*/ 4176 w 10000"/>
                  <a:gd name="connsiteY247" fmla="*/ 2836 h 10000"/>
                  <a:gd name="connsiteX248" fmla="*/ 4050 w 10000"/>
                  <a:gd name="connsiteY248" fmla="*/ 2866 h 10000"/>
                  <a:gd name="connsiteX249" fmla="*/ 4150 w 10000"/>
                  <a:gd name="connsiteY249" fmla="*/ 2777 h 10000"/>
                  <a:gd name="connsiteX250" fmla="*/ 4201 w 10000"/>
                  <a:gd name="connsiteY250" fmla="*/ 2674 h 10000"/>
                  <a:gd name="connsiteX251" fmla="*/ 4225 w 10000"/>
                  <a:gd name="connsiteY251" fmla="*/ 2541 h 10000"/>
                  <a:gd name="connsiteX252" fmla="*/ 4225 w 10000"/>
                  <a:gd name="connsiteY252" fmla="*/ 2393 h 10000"/>
                  <a:gd name="connsiteX253" fmla="*/ 4250 w 10000"/>
                  <a:gd name="connsiteY253" fmla="*/ 2349 h 10000"/>
                  <a:gd name="connsiteX254" fmla="*/ 4301 w 10000"/>
                  <a:gd name="connsiteY254" fmla="*/ 2304 h 10000"/>
                  <a:gd name="connsiteX255" fmla="*/ 4350 w 10000"/>
                  <a:gd name="connsiteY255" fmla="*/ 2290 h 10000"/>
                  <a:gd name="connsiteX256" fmla="*/ 4426 w 10000"/>
                  <a:gd name="connsiteY256" fmla="*/ 2275 h 10000"/>
                  <a:gd name="connsiteX257" fmla="*/ 4650 w 10000"/>
                  <a:gd name="connsiteY257" fmla="*/ 2260 h 10000"/>
                  <a:gd name="connsiteX258" fmla="*/ 4850 w 10000"/>
                  <a:gd name="connsiteY258" fmla="*/ 2275 h 10000"/>
                  <a:gd name="connsiteX259" fmla="*/ 4825 w 10000"/>
                  <a:gd name="connsiteY259" fmla="*/ 2112 h 10000"/>
                  <a:gd name="connsiteX260" fmla="*/ 4776 w 10000"/>
                  <a:gd name="connsiteY260" fmla="*/ 1950 h 10000"/>
                  <a:gd name="connsiteX261" fmla="*/ 4700 w 10000"/>
                  <a:gd name="connsiteY261" fmla="*/ 1802 h 10000"/>
                  <a:gd name="connsiteX262" fmla="*/ 4601 w 10000"/>
                  <a:gd name="connsiteY262" fmla="*/ 1640 h 10000"/>
                  <a:gd name="connsiteX263" fmla="*/ 4350 w 10000"/>
                  <a:gd name="connsiteY263" fmla="*/ 1329 h 10000"/>
                  <a:gd name="connsiteX264" fmla="*/ 4100 w 10000"/>
                  <a:gd name="connsiteY264" fmla="*/ 1034 h 10000"/>
                  <a:gd name="connsiteX265" fmla="*/ 3975 w 10000"/>
                  <a:gd name="connsiteY265" fmla="*/ 901 h 10000"/>
                  <a:gd name="connsiteX266" fmla="*/ 3876 w 10000"/>
                  <a:gd name="connsiteY266" fmla="*/ 753 h 10000"/>
                  <a:gd name="connsiteX267" fmla="*/ 3800 w 10000"/>
                  <a:gd name="connsiteY267" fmla="*/ 620 h 10000"/>
                  <a:gd name="connsiteX268" fmla="*/ 3775 w 10000"/>
                  <a:gd name="connsiteY268" fmla="*/ 487 h 10000"/>
                  <a:gd name="connsiteX269" fmla="*/ 3750 w 10000"/>
                  <a:gd name="connsiteY269" fmla="*/ 355 h 10000"/>
                  <a:gd name="connsiteX270" fmla="*/ 3800 w 10000"/>
                  <a:gd name="connsiteY270" fmla="*/ 222 h 10000"/>
                  <a:gd name="connsiteX271" fmla="*/ 3826 w 10000"/>
                  <a:gd name="connsiteY271" fmla="*/ 162 h 10000"/>
                  <a:gd name="connsiteX272" fmla="*/ 3876 w 10000"/>
                  <a:gd name="connsiteY272" fmla="*/ 103 h 10000"/>
                  <a:gd name="connsiteX273" fmla="*/ 3951 w 10000"/>
                  <a:gd name="connsiteY273" fmla="*/ 59 h 10000"/>
                  <a:gd name="connsiteX274" fmla="*/ 4050 w 10000"/>
                  <a:gd name="connsiteY274" fmla="*/ 0 h 10000"/>
                  <a:gd name="connsiteX0" fmla="*/ 4050 w 10000"/>
                  <a:gd name="connsiteY0" fmla="*/ 0 h 10000"/>
                  <a:gd name="connsiteX1" fmla="*/ 4225 w 10000"/>
                  <a:gd name="connsiteY1" fmla="*/ 0 h 10000"/>
                  <a:gd name="connsiteX2" fmla="*/ 4401 w 10000"/>
                  <a:gd name="connsiteY2" fmla="*/ 15 h 10000"/>
                  <a:gd name="connsiteX3" fmla="*/ 4575 w 10000"/>
                  <a:gd name="connsiteY3" fmla="*/ 44 h 10000"/>
                  <a:gd name="connsiteX4" fmla="*/ 4700 w 10000"/>
                  <a:gd name="connsiteY4" fmla="*/ 89 h 10000"/>
                  <a:gd name="connsiteX5" fmla="*/ 4901 w 10000"/>
                  <a:gd name="connsiteY5" fmla="*/ 192 h 10000"/>
                  <a:gd name="connsiteX6" fmla="*/ 5100 w 10000"/>
                  <a:gd name="connsiteY6" fmla="*/ 340 h 10000"/>
                  <a:gd name="connsiteX7" fmla="*/ 5250 w 10000"/>
                  <a:gd name="connsiteY7" fmla="*/ 473 h 10000"/>
                  <a:gd name="connsiteX8" fmla="*/ 5450 w 10000"/>
                  <a:gd name="connsiteY8" fmla="*/ 591 h 10000"/>
                  <a:gd name="connsiteX9" fmla="*/ 5576 w 10000"/>
                  <a:gd name="connsiteY9" fmla="*/ 650 h 10000"/>
                  <a:gd name="connsiteX10" fmla="*/ 5725 w 10000"/>
                  <a:gd name="connsiteY10" fmla="*/ 679 h 10000"/>
                  <a:gd name="connsiteX11" fmla="*/ 5876 w 10000"/>
                  <a:gd name="connsiteY11" fmla="*/ 709 h 10000"/>
                  <a:gd name="connsiteX12" fmla="*/ 6076 w 10000"/>
                  <a:gd name="connsiteY12" fmla="*/ 709 h 10000"/>
                  <a:gd name="connsiteX13" fmla="*/ 6076 w 10000"/>
                  <a:gd name="connsiteY13" fmla="*/ 768 h 10000"/>
                  <a:gd name="connsiteX14" fmla="*/ 6101 w 10000"/>
                  <a:gd name="connsiteY14" fmla="*/ 842 h 10000"/>
                  <a:gd name="connsiteX15" fmla="*/ 6150 w 10000"/>
                  <a:gd name="connsiteY15" fmla="*/ 916 h 10000"/>
                  <a:gd name="connsiteX16" fmla="*/ 6200 w 10000"/>
                  <a:gd name="connsiteY16" fmla="*/ 990 h 10000"/>
                  <a:gd name="connsiteX17" fmla="*/ 6274 w 10000"/>
                  <a:gd name="connsiteY17" fmla="*/ 1049 h 10000"/>
                  <a:gd name="connsiteX18" fmla="*/ 6375 w 10000"/>
                  <a:gd name="connsiteY18" fmla="*/ 1108 h 10000"/>
                  <a:gd name="connsiteX19" fmla="*/ 6500 w 10000"/>
                  <a:gd name="connsiteY19" fmla="*/ 1182 h 10000"/>
                  <a:gd name="connsiteX20" fmla="*/ 6600 w 10000"/>
                  <a:gd name="connsiteY20" fmla="*/ 1226 h 10000"/>
                  <a:gd name="connsiteX21" fmla="*/ 6701 w 10000"/>
                  <a:gd name="connsiteY21" fmla="*/ 1270 h 10000"/>
                  <a:gd name="connsiteX22" fmla="*/ 6800 w 10000"/>
                  <a:gd name="connsiteY22" fmla="*/ 1300 h 10000"/>
                  <a:gd name="connsiteX23" fmla="*/ 6901 w 10000"/>
                  <a:gd name="connsiteY23" fmla="*/ 1315 h 10000"/>
                  <a:gd name="connsiteX24" fmla="*/ 7026 w 10000"/>
                  <a:gd name="connsiteY24" fmla="*/ 1300 h 10000"/>
                  <a:gd name="connsiteX25" fmla="*/ 7126 w 10000"/>
                  <a:gd name="connsiteY25" fmla="*/ 1285 h 10000"/>
                  <a:gd name="connsiteX26" fmla="*/ 7200 w 10000"/>
                  <a:gd name="connsiteY26" fmla="*/ 1241 h 10000"/>
                  <a:gd name="connsiteX27" fmla="*/ 7251 w 10000"/>
                  <a:gd name="connsiteY27" fmla="*/ 1167 h 10000"/>
                  <a:gd name="connsiteX28" fmla="*/ 7275 w 10000"/>
                  <a:gd name="connsiteY28" fmla="*/ 1064 h 10000"/>
                  <a:gd name="connsiteX29" fmla="*/ 7650 w 10000"/>
                  <a:gd name="connsiteY29" fmla="*/ 1034 h 10000"/>
                  <a:gd name="connsiteX30" fmla="*/ 8000 w 10000"/>
                  <a:gd name="connsiteY30" fmla="*/ 1004 h 10000"/>
                  <a:gd name="connsiteX31" fmla="*/ 8301 w 10000"/>
                  <a:gd name="connsiteY31" fmla="*/ 990 h 10000"/>
                  <a:gd name="connsiteX32" fmla="*/ 8576 w 10000"/>
                  <a:gd name="connsiteY32" fmla="*/ 1004 h 10000"/>
                  <a:gd name="connsiteX33" fmla="*/ 8701 w 10000"/>
                  <a:gd name="connsiteY33" fmla="*/ 1019 h 10000"/>
                  <a:gd name="connsiteX34" fmla="*/ 8825 w 10000"/>
                  <a:gd name="connsiteY34" fmla="*/ 1034 h 10000"/>
                  <a:gd name="connsiteX35" fmla="*/ 8926 w 10000"/>
                  <a:gd name="connsiteY35" fmla="*/ 1064 h 10000"/>
                  <a:gd name="connsiteX36" fmla="*/ 9051 w 10000"/>
                  <a:gd name="connsiteY36" fmla="*/ 1108 h 10000"/>
                  <a:gd name="connsiteX37" fmla="*/ 9126 w 10000"/>
                  <a:gd name="connsiteY37" fmla="*/ 1182 h 10000"/>
                  <a:gd name="connsiteX38" fmla="*/ 9200 w 10000"/>
                  <a:gd name="connsiteY38" fmla="*/ 1241 h 10000"/>
                  <a:gd name="connsiteX39" fmla="*/ 9251 w 10000"/>
                  <a:gd name="connsiteY39" fmla="*/ 1329 h 10000"/>
                  <a:gd name="connsiteX40" fmla="*/ 9301 w 10000"/>
                  <a:gd name="connsiteY40" fmla="*/ 1433 h 10000"/>
                  <a:gd name="connsiteX41" fmla="*/ 9351 w 10000"/>
                  <a:gd name="connsiteY41" fmla="*/ 1551 h 10000"/>
                  <a:gd name="connsiteX42" fmla="*/ 9325 w 10000"/>
                  <a:gd name="connsiteY42" fmla="*/ 1625 h 10000"/>
                  <a:gd name="connsiteX43" fmla="*/ 9301 w 10000"/>
                  <a:gd name="connsiteY43" fmla="*/ 1684 h 10000"/>
                  <a:gd name="connsiteX44" fmla="*/ 9251 w 10000"/>
                  <a:gd name="connsiteY44" fmla="*/ 1758 h 10000"/>
                  <a:gd name="connsiteX45" fmla="*/ 9176 w 10000"/>
                  <a:gd name="connsiteY45" fmla="*/ 1802 h 10000"/>
                  <a:gd name="connsiteX46" fmla="*/ 9126 w 10000"/>
                  <a:gd name="connsiteY46" fmla="*/ 1861 h 10000"/>
                  <a:gd name="connsiteX47" fmla="*/ 9102 w 10000"/>
                  <a:gd name="connsiteY47" fmla="*/ 1935 h 10000"/>
                  <a:gd name="connsiteX48" fmla="*/ 9126 w 10000"/>
                  <a:gd name="connsiteY48" fmla="*/ 2024 h 10000"/>
                  <a:gd name="connsiteX49" fmla="*/ 9401 w 10000"/>
                  <a:gd name="connsiteY49" fmla="*/ 2157 h 10000"/>
                  <a:gd name="connsiteX50" fmla="*/ 9726 w 10000"/>
                  <a:gd name="connsiteY50" fmla="*/ 2275 h 10000"/>
                  <a:gd name="connsiteX51" fmla="*/ 9851 w 10000"/>
                  <a:gd name="connsiteY51" fmla="*/ 2349 h 10000"/>
                  <a:gd name="connsiteX52" fmla="*/ 10000 w 10000"/>
                  <a:gd name="connsiteY52" fmla="*/ 2422 h 10000"/>
                  <a:gd name="connsiteX53" fmla="*/ 7026 w 10000"/>
                  <a:gd name="connsiteY53" fmla="*/ 4564 h 10000"/>
                  <a:gd name="connsiteX54" fmla="*/ 6901 w 10000"/>
                  <a:gd name="connsiteY54" fmla="*/ 4638 h 10000"/>
                  <a:gd name="connsiteX55" fmla="*/ 6901 w 10000"/>
                  <a:gd name="connsiteY55" fmla="*/ 4697 h 10000"/>
                  <a:gd name="connsiteX56" fmla="*/ 6875 w 10000"/>
                  <a:gd name="connsiteY56" fmla="*/ 4801 h 10000"/>
                  <a:gd name="connsiteX57" fmla="*/ 6875 w 10000"/>
                  <a:gd name="connsiteY57" fmla="*/ 4904 h 10000"/>
                  <a:gd name="connsiteX58" fmla="*/ 6751 w 10000"/>
                  <a:gd name="connsiteY58" fmla="*/ 4860 h 10000"/>
                  <a:gd name="connsiteX59" fmla="*/ 6675 w 10000"/>
                  <a:gd name="connsiteY59" fmla="*/ 4801 h 10000"/>
                  <a:gd name="connsiteX60" fmla="*/ 6600 w 10000"/>
                  <a:gd name="connsiteY60" fmla="*/ 4727 h 10000"/>
                  <a:gd name="connsiteX61" fmla="*/ 6526 w 10000"/>
                  <a:gd name="connsiteY61" fmla="*/ 4638 h 10000"/>
                  <a:gd name="connsiteX62" fmla="*/ 6401 w 10000"/>
                  <a:gd name="connsiteY62" fmla="*/ 4476 h 10000"/>
                  <a:gd name="connsiteX63" fmla="*/ 6274 w 10000"/>
                  <a:gd name="connsiteY63" fmla="*/ 4313 h 10000"/>
                  <a:gd name="connsiteX64" fmla="*/ 6426 w 10000"/>
                  <a:gd name="connsiteY64" fmla="*/ 4210 h 10000"/>
                  <a:gd name="connsiteX65" fmla="*/ 8150 w 10000"/>
                  <a:gd name="connsiteY65" fmla="*/ 3663 h 10000"/>
                  <a:gd name="connsiteX66" fmla="*/ 8401 w 10000"/>
                  <a:gd name="connsiteY66" fmla="*/ 3589 h 10000"/>
                  <a:gd name="connsiteX67" fmla="*/ 8651 w 10000"/>
                  <a:gd name="connsiteY67" fmla="*/ 3516 h 10000"/>
                  <a:gd name="connsiteX68" fmla="*/ 8850 w 10000"/>
                  <a:gd name="connsiteY68" fmla="*/ 3412 h 10000"/>
                  <a:gd name="connsiteX69" fmla="*/ 9051 w 10000"/>
                  <a:gd name="connsiteY69" fmla="*/ 3338 h 10000"/>
                  <a:gd name="connsiteX70" fmla="*/ 9176 w 10000"/>
                  <a:gd name="connsiteY70" fmla="*/ 3235 h 10000"/>
                  <a:gd name="connsiteX71" fmla="*/ 9275 w 10000"/>
                  <a:gd name="connsiteY71" fmla="*/ 3117 h 10000"/>
                  <a:gd name="connsiteX72" fmla="*/ 9301 w 10000"/>
                  <a:gd name="connsiteY72" fmla="*/ 3072 h 10000"/>
                  <a:gd name="connsiteX73" fmla="*/ 9325 w 10000"/>
                  <a:gd name="connsiteY73" fmla="*/ 3013 h 10000"/>
                  <a:gd name="connsiteX74" fmla="*/ 9325 w 10000"/>
                  <a:gd name="connsiteY74" fmla="*/ 2954 h 10000"/>
                  <a:gd name="connsiteX75" fmla="*/ 9301 w 10000"/>
                  <a:gd name="connsiteY75" fmla="*/ 2866 h 10000"/>
                  <a:gd name="connsiteX76" fmla="*/ 9126 w 10000"/>
                  <a:gd name="connsiteY76" fmla="*/ 2984 h 10000"/>
                  <a:gd name="connsiteX77" fmla="*/ 8926 w 10000"/>
                  <a:gd name="connsiteY77" fmla="*/ 3072 h 10000"/>
                  <a:gd name="connsiteX78" fmla="*/ 8725 w 10000"/>
                  <a:gd name="connsiteY78" fmla="*/ 3161 h 10000"/>
                  <a:gd name="connsiteX79" fmla="*/ 8526 w 10000"/>
                  <a:gd name="connsiteY79" fmla="*/ 3250 h 10000"/>
                  <a:gd name="connsiteX80" fmla="*/ 8075 w 10000"/>
                  <a:gd name="connsiteY80" fmla="*/ 3397 h 10000"/>
                  <a:gd name="connsiteX81" fmla="*/ 7601 w 10000"/>
                  <a:gd name="connsiteY81" fmla="*/ 3545 h 10000"/>
                  <a:gd name="connsiteX82" fmla="*/ 7126 w 10000"/>
                  <a:gd name="connsiteY82" fmla="*/ 3678 h 10000"/>
                  <a:gd name="connsiteX83" fmla="*/ 6675 w 10000"/>
                  <a:gd name="connsiteY83" fmla="*/ 3840 h 10000"/>
                  <a:gd name="connsiteX84" fmla="*/ 6450 w 10000"/>
                  <a:gd name="connsiteY84" fmla="*/ 3914 h 10000"/>
                  <a:gd name="connsiteX85" fmla="*/ 6250 w 10000"/>
                  <a:gd name="connsiteY85" fmla="*/ 4003 h 10000"/>
                  <a:gd name="connsiteX86" fmla="*/ 6051 w 10000"/>
                  <a:gd name="connsiteY86" fmla="*/ 4106 h 10000"/>
                  <a:gd name="connsiteX87" fmla="*/ 5850 w 10000"/>
                  <a:gd name="connsiteY87" fmla="*/ 4195 h 10000"/>
                  <a:gd name="connsiteX88" fmla="*/ 6000 w 10000"/>
                  <a:gd name="connsiteY88" fmla="*/ 4417 h 10000"/>
                  <a:gd name="connsiteX89" fmla="*/ 6101 w 10000"/>
                  <a:gd name="connsiteY89" fmla="*/ 4623 h 10000"/>
                  <a:gd name="connsiteX90" fmla="*/ 6200 w 10000"/>
                  <a:gd name="connsiteY90" fmla="*/ 4845 h 10000"/>
                  <a:gd name="connsiteX91" fmla="*/ 6274 w 10000"/>
                  <a:gd name="connsiteY91" fmla="*/ 5081 h 10000"/>
                  <a:gd name="connsiteX92" fmla="*/ 6325 w 10000"/>
                  <a:gd name="connsiteY92" fmla="*/ 5318 h 10000"/>
                  <a:gd name="connsiteX93" fmla="*/ 6351 w 10000"/>
                  <a:gd name="connsiteY93" fmla="*/ 5539 h 10000"/>
                  <a:gd name="connsiteX94" fmla="*/ 6375 w 10000"/>
                  <a:gd name="connsiteY94" fmla="*/ 5775 h 10000"/>
                  <a:gd name="connsiteX95" fmla="*/ 6375 w 10000"/>
                  <a:gd name="connsiteY95" fmla="*/ 5997 h 10000"/>
                  <a:gd name="connsiteX96" fmla="*/ 6351 w 10000"/>
                  <a:gd name="connsiteY96" fmla="*/ 6233 h 10000"/>
                  <a:gd name="connsiteX97" fmla="*/ 6301 w 10000"/>
                  <a:gd name="connsiteY97" fmla="*/ 6470 h 10000"/>
                  <a:gd name="connsiteX98" fmla="*/ 6250 w 10000"/>
                  <a:gd name="connsiteY98" fmla="*/ 6677 h 10000"/>
                  <a:gd name="connsiteX99" fmla="*/ 6176 w 10000"/>
                  <a:gd name="connsiteY99" fmla="*/ 6898 h 10000"/>
                  <a:gd name="connsiteX100" fmla="*/ 6076 w 10000"/>
                  <a:gd name="connsiteY100" fmla="*/ 7105 h 10000"/>
                  <a:gd name="connsiteX101" fmla="*/ 5951 w 10000"/>
                  <a:gd name="connsiteY101" fmla="*/ 7297 h 10000"/>
                  <a:gd name="connsiteX102" fmla="*/ 5800 w 10000"/>
                  <a:gd name="connsiteY102" fmla="*/ 7489 h 10000"/>
                  <a:gd name="connsiteX103" fmla="*/ 5650 w 10000"/>
                  <a:gd name="connsiteY103" fmla="*/ 7681 h 10000"/>
                  <a:gd name="connsiteX104" fmla="*/ 6375 w 10000"/>
                  <a:gd name="connsiteY104" fmla="*/ 7799 h 10000"/>
                  <a:gd name="connsiteX105" fmla="*/ 7126 w 10000"/>
                  <a:gd name="connsiteY105" fmla="*/ 7962 h 10000"/>
                  <a:gd name="connsiteX106" fmla="*/ 7275 w 10000"/>
                  <a:gd name="connsiteY106" fmla="*/ 8021 h 10000"/>
                  <a:gd name="connsiteX107" fmla="*/ 7400 w 10000"/>
                  <a:gd name="connsiteY107" fmla="*/ 8080 h 10000"/>
                  <a:gd name="connsiteX108" fmla="*/ 7525 w 10000"/>
                  <a:gd name="connsiteY108" fmla="*/ 8139 h 10000"/>
                  <a:gd name="connsiteX109" fmla="*/ 7601 w 10000"/>
                  <a:gd name="connsiteY109" fmla="*/ 8227 h 10000"/>
                  <a:gd name="connsiteX110" fmla="*/ 7626 w 10000"/>
                  <a:gd name="connsiteY110" fmla="*/ 8301 h 10000"/>
                  <a:gd name="connsiteX111" fmla="*/ 7626 w 10000"/>
                  <a:gd name="connsiteY111" fmla="*/ 8405 h 10000"/>
                  <a:gd name="connsiteX112" fmla="*/ 7576 w 10000"/>
                  <a:gd name="connsiteY112" fmla="*/ 8523 h 10000"/>
                  <a:gd name="connsiteX113" fmla="*/ 7501 w 10000"/>
                  <a:gd name="connsiteY113" fmla="*/ 8641 h 10000"/>
                  <a:gd name="connsiteX114" fmla="*/ 7175 w 10000"/>
                  <a:gd name="connsiteY114" fmla="*/ 8552 h 10000"/>
                  <a:gd name="connsiteX115" fmla="*/ 6875 w 10000"/>
                  <a:gd name="connsiteY115" fmla="*/ 8449 h 10000"/>
                  <a:gd name="connsiteX116" fmla="*/ 6575 w 10000"/>
                  <a:gd name="connsiteY116" fmla="*/ 8360 h 10000"/>
                  <a:gd name="connsiteX117" fmla="*/ 6274 w 10000"/>
                  <a:gd name="connsiteY117" fmla="*/ 8287 h 10000"/>
                  <a:gd name="connsiteX118" fmla="*/ 6150 w 10000"/>
                  <a:gd name="connsiteY118" fmla="*/ 8449 h 10000"/>
                  <a:gd name="connsiteX119" fmla="*/ 6051 w 10000"/>
                  <a:gd name="connsiteY119" fmla="*/ 8597 h 10000"/>
                  <a:gd name="connsiteX120" fmla="*/ 6000 w 10000"/>
                  <a:gd name="connsiteY120" fmla="*/ 8656 h 10000"/>
                  <a:gd name="connsiteX121" fmla="*/ 5900 w 10000"/>
                  <a:gd name="connsiteY121" fmla="*/ 8700 h 10000"/>
                  <a:gd name="connsiteX122" fmla="*/ 5826 w 10000"/>
                  <a:gd name="connsiteY122" fmla="*/ 8744 h 10000"/>
                  <a:gd name="connsiteX123" fmla="*/ 5751 w 10000"/>
                  <a:gd name="connsiteY123" fmla="*/ 8774 h 10000"/>
                  <a:gd name="connsiteX124" fmla="*/ 5675 w 10000"/>
                  <a:gd name="connsiteY124" fmla="*/ 8804 h 10000"/>
                  <a:gd name="connsiteX125" fmla="*/ 5576 w 10000"/>
                  <a:gd name="connsiteY125" fmla="*/ 8818 h 10000"/>
                  <a:gd name="connsiteX126" fmla="*/ 5450 w 10000"/>
                  <a:gd name="connsiteY126" fmla="*/ 8833 h 10000"/>
                  <a:gd name="connsiteX127" fmla="*/ 5325 w 10000"/>
                  <a:gd name="connsiteY127" fmla="*/ 8833 h 10000"/>
                  <a:gd name="connsiteX128" fmla="*/ 5026 w 10000"/>
                  <a:gd name="connsiteY128" fmla="*/ 8818 h 10000"/>
                  <a:gd name="connsiteX129" fmla="*/ 4650 w 10000"/>
                  <a:gd name="connsiteY129" fmla="*/ 8744 h 10000"/>
                  <a:gd name="connsiteX130" fmla="*/ 4650 w 10000"/>
                  <a:gd name="connsiteY130" fmla="*/ 8922 h 10000"/>
                  <a:gd name="connsiteX131" fmla="*/ 4625 w 10000"/>
                  <a:gd name="connsiteY131" fmla="*/ 9069 h 10000"/>
                  <a:gd name="connsiteX132" fmla="*/ 4601 w 10000"/>
                  <a:gd name="connsiteY132" fmla="*/ 9232 h 10000"/>
                  <a:gd name="connsiteX133" fmla="*/ 4575 w 10000"/>
                  <a:gd name="connsiteY133" fmla="*/ 9365 h 10000"/>
                  <a:gd name="connsiteX134" fmla="*/ 4525 w 10000"/>
                  <a:gd name="connsiteY134" fmla="*/ 9498 h 10000"/>
                  <a:gd name="connsiteX135" fmla="*/ 4426 w 10000"/>
                  <a:gd name="connsiteY135" fmla="*/ 9616 h 10000"/>
                  <a:gd name="connsiteX136" fmla="*/ 4350 w 10000"/>
                  <a:gd name="connsiteY136" fmla="*/ 9734 h 10000"/>
                  <a:gd name="connsiteX137" fmla="*/ 4225 w 10000"/>
                  <a:gd name="connsiteY137" fmla="*/ 9838 h 10000"/>
                  <a:gd name="connsiteX138" fmla="*/ 3924 w 10000"/>
                  <a:gd name="connsiteY138" fmla="*/ 9897 h 10000"/>
                  <a:gd name="connsiteX139" fmla="*/ 3675 w 10000"/>
                  <a:gd name="connsiteY139" fmla="*/ 9941 h 10000"/>
                  <a:gd name="connsiteX140" fmla="*/ 3375 w 10000"/>
                  <a:gd name="connsiteY140" fmla="*/ 9985 h 10000"/>
                  <a:gd name="connsiteX141" fmla="*/ 3150 w 10000"/>
                  <a:gd name="connsiteY141" fmla="*/ 10000 h 10000"/>
                  <a:gd name="connsiteX142" fmla="*/ 2650 w 10000"/>
                  <a:gd name="connsiteY142" fmla="*/ 10000 h 10000"/>
                  <a:gd name="connsiteX143" fmla="*/ 2175 w 10000"/>
                  <a:gd name="connsiteY143" fmla="*/ 9985 h 10000"/>
                  <a:gd name="connsiteX144" fmla="*/ 1726 w 10000"/>
                  <a:gd name="connsiteY144" fmla="*/ 9941 h 10000"/>
                  <a:gd name="connsiteX145" fmla="*/ 1251 w 10000"/>
                  <a:gd name="connsiteY145" fmla="*/ 9911 h 10000"/>
                  <a:gd name="connsiteX146" fmla="*/ 975 w 10000"/>
                  <a:gd name="connsiteY146" fmla="*/ 9911 h 10000"/>
                  <a:gd name="connsiteX147" fmla="*/ 725 w 10000"/>
                  <a:gd name="connsiteY147" fmla="*/ 9911 h 10000"/>
                  <a:gd name="connsiteX148" fmla="*/ 450 w 10000"/>
                  <a:gd name="connsiteY148" fmla="*/ 9926 h 10000"/>
                  <a:gd name="connsiteX149" fmla="*/ 175 w 10000"/>
                  <a:gd name="connsiteY149" fmla="*/ 9970 h 10000"/>
                  <a:gd name="connsiteX150" fmla="*/ 100 w 10000"/>
                  <a:gd name="connsiteY150" fmla="*/ 9867 h 10000"/>
                  <a:gd name="connsiteX151" fmla="*/ 50 w 10000"/>
                  <a:gd name="connsiteY151" fmla="*/ 9793 h 10000"/>
                  <a:gd name="connsiteX152" fmla="*/ 0 w 10000"/>
                  <a:gd name="connsiteY152" fmla="*/ 9705 h 10000"/>
                  <a:gd name="connsiteX153" fmla="*/ 0 w 10000"/>
                  <a:gd name="connsiteY153" fmla="*/ 9601 h 10000"/>
                  <a:gd name="connsiteX154" fmla="*/ 50 w 10000"/>
                  <a:gd name="connsiteY154" fmla="*/ 9424 h 10000"/>
                  <a:gd name="connsiteX155" fmla="*/ 100 w 10000"/>
                  <a:gd name="connsiteY155" fmla="*/ 9202 h 10000"/>
                  <a:gd name="connsiteX156" fmla="*/ 149 w 10000"/>
                  <a:gd name="connsiteY156" fmla="*/ 8996 h 10000"/>
                  <a:gd name="connsiteX157" fmla="*/ 200 w 10000"/>
                  <a:gd name="connsiteY157" fmla="*/ 8759 h 10000"/>
                  <a:gd name="connsiteX158" fmla="*/ 225 w 10000"/>
                  <a:gd name="connsiteY158" fmla="*/ 8641 h 10000"/>
                  <a:gd name="connsiteX159" fmla="*/ 225 w 10000"/>
                  <a:gd name="connsiteY159" fmla="*/ 8538 h 10000"/>
                  <a:gd name="connsiteX160" fmla="*/ 200 w 10000"/>
                  <a:gd name="connsiteY160" fmla="*/ 8405 h 10000"/>
                  <a:gd name="connsiteX161" fmla="*/ 175 w 10000"/>
                  <a:gd name="connsiteY161" fmla="*/ 8287 h 10000"/>
                  <a:gd name="connsiteX162" fmla="*/ 425 w 10000"/>
                  <a:gd name="connsiteY162" fmla="*/ 8213 h 10000"/>
                  <a:gd name="connsiteX163" fmla="*/ 675 w 10000"/>
                  <a:gd name="connsiteY163" fmla="*/ 8139 h 10000"/>
                  <a:gd name="connsiteX164" fmla="*/ 925 w 10000"/>
                  <a:gd name="connsiteY164" fmla="*/ 8095 h 10000"/>
                  <a:gd name="connsiteX165" fmla="*/ 1200 w 10000"/>
                  <a:gd name="connsiteY165" fmla="*/ 8065 h 10000"/>
                  <a:gd name="connsiteX166" fmla="*/ 1699 w 10000"/>
                  <a:gd name="connsiteY166" fmla="*/ 8021 h 10000"/>
                  <a:gd name="connsiteX167" fmla="*/ 2201 w 10000"/>
                  <a:gd name="connsiteY167" fmla="*/ 7976 h 10000"/>
                  <a:gd name="connsiteX168" fmla="*/ 2425 w 10000"/>
                  <a:gd name="connsiteY168" fmla="*/ 7947 h 10000"/>
                  <a:gd name="connsiteX169" fmla="*/ 2650 w 10000"/>
                  <a:gd name="connsiteY169" fmla="*/ 7917 h 10000"/>
                  <a:gd name="connsiteX170" fmla="*/ 2849 w 10000"/>
                  <a:gd name="connsiteY170" fmla="*/ 7843 h 10000"/>
                  <a:gd name="connsiteX171" fmla="*/ 3050 w 10000"/>
                  <a:gd name="connsiteY171" fmla="*/ 7784 h 10000"/>
                  <a:gd name="connsiteX172" fmla="*/ 3225 w 10000"/>
                  <a:gd name="connsiteY172" fmla="*/ 7710 h 10000"/>
                  <a:gd name="connsiteX173" fmla="*/ 3375 w 10000"/>
                  <a:gd name="connsiteY173" fmla="*/ 7592 h 10000"/>
                  <a:gd name="connsiteX174" fmla="*/ 3526 w 10000"/>
                  <a:gd name="connsiteY174" fmla="*/ 7474 h 10000"/>
                  <a:gd name="connsiteX175" fmla="*/ 3625 w 10000"/>
                  <a:gd name="connsiteY175" fmla="*/ 7312 h 10000"/>
                  <a:gd name="connsiteX176" fmla="*/ 3425 w 10000"/>
                  <a:gd name="connsiteY176" fmla="*/ 7238 h 10000"/>
                  <a:gd name="connsiteX177" fmla="*/ 3250 w 10000"/>
                  <a:gd name="connsiteY177" fmla="*/ 7179 h 10000"/>
                  <a:gd name="connsiteX178" fmla="*/ 3100 w 10000"/>
                  <a:gd name="connsiteY178" fmla="*/ 7090 h 10000"/>
                  <a:gd name="connsiteX179" fmla="*/ 2950 w 10000"/>
                  <a:gd name="connsiteY179" fmla="*/ 6987 h 10000"/>
                  <a:gd name="connsiteX180" fmla="*/ 2849 w 10000"/>
                  <a:gd name="connsiteY180" fmla="*/ 6869 h 10000"/>
                  <a:gd name="connsiteX181" fmla="*/ 2801 w 10000"/>
                  <a:gd name="connsiteY181" fmla="*/ 6721 h 10000"/>
                  <a:gd name="connsiteX182" fmla="*/ 2775 w 10000"/>
                  <a:gd name="connsiteY182" fmla="*/ 6558 h 10000"/>
                  <a:gd name="connsiteX183" fmla="*/ 2801 w 10000"/>
                  <a:gd name="connsiteY183" fmla="*/ 6352 h 10000"/>
                  <a:gd name="connsiteX184" fmla="*/ 2676 w 10000"/>
                  <a:gd name="connsiteY184" fmla="*/ 6322 h 10000"/>
                  <a:gd name="connsiteX185" fmla="*/ 2526 w 10000"/>
                  <a:gd name="connsiteY185" fmla="*/ 6292 h 10000"/>
                  <a:gd name="connsiteX186" fmla="*/ 2350 w 10000"/>
                  <a:gd name="connsiteY186" fmla="*/ 6278 h 10000"/>
                  <a:gd name="connsiteX187" fmla="*/ 2175 w 10000"/>
                  <a:gd name="connsiteY187" fmla="*/ 6263 h 10000"/>
                  <a:gd name="connsiteX188" fmla="*/ 1825 w 10000"/>
                  <a:gd name="connsiteY188" fmla="*/ 6248 h 10000"/>
                  <a:gd name="connsiteX189" fmla="*/ 1450 w 10000"/>
                  <a:gd name="connsiteY189" fmla="*/ 6263 h 10000"/>
                  <a:gd name="connsiteX190" fmla="*/ 1126 w 10000"/>
                  <a:gd name="connsiteY190" fmla="*/ 6278 h 10000"/>
                  <a:gd name="connsiteX191" fmla="*/ 825 w 10000"/>
                  <a:gd name="connsiteY191" fmla="*/ 6278 h 10000"/>
                  <a:gd name="connsiteX192" fmla="*/ 576 w 10000"/>
                  <a:gd name="connsiteY192" fmla="*/ 6263 h 10000"/>
                  <a:gd name="connsiteX193" fmla="*/ 375 w 10000"/>
                  <a:gd name="connsiteY193" fmla="*/ 6233 h 10000"/>
                  <a:gd name="connsiteX194" fmla="*/ 624 w 10000"/>
                  <a:gd name="connsiteY194" fmla="*/ 5805 h 10000"/>
                  <a:gd name="connsiteX195" fmla="*/ 900 w 10000"/>
                  <a:gd name="connsiteY195" fmla="*/ 5391 h 10000"/>
                  <a:gd name="connsiteX196" fmla="*/ 1001 w 10000"/>
                  <a:gd name="connsiteY196" fmla="*/ 5170 h 10000"/>
                  <a:gd name="connsiteX197" fmla="*/ 1075 w 10000"/>
                  <a:gd name="connsiteY197" fmla="*/ 4963 h 10000"/>
                  <a:gd name="connsiteX198" fmla="*/ 1099 w 10000"/>
                  <a:gd name="connsiteY198" fmla="*/ 4860 h 10000"/>
                  <a:gd name="connsiteX199" fmla="*/ 1075 w 10000"/>
                  <a:gd name="connsiteY199" fmla="*/ 4756 h 10000"/>
                  <a:gd name="connsiteX200" fmla="*/ 1050 w 10000"/>
                  <a:gd name="connsiteY200" fmla="*/ 4653 h 10000"/>
                  <a:gd name="connsiteX201" fmla="*/ 975 w 10000"/>
                  <a:gd name="connsiteY201" fmla="*/ 4549 h 10000"/>
                  <a:gd name="connsiteX202" fmla="*/ 1251 w 10000"/>
                  <a:gd name="connsiteY202" fmla="*/ 4520 h 10000"/>
                  <a:gd name="connsiteX203" fmla="*/ 1450 w 10000"/>
                  <a:gd name="connsiteY203" fmla="*/ 4505 h 10000"/>
                  <a:gd name="connsiteX204" fmla="*/ 1625 w 10000"/>
                  <a:gd name="connsiteY204" fmla="*/ 4505 h 10000"/>
                  <a:gd name="connsiteX205" fmla="*/ 1775 w 10000"/>
                  <a:gd name="connsiteY205" fmla="*/ 4520 h 10000"/>
                  <a:gd name="connsiteX206" fmla="*/ 1900 w 10000"/>
                  <a:gd name="connsiteY206" fmla="*/ 4520 h 10000"/>
                  <a:gd name="connsiteX207" fmla="*/ 2050 w 10000"/>
                  <a:gd name="connsiteY207" fmla="*/ 4520 h 10000"/>
                  <a:gd name="connsiteX208" fmla="*/ 2201 w 10000"/>
                  <a:gd name="connsiteY208" fmla="*/ 4490 h 10000"/>
                  <a:gd name="connsiteX209" fmla="*/ 2400 w 10000"/>
                  <a:gd name="connsiteY209" fmla="*/ 4446 h 10000"/>
                  <a:gd name="connsiteX210" fmla="*/ 2400 w 10000"/>
                  <a:gd name="connsiteY210" fmla="*/ 4579 h 10000"/>
                  <a:gd name="connsiteX211" fmla="*/ 2400 w 10000"/>
                  <a:gd name="connsiteY211" fmla="*/ 4742 h 10000"/>
                  <a:gd name="connsiteX212" fmla="*/ 2400 w 10000"/>
                  <a:gd name="connsiteY212" fmla="*/ 4874 h 10000"/>
                  <a:gd name="connsiteX213" fmla="*/ 2400 w 10000"/>
                  <a:gd name="connsiteY213" fmla="*/ 5037 h 10000"/>
                  <a:gd name="connsiteX214" fmla="*/ 2625 w 10000"/>
                  <a:gd name="connsiteY214" fmla="*/ 5022 h 10000"/>
                  <a:gd name="connsiteX215" fmla="*/ 2775 w 10000"/>
                  <a:gd name="connsiteY215" fmla="*/ 5037 h 10000"/>
                  <a:gd name="connsiteX216" fmla="*/ 2900 w 10000"/>
                  <a:gd name="connsiteY216" fmla="*/ 5066 h 10000"/>
                  <a:gd name="connsiteX217" fmla="*/ 3025 w 10000"/>
                  <a:gd name="connsiteY217" fmla="*/ 5096 h 10000"/>
                  <a:gd name="connsiteX218" fmla="*/ 3126 w 10000"/>
                  <a:gd name="connsiteY218" fmla="*/ 5126 h 10000"/>
                  <a:gd name="connsiteX219" fmla="*/ 3250 w 10000"/>
                  <a:gd name="connsiteY219" fmla="*/ 5155 h 10000"/>
                  <a:gd name="connsiteX220" fmla="*/ 3401 w 10000"/>
                  <a:gd name="connsiteY220" fmla="*/ 5170 h 10000"/>
                  <a:gd name="connsiteX221" fmla="*/ 3625 w 10000"/>
                  <a:gd name="connsiteY221" fmla="*/ 5155 h 10000"/>
                  <a:gd name="connsiteX222" fmla="*/ 3701 w 10000"/>
                  <a:gd name="connsiteY222" fmla="*/ 5096 h 10000"/>
                  <a:gd name="connsiteX223" fmla="*/ 3775 w 10000"/>
                  <a:gd name="connsiteY223" fmla="*/ 5022 h 10000"/>
                  <a:gd name="connsiteX224" fmla="*/ 3800 w 10000"/>
                  <a:gd name="connsiteY224" fmla="*/ 4934 h 10000"/>
                  <a:gd name="connsiteX225" fmla="*/ 3826 w 10000"/>
                  <a:gd name="connsiteY225" fmla="*/ 4860 h 10000"/>
                  <a:gd name="connsiteX226" fmla="*/ 3850 w 10000"/>
                  <a:gd name="connsiteY226" fmla="*/ 4697 h 10000"/>
                  <a:gd name="connsiteX227" fmla="*/ 3826 w 10000"/>
                  <a:gd name="connsiteY227" fmla="*/ 4520 h 10000"/>
                  <a:gd name="connsiteX228" fmla="*/ 3750 w 10000"/>
                  <a:gd name="connsiteY228" fmla="*/ 4343 h 10000"/>
                  <a:gd name="connsiteX229" fmla="*/ 3675 w 10000"/>
                  <a:gd name="connsiteY229" fmla="*/ 4195 h 10000"/>
                  <a:gd name="connsiteX230" fmla="*/ 3550 w 10000"/>
                  <a:gd name="connsiteY230" fmla="*/ 4047 h 10000"/>
                  <a:gd name="connsiteX231" fmla="*/ 3425 w 10000"/>
                  <a:gd name="connsiteY231" fmla="*/ 3959 h 10000"/>
                  <a:gd name="connsiteX232" fmla="*/ 3575 w 10000"/>
                  <a:gd name="connsiteY232" fmla="*/ 3944 h 10000"/>
                  <a:gd name="connsiteX233" fmla="*/ 3701 w 10000"/>
                  <a:gd name="connsiteY233" fmla="*/ 3914 h 10000"/>
                  <a:gd name="connsiteX234" fmla="*/ 3800 w 10000"/>
                  <a:gd name="connsiteY234" fmla="*/ 3855 h 10000"/>
                  <a:gd name="connsiteX235" fmla="*/ 3924 w 10000"/>
                  <a:gd name="connsiteY235" fmla="*/ 3752 h 10000"/>
                  <a:gd name="connsiteX236" fmla="*/ 4050 w 10000"/>
                  <a:gd name="connsiteY236" fmla="*/ 3663 h 10000"/>
                  <a:gd name="connsiteX237" fmla="*/ 4150 w 10000"/>
                  <a:gd name="connsiteY237" fmla="*/ 3560 h 10000"/>
                  <a:gd name="connsiteX238" fmla="*/ 4225 w 10000"/>
                  <a:gd name="connsiteY238" fmla="*/ 3442 h 10000"/>
                  <a:gd name="connsiteX239" fmla="*/ 4301 w 10000"/>
                  <a:gd name="connsiteY239" fmla="*/ 3323 h 10000"/>
                  <a:gd name="connsiteX240" fmla="*/ 4350 w 10000"/>
                  <a:gd name="connsiteY240" fmla="*/ 3220 h 10000"/>
                  <a:gd name="connsiteX241" fmla="*/ 4375 w 10000"/>
                  <a:gd name="connsiteY241" fmla="*/ 3102 h 10000"/>
                  <a:gd name="connsiteX242" fmla="*/ 4401 w 10000"/>
                  <a:gd name="connsiteY242" fmla="*/ 3013 h 10000"/>
                  <a:gd name="connsiteX243" fmla="*/ 4375 w 10000"/>
                  <a:gd name="connsiteY243" fmla="*/ 2939 h 10000"/>
                  <a:gd name="connsiteX244" fmla="*/ 4350 w 10000"/>
                  <a:gd name="connsiteY244" fmla="*/ 2866 h 10000"/>
                  <a:gd name="connsiteX245" fmla="*/ 4275 w 10000"/>
                  <a:gd name="connsiteY245" fmla="*/ 2836 h 10000"/>
                  <a:gd name="connsiteX246" fmla="*/ 4176 w 10000"/>
                  <a:gd name="connsiteY246" fmla="*/ 2836 h 10000"/>
                  <a:gd name="connsiteX247" fmla="*/ 4050 w 10000"/>
                  <a:gd name="connsiteY247" fmla="*/ 2866 h 10000"/>
                  <a:gd name="connsiteX248" fmla="*/ 4150 w 10000"/>
                  <a:gd name="connsiteY248" fmla="*/ 2777 h 10000"/>
                  <a:gd name="connsiteX249" fmla="*/ 4201 w 10000"/>
                  <a:gd name="connsiteY249" fmla="*/ 2674 h 10000"/>
                  <a:gd name="connsiteX250" fmla="*/ 4225 w 10000"/>
                  <a:gd name="connsiteY250" fmla="*/ 2541 h 10000"/>
                  <a:gd name="connsiteX251" fmla="*/ 4225 w 10000"/>
                  <a:gd name="connsiteY251" fmla="*/ 2393 h 10000"/>
                  <a:gd name="connsiteX252" fmla="*/ 4250 w 10000"/>
                  <a:gd name="connsiteY252" fmla="*/ 2349 h 10000"/>
                  <a:gd name="connsiteX253" fmla="*/ 4301 w 10000"/>
                  <a:gd name="connsiteY253" fmla="*/ 2304 h 10000"/>
                  <a:gd name="connsiteX254" fmla="*/ 4350 w 10000"/>
                  <a:gd name="connsiteY254" fmla="*/ 2290 h 10000"/>
                  <a:gd name="connsiteX255" fmla="*/ 4426 w 10000"/>
                  <a:gd name="connsiteY255" fmla="*/ 2275 h 10000"/>
                  <a:gd name="connsiteX256" fmla="*/ 4650 w 10000"/>
                  <a:gd name="connsiteY256" fmla="*/ 2260 h 10000"/>
                  <a:gd name="connsiteX257" fmla="*/ 4850 w 10000"/>
                  <a:gd name="connsiteY257" fmla="*/ 2275 h 10000"/>
                  <a:gd name="connsiteX258" fmla="*/ 4825 w 10000"/>
                  <a:gd name="connsiteY258" fmla="*/ 2112 h 10000"/>
                  <a:gd name="connsiteX259" fmla="*/ 4776 w 10000"/>
                  <a:gd name="connsiteY259" fmla="*/ 1950 h 10000"/>
                  <a:gd name="connsiteX260" fmla="*/ 4700 w 10000"/>
                  <a:gd name="connsiteY260" fmla="*/ 1802 h 10000"/>
                  <a:gd name="connsiteX261" fmla="*/ 4601 w 10000"/>
                  <a:gd name="connsiteY261" fmla="*/ 1640 h 10000"/>
                  <a:gd name="connsiteX262" fmla="*/ 4350 w 10000"/>
                  <a:gd name="connsiteY262" fmla="*/ 1329 h 10000"/>
                  <a:gd name="connsiteX263" fmla="*/ 4100 w 10000"/>
                  <a:gd name="connsiteY263" fmla="*/ 1034 h 10000"/>
                  <a:gd name="connsiteX264" fmla="*/ 3975 w 10000"/>
                  <a:gd name="connsiteY264" fmla="*/ 901 h 10000"/>
                  <a:gd name="connsiteX265" fmla="*/ 3876 w 10000"/>
                  <a:gd name="connsiteY265" fmla="*/ 753 h 10000"/>
                  <a:gd name="connsiteX266" fmla="*/ 3800 w 10000"/>
                  <a:gd name="connsiteY266" fmla="*/ 620 h 10000"/>
                  <a:gd name="connsiteX267" fmla="*/ 3775 w 10000"/>
                  <a:gd name="connsiteY267" fmla="*/ 487 h 10000"/>
                  <a:gd name="connsiteX268" fmla="*/ 3750 w 10000"/>
                  <a:gd name="connsiteY268" fmla="*/ 355 h 10000"/>
                  <a:gd name="connsiteX269" fmla="*/ 3800 w 10000"/>
                  <a:gd name="connsiteY269" fmla="*/ 222 h 10000"/>
                  <a:gd name="connsiteX270" fmla="*/ 3826 w 10000"/>
                  <a:gd name="connsiteY270" fmla="*/ 162 h 10000"/>
                  <a:gd name="connsiteX271" fmla="*/ 3876 w 10000"/>
                  <a:gd name="connsiteY271" fmla="*/ 103 h 10000"/>
                  <a:gd name="connsiteX272" fmla="*/ 3951 w 10000"/>
                  <a:gd name="connsiteY272" fmla="*/ 59 h 10000"/>
                  <a:gd name="connsiteX273" fmla="*/ 4050 w 10000"/>
                  <a:gd name="connsiteY273" fmla="*/ 0 h 10000"/>
                  <a:gd name="connsiteX0" fmla="*/ 7026 w 14341"/>
                  <a:gd name="connsiteY0" fmla="*/ 4564 h 10000"/>
                  <a:gd name="connsiteX1" fmla="*/ 6901 w 14341"/>
                  <a:gd name="connsiteY1" fmla="*/ 4638 h 10000"/>
                  <a:gd name="connsiteX2" fmla="*/ 6901 w 14341"/>
                  <a:gd name="connsiteY2" fmla="*/ 4697 h 10000"/>
                  <a:gd name="connsiteX3" fmla="*/ 6875 w 14341"/>
                  <a:gd name="connsiteY3" fmla="*/ 4801 h 10000"/>
                  <a:gd name="connsiteX4" fmla="*/ 6875 w 14341"/>
                  <a:gd name="connsiteY4" fmla="*/ 4904 h 10000"/>
                  <a:gd name="connsiteX5" fmla="*/ 6751 w 14341"/>
                  <a:gd name="connsiteY5" fmla="*/ 4860 h 10000"/>
                  <a:gd name="connsiteX6" fmla="*/ 6675 w 14341"/>
                  <a:gd name="connsiteY6" fmla="*/ 4801 h 10000"/>
                  <a:gd name="connsiteX7" fmla="*/ 6600 w 14341"/>
                  <a:gd name="connsiteY7" fmla="*/ 4727 h 10000"/>
                  <a:gd name="connsiteX8" fmla="*/ 6526 w 14341"/>
                  <a:gd name="connsiteY8" fmla="*/ 4638 h 10000"/>
                  <a:gd name="connsiteX9" fmla="*/ 6401 w 14341"/>
                  <a:gd name="connsiteY9" fmla="*/ 4476 h 10000"/>
                  <a:gd name="connsiteX10" fmla="*/ 6274 w 14341"/>
                  <a:gd name="connsiteY10" fmla="*/ 4313 h 10000"/>
                  <a:gd name="connsiteX11" fmla="*/ 6426 w 14341"/>
                  <a:gd name="connsiteY11" fmla="*/ 4210 h 10000"/>
                  <a:gd name="connsiteX12" fmla="*/ 8150 w 14341"/>
                  <a:gd name="connsiteY12" fmla="*/ 3663 h 10000"/>
                  <a:gd name="connsiteX13" fmla="*/ 8401 w 14341"/>
                  <a:gd name="connsiteY13" fmla="*/ 3589 h 10000"/>
                  <a:gd name="connsiteX14" fmla="*/ 8651 w 14341"/>
                  <a:gd name="connsiteY14" fmla="*/ 3516 h 10000"/>
                  <a:gd name="connsiteX15" fmla="*/ 8850 w 14341"/>
                  <a:gd name="connsiteY15" fmla="*/ 3412 h 10000"/>
                  <a:gd name="connsiteX16" fmla="*/ 9051 w 14341"/>
                  <a:gd name="connsiteY16" fmla="*/ 3338 h 10000"/>
                  <a:gd name="connsiteX17" fmla="*/ 9176 w 14341"/>
                  <a:gd name="connsiteY17" fmla="*/ 3235 h 10000"/>
                  <a:gd name="connsiteX18" fmla="*/ 9275 w 14341"/>
                  <a:gd name="connsiteY18" fmla="*/ 3117 h 10000"/>
                  <a:gd name="connsiteX19" fmla="*/ 9301 w 14341"/>
                  <a:gd name="connsiteY19" fmla="*/ 3072 h 10000"/>
                  <a:gd name="connsiteX20" fmla="*/ 9325 w 14341"/>
                  <a:gd name="connsiteY20" fmla="*/ 3013 h 10000"/>
                  <a:gd name="connsiteX21" fmla="*/ 9325 w 14341"/>
                  <a:gd name="connsiteY21" fmla="*/ 2954 h 10000"/>
                  <a:gd name="connsiteX22" fmla="*/ 9301 w 14341"/>
                  <a:gd name="connsiteY22" fmla="*/ 2866 h 10000"/>
                  <a:gd name="connsiteX23" fmla="*/ 9126 w 14341"/>
                  <a:gd name="connsiteY23" fmla="*/ 2984 h 10000"/>
                  <a:gd name="connsiteX24" fmla="*/ 8926 w 14341"/>
                  <a:gd name="connsiteY24" fmla="*/ 3072 h 10000"/>
                  <a:gd name="connsiteX25" fmla="*/ 8725 w 14341"/>
                  <a:gd name="connsiteY25" fmla="*/ 3161 h 10000"/>
                  <a:gd name="connsiteX26" fmla="*/ 8526 w 14341"/>
                  <a:gd name="connsiteY26" fmla="*/ 3250 h 10000"/>
                  <a:gd name="connsiteX27" fmla="*/ 8075 w 14341"/>
                  <a:gd name="connsiteY27" fmla="*/ 3397 h 10000"/>
                  <a:gd name="connsiteX28" fmla="*/ 7601 w 14341"/>
                  <a:gd name="connsiteY28" fmla="*/ 3545 h 10000"/>
                  <a:gd name="connsiteX29" fmla="*/ 7126 w 14341"/>
                  <a:gd name="connsiteY29" fmla="*/ 3678 h 10000"/>
                  <a:gd name="connsiteX30" fmla="*/ 6675 w 14341"/>
                  <a:gd name="connsiteY30" fmla="*/ 3840 h 10000"/>
                  <a:gd name="connsiteX31" fmla="*/ 6450 w 14341"/>
                  <a:gd name="connsiteY31" fmla="*/ 3914 h 10000"/>
                  <a:gd name="connsiteX32" fmla="*/ 6250 w 14341"/>
                  <a:gd name="connsiteY32" fmla="*/ 4003 h 10000"/>
                  <a:gd name="connsiteX33" fmla="*/ 6051 w 14341"/>
                  <a:gd name="connsiteY33" fmla="*/ 4106 h 10000"/>
                  <a:gd name="connsiteX34" fmla="*/ 5850 w 14341"/>
                  <a:gd name="connsiteY34" fmla="*/ 4195 h 10000"/>
                  <a:gd name="connsiteX35" fmla="*/ 6000 w 14341"/>
                  <a:gd name="connsiteY35" fmla="*/ 4417 h 10000"/>
                  <a:gd name="connsiteX36" fmla="*/ 6101 w 14341"/>
                  <a:gd name="connsiteY36" fmla="*/ 4623 h 10000"/>
                  <a:gd name="connsiteX37" fmla="*/ 6200 w 14341"/>
                  <a:gd name="connsiteY37" fmla="*/ 4845 h 10000"/>
                  <a:gd name="connsiteX38" fmla="*/ 6274 w 14341"/>
                  <a:gd name="connsiteY38" fmla="*/ 5081 h 10000"/>
                  <a:gd name="connsiteX39" fmla="*/ 6325 w 14341"/>
                  <a:gd name="connsiteY39" fmla="*/ 5318 h 10000"/>
                  <a:gd name="connsiteX40" fmla="*/ 6351 w 14341"/>
                  <a:gd name="connsiteY40" fmla="*/ 5539 h 10000"/>
                  <a:gd name="connsiteX41" fmla="*/ 6375 w 14341"/>
                  <a:gd name="connsiteY41" fmla="*/ 5775 h 10000"/>
                  <a:gd name="connsiteX42" fmla="*/ 6375 w 14341"/>
                  <a:gd name="connsiteY42" fmla="*/ 5997 h 10000"/>
                  <a:gd name="connsiteX43" fmla="*/ 6351 w 14341"/>
                  <a:gd name="connsiteY43" fmla="*/ 6233 h 10000"/>
                  <a:gd name="connsiteX44" fmla="*/ 6301 w 14341"/>
                  <a:gd name="connsiteY44" fmla="*/ 6470 h 10000"/>
                  <a:gd name="connsiteX45" fmla="*/ 6250 w 14341"/>
                  <a:gd name="connsiteY45" fmla="*/ 6677 h 10000"/>
                  <a:gd name="connsiteX46" fmla="*/ 6176 w 14341"/>
                  <a:gd name="connsiteY46" fmla="*/ 6898 h 10000"/>
                  <a:gd name="connsiteX47" fmla="*/ 6076 w 14341"/>
                  <a:gd name="connsiteY47" fmla="*/ 7105 h 10000"/>
                  <a:gd name="connsiteX48" fmla="*/ 5951 w 14341"/>
                  <a:gd name="connsiteY48" fmla="*/ 7297 h 10000"/>
                  <a:gd name="connsiteX49" fmla="*/ 5800 w 14341"/>
                  <a:gd name="connsiteY49" fmla="*/ 7489 h 10000"/>
                  <a:gd name="connsiteX50" fmla="*/ 5650 w 14341"/>
                  <a:gd name="connsiteY50" fmla="*/ 7681 h 10000"/>
                  <a:gd name="connsiteX51" fmla="*/ 6375 w 14341"/>
                  <a:gd name="connsiteY51" fmla="*/ 7799 h 10000"/>
                  <a:gd name="connsiteX52" fmla="*/ 7126 w 14341"/>
                  <a:gd name="connsiteY52" fmla="*/ 7962 h 10000"/>
                  <a:gd name="connsiteX53" fmla="*/ 7275 w 14341"/>
                  <a:gd name="connsiteY53" fmla="*/ 8021 h 10000"/>
                  <a:gd name="connsiteX54" fmla="*/ 7400 w 14341"/>
                  <a:gd name="connsiteY54" fmla="*/ 8080 h 10000"/>
                  <a:gd name="connsiteX55" fmla="*/ 7525 w 14341"/>
                  <a:gd name="connsiteY55" fmla="*/ 8139 h 10000"/>
                  <a:gd name="connsiteX56" fmla="*/ 7601 w 14341"/>
                  <a:gd name="connsiteY56" fmla="*/ 8227 h 10000"/>
                  <a:gd name="connsiteX57" fmla="*/ 7626 w 14341"/>
                  <a:gd name="connsiteY57" fmla="*/ 8301 h 10000"/>
                  <a:gd name="connsiteX58" fmla="*/ 7626 w 14341"/>
                  <a:gd name="connsiteY58" fmla="*/ 8405 h 10000"/>
                  <a:gd name="connsiteX59" fmla="*/ 7576 w 14341"/>
                  <a:gd name="connsiteY59" fmla="*/ 8523 h 10000"/>
                  <a:gd name="connsiteX60" fmla="*/ 7501 w 14341"/>
                  <a:gd name="connsiteY60" fmla="*/ 8641 h 10000"/>
                  <a:gd name="connsiteX61" fmla="*/ 7175 w 14341"/>
                  <a:gd name="connsiteY61" fmla="*/ 8552 h 10000"/>
                  <a:gd name="connsiteX62" fmla="*/ 6875 w 14341"/>
                  <a:gd name="connsiteY62" fmla="*/ 8449 h 10000"/>
                  <a:gd name="connsiteX63" fmla="*/ 6575 w 14341"/>
                  <a:gd name="connsiteY63" fmla="*/ 8360 h 10000"/>
                  <a:gd name="connsiteX64" fmla="*/ 6274 w 14341"/>
                  <a:gd name="connsiteY64" fmla="*/ 8287 h 10000"/>
                  <a:gd name="connsiteX65" fmla="*/ 6150 w 14341"/>
                  <a:gd name="connsiteY65" fmla="*/ 8449 h 10000"/>
                  <a:gd name="connsiteX66" fmla="*/ 6051 w 14341"/>
                  <a:gd name="connsiteY66" fmla="*/ 8597 h 10000"/>
                  <a:gd name="connsiteX67" fmla="*/ 6000 w 14341"/>
                  <a:gd name="connsiteY67" fmla="*/ 8656 h 10000"/>
                  <a:gd name="connsiteX68" fmla="*/ 5900 w 14341"/>
                  <a:gd name="connsiteY68" fmla="*/ 8700 h 10000"/>
                  <a:gd name="connsiteX69" fmla="*/ 5826 w 14341"/>
                  <a:gd name="connsiteY69" fmla="*/ 8744 h 10000"/>
                  <a:gd name="connsiteX70" fmla="*/ 5751 w 14341"/>
                  <a:gd name="connsiteY70" fmla="*/ 8774 h 10000"/>
                  <a:gd name="connsiteX71" fmla="*/ 5675 w 14341"/>
                  <a:gd name="connsiteY71" fmla="*/ 8804 h 10000"/>
                  <a:gd name="connsiteX72" fmla="*/ 5576 w 14341"/>
                  <a:gd name="connsiteY72" fmla="*/ 8818 h 10000"/>
                  <a:gd name="connsiteX73" fmla="*/ 5450 w 14341"/>
                  <a:gd name="connsiteY73" fmla="*/ 8833 h 10000"/>
                  <a:gd name="connsiteX74" fmla="*/ 5325 w 14341"/>
                  <a:gd name="connsiteY74" fmla="*/ 8833 h 10000"/>
                  <a:gd name="connsiteX75" fmla="*/ 5026 w 14341"/>
                  <a:gd name="connsiteY75" fmla="*/ 8818 h 10000"/>
                  <a:gd name="connsiteX76" fmla="*/ 4650 w 14341"/>
                  <a:gd name="connsiteY76" fmla="*/ 8744 h 10000"/>
                  <a:gd name="connsiteX77" fmla="*/ 4650 w 14341"/>
                  <a:gd name="connsiteY77" fmla="*/ 8922 h 10000"/>
                  <a:gd name="connsiteX78" fmla="*/ 4625 w 14341"/>
                  <a:gd name="connsiteY78" fmla="*/ 9069 h 10000"/>
                  <a:gd name="connsiteX79" fmla="*/ 4601 w 14341"/>
                  <a:gd name="connsiteY79" fmla="*/ 9232 h 10000"/>
                  <a:gd name="connsiteX80" fmla="*/ 4575 w 14341"/>
                  <a:gd name="connsiteY80" fmla="*/ 9365 h 10000"/>
                  <a:gd name="connsiteX81" fmla="*/ 4525 w 14341"/>
                  <a:gd name="connsiteY81" fmla="*/ 9498 h 10000"/>
                  <a:gd name="connsiteX82" fmla="*/ 4426 w 14341"/>
                  <a:gd name="connsiteY82" fmla="*/ 9616 h 10000"/>
                  <a:gd name="connsiteX83" fmla="*/ 4350 w 14341"/>
                  <a:gd name="connsiteY83" fmla="*/ 9734 h 10000"/>
                  <a:gd name="connsiteX84" fmla="*/ 4225 w 14341"/>
                  <a:gd name="connsiteY84" fmla="*/ 9838 h 10000"/>
                  <a:gd name="connsiteX85" fmla="*/ 3924 w 14341"/>
                  <a:gd name="connsiteY85" fmla="*/ 9897 h 10000"/>
                  <a:gd name="connsiteX86" fmla="*/ 3675 w 14341"/>
                  <a:gd name="connsiteY86" fmla="*/ 9941 h 10000"/>
                  <a:gd name="connsiteX87" fmla="*/ 3375 w 14341"/>
                  <a:gd name="connsiteY87" fmla="*/ 9985 h 10000"/>
                  <a:gd name="connsiteX88" fmla="*/ 3150 w 14341"/>
                  <a:gd name="connsiteY88" fmla="*/ 10000 h 10000"/>
                  <a:gd name="connsiteX89" fmla="*/ 2650 w 14341"/>
                  <a:gd name="connsiteY89" fmla="*/ 10000 h 10000"/>
                  <a:gd name="connsiteX90" fmla="*/ 2175 w 14341"/>
                  <a:gd name="connsiteY90" fmla="*/ 9985 h 10000"/>
                  <a:gd name="connsiteX91" fmla="*/ 1726 w 14341"/>
                  <a:gd name="connsiteY91" fmla="*/ 9941 h 10000"/>
                  <a:gd name="connsiteX92" fmla="*/ 1251 w 14341"/>
                  <a:gd name="connsiteY92" fmla="*/ 9911 h 10000"/>
                  <a:gd name="connsiteX93" fmla="*/ 975 w 14341"/>
                  <a:gd name="connsiteY93" fmla="*/ 9911 h 10000"/>
                  <a:gd name="connsiteX94" fmla="*/ 725 w 14341"/>
                  <a:gd name="connsiteY94" fmla="*/ 9911 h 10000"/>
                  <a:gd name="connsiteX95" fmla="*/ 450 w 14341"/>
                  <a:gd name="connsiteY95" fmla="*/ 9926 h 10000"/>
                  <a:gd name="connsiteX96" fmla="*/ 175 w 14341"/>
                  <a:gd name="connsiteY96" fmla="*/ 9970 h 10000"/>
                  <a:gd name="connsiteX97" fmla="*/ 100 w 14341"/>
                  <a:gd name="connsiteY97" fmla="*/ 9867 h 10000"/>
                  <a:gd name="connsiteX98" fmla="*/ 50 w 14341"/>
                  <a:gd name="connsiteY98" fmla="*/ 9793 h 10000"/>
                  <a:gd name="connsiteX99" fmla="*/ 0 w 14341"/>
                  <a:gd name="connsiteY99" fmla="*/ 9705 h 10000"/>
                  <a:gd name="connsiteX100" fmla="*/ 0 w 14341"/>
                  <a:gd name="connsiteY100" fmla="*/ 9601 h 10000"/>
                  <a:gd name="connsiteX101" fmla="*/ 50 w 14341"/>
                  <a:gd name="connsiteY101" fmla="*/ 9424 h 10000"/>
                  <a:gd name="connsiteX102" fmla="*/ 100 w 14341"/>
                  <a:gd name="connsiteY102" fmla="*/ 9202 h 10000"/>
                  <a:gd name="connsiteX103" fmla="*/ 149 w 14341"/>
                  <a:gd name="connsiteY103" fmla="*/ 8996 h 10000"/>
                  <a:gd name="connsiteX104" fmla="*/ 200 w 14341"/>
                  <a:gd name="connsiteY104" fmla="*/ 8759 h 10000"/>
                  <a:gd name="connsiteX105" fmla="*/ 225 w 14341"/>
                  <a:gd name="connsiteY105" fmla="*/ 8641 h 10000"/>
                  <a:gd name="connsiteX106" fmla="*/ 225 w 14341"/>
                  <a:gd name="connsiteY106" fmla="*/ 8538 h 10000"/>
                  <a:gd name="connsiteX107" fmla="*/ 200 w 14341"/>
                  <a:gd name="connsiteY107" fmla="*/ 8405 h 10000"/>
                  <a:gd name="connsiteX108" fmla="*/ 175 w 14341"/>
                  <a:gd name="connsiteY108" fmla="*/ 8287 h 10000"/>
                  <a:gd name="connsiteX109" fmla="*/ 425 w 14341"/>
                  <a:gd name="connsiteY109" fmla="*/ 8213 h 10000"/>
                  <a:gd name="connsiteX110" fmla="*/ 675 w 14341"/>
                  <a:gd name="connsiteY110" fmla="*/ 8139 h 10000"/>
                  <a:gd name="connsiteX111" fmla="*/ 925 w 14341"/>
                  <a:gd name="connsiteY111" fmla="*/ 8095 h 10000"/>
                  <a:gd name="connsiteX112" fmla="*/ 1200 w 14341"/>
                  <a:gd name="connsiteY112" fmla="*/ 8065 h 10000"/>
                  <a:gd name="connsiteX113" fmla="*/ 1699 w 14341"/>
                  <a:gd name="connsiteY113" fmla="*/ 8021 h 10000"/>
                  <a:gd name="connsiteX114" fmla="*/ 2201 w 14341"/>
                  <a:gd name="connsiteY114" fmla="*/ 7976 h 10000"/>
                  <a:gd name="connsiteX115" fmla="*/ 2425 w 14341"/>
                  <a:gd name="connsiteY115" fmla="*/ 7947 h 10000"/>
                  <a:gd name="connsiteX116" fmla="*/ 2650 w 14341"/>
                  <a:gd name="connsiteY116" fmla="*/ 7917 h 10000"/>
                  <a:gd name="connsiteX117" fmla="*/ 2849 w 14341"/>
                  <a:gd name="connsiteY117" fmla="*/ 7843 h 10000"/>
                  <a:gd name="connsiteX118" fmla="*/ 3050 w 14341"/>
                  <a:gd name="connsiteY118" fmla="*/ 7784 h 10000"/>
                  <a:gd name="connsiteX119" fmla="*/ 3225 w 14341"/>
                  <a:gd name="connsiteY119" fmla="*/ 7710 h 10000"/>
                  <a:gd name="connsiteX120" fmla="*/ 3375 w 14341"/>
                  <a:gd name="connsiteY120" fmla="*/ 7592 h 10000"/>
                  <a:gd name="connsiteX121" fmla="*/ 3526 w 14341"/>
                  <a:gd name="connsiteY121" fmla="*/ 7474 h 10000"/>
                  <a:gd name="connsiteX122" fmla="*/ 3625 w 14341"/>
                  <a:gd name="connsiteY122" fmla="*/ 7312 h 10000"/>
                  <a:gd name="connsiteX123" fmla="*/ 3425 w 14341"/>
                  <a:gd name="connsiteY123" fmla="*/ 7238 h 10000"/>
                  <a:gd name="connsiteX124" fmla="*/ 3250 w 14341"/>
                  <a:gd name="connsiteY124" fmla="*/ 7179 h 10000"/>
                  <a:gd name="connsiteX125" fmla="*/ 3100 w 14341"/>
                  <a:gd name="connsiteY125" fmla="*/ 7090 h 10000"/>
                  <a:gd name="connsiteX126" fmla="*/ 2950 w 14341"/>
                  <a:gd name="connsiteY126" fmla="*/ 6987 h 10000"/>
                  <a:gd name="connsiteX127" fmla="*/ 2849 w 14341"/>
                  <a:gd name="connsiteY127" fmla="*/ 6869 h 10000"/>
                  <a:gd name="connsiteX128" fmla="*/ 2801 w 14341"/>
                  <a:gd name="connsiteY128" fmla="*/ 6721 h 10000"/>
                  <a:gd name="connsiteX129" fmla="*/ 2775 w 14341"/>
                  <a:gd name="connsiteY129" fmla="*/ 6558 h 10000"/>
                  <a:gd name="connsiteX130" fmla="*/ 2801 w 14341"/>
                  <a:gd name="connsiteY130" fmla="*/ 6352 h 10000"/>
                  <a:gd name="connsiteX131" fmla="*/ 2676 w 14341"/>
                  <a:gd name="connsiteY131" fmla="*/ 6322 h 10000"/>
                  <a:gd name="connsiteX132" fmla="*/ 2526 w 14341"/>
                  <a:gd name="connsiteY132" fmla="*/ 6292 h 10000"/>
                  <a:gd name="connsiteX133" fmla="*/ 2350 w 14341"/>
                  <a:gd name="connsiteY133" fmla="*/ 6278 h 10000"/>
                  <a:gd name="connsiteX134" fmla="*/ 2175 w 14341"/>
                  <a:gd name="connsiteY134" fmla="*/ 6263 h 10000"/>
                  <a:gd name="connsiteX135" fmla="*/ 1825 w 14341"/>
                  <a:gd name="connsiteY135" fmla="*/ 6248 h 10000"/>
                  <a:gd name="connsiteX136" fmla="*/ 1450 w 14341"/>
                  <a:gd name="connsiteY136" fmla="*/ 6263 h 10000"/>
                  <a:gd name="connsiteX137" fmla="*/ 1126 w 14341"/>
                  <a:gd name="connsiteY137" fmla="*/ 6278 h 10000"/>
                  <a:gd name="connsiteX138" fmla="*/ 825 w 14341"/>
                  <a:gd name="connsiteY138" fmla="*/ 6278 h 10000"/>
                  <a:gd name="connsiteX139" fmla="*/ 576 w 14341"/>
                  <a:gd name="connsiteY139" fmla="*/ 6263 h 10000"/>
                  <a:gd name="connsiteX140" fmla="*/ 375 w 14341"/>
                  <a:gd name="connsiteY140" fmla="*/ 6233 h 10000"/>
                  <a:gd name="connsiteX141" fmla="*/ 624 w 14341"/>
                  <a:gd name="connsiteY141" fmla="*/ 5805 h 10000"/>
                  <a:gd name="connsiteX142" fmla="*/ 900 w 14341"/>
                  <a:gd name="connsiteY142" fmla="*/ 5391 h 10000"/>
                  <a:gd name="connsiteX143" fmla="*/ 1001 w 14341"/>
                  <a:gd name="connsiteY143" fmla="*/ 5170 h 10000"/>
                  <a:gd name="connsiteX144" fmla="*/ 1075 w 14341"/>
                  <a:gd name="connsiteY144" fmla="*/ 4963 h 10000"/>
                  <a:gd name="connsiteX145" fmla="*/ 1099 w 14341"/>
                  <a:gd name="connsiteY145" fmla="*/ 4860 h 10000"/>
                  <a:gd name="connsiteX146" fmla="*/ 1075 w 14341"/>
                  <a:gd name="connsiteY146" fmla="*/ 4756 h 10000"/>
                  <a:gd name="connsiteX147" fmla="*/ 1050 w 14341"/>
                  <a:gd name="connsiteY147" fmla="*/ 4653 h 10000"/>
                  <a:gd name="connsiteX148" fmla="*/ 975 w 14341"/>
                  <a:gd name="connsiteY148" fmla="*/ 4549 h 10000"/>
                  <a:gd name="connsiteX149" fmla="*/ 1251 w 14341"/>
                  <a:gd name="connsiteY149" fmla="*/ 4520 h 10000"/>
                  <a:gd name="connsiteX150" fmla="*/ 1450 w 14341"/>
                  <a:gd name="connsiteY150" fmla="*/ 4505 h 10000"/>
                  <a:gd name="connsiteX151" fmla="*/ 1625 w 14341"/>
                  <a:gd name="connsiteY151" fmla="*/ 4505 h 10000"/>
                  <a:gd name="connsiteX152" fmla="*/ 1775 w 14341"/>
                  <a:gd name="connsiteY152" fmla="*/ 4520 h 10000"/>
                  <a:gd name="connsiteX153" fmla="*/ 1900 w 14341"/>
                  <a:gd name="connsiteY153" fmla="*/ 4520 h 10000"/>
                  <a:gd name="connsiteX154" fmla="*/ 2050 w 14341"/>
                  <a:gd name="connsiteY154" fmla="*/ 4520 h 10000"/>
                  <a:gd name="connsiteX155" fmla="*/ 2201 w 14341"/>
                  <a:gd name="connsiteY155" fmla="*/ 4490 h 10000"/>
                  <a:gd name="connsiteX156" fmla="*/ 2400 w 14341"/>
                  <a:gd name="connsiteY156" fmla="*/ 4446 h 10000"/>
                  <a:gd name="connsiteX157" fmla="*/ 2400 w 14341"/>
                  <a:gd name="connsiteY157" fmla="*/ 4579 h 10000"/>
                  <a:gd name="connsiteX158" fmla="*/ 2400 w 14341"/>
                  <a:gd name="connsiteY158" fmla="*/ 4742 h 10000"/>
                  <a:gd name="connsiteX159" fmla="*/ 2400 w 14341"/>
                  <a:gd name="connsiteY159" fmla="*/ 4874 h 10000"/>
                  <a:gd name="connsiteX160" fmla="*/ 2400 w 14341"/>
                  <a:gd name="connsiteY160" fmla="*/ 5037 h 10000"/>
                  <a:gd name="connsiteX161" fmla="*/ 2625 w 14341"/>
                  <a:gd name="connsiteY161" fmla="*/ 5022 h 10000"/>
                  <a:gd name="connsiteX162" fmla="*/ 2775 w 14341"/>
                  <a:gd name="connsiteY162" fmla="*/ 5037 h 10000"/>
                  <a:gd name="connsiteX163" fmla="*/ 2900 w 14341"/>
                  <a:gd name="connsiteY163" fmla="*/ 5066 h 10000"/>
                  <a:gd name="connsiteX164" fmla="*/ 3025 w 14341"/>
                  <a:gd name="connsiteY164" fmla="*/ 5096 h 10000"/>
                  <a:gd name="connsiteX165" fmla="*/ 3126 w 14341"/>
                  <a:gd name="connsiteY165" fmla="*/ 5126 h 10000"/>
                  <a:gd name="connsiteX166" fmla="*/ 3250 w 14341"/>
                  <a:gd name="connsiteY166" fmla="*/ 5155 h 10000"/>
                  <a:gd name="connsiteX167" fmla="*/ 3401 w 14341"/>
                  <a:gd name="connsiteY167" fmla="*/ 5170 h 10000"/>
                  <a:gd name="connsiteX168" fmla="*/ 3625 w 14341"/>
                  <a:gd name="connsiteY168" fmla="*/ 5155 h 10000"/>
                  <a:gd name="connsiteX169" fmla="*/ 3701 w 14341"/>
                  <a:gd name="connsiteY169" fmla="*/ 5096 h 10000"/>
                  <a:gd name="connsiteX170" fmla="*/ 3775 w 14341"/>
                  <a:gd name="connsiteY170" fmla="*/ 5022 h 10000"/>
                  <a:gd name="connsiteX171" fmla="*/ 3800 w 14341"/>
                  <a:gd name="connsiteY171" fmla="*/ 4934 h 10000"/>
                  <a:gd name="connsiteX172" fmla="*/ 3826 w 14341"/>
                  <a:gd name="connsiteY172" fmla="*/ 4860 h 10000"/>
                  <a:gd name="connsiteX173" fmla="*/ 3850 w 14341"/>
                  <a:gd name="connsiteY173" fmla="*/ 4697 h 10000"/>
                  <a:gd name="connsiteX174" fmla="*/ 3826 w 14341"/>
                  <a:gd name="connsiteY174" fmla="*/ 4520 h 10000"/>
                  <a:gd name="connsiteX175" fmla="*/ 3750 w 14341"/>
                  <a:gd name="connsiteY175" fmla="*/ 4343 h 10000"/>
                  <a:gd name="connsiteX176" fmla="*/ 3675 w 14341"/>
                  <a:gd name="connsiteY176" fmla="*/ 4195 h 10000"/>
                  <a:gd name="connsiteX177" fmla="*/ 3550 w 14341"/>
                  <a:gd name="connsiteY177" fmla="*/ 4047 h 10000"/>
                  <a:gd name="connsiteX178" fmla="*/ 3425 w 14341"/>
                  <a:gd name="connsiteY178" fmla="*/ 3959 h 10000"/>
                  <a:gd name="connsiteX179" fmla="*/ 3575 w 14341"/>
                  <a:gd name="connsiteY179" fmla="*/ 3944 h 10000"/>
                  <a:gd name="connsiteX180" fmla="*/ 3701 w 14341"/>
                  <a:gd name="connsiteY180" fmla="*/ 3914 h 10000"/>
                  <a:gd name="connsiteX181" fmla="*/ 3800 w 14341"/>
                  <a:gd name="connsiteY181" fmla="*/ 3855 h 10000"/>
                  <a:gd name="connsiteX182" fmla="*/ 3924 w 14341"/>
                  <a:gd name="connsiteY182" fmla="*/ 3752 h 10000"/>
                  <a:gd name="connsiteX183" fmla="*/ 4050 w 14341"/>
                  <a:gd name="connsiteY183" fmla="*/ 3663 h 10000"/>
                  <a:gd name="connsiteX184" fmla="*/ 4150 w 14341"/>
                  <a:gd name="connsiteY184" fmla="*/ 3560 h 10000"/>
                  <a:gd name="connsiteX185" fmla="*/ 4225 w 14341"/>
                  <a:gd name="connsiteY185" fmla="*/ 3442 h 10000"/>
                  <a:gd name="connsiteX186" fmla="*/ 4301 w 14341"/>
                  <a:gd name="connsiteY186" fmla="*/ 3323 h 10000"/>
                  <a:gd name="connsiteX187" fmla="*/ 4350 w 14341"/>
                  <a:gd name="connsiteY187" fmla="*/ 3220 h 10000"/>
                  <a:gd name="connsiteX188" fmla="*/ 4375 w 14341"/>
                  <a:gd name="connsiteY188" fmla="*/ 3102 h 10000"/>
                  <a:gd name="connsiteX189" fmla="*/ 4401 w 14341"/>
                  <a:gd name="connsiteY189" fmla="*/ 3013 h 10000"/>
                  <a:gd name="connsiteX190" fmla="*/ 4375 w 14341"/>
                  <a:gd name="connsiteY190" fmla="*/ 2939 h 10000"/>
                  <a:gd name="connsiteX191" fmla="*/ 4350 w 14341"/>
                  <a:gd name="connsiteY191" fmla="*/ 2866 h 10000"/>
                  <a:gd name="connsiteX192" fmla="*/ 4275 w 14341"/>
                  <a:gd name="connsiteY192" fmla="*/ 2836 h 10000"/>
                  <a:gd name="connsiteX193" fmla="*/ 4176 w 14341"/>
                  <a:gd name="connsiteY193" fmla="*/ 2836 h 10000"/>
                  <a:gd name="connsiteX194" fmla="*/ 4050 w 14341"/>
                  <a:gd name="connsiteY194" fmla="*/ 2866 h 10000"/>
                  <a:gd name="connsiteX195" fmla="*/ 4150 w 14341"/>
                  <a:gd name="connsiteY195" fmla="*/ 2777 h 10000"/>
                  <a:gd name="connsiteX196" fmla="*/ 4201 w 14341"/>
                  <a:gd name="connsiteY196" fmla="*/ 2674 h 10000"/>
                  <a:gd name="connsiteX197" fmla="*/ 4225 w 14341"/>
                  <a:gd name="connsiteY197" fmla="*/ 2541 h 10000"/>
                  <a:gd name="connsiteX198" fmla="*/ 4225 w 14341"/>
                  <a:gd name="connsiteY198" fmla="*/ 2393 h 10000"/>
                  <a:gd name="connsiteX199" fmla="*/ 4250 w 14341"/>
                  <a:gd name="connsiteY199" fmla="*/ 2349 h 10000"/>
                  <a:gd name="connsiteX200" fmla="*/ 4301 w 14341"/>
                  <a:gd name="connsiteY200" fmla="*/ 2304 h 10000"/>
                  <a:gd name="connsiteX201" fmla="*/ 4350 w 14341"/>
                  <a:gd name="connsiteY201" fmla="*/ 2290 h 10000"/>
                  <a:gd name="connsiteX202" fmla="*/ 4426 w 14341"/>
                  <a:gd name="connsiteY202" fmla="*/ 2275 h 10000"/>
                  <a:gd name="connsiteX203" fmla="*/ 4650 w 14341"/>
                  <a:gd name="connsiteY203" fmla="*/ 2260 h 10000"/>
                  <a:gd name="connsiteX204" fmla="*/ 4850 w 14341"/>
                  <a:gd name="connsiteY204" fmla="*/ 2275 h 10000"/>
                  <a:gd name="connsiteX205" fmla="*/ 4825 w 14341"/>
                  <a:gd name="connsiteY205" fmla="*/ 2112 h 10000"/>
                  <a:gd name="connsiteX206" fmla="*/ 4776 w 14341"/>
                  <a:gd name="connsiteY206" fmla="*/ 1950 h 10000"/>
                  <a:gd name="connsiteX207" fmla="*/ 4700 w 14341"/>
                  <a:gd name="connsiteY207" fmla="*/ 1802 h 10000"/>
                  <a:gd name="connsiteX208" fmla="*/ 4601 w 14341"/>
                  <a:gd name="connsiteY208" fmla="*/ 1640 h 10000"/>
                  <a:gd name="connsiteX209" fmla="*/ 4350 w 14341"/>
                  <a:gd name="connsiteY209" fmla="*/ 1329 h 10000"/>
                  <a:gd name="connsiteX210" fmla="*/ 4100 w 14341"/>
                  <a:gd name="connsiteY210" fmla="*/ 1034 h 10000"/>
                  <a:gd name="connsiteX211" fmla="*/ 3975 w 14341"/>
                  <a:gd name="connsiteY211" fmla="*/ 901 h 10000"/>
                  <a:gd name="connsiteX212" fmla="*/ 3876 w 14341"/>
                  <a:gd name="connsiteY212" fmla="*/ 753 h 10000"/>
                  <a:gd name="connsiteX213" fmla="*/ 3800 w 14341"/>
                  <a:gd name="connsiteY213" fmla="*/ 620 h 10000"/>
                  <a:gd name="connsiteX214" fmla="*/ 3775 w 14341"/>
                  <a:gd name="connsiteY214" fmla="*/ 487 h 10000"/>
                  <a:gd name="connsiteX215" fmla="*/ 3750 w 14341"/>
                  <a:gd name="connsiteY215" fmla="*/ 355 h 10000"/>
                  <a:gd name="connsiteX216" fmla="*/ 3800 w 14341"/>
                  <a:gd name="connsiteY216" fmla="*/ 222 h 10000"/>
                  <a:gd name="connsiteX217" fmla="*/ 3826 w 14341"/>
                  <a:gd name="connsiteY217" fmla="*/ 162 h 10000"/>
                  <a:gd name="connsiteX218" fmla="*/ 3876 w 14341"/>
                  <a:gd name="connsiteY218" fmla="*/ 103 h 10000"/>
                  <a:gd name="connsiteX219" fmla="*/ 3951 w 14341"/>
                  <a:gd name="connsiteY219" fmla="*/ 59 h 10000"/>
                  <a:gd name="connsiteX220" fmla="*/ 4050 w 14341"/>
                  <a:gd name="connsiteY220" fmla="*/ 0 h 10000"/>
                  <a:gd name="connsiteX221" fmla="*/ 4225 w 14341"/>
                  <a:gd name="connsiteY221" fmla="*/ 0 h 10000"/>
                  <a:gd name="connsiteX222" fmla="*/ 4401 w 14341"/>
                  <a:gd name="connsiteY222" fmla="*/ 15 h 10000"/>
                  <a:gd name="connsiteX223" fmla="*/ 4575 w 14341"/>
                  <a:gd name="connsiteY223" fmla="*/ 44 h 10000"/>
                  <a:gd name="connsiteX224" fmla="*/ 4700 w 14341"/>
                  <a:gd name="connsiteY224" fmla="*/ 89 h 10000"/>
                  <a:gd name="connsiteX225" fmla="*/ 4901 w 14341"/>
                  <a:gd name="connsiteY225" fmla="*/ 192 h 10000"/>
                  <a:gd name="connsiteX226" fmla="*/ 5100 w 14341"/>
                  <a:gd name="connsiteY226" fmla="*/ 340 h 10000"/>
                  <a:gd name="connsiteX227" fmla="*/ 5250 w 14341"/>
                  <a:gd name="connsiteY227" fmla="*/ 473 h 10000"/>
                  <a:gd name="connsiteX228" fmla="*/ 5450 w 14341"/>
                  <a:gd name="connsiteY228" fmla="*/ 591 h 10000"/>
                  <a:gd name="connsiteX229" fmla="*/ 5576 w 14341"/>
                  <a:gd name="connsiteY229" fmla="*/ 650 h 10000"/>
                  <a:gd name="connsiteX230" fmla="*/ 5725 w 14341"/>
                  <a:gd name="connsiteY230" fmla="*/ 679 h 10000"/>
                  <a:gd name="connsiteX231" fmla="*/ 5876 w 14341"/>
                  <a:gd name="connsiteY231" fmla="*/ 709 h 10000"/>
                  <a:gd name="connsiteX232" fmla="*/ 6076 w 14341"/>
                  <a:gd name="connsiteY232" fmla="*/ 709 h 10000"/>
                  <a:gd name="connsiteX233" fmla="*/ 6076 w 14341"/>
                  <a:gd name="connsiteY233" fmla="*/ 768 h 10000"/>
                  <a:gd name="connsiteX234" fmla="*/ 6101 w 14341"/>
                  <a:gd name="connsiteY234" fmla="*/ 842 h 10000"/>
                  <a:gd name="connsiteX235" fmla="*/ 6150 w 14341"/>
                  <a:gd name="connsiteY235" fmla="*/ 916 h 10000"/>
                  <a:gd name="connsiteX236" fmla="*/ 6200 w 14341"/>
                  <a:gd name="connsiteY236" fmla="*/ 990 h 10000"/>
                  <a:gd name="connsiteX237" fmla="*/ 6274 w 14341"/>
                  <a:gd name="connsiteY237" fmla="*/ 1049 h 10000"/>
                  <a:gd name="connsiteX238" fmla="*/ 6375 w 14341"/>
                  <a:gd name="connsiteY238" fmla="*/ 1108 h 10000"/>
                  <a:gd name="connsiteX239" fmla="*/ 6500 w 14341"/>
                  <a:gd name="connsiteY239" fmla="*/ 1182 h 10000"/>
                  <a:gd name="connsiteX240" fmla="*/ 6600 w 14341"/>
                  <a:gd name="connsiteY240" fmla="*/ 1226 h 10000"/>
                  <a:gd name="connsiteX241" fmla="*/ 6701 w 14341"/>
                  <a:gd name="connsiteY241" fmla="*/ 1270 h 10000"/>
                  <a:gd name="connsiteX242" fmla="*/ 6800 w 14341"/>
                  <a:gd name="connsiteY242" fmla="*/ 1300 h 10000"/>
                  <a:gd name="connsiteX243" fmla="*/ 6901 w 14341"/>
                  <a:gd name="connsiteY243" fmla="*/ 1315 h 10000"/>
                  <a:gd name="connsiteX244" fmla="*/ 7026 w 14341"/>
                  <a:gd name="connsiteY244" fmla="*/ 1300 h 10000"/>
                  <a:gd name="connsiteX245" fmla="*/ 7126 w 14341"/>
                  <a:gd name="connsiteY245" fmla="*/ 1285 h 10000"/>
                  <a:gd name="connsiteX246" fmla="*/ 7200 w 14341"/>
                  <a:gd name="connsiteY246" fmla="*/ 1241 h 10000"/>
                  <a:gd name="connsiteX247" fmla="*/ 7251 w 14341"/>
                  <a:gd name="connsiteY247" fmla="*/ 1167 h 10000"/>
                  <a:gd name="connsiteX248" fmla="*/ 7275 w 14341"/>
                  <a:gd name="connsiteY248" fmla="*/ 1064 h 10000"/>
                  <a:gd name="connsiteX249" fmla="*/ 7650 w 14341"/>
                  <a:gd name="connsiteY249" fmla="*/ 1034 h 10000"/>
                  <a:gd name="connsiteX250" fmla="*/ 8000 w 14341"/>
                  <a:gd name="connsiteY250" fmla="*/ 1004 h 10000"/>
                  <a:gd name="connsiteX251" fmla="*/ 8301 w 14341"/>
                  <a:gd name="connsiteY251" fmla="*/ 990 h 10000"/>
                  <a:gd name="connsiteX252" fmla="*/ 8576 w 14341"/>
                  <a:gd name="connsiteY252" fmla="*/ 1004 h 10000"/>
                  <a:gd name="connsiteX253" fmla="*/ 8701 w 14341"/>
                  <a:gd name="connsiteY253" fmla="*/ 1019 h 10000"/>
                  <a:gd name="connsiteX254" fmla="*/ 8825 w 14341"/>
                  <a:gd name="connsiteY254" fmla="*/ 1034 h 10000"/>
                  <a:gd name="connsiteX255" fmla="*/ 8926 w 14341"/>
                  <a:gd name="connsiteY255" fmla="*/ 1064 h 10000"/>
                  <a:gd name="connsiteX256" fmla="*/ 9051 w 14341"/>
                  <a:gd name="connsiteY256" fmla="*/ 1108 h 10000"/>
                  <a:gd name="connsiteX257" fmla="*/ 9126 w 14341"/>
                  <a:gd name="connsiteY257" fmla="*/ 1182 h 10000"/>
                  <a:gd name="connsiteX258" fmla="*/ 9200 w 14341"/>
                  <a:gd name="connsiteY258" fmla="*/ 1241 h 10000"/>
                  <a:gd name="connsiteX259" fmla="*/ 9251 w 14341"/>
                  <a:gd name="connsiteY259" fmla="*/ 1329 h 10000"/>
                  <a:gd name="connsiteX260" fmla="*/ 9301 w 14341"/>
                  <a:gd name="connsiteY260" fmla="*/ 1433 h 10000"/>
                  <a:gd name="connsiteX261" fmla="*/ 9351 w 14341"/>
                  <a:gd name="connsiteY261" fmla="*/ 1551 h 10000"/>
                  <a:gd name="connsiteX262" fmla="*/ 9325 w 14341"/>
                  <a:gd name="connsiteY262" fmla="*/ 1625 h 10000"/>
                  <a:gd name="connsiteX263" fmla="*/ 9301 w 14341"/>
                  <a:gd name="connsiteY263" fmla="*/ 1684 h 10000"/>
                  <a:gd name="connsiteX264" fmla="*/ 9251 w 14341"/>
                  <a:gd name="connsiteY264" fmla="*/ 1758 h 10000"/>
                  <a:gd name="connsiteX265" fmla="*/ 9176 w 14341"/>
                  <a:gd name="connsiteY265" fmla="*/ 1802 h 10000"/>
                  <a:gd name="connsiteX266" fmla="*/ 9126 w 14341"/>
                  <a:gd name="connsiteY266" fmla="*/ 1861 h 10000"/>
                  <a:gd name="connsiteX267" fmla="*/ 9102 w 14341"/>
                  <a:gd name="connsiteY267" fmla="*/ 1935 h 10000"/>
                  <a:gd name="connsiteX268" fmla="*/ 9126 w 14341"/>
                  <a:gd name="connsiteY268" fmla="*/ 2024 h 10000"/>
                  <a:gd name="connsiteX269" fmla="*/ 9401 w 14341"/>
                  <a:gd name="connsiteY269" fmla="*/ 2157 h 10000"/>
                  <a:gd name="connsiteX270" fmla="*/ 9726 w 14341"/>
                  <a:gd name="connsiteY270" fmla="*/ 2275 h 10000"/>
                  <a:gd name="connsiteX271" fmla="*/ 9851 w 14341"/>
                  <a:gd name="connsiteY271" fmla="*/ 2349 h 10000"/>
                  <a:gd name="connsiteX272" fmla="*/ 14341 w 14341"/>
                  <a:gd name="connsiteY272" fmla="*/ 4971 h 10000"/>
                  <a:gd name="connsiteX0" fmla="*/ 7026 w 9851"/>
                  <a:gd name="connsiteY0" fmla="*/ 4564 h 10000"/>
                  <a:gd name="connsiteX1" fmla="*/ 6901 w 9851"/>
                  <a:gd name="connsiteY1" fmla="*/ 4638 h 10000"/>
                  <a:gd name="connsiteX2" fmla="*/ 6901 w 9851"/>
                  <a:gd name="connsiteY2" fmla="*/ 4697 h 10000"/>
                  <a:gd name="connsiteX3" fmla="*/ 6875 w 9851"/>
                  <a:gd name="connsiteY3" fmla="*/ 4801 h 10000"/>
                  <a:gd name="connsiteX4" fmla="*/ 6875 w 9851"/>
                  <a:gd name="connsiteY4" fmla="*/ 4904 h 10000"/>
                  <a:gd name="connsiteX5" fmla="*/ 6751 w 9851"/>
                  <a:gd name="connsiteY5" fmla="*/ 4860 h 10000"/>
                  <a:gd name="connsiteX6" fmla="*/ 6675 w 9851"/>
                  <a:gd name="connsiteY6" fmla="*/ 4801 h 10000"/>
                  <a:gd name="connsiteX7" fmla="*/ 6600 w 9851"/>
                  <a:gd name="connsiteY7" fmla="*/ 4727 h 10000"/>
                  <a:gd name="connsiteX8" fmla="*/ 6526 w 9851"/>
                  <a:gd name="connsiteY8" fmla="*/ 4638 h 10000"/>
                  <a:gd name="connsiteX9" fmla="*/ 6401 w 9851"/>
                  <a:gd name="connsiteY9" fmla="*/ 4476 h 10000"/>
                  <a:gd name="connsiteX10" fmla="*/ 6274 w 9851"/>
                  <a:gd name="connsiteY10" fmla="*/ 4313 h 10000"/>
                  <a:gd name="connsiteX11" fmla="*/ 6426 w 9851"/>
                  <a:gd name="connsiteY11" fmla="*/ 4210 h 10000"/>
                  <a:gd name="connsiteX12" fmla="*/ 8150 w 9851"/>
                  <a:gd name="connsiteY12" fmla="*/ 3663 h 10000"/>
                  <a:gd name="connsiteX13" fmla="*/ 8401 w 9851"/>
                  <a:gd name="connsiteY13" fmla="*/ 3589 h 10000"/>
                  <a:gd name="connsiteX14" fmla="*/ 8651 w 9851"/>
                  <a:gd name="connsiteY14" fmla="*/ 3516 h 10000"/>
                  <a:gd name="connsiteX15" fmla="*/ 8850 w 9851"/>
                  <a:gd name="connsiteY15" fmla="*/ 3412 h 10000"/>
                  <a:gd name="connsiteX16" fmla="*/ 9051 w 9851"/>
                  <a:gd name="connsiteY16" fmla="*/ 3338 h 10000"/>
                  <a:gd name="connsiteX17" fmla="*/ 9176 w 9851"/>
                  <a:gd name="connsiteY17" fmla="*/ 3235 h 10000"/>
                  <a:gd name="connsiteX18" fmla="*/ 9275 w 9851"/>
                  <a:gd name="connsiteY18" fmla="*/ 3117 h 10000"/>
                  <a:gd name="connsiteX19" fmla="*/ 9301 w 9851"/>
                  <a:gd name="connsiteY19" fmla="*/ 3072 h 10000"/>
                  <a:gd name="connsiteX20" fmla="*/ 9325 w 9851"/>
                  <a:gd name="connsiteY20" fmla="*/ 3013 h 10000"/>
                  <a:gd name="connsiteX21" fmla="*/ 9325 w 9851"/>
                  <a:gd name="connsiteY21" fmla="*/ 2954 h 10000"/>
                  <a:gd name="connsiteX22" fmla="*/ 9301 w 9851"/>
                  <a:gd name="connsiteY22" fmla="*/ 2866 h 10000"/>
                  <a:gd name="connsiteX23" fmla="*/ 9126 w 9851"/>
                  <a:gd name="connsiteY23" fmla="*/ 2984 h 10000"/>
                  <a:gd name="connsiteX24" fmla="*/ 8926 w 9851"/>
                  <a:gd name="connsiteY24" fmla="*/ 3072 h 10000"/>
                  <a:gd name="connsiteX25" fmla="*/ 8725 w 9851"/>
                  <a:gd name="connsiteY25" fmla="*/ 3161 h 10000"/>
                  <a:gd name="connsiteX26" fmla="*/ 8526 w 9851"/>
                  <a:gd name="connsiteY26" fmla="*/ 3250 h 10000"/>
                  <a:gd name="connsiteX27" fmla="*/ 8075 w 9851"/>
                  <a:gd name="connsiteY27" fmla="*/ 3397 h 10000"/>
                  <a:gd name="connsiteX28" fmla="*/ 7601 w 9851"/>
                  <a:gd name="connsiteY28" fmla="*/ 3545 h 10000"/>
                  <a:gd name="connsiteX29" fmla="*/ 7126 w 9851"/>
                  <a:gd name="connsiteY29" fmla="*/ 3678 h 10000"/>
                  <a:gd name="connsiteX30" fmla="*/ 6675 w 9851"/>
                  <a:gd name="connsiteY30" fmla="*/ 3840 h 10000"/>
                  <a:gd name="connsiteX31" fmla="*/ 6450 w 9851"/>
                  <a:gd name="connsiteY31" fmla="*/ 3914 h 10000"/>
                  <a:gd name="connsiteX32" fmla="*/ 6250 w 9851"/>
                  <a:gd name="connsiteY32" fmla="*/ 4003 h 10000"/>
                  <a:gd name="connsiteX33" fmla="*/ 6051 w 9851"/>
                  <a:gd name="connsiteY33" fmla="*/ 4106 h 10000"/>
                  <a:gd name="connsiteX34" fmla="*/ 5850 w 9851"/>
                  <a:gd name="connsiteY34" fmla="*/ 4195 h 10000"/>
                  <a:gd name="connsiteX35" fmla="*/ 6000 w 9851"/>
                  <a:gd name="connsiteY35" fmla="*/ 4417 h 10000"/>
                  <a:gd name="connsiteX36" fmla="*/ 6101 w 9851"/>
                  <a:gd name="connsiteY36" fmla="*/ 4623 h 10000"/>
                  <a:gd name="connsiteX37" fmla="*/ 6200 w 9851"/>
                  <a:gd name="connsiteY37" fmla="*/ 4845 h 10000"/>
                  <a:gd name="connsiteX38" fmla="*/ 6274 w 9851"/>
                  <a:gd name="connsiteY38" fmla="*/ 5081 h 10000"/>
                  <a:gd name="connsiteX39" fmla="*/ 6325 w 9851"/>
                  <a:gd name="connsiteY39" fmla="*/ 5318 h 10000"/>
                  <a:gd name="connsiteX40" fmla="*/ 6351 w 9851"/>
                  <a:gd name="connsiteY40" fmla="*/ 5539 h 10000"/>
                  <a:gd name="connsiteX41" fmla="*/ 6375 w 9851"/>
                  <a:gd name="connsiteY41" fmla="*/ 5775 h 10000"/>
                  <a:gd name="connsiteX42" fmla="*/ 6375 w 9851"/>
                  <a:gd name="connsiteY42" fmla="*/ 5997 h 10000"/>
                  <a:gd name="connsiteX43" fmla="*/ 6351 w 9851"/>
                  <a:gd name="connsiteY43" fmla="*/ 6233 h 10000"/>
                  <a:gd name="connsiteX44" fmla="*/ 6301 w 9851"/>
                  <a:gd name="connsiteY44" fmla="*/ 6470 h 10000"/>
                  <a:gd name="connsiteX45" fmla="*/ 6250 w 9851"/>
                  <a:gd name="connsiteY45" fmla="*/ 6677 h 10000"/>
                  <a:gd name="connsiteX46" fmla="*/ 6176 w 9851"/>
                  <a:gd name="connsiteY46" fmla="*/ 6898 h 10000"/>
                  <a:gd name="connsiteX47" fmla="*/ 6076 w 9851"/>
                  <a:gd name="connsiteY47" fmla="*/ 7105 h 10000"/>
                  <a:gd name="connsiteX48" fmla="*/ 5951 w 9851"/>
                  <a:gd name="connsiteY48" fmla="*/ 7297 h 10000"/>
                  <a:gd name="connsiteX49" fmla="*/ 5800 w 9851"/>
                  <a:gd name="connsiteY49" fmla="*/ 7489 h 10000"/>
                  <a:gd name="connsiteX50" fmla="*/ 5650 w 9851"/>
                  <a:gd name="connsiteY50" fmla="*/ 7681 h 10000"/>
                  <a:gd name="connsiteX51" fmla="*/ 6375 w 9851"/>
                  <a:gd name="connsiteY51" fmla="*/ 7799 h 10000"/>
                  <a:gd name="connsiteX52" fmla="*/ 7126 w 9851"/>
                  <a:gd name="connsiteY52" fmla="*/ 7962 h 10000"/>
                  <a:gd name="connsiteX53" fmla="*/ 7275 w 9851"/>
                  <a:gd name="connsiteY53" fmla="*/ 8021 h 10000"/>
                  <a:gd name="connsiteX54" fmla="*/ 7400 w 9851"/>
                  <a:gd name="connsiteY54" fmla="*/ 8080 h 10000"/>
                  <a:gd name="connsiteX55" fmla="*/ 7525 w 9851"/>
                  <a:gd name="connsiteY55" fmla="*/ 8139 h 10000"/>
                  <a:gd name="connsiteX56" fmla="*/ 7601 w 9851"/>
                  <a:gd name="connsiteY56" fmla="*/ 8227 h 10000"/>
                  <a:gd name="connsiteX57" fmla="*/ 7626 w 9851"/>
                  <a:gd name="connsiteY57" fmla="*/ 8301 h 10000"/>
                  <a:gd name="connsiteX58" fmla="*/ 7626 w 9851"/>
                  <a:gd name="connsiteY58" fmla="*/ 8405 h 10000"/>
                  <a:gd name="connsiteX59" fmla="*/ 7576 w 9851"/>
                  <a:gd name="connsiteY59" fmla="*/ 8523 h 10000"/>
                  <a:gd name="connsiteX60" fmla="*/ 7501 w 9851"/>
                  <a:gd name="connsiteY60" fmla="*/ 8641 h 10000"/>
                  <a:gd name="connsiteX61" fmla="*/ 7175 w 9851"/>
                  <a:gd name="connsiteY61" fmla="*/ 8552 h 10000"/>
                  <a:gd name="connsiteX62" fmla="*/ 6875 w 9851"/>
                  <a:gd name="connsiteY62" fmla="*/ 8449 h 10000"/>
                  <a:gd name="connsiteX63" fmla="*/ 6575 w 9851"/>
                  <a:gd name="connsiteY63" fmla="*/ 8360 h 10000"/>
                  <a:gd name="connsiteX64" fmla="*/ 6274 w 9851"/>
                  <a:gd name="connsiteY64" fmla="*/ 8287 h 10000"/>
                  <a:gd name="connsiteX65" fmla="*/ 6150 w 9851"/>
                  <a:gd name="connsiteY65" fmla="*/ 8449 h 10000"/>
                  <a:gd name="connsiteX66" fmla="*/ 6051 w 9851"/>
                  <a:gd name="connsiteY66" fmla="*/ 8597 h 10000"/>
                  <a:gd name="connsiteX67" fmla="*/ 6000 w 9851"/>
                  <a:gd name="connsiteY67" fmla="*/ 8656 h 10000"/>
                  <a:gd name="connsiteX68" fmla="*/ 5900 w 9851"/>
                  <a:gd name="connsiteY68" fmla="*/ 8700 h 10000"/>
                  <a:gd name="connsiteX69" fmla="*/ 5826 w 9851"/>
                  <a:gd name="connsiteY69" fmla="*/ 8744 h 10000"/>
                  <a:gd name="connsiteX70" fmla="*/ 5751 w 9851"/>
                  <a:gd name="connsiteY70" fmla="*/ 8774 h 10000"/>
                  <a:gd name="connsiteX71" fmla="*/ 5675 w 9851"/>
                  <a:gd name="connsiteY71" fmla="*/ 8804 h 10000"/>
                  <a:gd name="connsiteX72" fmla="*/ 5576 w 9851"/>
                  <a:gd name="connsiteY72" fmla="*/ 8818 h 10000"/>
                  <a:gd name="connsiteX73" fmla="*/ 5450 w 9851"/>
                  <a:gd name="connsiteY73" fmla="*/ 8833 h 10000"/>
                  <a:gd name="connsiteX74" fmla="*/ 5325 w 9851"/>
                  <a:gd name="connsiteY74" fmla="*/ 8833 h 10000"/>
                  <a:gd name="connsiteX75" fmla="*/ 5026 w 9851"/>
                  <a:gd name="connsiteY75" fmla="*/ 8818 h 10000"/>
                  <a:gd name="connsiteX76" fmla="*/ 4650 w 9851"/>
                  <a:gd name="connsiteY76" fmla="*/ 8744 h 10000"/>
                  <a:gd name="connsiteX77" fmla="*/ 4650 w 9851"/>
                  <a:gd name="connsiteY77" fmla="*/ 8922 h 10000"/>
                  <a:gd name="connsiteX78" fmla="*/ 4625 w 9851"/>
                  <a:gd name="connsiteY78" fmla="*/ 9069 h 10000"/>
                  <a:gd name="connsiteX79" fmla="*/ 4601 w 9851"/>
                  <a:gd name="connsiteY79" fmla="*/ 9232 h 10000"/>
                  <a:gd name="connsiteX80" fmla="*/ 4575 w 9851"/>
                  <a:gd name="connsiteY80" fmla="*/ 9365 h 10000"/>
                  <a:gd name="connsiteX81" fmla="*/ 4525 w 9851"/>
                  <a:gd name="connsiteY81" fmla="*/ 9498 h 10000"/>
                  <a:gd name="connsiteX82" fmla="*/ 4426 w 9851"/>
                  <a:gd name="connsiteY82" fmla="*/ 9616 h 10000"/>
                  <a:gd name="connsiteX83" fmla="*/ 4350 w 9851"/>
                  <a:gd name="connsiteY83" fmla="*/ 9734 h 10000"/>
                  <a:gd name="connsiteX84" fmla="*/ 4225 w 9851"/>
                  <a:gd name="connsiteY84" fmla="*/ 9838 h 10000"/>
                  <a:gd name="connsiteX85" fmla="*/ 3924 w 9851"/>
                  <a:gd name="connsiteY85" fmla="*/ 9897 h 10000"/>
                  <a:gd name="connsiteX86" fmla="*/ 3675 w 9851"/>
                  <a:gd name="connsiteY86" fmla="*/ 9941 h 10000"/>
                  <a:gd name="connsiteX87" fmla="*/ 3375 w 9851"/>
                  <a:gd name="connsiteY87" fmla="*/ 9985 h 10000"/>
                  <a:gd name="connsiteX88" fmla="*/ 3150 w 9851"/>
                  <a:gd name="connsiteY88" fmla="*/ 10000 h 10000"/>
                  <a:gd name="connsiteX89" fmla="*/ 2650 w 9851"/>
                  <a:gd name="connsiteY89" fmla="*/ 10000 h 10000"/>
                  <a:gd name="connsiteX90" fmla="*/ 2175 w 9851"/>
                  <a:gd name="connsiteY90" fmla="*/ 9985 h 10000"/>
                  <a:gd name="connsiteX91" fmla="*/ 1726 w 9851"/>
                  <a:gd name="connsiteY91" fmla="*/ 9941 h 10000"/>
                  <a:gd name="connsiteX92" fmla="*/ 1251 w 9851"/>
                  <a:gd name="connsiteY92" fmla="*/ 9911 h 10000"/>
                  <a:gd name="connsiteX93" fmla="*/ 975 w 9851"/>
                  <a:gd name="connsiteY93" fmla="*/ 9911 h 10000"/>
                  <a:gd name="connsiteX94" fmla="*/ 725 w 9851"/>
                  <a:gd name="connsiteY94" fmla="*/ 9911 h 10000"/>
                  <a:gd name="connsiteX95" fmla="*/ 450 w 9851"/>
                  <a:gd name="connsiteY95" fmla="*/ 9926 h 10000"/>
                  <a:gd name="connsiteX96" fmla="*/ 175 w 9851"/>
                  <a:gd name="connsiteY96" fmla="*/ 9970 h 10000"/>
                  <a:gd name="connsiteX97" fmla="*/ 100 w 9851"/>
                  <a:gd name="connsiteY97" fmla="*/ 9867 h 10000"/>
                  <a:gd name="connsiteX98" fmla="*/ 50 w 9851"/>
                  <a:gd name="connsiteY98" fmla="*/ 9793 h 10000"/>
                  <a:gd name="connsiteX99" fmla="*/ 0 w 9851"/>
                  <a:gd name="connsiteY99" fmla="*/ 9705 h 10000"/>
                  <a:gd name="connsiteX100" fmla="*/ 0 w 9851"/>
                  <a:gd name="connsiteY100" fmla="*/ 9601 h 10000"/>
                  <a:gd name="connsiteX101" fmla="*/ 50 w 9851"/>
                  <a:gd name="connsiteY101" fmla="*/ 9424 h 10000"/>
                  <a:gd name="connsiteX102" fmla="*/ 100 w 9851"/>
                  <a:gd name="connsiteY102" fmla="*/ 9202 h 10000"/>
                  <a:gd name="connsiteX103" fmla="*/ 149 w 9851"/>
                  <a:gd name="connsiteY103" fmla="*/ 8996 h 10000"/>
                  <a:gd name="connsiteX104" fmla="*/ 200 w 9851"/>
                  <a:gd name="connsiteY104" fmla="*/ 8759 h 10000"/>
                  <a:gd name="connsiteX105" fmla="*/ 225 w 9851"/>
                  <a:gd name="connsiteY105" fmla="*/ 8641 h 10000"/>
                  <a:gd name="connsiteX106" fmla="*/ 225 w 9851"/>
                  <a:gd name="connsiteY106" fmla="*/ 8538 h 10000"/>
                  <a:gd name="connsiteX107" fmla="*/ 200 w 9851"/>
                  <a:gd name="connsiteY107" fmla="*/ 8405 h 10000"/>
                  <a:gd name="connsiteX108" fmla="*/ 175 w 9851"/>
                  <a:gd name="connsiteY108" fmla="*/ 8287 h 10000"/>
                  <a:gd name="connsiteX109" fmla="*/ 425 w 9851"/>
                  <a:gd name="connsiteY109" fmla="*/ 8213 h 10000"/>
                  <a:gd name="connsiteX110" fmla="*/ 675 w 9851"/>
                  <a:gd name="connsiteY110" fmla="*/ 8139 h 10000"/>
                  <a:gd name="connsiteX111" fmla="*/ 925 w 9851"/>
                  <a:gd name="connsiteY111" fmla="*/ 8095 h 10000"/>
                  <a:gd name="connsiteX112" fmla="*/ 1200 w 9851"/>
                  <a:gd name="connsiteY112" fmla="*/ 8065 h 10000"/>
                  <a:gd name="connsiteX113" fmla="*/ 1699 w 9851"/>
                  <a:gd name="connsiteY113" fmla="*/ 8021 h 10000"/>
                  <a:gd name="connsiteX114" fmla="*/ 2201 w 9851"/>
                  <a:gd name="connsiteY114" fmla="*/ 7976 h 10000"/>
                  <a:gd name="connsiteX115" fmla="*/ 2425 w 9851"/>
                  <a:gd name="connsiteY115" fmla="*/ 7947 h 10000"/>
                  <a:gd name="connsiteX116" fmla="*/ 2650 w 9851"/>
                  <a:gd name="connsiteY116" fmla="*/ 7917 h 10000"/>
                  <a:gd name="connsiteX117" fmla="*/ 2849 w 9851"/>
                  <a:gd name="connsiteY117" fmla="*/ 7843 h 10000"/>
                  <a:gd name="connsiteX118" fmla="*/ 3050 w 9851"/>
                  <a:gd name="connsiteY118" fmla="*/ 7784 h 10000"/>
                  <a:gd name="connsiteX119" fmla="*/ 3225 w 9851"/>
                  <a:gd name="connsiteY119" fmla="*/ 7710 h 10000"/>
                  <a:gd name="connsiteX120" fmla="*/ 3375 w 9851"/>
                  <a:gd name="connsiteY120" fmla="*/ 7592 h 10000"/>
                  <a:gd name="connsiteX121" fmla="*/ 3526 w 9851"/>
                  <a:gd name="connsiteY121" fmla="*/ 7474 h 10000"/>
                  <a:gd name="connsiteX122" fmla="*/ 3625 w 9851"/>
                  <a:gd name="connsiteY122" fmla="*/ 7312 h 10000"/>
                  <a:gd name="connsiteX123" fmla="*/ 3425 w 9851"/>
                  <a:gd name="connsiteY123" fmla="*/ 7238 h 10000"/>
                  <a:gd name="connsiteX124" fmla="*/ 3250 w 9851"/>
                  <a:gd name="connsiteY124" fmla="*/ 7179 h 10000"/>
                  <a:gd name="connsiteX125" fmla="*/ 3100 w 9851"/>
                  <a:gd name="connsiteY125" fmla="*/ 7090 h 10000"/>
                  <a:gd name="connsiteX126" fmla="*/ 2950 w 9851"/>
                  <a:gd name="connsiteY126" fmla="*/ 6987 h 10000"/>
                  <a:gd name="connsiteX127" fmla="*/ 2849 w 9851"/>
                  <a:gd name="connsiteY127" fmla="*/ 6869 h 10000"/>
                  <a:gd name="connsiteX128" fmla="*/ 2801 w 9851"/>
                  <a:gd name="connsiteY128" fmla="*/ 6721 h 10000"/>
                  <a:gd name="connsiteX129" fmla="*/ 2775 w 9851"/>
                  <a:gd name="connsiteY129" fmla="*/ 6558 h 10000"/>
                  <a:gd name="connsiteX130" fmla="*/ 2801 w 9851"/>
                  <a:gd name="connsiteY130" fmla="*/ 6352 h 10000"/>
                  <a:gd name="connsiteX131" fmla="*/ 2676 w 9851"/>
                  <a:gd name="connsiteY131" fmla="*/ 6322 h 10000"/>
                  <a:gd name="connsiteX132" fmla="*/ 2526 w 9851"/>
                  <a:gd name="connsiteY132" fmla="*/ 6292 h 10000"/>
                  <a:gd name="connsiteX133" fmla="*/ 2350 w 9851"/>
                  <a:gd name="connsiteY133" fmla="*/ 6278 h 10000"/>
                  <a:gd name="connsiteX134" fmla="*/ 2175 w 9851"/>
                  <a:gd name="connsiteY134" fmla="*/ 6263 h 10000"/>
                  <a:gd name="connsiteX135" fmla="*/ 1825 w 9851"/>
                  <a:gd name="connsiteY135" fmla="*/ 6248 h 10000"/>
                  <a:gd name="connsiteX136" fmla="*/ 1450 w 9851"/>
                  <a:gd name="connsiteY136" fmla="*/ 6263 h 10000"/>
                  <a:gd name="connsiteX137" fmla="*/ 1126 w 9851"/>
                  <a:gd name="connsiteY137" fmla="*/ 6278 h 10000"/>
                  <a:gd name="connsiteX138" fmla="*/ 825 w 9851"/>
                  <a:gd name="connsiteY138" fmla="*/ 6278 h 10000"/>
                  <a:gd name="connsiteX139" fmla="*/ 576 w 9851"/>
                  <a:gd name="connsiteY139" fmla="*/ 6263 h 10000"/>
                  <a:gd name="connsiteX140" fmla="*/ 375 w 9851"/>
                  <a:gd name="connsiteY140" fmla="*/ 6233 h 10000"/>
                  <a:gd name="connsiteX141" fmla="*/ 624 w 9851"/>
                  <a:gd name="connsiteY141" fmla="*/ 5805 h 10000"/>
                  <a:gd name="connsiteX142" fmla="*/ 900 w 9851"/>
                  <a:gd name="connsiteY142" fmla="*/ 5391 h 10000"/>
                  <a:gd name="connsiteX143" fmla="*/ 1001 w 9851"/>
                  <a:gd name="connsiteY143" fmla="*/ 5170 h 10000"/>
                  <a:gd name="connsiteX144" fmla="*/ 1075 w 9851"/>
                  <a:gd name="connsiteY144" fmla="*/ 4963 h 10000"/>
                  <a:gd name="connsiteX145" fmla="*/ 1099 w 9851"/>
                  <a:gd name="connsiteY145" fmla="*/ 4860 h 10000"/>
                  <a:gd name="connsiteX146" fmla="*/ 1075 w 9851"/>
                  <a:gd name="connsiteY146" fmla="*/ 4756 h 10000"/>
                  <a:gd name="connsiteX147" fmla="*/ 1050 w 9851"/>
                  <a:gd name="connsiteY147" fmla="*/ 4653 h 10000"/>
                  <a:gd name="connsiteX148" fmla="*/ 975 w 9851"/>
                  <a:gd name="connsiteY148" fmla="*/ 4549 h 10000"/>
                  <a:gd name="connsiteX149" fmla="*/ 1251 w 9851"/>
                  <a:gd name="connsiteY149" fmla="*/ 4520 h 10000"/>
                  <a:gd name="connsiteX150" fmla="*/ 1450 w 9851"/>
                  <a:gd name="connsiteY150" fmla="*/ 4505 h 10000"/>
                  <a:gd name="connsiteX151" fmla="*/ 1625 w 9851"/>
                  <a:gd name="connsiteY151" fmla="*/ 4505 h 10000"/>
                  <a:gd name="connsiteX152" fmla="*/ 1775 w 9851"/>
                  <a:gd name="connsiteY152" fmla="*/ 4520 h 10000"/>
                  <a:gd name="connsiteX153" fmla="*/ 1900 w 9851"/>
                  <a:gd name="connsiteY153" fmla="*/ 4520 h 10000"/>
                  <a:gd name="connsiteX154" fmla="*/ 2050 w 9851"/>
                  <a:gd name="connsiteY154" fmla="*/ 4520 h 10000"/>
                  <a:gd name="connsiteX155" fmla="*/ 2201 w 9851"/>
                  <a:gd name="connsiteY155" fmla="*/ 4490 h 10000"/>
                  <a:gd name="connsiteX156" fmla="*/ 2400 w 9851"/>
                  <a:gd name="connsiteY156" fmla="*/ 4446 h 10000"/>
                  <a:gd name="connsiteX157" fmla="*/ 2400 w 9851"/>
                  <a:gd name="connsiteY157" fmla="*/ 4579 h 10000"/>
                  <a:gd name="connsiteX158" fmla="*/ 2400 w 9851"/>
                  <a:gd name="connsiteY158" fmla="*/ 4742 h 10000"/>
                  <a:gd name="connsiteX159" fmla="*/ 2400 w 9851"/>
                  <a:gd name="connsiteY159" fmla="*/ 4874 h 10000"/>
                  <a:gd name="connsiteX160" fmla="*/ 2400 w 9851"/>
                  <a:gd name="connsiteY160" fmla="*/ 5037 h 10000"/>
                  <a:gd name="connsiteX161" fmla="*/ 2625 w 9851"/>
                  <a:gd name="connsiteY161" fmla="*/ 5022 h 10000"/>
                  <a:gd name="connsiteX162" fmla="*/ 2775 w 9851"/>
                  <a:gd name="connsiteY162" fmla="*/ 5037 h 10000"/>
                  <a:gd name="connsiteX163" fmla="*/ 2900 w 9851"/>
                  <a:gd name="connsiteY163" fmla="*/ 5066 h 10000"/>
                  <a:gd name="connsiteX164" fmla="*/ 3025 w 9851"/>
                  <a:gd name="connsiteY164" fmla="*/ 5096 h 10000"/>
                  <a:gd name="connsiteX165" fmla="*/ 3126 w 9851"/>
                  <a:gd name="connsiteY165" fmla="*/ 5126 h 10000"/>
                  <a:gd name="connsiteX166" fmla="*/ 3250 w 9851"/>
                  <a:gd name="connsiteY166" fmla="*/ 5155 h 10000"/>
                  <a:gd name="connsiteX167" fmla="*/ 3401 w 9851"/>
                  <a:gd name="connsiteY167" fmla="*/ 5170 h 10000"/>
                  <a:gd name="connsiteX168" fmla="*/ 3625 w 9851"/>
                  <a:gd name="connsiteY168" fmla="*/ 5155 h 10000"/>
                  <a:gd name="connsiteX169" fmla="*/ 3701 w 9851"/>
                  <a:gd name="connsiteY169" fmla="*/ 5096 h 10000"/>
                  <a:gd name="connsiteX170" fmla="*/ 3775 w 9851"/>
                  <a:gd name="connsiteY170" fmla="*/ 5022 h 10000"/>
                  <a:gd name="connsiteX171" fmla="*/ 3800 w 9851"/>
                  <a:gd name="connsiteY171" fmla="*/ 4934 h 10000"/>
                  <a:gd name="connsiteX172" fmla="*/ 3826 w 9851"/>
                  <a:gd name="connsiteY172" fmla="*/ 4860 h 10000"/>
                  <a:gd name="connsiteX173" fmla="*/ 3850 w 9851"/>
                  <a:gd name="connsiteY173" fmla="*/ 4697 h 10000"/>
                  <a:gd name="connsiteX174" fmla="*/ 3826 w 9851"/>
                  <a:gd name="connsiteY174" fmla="*/ 4520 h 10000"/>
                  <a:gd name="connsiteX175" fmla="*/ 3750 w 9851"/>
                  <a:gd name="connsiteY175" fmla="*/ 4343 h 10000"/>
                  <a:gd name="connsiteX176" fmla="*/ 3675 w 9851"/>
                  <a:gd name="connsiteY176" fmla="*/ 4195 h 10000"/>
                  <a:gd name="connsiteX177" fmla="*/ 3550 w 9851"/>
                  <a:gd name="connsiteY177" fmla="*/ 4047 h 10000"/>
                  <a:gd name="connsiteX178" fmla="*/ 3425 w 9851"/>
                  <a:gd name="connsiteY178" fmla="*/ 3959 h 10000"/>
                  <a:gd name="connsiteX179" fmla="*/ 3575 w 9851"/>
                  <a:gd name="connsiteY179" fmla="*/ 3944 h 10000"/>
                  <a:gd name="connsiteX180" fmla="*/ 3701 w 9851"/>
                  <a:gd name="connsiteY180" fmla="*/ 3914 h 10000"/>
                  <a:gd name="connsiteX181" fmla="*/ 3800 w 9851"/>
                  <a:gd name="connsiteY181" fmla="*/ 3855 h 10000"/>
                  <a:gd name="connsiteX182" fmla="*/ 3924 w 9851"/>
                  <a:gd name="connsiteY182" fmla="*/ 3752 h 10000"/>
                  <a:gd name="connsiteX183" fmla="*/ 4050 w 9851"/>
                  <a:gd name="connsiteY183" fmla="*/ 3663 h 10000"/>
                  <a:gd name="connsiteX184" fmla="*/ 4150 w 9851"/>
                  <a:gd name="connsiteY184" fmla="*/ 3560 h 10000"/>
                  <a:gd name="connsiteX185" fmla="*/ 4225 w 9851"/>
                  <a:gd name="connsiteY185" fmla="*/ 3442 h 10000"/>
                  <a:gd name="connsiteX186" fmla="*/ 4301 w 9851"/>
                  <a:gd name="connsiteY186" fmla="*/ 3323 h 10000"/>
                  <a:gd name="connsiteX187" fmla="*/ 4350 w 9851"/>
                  <a:gd name="connsiteY187" fmla="*/ 3220 h 10000"/>
                  <a:gd name="connsiteX188" fmla="*/ 4375 w 9851"/>
                  <a:gd name="connsiteY188" fmla="*/ 3102 h 10000"/>
                  <a:gd name="connsiteX189" fmla="*/ 4401 w 9851"/>
                  <a:gd name="connsiteY189" fmla="*/ 3013 h 10000"/>
                  <a:gd name="connsiteX190" fmla="*/ 4375 w 9851"/>
                  <a:gd name="connsiteY190" fmla="*/ 2939 h 10000"/>
                  <a:gd name="connsiteX191" fmla="*/ 4350 w 9851"/>
                  <a:gd name="connsiteY191" fmla="*/ 2866 h 10000"/>
                  <a:gd name="connsiteX192" fmla="*/ 4275 w 9851"/>
                  <a:gd name="connsiteY192" fmla="*/ 2836 h 10000"/>
                  <a:gd name="connsiteX193" fmla="*/ 4176 w 9851"/>
                  <a:gd name="connsiteY193" fmla="*/ 2836 h 10000"/>
                  <a:gd name="connsiteX194" fmla="*/ 4050 w 9851"/>
                  <a:gd name="connsiteY194" fmla="*/ 2866 h 10000"/>
                  <a:gd name="connsiteX195" fmla="*/ 4150 w 9851"/>
                  <a:gd name="connsiteY195" fmla="*/ 2777 h 10000"/>
                  <a:gd name="connsiteX196" fmla="*/ 4201 w 9851"/>
                  <a:gd name="connsiteY196" fmla="*/ 2674 h 10000"/>
                  <a:gd name="connsiteX197" fmla="*/ 4225 w 9851"/>
                  <a:gd name="connsiteY197" fmla="*/ 2541 h 10000"/>
                  <a:gd name="connsiteX198" fmla="*/ 4225 w 9851"/>
                  <a:gd name="connsiteY198" fmla="*/ 2393 h 10000"/>
                  <a:gd name="connsiteX199" fmla="*/ 4250 w 9851"/>
                  <a:gd name="connsiteY199" fmla="*/ 2349 h 10000"/>
                  <a:gd name="connsiteX200" fmla="*/ 4301 w 9851"/>
                  <a:gd name="connsiteY200" fmla="*/ 2304 h 10000"/>
                  <a:gd name="connsiteX201" fmla="*/ 4350 w 9851"/>
                  <a:gd name="connsiteY201" fmla="*/ 2290 h 10000"/>
                  <a:gd name="connsiteX202" fmla="*/ 4426 w 9851"/>
                  <a:gd name="connsiteY202" fmla="*/ 2275 h 10000"/>
                  <a:gd name="connsiteX203" fmla="*/ 4650 w 9851"/>
                  <a:gd name="connsiteY203" fmla="*/ 2260 h 10000"/>
                  <a:gd name="connsiteX204" fmla="*/ 4850 w 9851"/>
                  <a:gd name="connsiteY204" fmla="*/ 2275 h 10000"/>
                  <a:gd name="connsiteX205" fmla="*/ 4825 w 9851"/>
                  <a:gd name="connsiteY205" fmla="*/ 2112 h 10000"/>
                  <a:gd name="connsiteX206" fmla="*/ 4776 w 9851"/>
                  <a:gd name="connsiteY206" fmla="*/ 1950 h 10000"/>
                  <a:gd name="connsiteX207" fmla="*/ 4700 w 9851"/>
                  <a:gd name="connsiteY207" fmla="*/ 1802 h 10000"/>
                  <a:gd name="connsiteX208" fmla="*/ 4601 w 9851"/>
                  <a:gd name="connsiteY208" fmla="*/ 1640 h 10000"/>
                  <a:gd name="connsiteX209" fmla="*/ 4350 w 9851"/>
                  <a:gd name="connsiteY209" fmla="*/ 1329 h 10000"/>
                  <a:gd name="connsiteX210" fmla="*/ 4100 w 9851"/>
                  <a:gd name="connsiteY210" fmla="*/ 1034 h 10000"/>
                  <a:gd name="connsiteX211" fmla="*/ 3975 w 9851"/>
                  <a:gd name="connsiteY211" fmla="*/ 901 h 10000"/>
                  <a:gd name="connsiteX212" fmla="*/ 3876 w 9851"/>
                  <a:gd name="connsiteY212" fmla="*/ 753 h 10000"/>
                  <a:gd name="connsiteX213" fmla="*/ 3800 w 9851"/>
                  <a:gd name="connsiteY213" fmla="*/ 620 h 10000"/>
                  <a:gd name="connsiteX214" fmla="*/ 3775 w 9851"/>
                  <a:gd name="connsiteY214" fmla="*/ 487 h 10000"/>
                  <a:gd name="connsiteX215" fmla="*/ 3750 w 9851"/>
                  <a:gd name="connsiteY215" fmla="*/ 355 h 10000"/>
                  <a:gd name="connsiteX216" fmla="*/ 3800 w 9851"/>
                  <a:gd name="connsiteY216" fmla="*/ 222 h 10000"/>
                  <a:gd name="connsiteX217" fmla="*/ 3826 w 9851"/>
                  <a:gd name="connsiteY217" fmla="*/ 162 h 10000"/>
                  <a:gd name="connsiteX218" fmla="*/ 3876 w 9851"/>
                  <a:gd name="connsiteY218" fmla="*/ 103 h 10000"/>
                  <a:gd name="connsiteX219" fmla="*/ 3951 w 9851"/>
                  <a:gd name="connsiteY219" fmla="*/ 59 h 10000"/>
                  <a:gd name="connsiteX220" fmla="*/ 4050 w 9851"/>
                  <a:gd name="connsiteY220" fmla="*/ 0 h 10000"/>
                  <a:gd name="connsiteX221" fmla="*/ 4225 w 9851"/>
                  <a:gd name="connsiteY221" fmla="*/ 0 h 10000"/>
                  <a:gd name="connsiteX222" fmla="*/ 4401 w 9851"/>
                  <a:gd name="connsiteY222" fmla="*/ 15 h 10000"/>
                  <a:gd name="connsiteX223" fmla="*/ 4575 w 9851"/>
                  <a:gd name="connsiteY223" fmla="*/ 44 h 10000"/>
                  <a:gd name="connsiteX224" fmla="*/ 4700 w 9851"/>
                  <a:gd name="connsiteY224" fmla="*/ 89 h 10000"/>
                  <a:gd name="connsiteX225" fmla="*/ 4901 w 9851"/>
                  <a:gd name="connsiteY225" fmla="*/ 192 h 10000"/>
                  <a:gd name="connsiteX226" fmla="*/ 5100 w 9851"/>
                  <a:gd name="connsiteY226" fmla="*/ 340 h 10000"/>
                  <a:gd name="connsiteX227" fmla="*/ 5250 w 9851"/>
                  <a:gd name="connsiteY227" fmla="*/ 473 h 10000"/>
                  <a:gd name="connsiteX228" fmla="*/ 5450 w 9851"/>
                  <a:gd name="connsiteY228" fmla="*/ 591 h 10000"/>
                  <a:gd name="connsiteX229" fmla="*/ 5576 w 9851"/>
                  <a:gd name="connsiteY229" fmla="*/ 650 h 10000"/>
                  <a:gd name="connsiteX230" fmla="*/ 5725 w 9851"/>
                  <a:gd name="connsiteY230" fmla="*/ 679 h 10000"/>
                  <a:gd name="connsiteX231" fmla="*/ 5876 w 9851"/>
                  <a:gd name="connsiteY231" fmla="*/ 709 h 10000"/>
                  <a:gd name="connsiteX232" fmla="*/ 6076 w 9851"/>
                  <a:gd name="connsiteY232" fmla="*/ 709 h 10000"/>
                  <a:gd name="connsiteX233" fmla="*/ 6076 w 9851"/>
                  <a:gd name="connsiteY233" fmla="*/ 768 h 10000"/>
                  <a:gd name="connsiteX234" fmla="*/ 6101 w 9851"/>
                  <a:gd name="connsiteY234" fmla="*/ 842 h 10000"/>
                  <a:gd name="connsiteX235" fmla="*/ 6150 w 9851"/>
                  <a:gd name="connsiteY235" fmla="*/ 916 h 10000"/>
                  <a:gd name="connsiteX236" fmla="*/ 6200 w 9851"/>
                  <a:gd name="connsiteY236" fmla="*/ 990 h 10000"/>
                  <a:gd name="connsiteX237" fmla="*/ 6274 w 9851"/>
                  <a:gd name="connsiteY237" fmla="*/ 1049 h 10000"/>
                  <a:gd name="connsiteX238" fmla="*/ 6375 w 9851"/>
                  <a:gd name="connsiteY238" fmla="*/ 1108 h 10000"/>
                  <a:gd name="connsiteX239" fmla="*/ 6500 w 9851"/>
                  <a:gd name="connsiteY239" fmla="*/ 1182 h 10000"/>
                  <a:gd name="connsiteX240" fmla="*/ 6600 w 9851"/>
                  <a:gd name="connsiteY240" fmla="*/ 1226 h 10000"/>
                  <a:gd name="connsiteX241" fmla="*/ 6701 w 9851"/>
                  <a:gd name="connsiteY241" fmla="*/ 1270 h 10000"/>
                  <a:gd name="connsiteX242" fmla="*/ 6800 w 9851"/>
                  <a:gd name="connsiteY242" fmla="*/ 1300 h 10000"/>
                  <a:gd name="connsiteX243" fmla="*/ 6901 w 9851"/>
                  <a:gd name="connsiteY243" fmla="*/ 1315 h 10000"/>
                  <a:gd name="connsiteX244" fmla="*/ 7026 w 9851"/>
                  <a:gd name="connsiteY244" fmla="*/ 1300 h 10000"/>
                  <a:gd name="connsiteX245" fmla="*/ 7126 w 9851"/>
                  <a:gd name="connsiteY245" fmla="*/ 1285 h 10000"/>
                  <a:gd name="connsiteX246" fmla="*/ 7200 w 9851"/>
                  <a:gd name="connsiteY246" fmla="*/ 1241 h 10000"/>
                  <a:gd name="connsiteX247" fmla="*/ 7251 w 9851"/>
                  <a:gd name="connsiteY247" fmla="*/ 1167 h 10000"/>
                  <a:gd name="connsiteX248" fmla="*/ 7275 w 9851"/>
                  <a:gd name="connsiteY248" fmla="*/ 1064 h 10000"/>
                  <a:gd name="connsiteX249" fmla="*/ 7650 w 9851"/>
                  <a:gd name="connsiteY249" fmla="*/ 1034 h 10000"/>
                  <a:gd name="connsiteX250" fmla="*/ 8000 w 9851"/>
                  <a:gd name="connsiteY250" fmla="*/ 1004 h 10000"/>
                  <a:gd name="connsiteX251" fmla="*/ 8301 w 9851"/>
                  <a:gd name="connsiteY251" fmla="*/ 990 h 10000"/>
                  <a:gd name="connsiteX252" fmla="*/ 8576 w 9851"/>
                  <a:gd name="connsiteY252" fmla="*/ 1004 h 10000"/>
                  <a:gd name="connsiteX253" fmla="*/ 8701 w 9851"/>
                  <a:gd name="connsiteY253" fmla="*/ 1019 h 10000"/>
                  <a:gd name="connsiteX254" fmla="*/ 8825 w 9851"/>
                  <a:gd name="connsiteY254" fmla="*/ 1034 h 10000"/>
                  <a:gd name="connsiteX255" fmla="*/ 8926 w 9851"/>
                  <a:gd name="connsiteY255" fmla="*/ 1064 h 10000"/>
                  <a:gd name="connsiteX256" fmla="*/ 9051 w 9851"/>
                  <a:gd name="connsiteY256" fmla="*/ 1108 h 10000"/>
                  <a:gd name="connsiteX257" fmla="*/ 9126 w 9851"/>
                  <a:gd name="connsiteY257" fmla="*/ 1182 h 10000"/>
                  <a:gd name="connsiteX258" fmla="*/ 9200 w 9851"/>
                  <a:gd name="connsiteY258" fmla="*/ 1241 h 10000"/>
                  <a:gd name="connsiteX259" fmla="*/ 9251 w 9851"/>
                  <a:gd name="connsiteY259" fmla="*/ 1329 h 10000"/>
                  <a:gd name="connsiteX260" fmla="*/ 9301 w 9851"/>
                  <a:gd name="connsiteY260" fmla="*/ 1433 h 10000"/>
                  <a:gd name="connsiteX261" fmla="*/ 9351 w 9851"/>
                  <a:gd name="connsiteY261" fmla="*/ 1551 h 10000"/>
                  <a:gd name="connsiteX262" fmla="*/ 9325 w 9851"/>
                  <a:gd name="connsiteY262" fmla="*/ 1625 h 10000"/>
                  <a:gd name="connsiteX263" fmla="*/ 9301 w 9851"/>
                  <a:gd name="connsiteY263" fmla="*/ 1684 h 10000"/>
                  <a:gd name="connsiteX264" fmla="*/ 9251 w 9851"/>
                  <a:gd name="connsiteY264" fmla="*/ 1758 h 10000"/>
                  <a:gd name="connsiteX265" fmla="*/ 9176 w 9851"/>
                  <a:gd name="connsiteY265" fmla="*/ 1802 h 10000"/>
                  <a:gd name="connsiteX266" fmla="*/ 9126 w 9851"/>
                  <a:gd name="connsiteY266" fmla="*/ 1861 h 10000"/>
                  <a:gd name="connsiteX267" fmla="*/ 9102 w 9851"/>
                  <a:gd name="connsiteY267" fmla="*/ 1935 h 10000"/>
                  <a:gd name="connsiteX268" fmla="*/ 9126 w 9851"/>
                  <a:gd name="connsiteY268" fmla="*/ 2024 h 10000"/>
                  <a:gd name="connsiteX269" fmla="*/ 9401 w 9851"/>
                  <a:gd name="connsiteY269" fmla="*/ 2157 h 10000"/>
                  <a:gd name="connsiteX270" fmla="*/ 9726 w 9851"/>
                  <a:gd name="connsiteY270" fmla="*/ 2275 h 10000"/>
                  <a:gd name="connsiteX271" fmla="*/ 9851 w 9851"/>
                  <a:gd name="connsiteY271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273 w 10000"/>
                  <a:gd name="connsiteY12" fmla="*/ 3663 h 10000"/>
                  <a:gd name="connsiteX13" fmla="*/ 8782 w 10000"/>
                  <a:gd name="connsiteY13" fmla="*/ 3516 h 10000"/>
                  <a:gd name="connsiteX14" fmla="*/ 8984 w 10000"/>
                  <a:gd name="connsiteY14" fmla="*/ 3412 h 10000"/>
                  <a:gd name="connsiteX15" fmla="*/ 9188 w 10000"/>
                  <a:gd name="connsiteY15" fmla="*/ 3338 h 10000"/>
                  <a:gd name="connsiteX16" fmla="*/ 9315 w 10000"/>
                  <a:gd name="connsiteY16" fmla="*/ 3235 h 10000"/>
                  <a:gd name="connsiteX17" fmla="*/ 9415 w 10000"/>
                  <a:gd name="connsiteY17" fmla="*/ 3117 h 10000"/>
                  <a:gd name="connsiteX18" fmla="*/ 9442 w 10000"/>
                  <a:gd name="connsiteY18" fmla="*/ 3072 h 10000"/>
                  <a:gd name="connsiteX19" fmla="*/ 9466 w 10000"/>
                  <a:gd name="connsiteY19" fmla="*/ 3013 h 10000"/>
                  <a:gd name="connsiteX20" fmla="*/ 9466 w 10000"/>
                  <a:gd name="connsiteY20" fmla="*/ 2954 h 10000"/>
                  <a:gd name="connsiteX21" fmla="*/ 9442 w 10000"/>
                  <a:gd name="connsiteY21" fmla="*/ 2866 h 10000"/>
                  <a:gd name="connsiteX22" fmla="*/ 9264 w 10000"/>
                  <a:gd name="connsiteY22" fmla="*/ 2984 h 10000"/>
                  <a:gd name="connsiteX23" fmla="*/ 9061 w 10000"/>
                  <a:gd name="connsiteY23" fmla="*/ 3072 h 10000"/>
                  <a:gd name="connsiteX24" fmla="*/ 8857 w 10000"/>
                  <a:gd name="connsiteY24" fmla="*/ 3161 h 10000"/>
                  <a:gd name="connsiteX25" fmla="*/ 8655 w 10000"/>
                  <a:gd name="connsiteY25" fmla="*/ 3250 h 10000"/>
                  <a:gd name="connsiteX26" fmla="*/ 8197 w 10000"/>
                  <a:gd name="connsiteY26" fmla="*/ 3397 h 10000"/>
                  <a:gd name="connsiteX27" fmla="*/ 7716 w 10000"/>
                  <a:gd name="connsiteY27" fmla="*/ 3545 h 10000"/>
                  <a:gd name="connsiteX28" fmla="*/ 7234 w 10000"/>
                  <a:gd name="connsiteY28" fmla="*/ 3678 h 10000"/>
                  <a:gd name="connsiteX29" fmla="*/ 6776 w 10000"/>
                  <a:gd name="connsiteY29" fmla="*/ 3840 h 10000"/>
                  <a:gd name="connsiteX30" fmla="*/ 6548 w 10000"/>
                  <a:gd name="connsiteY30" fmla="*/ 3914 h 10000"/>
                  <a:gd name="connsiteX31" fmla="*/ 6345 w 10000"/>
                  <a:gd name="connsiteY31" fmla="*/ 4003 h 10000"/>
                  <a:gd name="connsiteX32" fmla="*/ 6143 w 10000"/>
                  <a:gd name="connsiteY32" fmla="*/ 4106 h 10000"/>
                  <a:gd name="connsiteX33" fmla="*/ 5938 w 10000"/>
                  <a:gd name="connsiteY33" fmla="*/ 4195 h 10000"/>
                  <a:gd name="connsiteX34" fmla="*/ 6091 w 10000"/>
                  <a:gd name="connsiteY34" fmla="*/ 4417 h 10000"/>
                  <a:gd name="connsiteX35" fmla="*/ 6193 w 10000"/>
                  <a:gd name="connsiteY35" fmla="*/ 4623 h 10000"/>
                  <a:gd name="connsiteX36" fmla="*/ 6294 w 10000"/>
                  <a:gd name="connsiteY36" fmla="*/ 4845 h 10000"/>
                  <a:gd name="connsiteX37" fmla="*/ 6369 w 10000"/>
                  <a:gd name="connsiteY37" fmla="*/ 5081 h 10000"/>
                  <a:gd name="connsiteX38" fmla="*/ 6421 w 10000"/>
                  <a:gd name="connsiteY38" fmla="*/ 5318 h 10000"/>
                  <a:gd name="connsiteX39" fmla="*/ 6447 w 10000"/>
                  <a:gd name="connsiteY39" fmla="*/ 5539 h 10000"/>
                  <a:gd name="connsiteX40" fmla="*/ 6471 w 10000"/>
                  <a:gd name="connsiteY40" fmla="*/ 5775 h 10000"/>
                  <a:gd name="connsiteX41" fmla="*/ 6471 w 10000"/>
                  <a:gd name="connsiteY41" fmla="*/ 5997 h 10000"/>
                  <a:gd name="connsiteX42" fmla="*/ 6447 w 10000"/>
                  <a:gd name="connsiteY42" fmla="*/ 6233 h 10000"/>
                  <a:gd name="connsiteX43" fmla="*/ 6396 w 10000"/>
                  <a:gd name="connsiteY43" fmla="*/ 6470 h 10000"/>
                  <a:gd name="connsiteX44" fmla="*/ 6345 w 10000"/>
                  <a:gd name="connsiteY44" fmla="*/ 6677 h 10000"/>
                  <a:gd name="connsiteX45" fmla="*/ 6269 w 10000"/>
                  <a:gd name="connsiteY45" fmla="*/ 6898 h 10000"/>
                  <a:gd name="connsiteX46" fmla="*/ 6168 w 10000"/>
                  <a:gd name="connsiteY46" fmla="*/ 7105 h 10000"/>
                  <a:gd name="connsiteX47" fmla="*/ 6041 w 10000"/>
                  <a:gd name="connsiteY47" fmla="*/ 7297 h 10000"/>
                  <a:gd name="connsiteX48" fmla="*/ 5888 w 10000"/>
                  <a:gd name="connsiteY48" fmla="*/ 7489 h 10000"/>
                  <a:gd name="connsiteX49" fmla="*/ 5735 w 10000"/>
                  <a:gd name="connsiteY49" fmla="*/ 7681 h 10000"/>
                  <a:gd name="connsiteX50" fmla="*/ 6471 w 10000"/>
                  <a:gd name="connsiteY50" fmla="*/ 7799 h 10000"/>
                  <a:gd name="connsiteX51" fmla="*/ 7234 w 10000"/>
                  <a:gd name="connsiteY51" fmla="*/ 7962 h 10000"/>
                  <a:gd name="connsiteX52" fmla="*/ 7385 w 10000"/>
                  <a:gd name="connsiteY52" fmla="*/ 8021 h 10000"/>
                  <a:gd name="connsiteX53" fmla="*/ 7512 w 10000"/>
                  <a:gd name="connsiteY53" fmla="*/ 8080 h 10000"/>
                  <a:gd name="connsiteX54" fmla="*/ 7639 w 10000"/>
                  <a:gd name="connsiteY54" fmla="*/ 8139 h 10000"/>
                  <a:gd name="connsiteX55" fmla="*/ 7716 w 10000"/>
                  <a:gd name="connsiteY55" fmla="*/ 8227 h 10000"/>
                  <a:gd name="connsiteX56" fmla="*/ 7741 w 10000"/>
                  <a:gd name="connsiteY56" fmla="*/ 8301 h 10000"/>
                  <a:gd name="connsiteX57" fmla="*/ 7741 w 10000"/>
                  <a:gd name="connsiteY57" fmla="*/ 8405 h 10000"/>
                  <a:gd name="connsiteX58" fmla="*/ 7691 w 10000"/>
                  <a:gd name="connsiteY58" fmla="*/ 8523 h 10000"/>
                  <a:gd name="connsiteX59" fmla="*/ 7614 w 10000"/>
                  <a:gd name="connsiteY59" fmla="*/ 8641 h 10000"/>
                  <a:gd name="connsiteX60" fmla="*/ 7284 w 10000"/>
                  <a:gd name="connsiteY60" fmla="*/ 8552 h 10000"/>
                  <a:gd name="connsiteX61" fmla="*/ 6979 w 10000"/>
                  <a:gd name="connsiteY61" fmla="*/ 8449 h 10000"/>
                  <a:gd name="connsiteX62" fmla="*/ 6674 w 10000"/>
                  <a:gd name="connsiteY62" fmla="*/ 8360 h 10000"/>
                  <a:gd name="connsiteX63" fmla="*/ 6369 w 10000"/>
                  <a:gd name="connsiteY63" fmla="*/ 8287 h 10000"/>
                  <a:gd name="connsiteX64" fmla="*/ 6243 w 10000"/>
                  <a:gd name="connsiteY64" fmla="*/ 8449 h 10000"/>
                  <a:gd name="connsiteX65" fmla="*/ 6143 w 10000"/>
                  <a:gd name="connsiteY65" fmla="*/ 8597 h 10000"/>
                  <a:gd name="connsiteX66" fmla="*/ 6091 w 10000"/>
                  <a:gd name="connsiteY66" fmla="*/ 8656 h 10000"/>
                  <a:gd name="connsiteX67" fmla="*/ 5989 w 10000"/>
                  <a:gd name="connsiteY67" fmla="*/ 8700 h 10000"/>
                  <a:gd name="connsiteX68" fmla="*/ 5914 w 10000"/>
                  <a:gd name="connsiteY68" fmla="*/ 8744 h 10000"/>
                  <a:gd name="connsiteX69" fmla="*/ 5838 w 10000"/>
                  <a:gd name="connsiteY69" fmla="*/ 8774 h 10000"/>
                  <a:gd name="connsiteX70" fmla="*/ 5761 w 10000"/>
                  <a:gd name="connsiteY70" fmla="*/ 8804 h 10000"/>
                  <a:gd name="connsiteX71" fmla="*/ 5660 w 10000"/>
                  <a:gd name="connsiteY71" fmla="*/ 8818 h 10000"/>
                  <a:gd name="connsiteX72" fmla="*/ 5532 w 10000"/>
                  <a:gd name="connsiteY72" fmla="*/ 8833 h 10000"/>
                  <a:gd name="connsiteX73" fmla="*/ 5406 w 10000"/>
                  <a:gd name="connsiteY73" fmla="*/ 8833 h 10000"/>
                  <a:gd name="connsiteX74" fmla="*/ 5102 w 10000"/>
                  <a:gd name="connsiteY74" fmla="*/ 8818 h 10000"/>
                  <a:gd name="connsiteX75" fmla="*/ 4720 w 10000"/>
                  <a:gd name="connsiteY75" fmla="*/ 8744 h 10000"/>
                  <a:gd name="connsiteX76" fmla="*/ 4720 w 10000"/>
                  <a:gd name="connsiteY76" fmla="*/ 8922 h 10000"/>
                  <a:gd name="connsiteX77" fmla="*/ 4695 w 10000"/>
                  <a:gd name="connsiteY77" fmla="*/ 9069 h 10000"/>
                  <a:gd name="connsiteX78" fmla="*/ 4671 w 10000"/>
                  <a:gd name="connsiteY78" fmla="*/ 9232 h 10000"/>
                  <a:gd name="connsiteX79" fmla="*/ 4644 w 10000"/>
                  <a:gd name="connsiteY79" fmla="*/ 9365 h 10000"/>
                  <a:gd name="connsiteX80" fmla="*/ 4593 w 10000"/>
                  <a:gd name="connsiteY80" fmla="*/ 9498 h 10000"/>
                  <a:gd name="connsiteX81" fmla="*/ 4493 w 10000"/>
                  <a:gd name="connsiteY81" fmla="*/ 9616 h 10000"/>
                  <a:gd name="connsiteX82" fmla="*/ 4416 w 10000"/>
                  <a:gd name="connsiteY82" fmla="*/ 9734 h 10000"/>
                  <a:gd name="connsiteX83" fmla="*/ 4289 w 10000"/>
                  <a:gd name="connsiteY83" fmla="*/ 9838 h 10000"/>
                  <a:gd name="connsiteX84" fmla="*/ 3983 w 10000"/>
                  <a:gd name="connsiteY84" fmla="*/ 9897 h 10000"/>
                  <a:gd name="connsiteX85" fmla="*/ 3731 w 10000"/>
                  <a:gd name="connsiteY85" fmla="*/ 9941 h 10000"/>
                  <a:gd name="connsiteX86" fmla="*/ 3426 w 10000"/>
                  <a:gd name="connsiteY86" fmla="*/ 9985 h 10000"/>
                  <a:gd name="connsiteX87" fmla="*/ 3198 w 10000"/>
                  <a:gd name="connsiteY87" fmla="*/ 10000 h 10000"/>
                  <a:gd name="connsiteX88" fmla="*/ 2690 w 10000"/>
                  <a:gd name="connsiteY88" fmla="*/ 10000 h 10000"/>
                  <a:gd name="connsiteX89" fmla="*/ 2208 w 10000"/>
                  <a:gd name="connsiteY89" fmla="*/ 9985 h 10000"/>
                  <a:gd name="connsiteX90" fmla="*/ 1752 w 10000"/>
                  <a:gd name="connsiteY90" fmla="*/ 9941 h 10000"/>
                  <a:gd name="connsiteX91" fmla="*/ 1270 w 10000"/>
                  <a:gd name="connsiteY91" fmla="*/ 9911 h 10000"/>
                  <a:gd name="connsiteX92" fmla="*/ 990 w 10000"/>
                  <a:gd name="connsiteY92" fmla="*/ 9911 h 10000"/>
                  <a:gd name="connsiteX93" fmla="*/ 736 w 10000"/>
                  <a:gd name="connsiteY93" fmla="*/ 9911 h 10000"/>
                  <a:gd name="connsiteX94" fmla="*/ 457 w 10000"/>
                  <a:gd name="connsiteY94" fmla="*/ 9926 h 10000"/>
                  <a:gd name="connsiteX95" fmla="*/ 178 w 10000"/>
                  <a:gd name="connsiteY95" fmla="*/ 9970 h 10000"/>
                  <a:gd name="connsiteX96" fmla="*/ 102 w 10000"/>
                  <a:gd name="connsiteY96" fmla="*/ 9867 h 10000"/>
                  <a:gd name="connsiteX97" fmla="*/ 51 w 10000"/>
                  <a:gd name="connsiteY97" fmla="*/ 9793 h 10000"/>
                  <a:gd name="connsiteX98" fmla="*/ 0 w 10000"/>
                  <a:gd name="connsiteY98" fmla="*/ 9705 h 10000"/>
                  <a:gd name="connsiteX99" fmla="*/ 0 w 10000"/>
                  <a:gd name="connsiteY99" fmla="*/ 9601 h 10000"/>
                  <a:gd name="connsiteX100" fmla="*/ 51 w 10000"/>
                  <a:gd name="connsiteY100" fmla="*/ 9424 h 10000"/>
                  <a:gd name="connsiteX101" fmla="*/ 102 w 10000"/>
                  <a:gd name="connsiteY101" fmla="*/ 9202 h 10000"/>
                  <a:gd name="connsiteX102" fmla="*/ 151 w 10000"/>
                  <a:gd name="connsiteY102" fmla="*/ 8996 h 10000"/>
                  <a:gd name="connsiteX103" fmla="*/ 203 w 10000"/>
                  <a:gd name="connsiteY103" fmla="*/ 8759 h 10000"/>
                  <a:gd name="connsiteX104" fmla="*/ 228 w 10000"/>
                  <a:gd name="connsiteY104" fmla="*/ 8641 h 10000"/>
                  <a:gd name="connsiteX105" fmla="*/ 228 w 10000"/>
                  <a:gd name="connsiteY105" fmla="*/ 8538 h 10000"/>
                  <a:gd name="connsiteX106" fmla="*/ 203 w 10000"/>
                  <a:gd name="connsiteY106" fmla="*/ 8405 h 10000"/>
                  <a:gd name="connsiteX107" fmla="*/ 178 w 10000"/>
                  <a:gd name="connsiteY107" fmla="*/ 8287 h 10000"/>
                  <a:gd name="connsiteX108" fmla="*/ 431 w 10000"/>
                  <a:gd name="connsiteY108" fmla="*/ 8213 h 10000"/>
                  <a:gd name="connsiteX109" fmla="*/ 685 w 10000"/>
                  <a:gd name="connsiteY109" fmla="*/ 8139 h 10000"/>
                  <a:gd name="connsiteX110" fmla="*/ 939 w 10000"/>
                  <a:gd name="connsiteY110" fmla="*/ 8095 h 10000"/>
                  <a:gd name="connsiteX111" fmla="*/ 1218 w 10000"/>
                  <a:gd name="connsiteY111" fmla="*/ 8065 h 10000"/>
                  <a:gd name="connsiteX112" fmla="*/ 1725 w 10000"/>
                  <a:gd name="connsiteY112" fmla="*/ 8021 h 10000"/>
                  <a:gd name="connsiteX113" fmla="*/ 2234 w 10000"/>
                  <a:gd name="connsiteY113" fmla="*/ 7976 h 10000"/>
                  <a:gd name="connsiteX114" fmla="*/ 2462 w 10000"/>
                  <a:gd name="connsiteY114" fmla="*/ 7947 h 10000"/>
                  <a:gd name="connsiteX115" fmla="*/ 2690 w 10000"/>
                  <a:gd name="connsiteY115" fmla="*/ 7917 h 10000"/>
                  <a:gd name="connsiteX116" fmla="*/ 2892 w 10000"/>
                  <a:gd name="connsiteY116" fmla="*/ 7843 h 10000"/>
                  <a:gd name="connsiteX117" fmla="*/ 3096 w 10000"/>
                  <a:gd name="connsiteY117" fmla="*/ 7784 h 10000"/>
                  <a:gd name="connsiteX118" fmla="*/ 3274 w 10000"/>
                  <a:gd name="connsiteY118" fmla="*/ 7710 h 10000"/>
                  <a:gd name="connsiteX119" fmla="*/ 3426 w 10000"/>
                  <a:gd name="connsiteY119" fmla="*/ 7592 h 10000"/>
                  <a:gd name="connsiteX120" fmla="*/ 3579 w 10000"/>
                  <a:gd name="connsiteY120" fmla="*/ 7474 h 10000"/>
                  <a:gd name="connsiteX121" fmla="*/ 3680 w 10000"/>
                  <a:gd name="connsiteY121" fmla="*/ 7312 h 10000"/>
                  <a:gd name="connsiteX122" fmla="*/ 3477 w 10000"/>
                  <a:gd name="connsiteY122" fmla="*/ 7238 h 10000"/>
                  <a:gd name="connsiteX123" fmla="*/ 3299 w 10000"/>
                  <a:gd name="connsiteY123" fmla="*/ 7179 h 10000"/>
                  <a:gd name="connsiteX124" fmla="*/ 3147 w 10000"/>
                  <a:gd name="connsiteY124" fmla="*/ 7090 h 10000"/>
                  <a:gd name="connsiteX125" fmla="*/ 2995 w 10000"/>
                  <a:gd name="connsiteY125" fmla="*/ 6987 h 10000"/>
                  <a:gd name="connsiteX126" fmla="*/ 2892 w 10000"/>
                  <a:gd name="connsiteY126" fmla="*/ 6869 h 10000"/>
                  <a:gd name="connsiteX127" fmla="*/ 2843 w 10000"/>
                  <a:gd name="connsiteY127" fmla="*/ 6721 h 10000"/>
                  <a:gd name="connsiteX128" fmla="*/ 2817 w 10000"/>
                  <a:gd name="connsiteY128" fmla="*/ 6558 h 10000"/>
                  <a:gd name="connsiteX129" fmla="*/ 2843 w 10000"/>
                  <a:gd name="connsiteY129" fmla="*/ 6352 h 10000"/>
                  <a:gd name="connsiteX130" fmla="*/ 2716 w 10000"/>
                  <a:gd name="connsiteY130" fmla="*/ 6322 h 10000"/>
                  <a:gd name="connsiteX131" fmla="*/ 2564 w 10000"/>
                  <a:gd name="connsiteY131" fmla="*/ 6292 h 10000"/>
                  <a:gd name="connsiteX132" fmla="*/ 2386 w 10000"/>
                  <a:gd name="connsiteY132" fmla="*/ 6278 h 10000"/>
                  <a:gd name="connsiteX133" fmla="*/ 2208 w 10000"/>
                  <a:gd name="connsiteY133" fmla="*/ 6263 h 10000"/>
                  <a:gd name="connsiteX134" fmla="*/ 1853 w 10000"/>
                  <a:gd name="connsiteY134" fmla="*/ 6248 h 10000"/>
                  <a:gd name="connsiteX135" fmla="*/ 1472 w 10000"/>
                  <a:gd name="connsiteY135" fmla="*/ 6263 h 10000"/>
                  <a:gd name="connsiteX136" fmla="*/ 1143 w 10000"/>
                  <a:gd name="connsiteY136" fmla="*/ 6278 h 10000"/>
                  <a:gd name="connsiteX137" fmla="*/ 837 w 10000"/>
                  <a:gd name="connsiteY137" fmla="*/ 6278 h 10000"/>
                  <a:gd name="connsiteX138" fmla="*/ 585 w 10000"/>
                  <a:gd name="connsiteY138" fmla="*/ 6263 h 10000"/>
                  <a:gd name="connsiteX139" fmla="*/ 381 w 10000"/>
                  <a:gd name="connsiteY139" fmla="*/ 6233 h 10000"/>
                  <a:gd name="connsiteX140" fmla="*/ 633 w 10000"/>
                  <a:gd name="connsiteY140" fmla="*/ 5805 h 10000"/>
                  <a:gd name="connsiteX141" fmla="*/ 914 w 10000"/>
                  <a:gd name="connsiteY141" fmla="*/ 5391 h 10000"/>
                  <a:gd name="connsiteX142" fmla="*/ 1016 w 10000"/>
                  <a:gd name="connsiteY142" fmla="*/ 5170 h 10000"/>
                  <a:gd name="connsiteX143" fmla="*/ 1091 w 10000"/>
                  <a:gd name="connsiteY143" fmla="*/ 4963 h 10000"/>
                  <a:gd name="connsiteX144" fmla="*/ 1116 w 10000"/>
                  <a:gd name="connsiteY144" fmla="*/ 4860 h 10000"/>
                  <a:gd name="connsiteX145" fmla="*/ 1091 w 10000"/>
                  <a:gd name="connsiteY145" fmla="*/ 4756 h 10000"/>
                  <a:gd name="connsiteX146" fmla="*/ 1066 w 10000"/>
                  <a:gd name="connsiteY146" fmla="*/ 4653 h 10000"/>
                  <a:gd name="connsiteX147" fmla="*/ 990 w 10000"/>
                  <a:gd name="connsiteY147" fmla="*/ 4549 h 10000"/>
                  <a:gd name="connsiteX148" fmla="*/ 1270 w 10000"/>
                  <a:gd name="connsiteY148" fmla="*/ 4520 h 10000"/>
                  <a:gd name="connsiteX149" fmla="*/ 1472 w 10000"/>
                  <a:gd name="connsiteY149" fmla="*/ 4505 h 10000"/>
                  <a:gd name="connsiteX150" fmla="*/ 1650 w 10000"/>
                  <a:gd name="connsiteY150" fmla="*/ 4505 h 10000"/>
                  <a:gd name="connsiteX151" fmla="*/ 1802 w 10000"/>
                  <a:gd name="connsiteY151" fmla="*/ 4520 h 10000"/>
                  <a:gd name="connsiteX152" fmla="*/ 1929 w 10000"/>
                  <a:gd name="connsiteY152" fmla="*/ 4520 h 10000"/>
                  <a:gd name="connsiteX153" fmla="*/ 2081 w 10000"/>
                  <a:gd name="connsiteY153" fmla="*/ 4520 h 10000"/>
                  <a:gd name="connsiteX154" fmla="*/ 2234 w 10000"/>
                  <a:gd name="connsiteY154" fmla="*/ 4490 h 10000"/>
                  <a:gd name="connsiteX155" fmla="*/ 2436 w 10000"/>
                  <a:gd name="connsiteY155" fmla="*/ 4446 h 10000"/>
                  <a:gd name="connsiteX156" fmla="*/ 2436 w 10000"/>
                  <a:gd name="connsiteY156" fmla="*/ 4579 h 10000"/>
                  <a:gd name="connsiteX157" fmla="*/ 2436 w 10000"/>
                  <a:gd name="connsiteY157" fmla="*/ 4742 h 10000"/>
                  <a:gd name="connsiteX158" fmla="*/ 2436 w 10000"/>
                  <a:gd name="connsiteY158" fmla="*/ 4874 h 10000"/>
                  <a:gd name="connsiteX159" fmla="*/ 2436 w 10000"/>
                  <a:gd name="connsiteY159" fmla="*/ 5037 h 10000"/>
                  <a:gd name="connsiteX160" fmla="*/ 2665 w 10000"/>
                  <a:gd name="connsiteY160" fmla="*/ 5022 h 10000"/>
                  <a:gd name="connsiteX161" fmla="*/ 2817 w 10000"/>
                  <a:gd name="connsiteY161" fmla="*/ 5037 h 10000"/>
                  <a:gd name="connsiteX162" fmla="*/ 2944 w 10000"/>
                  <a:gd name="connsiteY162" fmla="*/ 5066 h 10000"/>
                  <a:gd name="connsiteX163" fmla="*/ 3071 w 10000"/>
                  <a:gd name="connsiteY163" fmla="*/ 5096 h 10000"/>
                  <a:gd name="connsiteX164" fmla="*/ 3173 w 10000"/>
                  <a:gd name="connsiteY164" fmla="*/ 5126 h 10000"/>
                  <a:gd name="connsiteX165" fmla="*/ 3299 w 10000"/>
                  <a:gd name="connsiteY165" fmla="*/ 5155 h 10000"/>
                  <a:gd name="connsiteX166" fmla="*/ 3452 w 10000"/>
                  <a:gd name="connsiteY166" fmla="*/ 5170 h 10000"/>
                  <a:gd name="connsiteX167" fmla="*/ 3680 w 10000"/>
                  <a:gd name="connsiteY167" fmla="*/ 5155 h 10000"/>
                  <a:gd name="connsiteX168" fmla="*/ 3757 w 10000"/>
                  <a:gd name="connsiteY168" fmla="*/ 5096 h 10000"/>
                  <a:gd name="connsiteX169" fmla="*/ 3832 w 10000"/>
                  <a:gd name="connsiteY169" fmla="*/ 5022 h 10000"/>
                  <a:gd name="connsiteX170" fmla="*/ 3857 w 10000"/>
                  <a:gd name="connsiteY170" fmla="*/ 4934 h 10000"/>
                  <a:gd name="connsiteX171" fmla="*/ 3884 w 10000"/>
                  <a:gd name="connsiteY171" fmla="*/ 4860 h 10000"/>
                  <a:gd name="connsiteX172" fmla="*/ 3908 w 10000"/>
                  <a:gd name="connsiteY172" fmla="*/ 4697 h 10000"/>
                  <a:gd name="connsiteX173" fmla="*/ 3884 w 10000"/>
                  <a:gd name="connsiteY173" fmla="*/ 4520 h 10000"/>
                  <a:gd name="connsiteX174" fmla="*/ 3807 w 10000"/>
                  <a:gd name="connsiteY174" fmla="*/ 4343 h 10000"/>
                  <a:gd name="connsiteX175" fmla="*/ 3731 w 10000"/>
                  <a:gd name="connsiteY175" fmla="*/ 4195 h 10000"/>
                  <a:gd name="connsiteX176" fmla="*/ 3604 w 10000"/>
                  <a:gd name="connsiteY176" fmla="*/ 4047 h 10000"/>
                  <a:gd name="connsiteX177" fmla="*/ 3477 w 10000"/>
                  <a:gd name="connsiteY177" fmla="*/ 3959 h 10000"/>
                  <a:gd name="connsiteX178" fmla="*/ 3629 w 10000"/>
                  <a:gd name="connsiteY178" fmla="*/ 3944 h 10000"/>
                  <a:gd name="connsiteX179" fmla="*/ 3757 w 10000"/>
                  <a:gd name="connsiteY179" fmla="*/ 3914 h 10000"/>
                  <a:gd name="connsiteX180" fmla="*/ 3857 w 10000"/>
                  <a:gd name="connsiteY180" fmla="*/ 3855 h 10000"/>
                  <a:gd name="connsiteX181" fmla="*/ 3983 w 10000"/>
                  <a:gd name="connsiteY181" fmla="*/ 3752 h 10000"/>
                  <a:gd name="connsiteX182" fmla="*/ 4111 w 10000"/>
                  <a:gd name="connsiteY182" fmla="*/ 3663 h 10000"/>
                  <a:gd name="connsiteX183" fmla="*/ 4213 w 10000"/>
                  <a:gd name="connsiteY183" fmla="*/ 3560 h 10000"/>
                  <a:gd name="connsiteX184" fmla="*/ 4289 w 10000"/>
                  <a:gd name="connsiteY184" fmla="*/ 3442 h 10000"/>
                  <a:gd name="connsiteX185" fmla="*/ 4366 w 10000"/>
                  <a:gd name="connsiteY185" fmla="*/ 3323 h 10000"/>
                  <a:gd name="connsiteX186" fmla="*/ 4416 w 10000"/>
                  <a:gd name="connsiteY186" fmla="*/ 3220 h 10000"/>
                  <a:gd name="connsiteX187" fmla="*/ 4441 w 10000"/>
                  <a:gd name="connsiteY187" fmla="*/ 3102 h 10000"/>
                  <a:gd name="connsiteX188" fmla="*/ 4468 w 10000"/>
                  <a:gd name="connsiteY188" fmla="*/ 3013 h 10000"/>
                  <a:gd name="connsiteX189" fmla="*/ 4441 w 10000"/>
                  <a:gd name="connsiteY189" fmla="*/ 2939 h 10000"/>
                  <a:gd name="connsiteX190" fmla="*/ 4416 w 10000"/>
                  <a:gd name="connsiteY190" fmla="*/ 2866 h 10000"/>
                  <a:gd name="connsiteX191" fmla="*/ 4340 w 10000"/>
                  <a:gd name="connsiteY191" fmla="*/ 2836 h 10000"/>
                  <a:gd name="connsiteX192" fmla="*/ 4239 w 10000"/>
                  <a:gd name="connsiteY192" fmla="*/ 2836 h 10000"/>
                  <a:gd name="connsiteX193" fmla="*/ 4111 w 10000"/>
                  <a:gd name="connsiteY193" fmla="*/ 2866 h 10000"/>
                  <a:gd name="connsiteX194" fmla="*/ 4213 w 10000"/>
                  <a:gd name="connsiteY194" fmla="*/ 2777 h 10000"/>
                  <a:gd name="connsiteX195" fmla="*/ 4265 w 10000"/>
                  <a:gd name="connsiteY195" fmla="*/ 2674 h 10000"/>
                  <a:gd name="connsiteX196" fmla="*/ 4289 w 10000"/>
                  <a:gd name="connsiteY196" fmla="*/ 2541 h 10000"/>
                  <a:gd name="connsiteX197" fmla="*/ 4289 w 10000"/>
                  <a:gd name="connsiteY197" fmla="*/ 2393 h 10000"/>
                  <a:gd name="connsiteX198" fmla="*/ 4314 w 10000"/>
                  <a:gd name="connsiteY198" fmla="*/ 2349 h 10000"/>
                  <a:gd name="connsiteX199" fmla="*/ 4366 w 10000"/>
                  <a:gd name="connsiteY199" fmla="*/ 2304 h 10000"/>
                  <a:gd name="connsiteX200" fmla="*/ 4416 w 10000"/>
                  <a:gd name="connsiteY200" fmla="*/ 2290 h 10000"/>
                  <a:gd name="connsiteX201" fmla="*/ 4493 w 10000"/>
                  <a:gd name="connsiteY201" fmla="*/ 2275 h 10000"/>
                  <a:gd name="connsiteX202" fmla="*/ 4720 w 10000"/>
                  <a:gd name="connsiteY202" fmla="*/ 2260 h 10000"/>
                  <a:gd name="connsiteX203" fmla="*/ 4923 w 10000"/>
                  <a:gd name="connsiteY203" fmla="*/ 2275 h 10000"/>
                  <a:gd name="connsiteX204" fmla="*/ 4898 w 10000"/>
                  <a:gd name="connsiteY204" fmla="*/ 2112 h 10000"/>
                  <a:gd name="connsiteX205" fmla="*/ 4848 w 10000"/>
                  <a:gd name="connsiteY205" fmla="*/ 1950 h 10000"/>
                  <a:gd name="connsiteX206" fmla="*/ 4771 w 10000"/>
                  <a:gd name="connsiteY206" fmla="*/ 1802 h 10000"/>
                  <a:gd name="connsiteX207" fmla="*/ 4671 w 10000"/>
                  <a:gd name="connsiteY207" fmla="*/ 1640 h 10000"/>
                  <a:gd name="connsiteX208" fmla="*/ 4416 w 10000"/>
                  <a:gd name="connsiteY208" fmla="*/ 1329 h 10000"/>
                  <a:gd name="connsiteX209" fmla="*/ 4162 w 10000"/>
                  <a:gd name="connsiteY209" fmla="*/ 1034 h 10000"/>
                  <a:gd name="connsiteX210" fmla="*/ 4035 w 10000"/>
                  <a:gd name="connsiteY210" fmla="*/ 901 h 10000"/>
                  <a:gd name="connsiteX211" fmla="*/ 3935 w 10000"/>
                  <a:gd name="connsiteY211" fmla="*/ 753 h 10000"/>
                  <a:gd name="connsiteX212" fmla="*/ 3857 w 10000"/>
                  <a:gd name="connsiteY212" fmla="*/ 620 h 10000"/>
                  <a:gd name="connsiteX213" fmla="*/ 3832 w 10000"/>
                  <a:gd name="connsiteY213" fmla="*/ 487 h 10000"/>
                  <a:gd name="connsiteX214" fmla="*/ 3807 w 10000"/>
                  <a:gd name="connsiteY214" fmla="*/ 355 h 10000"/>
                  <a:gd name="connsiteX215" fmla="*/ 3857 w 10000"/>
                  <a:gd name="connsiteY215" fmla="*/ 222 h 10000"/>
                  <a:gd name="connsiteX216" fmla="*/ 3884 w 10000"/>
                  <a:gd name="connsiteY216" fmla="*/ 162 h 10000"/>
                  <a:gd name="connsiteX217" fmla="*/ 3935 w 10000"/>
                  <a:gd name="connsiteY217" fmla="*/ 103 h 10000"/>
                  <a:gd name="connsiteX218" fmla="*/ 4011 w 10000"/>
                  <a:gd name="connsiteY218" fmla="*/ 59 h 10000"/>
                  <a:gd name="connsiteX219" fmla="*/ 4111 w 10000"/>
                  <a:gd name="connsiteY219" fmla="*/ 0 h 10000"/>
                  <a:gd name="connsiteX220" fmla="*/ 4289 w 10000"/>
                  <a:gd name="connsiteY220" fmla="*/ 0 h 10000"/>
                  <a:gd name="connsiteX221" fmla="*/ 4468 w 10000"/>
                  <a:gd name="connsiteY221" fmla="*/ 15 h 10000"/>
                  <a:gd name="connsiteX222" fmla="*/ 4644 w 10000"/>
                  <a:gd name="connsiteY222" fmla="*/ 44 h 10000"/>
                  <a:gd name="connsiteX223" fmla="*/ 4771 w 10000"/>
                  <a:gd name="connsiteY223" fmla="*/ 89 h 10000"/>
                  <a:gd name="connsiteX224" fmla="*/ 4975 w 10000"/>
                  <a:gd name="connsiteY224" fmla="*/ 192 h 10000"/>
                  <a:gd name="connsiteX225" fmla="*/ 5177 w 10000"/>
                  <a:gd name="connsiteY225" fmla="*/ 340 h 10000"/>
                  <a:gd name="connsiteX226" fmla="*/ 5329 w 10000"/>
                  <a:gd name="connsiteY226" fmla="*/ 473 h 10000"/>
                  <a:gd name="connsiteX227" fmla="*/ 5532 w 10000"/>
                  <a:gd name="connsiteY227" fmla="*/ 591 h 10000"/>
                  <a:gd name="connsiteX228" fmla="*/ 5660 w 10000"/>
                  <a:gd name="connsiteY228" fmla="*/ 650 h 10000"/>
                  <a:gd name="connsiteX229" fmla="*/ 5812 w 10000"/>
                  <a:gd name="connsiteY229" fmla="*/ 679 h 10000"/>
                  <a:gd name="connsiteX230" fmla="*/ 5965 w 10000"/>
                  <a:gd name="connsiteY230" fmla="*/ 709 h 10000"/>
                  <a:gd name="connsiteX231" fmla="*/ 6168 w 10000"/>
                  <a:gd name="connsiteY231" fmla="*/ 709 h 10000"/>
                  <a:gd name="connsiteX232" fmla="*/ 6168 w 10000"/>
                  <a:gd name="connsiteY232" fmla="*/ 768 h 10000"/>
                  <a:gd name="connsiteX233" fmla="*/ 6193 w 10000"/>
                  <a:gd name="connsiteY233" fmla="*/ 842 h 10000"/>
                  <a:gd name="connsiteX234" fmla="*/ 6243 w 10000"/>
                  <a:gd name="connsiteY234" fmla="*/ 916 h 10000"/>
                  <a:gd name="connsiteX235" fmla="*/ 6294 w 10000"/>
                  <a:gd name="connsiteY235" fmla="*/ 990 h 10000"/>
                  <a:gd name="connsiteX236" fmla="*/ 6369 w 10000"/>
                  <a:gd name="connsiteY236" fmla="*/ 1049 h 10000"/>
                  <a:gd name="connsiteX237" fmla="*/ 6471 w 10000"/>
                  <a:gd name="connsiteY237" fmla="*/ 1108 h 10000"/>
                  <a:gd name="connsiteX238" fmla="*/ 6598 w 10000"/>
                  <a:gd name="connsiteY238" fmla="*/ 1182 h 10000"/>
                  <a:gd name="connsiteX239" fmla="*/ 6700 w 10000"/>
                  <a:gd name="connsiteY239" fmla="*/ 1226 h 10000"/>
                  <a:gd name="connsiteX240" fmla="*/ 6802 w 10000"/>
                  <a:gd name="connsiteY240" fmla="*/ 1270 h 10000"/>
                  <a:gd name="connsiteX241" fmla="*/ 6903 w 10000"/>
                  <a:gd name="connsiteY241" fmla="*/ 1300 h 10000"/>
                  <a:gd name="connsiteX242" fmla="*/ 7005 w 10000"/>
                  <a:gd name="connsiteY242" fmla="*/ 1315 h 10000"/>
                  <a:gd name="connsiteX243" fmla="*/ 7132 w 10000"/>
                  <a:gd name="connsiteY243" fmla="*/ 1300 h 10000"/>
                  <a:gd name="connsiteX244" fmla="*/ 7234 w 10000"/>
                  <a:gd name="connsiteY244" fmla="*/ 1285 h 10000"/>
                  <a:gd name="connsiteX245" fmla="*/ 7309 w 10000"/>
                  <a:gd name="connsiteY245" fmla="*/ 1241 h 10000"/>
                  <a:gd name="connsiteX246" fmla="*/ 7361 w 10000"/>
                  <a:gd name="connsiteY246" fmla="*/ 1167 h 10000"/>
                  <a:gd name="connsiteX247" fmla="*/ 7385 w 10000"/>
                  <a:gd name="connsiteY247" fmla="*/ 1064 h 10000"/>
                  <a:gd name="connsiteX248" fmla="*/ 7766 w 10000"/>
                  <a:gd name="connsiteY248" fmla="*/ 1034 h 10000"/>
                  <a:gd name="connsiteX249" fmla="*/ 8121 w 10000"/>
                  <a:gd name="connsiteY249" fmla="*/ 1004 h 10000"/>
                  <a:gd name="connsiteX250" fmla="*/ 8427 w 10000"/>
                  <a:gd name="connsiteY250" fmla="*/ 990 h 10000"/>
                  <a:gd name="connsiteX251" fmla="*/ 8706 w 10000"/>
                  <a:gd name="connsiteY251" fmla="*/ 1004 h 10000"/>
                  <a:gd name="connsiteX252" fmla="*/ 8833 w 10000"/>
                  <a:gd name="connsiteY252" fmla="*/ 1019 h 10000"/>
                  <a:gd name="connsiteX253" fmla="*/ 8958 w 10000"/>
                  <a:gd name="connsiteY253" fmla="*/ 1034 h 10000"/>
                  <a:gd name="connsiteX254" fmla="*/ 9061 w 10000"/>
                  <a:gd name="connsiteY254" fmla="*/ 1064 h 10000"/>
                  <a:gd name="connsiteX255" fmla="*/ 9188 w 10000"/>
                  <a:gd name="connsiteY255" fmla="*/ 1108 h 10000"/>
                  <a:gd name="connsiteX256" fmla="*/ 9264 w 10000"/>
                  <a:gd name="connsiteY256" fmla="*/ 1182 h 10000"/>
                  <a:gd name="connsiteX257" fmla="*/ 9339 w 10000"/>
                  <a:gd name="connsiteY257" fmla="*/ 1241 h 10000"/>
                  <a:gd name="connsiteX258" fmla="*/ 9391 w 10000"/>
                  <a:gd name="connsiteY258" fmla="*/ 1329 h 10000"/>
                  <a:gd name="connsiteX259" fmla="*/ 9442 w 10000"/>
                  <a:gd name="connsiteY259" fmla="*/ 1433 h 10000"/>
                  <a:gd name="connsiteX260" fmla="*/ 9492 w 10000"/>
                  <a:gd name="connsiteY260" fmla="*/ 1551 h 10000"/>
                  <a:gd name="connsiteX261" fmla="*/ 9466 w 10000"/>
                  <a:gd name="connsiteY261" fmla="*/ 1625 h 10000"/>
                  <a:gd name="connsiteX262" fmla="*/ 9442 w 10000"/>
                  <a:gd name="connsiteY262" fmla="*/ 1684 h 10000"/>
                  <a:gd name="connsiteX263" fmla="*/ 9391 w 10000"/>
                  <a:gd name="connsiteY263" fmla="*/ 1758 h 10000"/>
                  <a:gd name="connsiteX264" fmla="*/ 9315 w 10000"/>
                  <a:gd name="connsiteY264" fmla="*/ 1802 h 10000"/>
                  <a:gd name="connsiteX265" fmla="*/ 9264 w 10000"/>
                  <a:gd name="connsiteY265" fmla="*/ 1861 h 10000"/>
                  <a:gd name="connsiteX266" fmla="*/ 9240 w 10000"/>
                  <a:gd name="connsiteY266" fmla="*/ 1935 h 10000"/>
                  <a:gd name="connsiteX267" fmla="*/ 9264 w 10000"/>
                  <a:gd name="connsiteY267" fmla="*/ 2024 h 10000"/>
                  <a:gd name="connsiteX268" fmla="*/ 9543 w 10000"/>
                  <a:gd name="connsiteY268" fmla="*/ 2157 h 10000"/>
                  <a:gd name="connsiteX269" fmla="*/ 9873 w 10000"/>
                  <a:gd name="connsiteY269" fmla="*/ 2275 h 10000"/>
                  <a:gd name="connsiteX270" fmla="*/ 10000 w 10000"/>
                  <a:gd name="connsiteY270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273 w 10000"/>
                  <a:gd name="connsiteY12" fmla="*/ 3663 h 10000"/>
                  <a:gd name="connsiteX13" fmla="*/ 8984 w 10000"/>
                  <a:gd name="connsiteY13" fmla="*/ 3412 h 10000"/>
                  <a:gd name="connsiteX14" fmla="*/ 9188 w 10000"/>
                  <a:gd name="connsiteY14" fmla="*/ 3338 h 10000"/>
                  <a:gd name="connsiteX15" fmla="*/ 9315 w 10000"/>
                  <a:gd name="connsiteY15" fmla="*/ 3235 h 10000"/>
                  <a:gd name="connsiteX16" fmla="*/ 9415 w 10000"/>
                  <a:gd name="connsiteY16" fmla="*/ 3117 h 10000"/>
                  <a:gd name="connsiteX17" fmla="*/ 9442 w 10000"/>
                  <a:gd name="connsiteY17" fmla="*/ 3072 h 10000"/>
                  <a:gd name="connsiteX18" fmla="*/ 9466 w 10000"/>
                  <a:gd name="connsiteY18" fmla="*/ 3013 h 10000"/>
                  <a:gd name="connsiteX19" fmla="*/ 9466 w 10000"/>
                  <a:gd name="connsiteY19" fmla="*/ 2954 h 10000"/>
                  <a:gd name="connsiteX20" fmla="*/ 9442 w 10000"/>
                  <a:gd name="connsiteY20" fmla="*/ 2866 h 10000"/>
                  <a:gd name="connsiteX21" fmla="*/ 9264 w 10000"/>
                  <a:gd name="connsiteY21" fmla="*/ 2984 h 10000"/>
                  <a:gd name="connsiteX22" fmla="*/ 9061 w 10000"/>
                  <a:gd name="connsiteY22" fmla="*/ 3072 h 10000"/>
                  <a:gd name="connsiteX23" fmla="*/ 8857 w 10000"/>
                  <a:gd name="connsiteY23" fmla="*/ 3161 h 10000"/>
                  <a:gd name="connsiteX24" fmla="*/ 8655 w 10000"/>
                  <a:gd name="connsiteY24" fmla="*/ 3250 h 10000"/>
                  <a:gd name="connsiteX25" fmla="*/ 8197 w 10000"/>
                  <a:gd name="connsiteY25" fmla="*/ 3397 h 10000"/>
                  <a:gd name="connsiteX26" fmla="*/ 7716 w 10000"/>
                  <a:gd name="connsiteY26" fmla="*/ 3545 h 10000"/>
                  <a:gd name="connsiteX27" fmla="*/ 7234 w 10000"/>
                  <a:gd name="connsiteY27" fmla="*/ 3678 h 10000"/>
                  <a:gd name="connsiteX28" fmla="*/ 6776 w 10000"/>
                  <a:gd name="connsiteY28" fmla="*/ 3840 h 10000"/>
                  <a:gd name="connsiteX29" fmla="*/ 6548 w 10000"/>
                  <a:gd name="connsiteY29" fmla="*/ 3914 h 10000"/>
                  <a:gd name="connsiteX30" fmla="*/ 6345 w 10000"/>
                  <a:gd name="connsiteY30" fmla="*/ 4003 h 10000"/>
                  <a:gd name="connsiteX31" fmla="*/ 6143 w 10000"/>
                  <a:gd name="connsiteY31" fmla="*/ 4106 h 10000"/>
                  <a:gd name="connsiteX32" fmla="*/ 5938 w 10000"/>
                  <a:gd name="connsiteY32" fmla="*/ 4195 h 10000"/>
                  <a:gd name="connsiteX33" fmla="*/ 6091 w 10000"/>
                  <a:gd name="connsiteY33" fmla="*/ 4417 h 10000"/>
                  <a:gd name="connsiteX34" fmla="*/ 6193 w 10000"/>
                  <a:gd name="connsiteY34" fmla="*/ 4623 h 10000"/>
                  <a:gd name="connsiteX35" fmla="*/ 6294 w 10000"/>
                  <a:gd name="connsiteY35" fmla="*/ 4845 h 10000"/>
                  <a:gd name="connsiteX36" fmla="*/ 6369 w 10000"/>
                  <a:gd name="connsiteY36" fmla="*/ 5081 h 10000"/>
                  <a:gd name="connsiteX37" fmla="*/ 6421 w 10000"/>
                  <a:gd name="connsiteY37" fmla="*/ 5318 h 10000"/>
                  <a:gd name="connsiteX38" fmla="*/ 6447 w 10000"/>
                  <a:gd name="connsiteY38" fmla="*/ 5539 h 10000"/>
                  <a:gd name="connsiteX39" fmla="*/ 6471 w 10000"/>
                  <a:gd name="connsiteY39" fmla="*/ 5775 h 10000"/>
                  <a:gd name="connsiteX40" fmla="*/ 6471 w 10000"/>
                  <a:gd name="connsiteY40" fmla="*/ 5997 h 10000"/>
                  <a:gd name="connsiteX41" fmla="*/ 6447 w 10000"/>
                  <a:gd name="connsiteY41" fmla="*/ 6233 h 10000"/>
                  <a:gd name="connsiteX42" fmla="*/ 6396 w 10000"/>
                  <a:gd name="connsiteY42" fmla="*/ 6470 h 10000"/>
                  <a:gd name="connsiteX43" fmla="*/ 6345 w 10000"/>
                  <a:gd name="connsiteY43" fmla="*/ 6677 h 10000"/>
                  <a:gd name="connsiteX44" fmla="*/ 6269 w 10000"/>
                  <a:gd name="connsiteY44" fmla="*/ 6898 h 10000"/>
                  <a:gd name="connsiteX45" fmla="*/ 6168 w 10000"/>
                  <a:gd name="connsiteY45" fmla="*/ 7105 h 10000"/>
                  <a:gd name="connsiteX46" fmla="*/ 6041 w 10000"/>
                  <a:gd name="connsiteY46" fmla="*/ 7297 h 10000"/>
                  <a:gd name="connsiteX47" fmla="*/ 5888 w 10000"/>
                  <a:gd name="connsiteY47" fmla="*/ 7489 h 10000"/>
                  <a:gd name="connsiteX48" fmla="*/ 5735 w 10000"/>
                  <a:gd name="connsiteY48" fmla="*/ 7681 h 10000"/>
                  <a:gd name="connsiteX49" fmla="*/ 6471 w 10000"/>
                  <a:gd name="connsiteY49" fmla="*/ 7799 h 10000"/>
                  <a:gd name="connsiteX50" fmla="*/ 7234 w 10000"/>
                  <a:gd name="connsiteY50" fmla="*/ 7962 h 10000"/>
                  <a:gd name="connsiteX51" fmla="*/ 7385 w 10000"/>
                  <a:gd name="connsiteY51" fmla="*/ 8021 h 10000"/>
                  <a:gd name="connsiteX52" fmla="*/ 7512 w 10000"/>
                  <a:gd name="connsiteY52" fmla="*/ 8080 h 10000"/>
                  <a:gd name="connsiteX53" fmla="*/ 7639 w 10000"/>
                  <a:gd name="connsiteY53" fmla="*/ 8139 h 10000"/>
                  <a:gd name="connsiteX54" fmla="*/ 7716 w 10000"/>
                  <a:gd name="connsiteY54" fmla="*/ 8227 h 10000"/>
                  <a:gd name="connsiteX55" fmla="*/ 7741 w 10000"/>
                  <a:gd name="connsiteY55" fmla="*/ 8301 h 10000"/>
                  <a:gd name="connsiteX56" fmla="*/ 7741 w 10000"/>
                  <a:gd name="connsiteY56" fmla="*/ 8405 h 10000"/>
                  <a:gd name="connsiteX57" fmla="*/ 7691 w 10000"/>
                  <a:gd name="connsiteY57" fmla="*/ 8523 h 10000"/>
                  <a:gd name="connsiteX58" fmla="*/ 7614 w 10000"/>
                  <a:gd name="connsiteY58" fmla="*/ 8641 h 10000"/>
                  <a:gd name="connsiteX59" fmla="*/ 7284 w 10000"/>
                  <a:gd name="connsiteY59" fmla="*/ 8552 h 10000"/>
                  <a:gd name="connsiteX60" fmla="*/ 6979 w 10000"/>
                  <a:gd name="connsiteY60" fmla="*/ 8449 h 10000"/>
                  <a:gd name="connsiteX61" fmla="*/ 6674 w 10000"/>
                  <a:gd name="connsiteY61" fmla="*/ 8360 h 10000"/>
                  <a:gd name="connsiteX62" fmla="*/ 6369 w 10000"/>
                  <a:gd name="connsiteY62" fmla="*/ 8287 h 10000"/>
                  <a:gd name="connsiteX63" fmla="*/ 6243 w 10000"/>
                  <a:gd name="connsiteY63" fmla="*/ 8449 h 10000"/>
                  <a:gd name="connsiteX64" fmla="*/ 6143 w 10000"/>
                  <a:gd name="connsiteY64" fmla="*/ 8597 h 10000"/>
                  <a:gd name="connsiteX65" fmla="*/ 6091 w 10000"/>
                  <a:gd name="connsiteY65" fmla="*/ 8656 h 10000"/>
                  <a:gd name="connsiteX66" fmla="*/ 5989 w 10000"/>
                  <a:gd name="connsiteY66" fmla="*/ 8700 h 10000"/>
                  <a:gd name="connsiteX67" fmla="*/ 5914 w 10000"/>
                  <a:gd name="connsiteY67" fmla="*/ 8744 h 10000"/>
                  <a:gd name="connsiteX68" fmla="*/ 5838 w 10000"/>
                  <a:gd name="connsiteY68" fmla="*/ 8774 h 10000"/>
                  <a:gd name="connsiteX69" fmla="*/ 5761 w 10000"/>
                  <a:gd name="connsiteY69" fmla="*/ 8804 h 10000"/>
                  <a:gd name="connsiteX70" fmla="*/ 5660 w 10000"/>
                  <a:gd name="connsiteY70" fmla="*/ 8818 h 10000"/>
                  <a:gd name="connsiteX71" fmla="*/ 5532 w 10000"/>
                  <a:gd name="connsiteY71" fmla="*/ 8833 h 10000"/>
                  <a:gd name="connsiteX72" fmla="*/ 5406 w 10000"/>
                  <a:gd name="connsiteY72" fmla="*/ 8833 h 10000"/>
                  <a:gd name="connsiteX73" fmla="*/ 5102 w 10000"/>
                  <a:gd name="connsiteY73" fmla="*/ 8818 h 10000"/>
                  <a:gd name="connsiteX74" fmla="*/ 4720 w 10000"/>
                  <a:gd name="connsiteY74" fmla="*/ 8744 h 10000"/>
                  <a:gd name="connsiteX75" fmla="*/ 4720 w 10000"/>
                  <a:gd name="connsiteY75" fmla="*/ 8922 h 10000"/>
                  <a:gd name="connsiteX76" fmla="*/ 4695 w 10000"/>
                  <a:gd name="connsiteY76" fmla="*/ 9069 h 10000"/>
                  <a:gd name="connsiteX77" fmla="*/ 4671 w 10000"/>
                  <a:gd name="connsiteY77" fmla="*/ 9232 h 10000"/>
                  <a:gd name="connsiteX78" fmla="*/ 4644 w 10000"/>
                  <a:gd name="connsiteY78" fmla="*/ 9365 h 10000"/>
                  <a:gd name="connsiteX79" fmla="*/ 4593 w 10000"/>
                  <a:gd name="connsiteY79" fmla="*/ 9498 h 10000"/>
                  <a:gd name="connsiteX80" fmla="*/ 4493 w 10000"/>
                  <a:gd name="connsiteY80" fmla="*/ 9616 h 10000"/>
                  <a:gd name="connsiteX81" fmla="*/ 4416 w 10000"/>
                  <a:gd name="connsiteY81" fmla="*/ 9734 h 10000"/>
                  <a:gd name="connsiteX82" fmla="*/ 4289 w 10000"/>
                  <a:gd name="connsiteY82" fmla="*/ 9838 h 10000"/>
                  <a:gd name="connsiteX83" fmla="*/ 3983 w 10000"/>
                  <a:gd name="connsiteY83" fmla="*/ 9897 h 10000"/>
                  <a:gd name="connsiteX84" fmla="*/ 3731 w 10000"/>
                  <a:gd name="connsiteY84" fmla="*/ 9941 h 10000"/>
                  <a:gd name="connsiteX85" fmla="*/ 3426 w 10000"/>
                  <a:gd name="connsiteY85" fmla="*/ 9985 h 10000"/>
                  <a:gd name="connsiteX86" fmla="*/ 3198 w 10000"/>
                  <a:gd name="connsiteY86" fmla="*/ 10000 h 10000"/>
                  <a:gd name="connsiteX87" fmla="*/ 2690 w 10000"/>
                  <a:gd name="connsiteY87" fmla="*/ 10000 h 10000"/>
                  <a:gd name="connsiteX88" fmla="*/ 2208 w 10000"/>
                  <a:gd name="connsiteY88" fmla="*/ 9985 h 10000"/>
                  <a:gd name="connsiteX89" fmla="*/ 1752 w 10000"/>
                  <a:gd name="connsiteY89" fmla="*/ 9941 h 10000"/>
                  <a:gd name="connsiteX90" fmla="*/ 1270 w 10000"/>
                  <a:gd name="connsiteY90" fmla="*/ 9911 h 10000"/>
                  <a:gd name="connsiteX91" fmla="*/ 990 w 10000"/>
                  <a:gd name="connsiteY91" fmla="*/ 9911 h 10000"/>
                  <a:gd name="connsiteX92" fmla="*/ 736 w 10000"/>
                  <a:gd name="connsiteY92" fmla="*/ 9911 h 10000"/>
                  <a:gd name="connsiteX93" fmla="*/ 457 w 10000"/>
                  <a:gd name="connsiteY93" fmla="*/ 9926 h 10000"/>
                  <a:gd name="connsiteX94" fmla="*/ 178 w 10000"/>
                  <a:gd name="connsiteY94" fmla="*/ 9970 h 10000"/>
                  <a:gd name="connsiteX95" fmla="*/ 102 w 10000"/>
                  <a:gd name="connsiteY95" fmla="*/ 9867 h 10000"/>
                  <a:gd name="connsiteX96" fmla="*/ 51 w 10000"/>
                  <a:gd name="connsiteY96" fmla="*/ 9793 h 10000"/>
                  <a:gd name="connsiteX97" fmla="*/ 0 w 10000"/>
                  <a:gd name="connsiteY97" fmla="*/ 9705 h 10000"/>
                  <a:gd name="connsiteX98" fmla="*/ 0 w 10000"/>
                  <a:gd name="connsiteY98" fmla="*/ 9601 h 10000"/>
                  <a:gd name="connsiteX99" fmla="*/ 51 w 10000"/>
                  <a:gd name="connsiteY99" fmla="*/ 9424 h 10000"/>
                  <a:gd name="connsiteX100" fmla="*/ 102 w 10000"/>
                  <a:gd name="connsiteY100" fmla="*/ 9202 h 10000"/>
                  <a:gd name="connsiteX101" fmla="*/ 151 w 10000"/>
                  <a:gd name="connsiteY101" fmla="*/ 8996 h 10000"/>
                  <a:gd name="connsiteX102" fmla="*/ 203 w 10000"/>
                  <a:gd name="connsiteY102" fmla="*/ 8759 h 10000"/>
                  <a:gd name="connsiteX103" fmla="*/ 228 w 10000"/>
                  <a:gd name="connsiteY103" fmla="*/ 8641 h 10000"/>
                  <a:gd name="connsiteX104" fmla="*/ 228 w 10000"/>
                  <a:gd name="connsiteY104" fmla="*/ 8538 h 10000"/>
                  <a:gd name="connsiteX105" fmla="*/ 203 w 10000"/>
                  <a:gd name="connsiteY105" fmla="*/ 8405 h 10000"/>
                  <a:gd name="connsiteX106" fmla="*/ 178 w 10000"/>
                  <a:gd name="connsiteY106" fmla="*/ 8287 h 10000"/>
                  <a:gd name="connsiteX107" fmla="*/ 431 w 10000"/>
                  <a:gd name="connsiteY107" fmla="*/ 8213 h 10000"/>
                  <a:gd name="connsiteX108" fmla="*/ 685 w 10000"/>
                  <a:gd name="connsiteY108" fmla="*/ 8139 h 10000"/>
                  <a:gd name="connsiteX109" fmla="*/ 939 w 10000"/>
                  <a:gd name="connsiteY109" fmla="*/ 8095 h 10000"/>
                  <a:gd name="connsiteX110" fmla="*/ 1218 w 10000"/>
                  <a:gd name="connsiteY110" fmla="*/ 8065 h 10000"/>
                  <a:gd name="connsiteX111" fmla="*/ 1725 w 10000"/>
                  <a:gd name="connsiteY111" fmla="*/ 8021 h 10000"/>
                  <a:gd name="connsiteX112" fmla="*/ 2234 w 10000"/>
                  <a:gd name="connsiteY112" fmla="*/ 7976 h 10000"/>
                  <a:gd name="connsiteX113" fmla="*/ 2462 w 10000"/>
                  <a:gd name="connsiteY113" fmla="*/ 7947 h 10000"/>
                  <a:gd name="connsiteX114" fmla="*/ 2690 w 10000"/>
                  <a:gd name="connsiteY114" fmla="*/ 7917 h 10000"/>
                  <a:gd name="connsiteX115" fmla="*/ 2892 w 10000"/>
                  <a:gd name="connsiteY115" fmla="*/ 7843 h 10000"/>
                  <a:gd name="connsiteX116" fmla="*/ 3096 w 10000"/>
                  <a:gd name="connsiteY116" fmla="*/ 7784 h 10000"/>
                  <a:gd name="connsiteX117" fmla="*/ 3274 w 10000"/>
                  <a:gd name="connsiteY117" fmla="*/ 7710 h 10000"/>
                  <a:gd name="connsiteX118" fmla="*/ 3426 w 10000"/>
                  <a:gd name="connsiteY118" fmla="*/ 7592 h 10000"/>
                  <a:gd name="connsiteX119" fmla="*/ 3579 w 10000"/>
                  <a:gd name="connsiteY119" fmla="*/ 7474 h 10000"/>
                  <a:gd name="connsiteX120" fmla="*/ 3680 w 10000"/>
                  <a:gd name="connsiteY120" fmla="*/ 7312 h 10000"/>
                  <a:gd name="connsiteX121" fmla="*/ 3477 w 10000"/>
                  <a:gd name="connsiteY121" fmla="*/ 7238 h 10000"/>
                  <a:gd name="connsiteX122" fmla="*/ 3299 w 10000"/>
                  <a:gd name="connsiteY122" fmla="*/ 7179 h 10000"/>
                  <a:gd name="connsiteX123" fmla="*/ 3147 w 10000"/>
                  <a:gd name="connsiteY123" fmla="*/ 7090 h 10000"/>
                  <a:gd name="connsiteX124" fmla="*/ 2995 w 10000"/>
                  <a:gd name="connsiteY124" fmla="*/ 6987 h 10000"/>
                  <a:gd name="connsiteX125" fmla="*/ 2892 w 10000"/>
                  <a:gd name="connsiteY125" fmla="*/ 6869 h 10000"/>
                  <a:gd name="connsiteX126" fmla="*/ 2843 w 10000"/>
                  <a:gd name="connsiteY126" fmla="*/ 6721 h 10000"/>
                  <a:gd name="connsiteX127" fmla="*/ 2817 w 10000"/>
                  <a:gd name="connsiteY127" fmla="*/ 6558 h 10000"/>
                  <a:gd name="connsiteX128" fmla="*/ 2843 w 10000"/>
                  <a:gd name="connsiteY128" fmla="*/ 6352 h 10000"/>
                  <a:gd name="connsiteX129" fmla="*/ 2716 w 10000"/>
                  <a:gd name="connsiteY129" fmla="*/ 6322 h 10000"/>
                  <a:gd name="connsiteX130" fmla="*/ 2564 w 10000"/>
                  <a:gd name="connsiteY130" fmla="*/ 6292 h 10000"/>
                  <a:gd name="connsiteX131" fmla="*/ 2386 w 10000"/>
                  <a:gd name="connsiteY131" fmla="*/ 6278 h 10000"/>
                  <a:gd name="connsiteX132" fmla="*/ 2208 w 10000"/>
                  <a:gd name="connsiteY132" fmla="*/ 6263 h 10000"/>
                  <a:gd name="connsiteX133" fmla="*/ 1853 w 10000"/>
                  <a:gd name="connsiteY133" fmla="*/ 6248 h 10000"/>
                  <a:gd name="connsiteX134" fmla="*/ 1472 w 10000"/>
                  <a:gd name="connsiteY134" fmla="*/ 6263 h 10000"/>
                  <a:gd name="connsiteX135" fmla="*/ 1143 w 10000"/>
                  <a:gd name="connsiteY135" fmla="*/ 6278 h 10000"/>
                  <a:gd name="connsiteX136" fmla="*/ 837 w 10000"/>
                  <a:gd name="connsiteY136" fmla="*/ 6278 h 10000"/>
                  <a:gd name="connsiteX137" fmla="*/ 585 w 10000"/>
                  <a:gd name="connsiteY137" fmla="*/ 6263 h 10000"/>
                  <a:gd name="connsiteX138" fmla="*/ 381 w 10000"/>
                  <a:gd name="connsiteY138" fmla="*/ 6233 h 10000"/>
                  <a:gd name="connsiteX139" fmla="*/ 633 w 10000"/>
                  <a:gd name="connsiteY139" fmla="*/ 5805 h 10000"/>
                  <a:gd name="connsiteX140" fmla="*/ 914 w 10000"/>
                  <a:gd name="connsiteY140" fmla="*/ 5391 h 10000"/>
                  <a:gd name="connsiteX141" fmla="*/ 1016 w 10000"/>
                  <a:gd name="connsiteY141" fmla="*/ 5170 h 10000"/>
                  <a:gd name="connsiteX142" fmla="*/ 1091 w 10000"/>
                  <a:gd name="connsiteY142" fmla="*/ 4963 h 10000"/>
                  <a:gd name="connsiteX143" fmla="*/ 1116 w 10000"/>
                  <a:gd name="connsiteY143" fmla="*/ 4860 h 10000"/>
                  <a:gd name="connsiteX144" fmla="*/ 1091 w 10000"/>
                  <a:gd name="connsiteY144" fmla="*/ 4756 h 10000"/>
                  <a:gd name="connsiteX145" fmla="*/ 1066 w 10000"/>
                  <a:gd name="connsiteY145" fmla="*/ 4653 h 10000"/>
                  <a:gd name="connsiteX146" fmla="*/ 990 w 10000"/>
                  <a:gd name="connsiteY146" fmla="*/ 4549 h 10000"/>
                  <a:gd name="connsiteX147" fmla="*/ 1270 w 10000"/>
                  <a:gd name="connsiteY147" fmla="*/ 4520 h 10000"/>
                  <a:gd name="connsiteX148" fmla="*/ 1472 w 10000"/>
                  <a:gd name="connsiteY148" fmla="*/ 4505 h 10000"/>
                  <a:gd name="connsiteX149" fmla="*/ 1650 w 10000"/>
                  <a:gd name="connsiteY149" fmla="*/ 4505 h 10000"/>
                  <a:gd name="connsiteX150" fmla="*/ 1802 w 10000"/>
                  <a:gd name="connsiteY150" fmla="*/ 4520 h 10000"/>
                  <a:gd name="connsiteX151" fmla="*/ 1929 w 10000"/>
                  <a:gd name="connsiteY151" fmla="*/ 4520 h 10000"/>
                  <a:gd name="connsiteX152" fmla="*/ 2081 w 10000"/>
                  <a:gd name="connsiteY152" fmla="*/ 4520 h 10000"/>
                  <a:gd name="connsiteX153" fmla="*/ 2234 w 10000"/>
                  <a:gd name="connsiteY153" fmla="*/ 4490 h 10000"/>
                  <a:gd name="connsiteX154" fmla="*/ 2436 w 10000"/>
                  <a:gd name="connsiteY154" fmla="*/ 4446 h 10000"/>
                  <a:gd name="connsiteX155" fmla="*/ 2436 w 10000"/>
                  <a:gd name="connsiteY155" fmla="*/ 4579 h 10000"/>
                  <a:gd name="connsiteX156" fmla="*/ 2436 w 10000"/>
                  <a:gd name="connsiteY156" fmla="*/ 4742 h 10000"/>
                  <a:gd name="connsiteX157" fmla="*/ 2436 w 10000"/>
                  <a:gd name="connsiteY157" fmla="*/ 4874 h 10000"/>
                  <a:gd name="connsiteX158" fmla="*/ 2436 w 10000"/>
                  <a:gd name="connsiteY158" fmla="*/ 5037 h 10000"/>
                  <a:gd name="connsiteX159" fmla="*/ 2665 w 10000"/>
                  <a:gd name="connsiteY159" fmla="*/ 5022 h 10000"/>
                  <a:gd name="connsiteX160" fmla="*/ 2817 w 10000"/>
                  <a:gd name="connsiteY160" fmla="*/ 5037 h 10000"/>
                  <a:gd name="connsiteX161" fmla="*/ 2944 w 10000"/>
                  <a:gd name="connsiteY161" fmla="*/ 5066 h 10000"/>
                  <a:gd name="connsiteX162" fmla="*/ 3071 w 10000"/>
                  <a:gd name="connsiteY162" fmla="*/ 5096 h 10000"/>
                  <a:gd name="connsiteX163" fmla="*/ 3173 w 10000"/>
                  <a:gd name="connsiteY163" fmla="*/ 5126 h 10000"/>
                  <a:gd name="connsiteX164" fmla="*/ 3299 w 10000"/>
                  <a:gd name="connsiteY164" fmla="*/ 5155 h 10000"/>
                  <a:gd name="connsiteX165" fmla="*/ 3452 w 10000"/>
                  <a:gd name="connsiteY165" fmla="*/ 5170 h 10000"/>
                  <a:gd name="connsiteX166" fmla="*/ 3680 w 10000"/>
                  <a:gd name="connsiteY166" fmla="*/ 5155 h 10000"/>
                  <a:gd name="connsiteX167" fmla="*/ 3757 w 10000"/>
                  <a:gd name="connsiteY167" fmla="*/ 5096 h 10000"/>
                  <a:gd name="connsiteX168" fmla="*/ 3832 w 10000"/>
                  <a:gd name="connsiteY168" fmla="*/ 5022 h 10000"/>
                  <a:gd name="connsiteX169" fmla="*/ 3857 w 10000"/>
                  <a:gd name="connsiteY169" fmla="*/ 4934 h 10000"/>
                  <a:gd name="connsiteX170" fmla="*/ 3884 w 10000"/>
                  <a:gd name="connsiteY170" fmla="*/ 4860 h 10000"/>
                  <a:gd name="connsiteX171" fmla="*/ 3908 w 10000"/>
                  <a:gd name="connsiteY171" fmla="*/ 4697 h 10000"/>
                  <a:gd name="connsiteX172" fmla="*/ 3884 w 10000"/>
                  <a:gd name="connsiteY172" fmla="*/ 4520 h 10000"/>
                  <a:gd name="connsiteX173" fmla="*/ 3807 w 10000"/>
                  <a:gd name="connsiteY173" fmla="*/ 4343 h 10000"/>
                  <a:gd name="connsiteX174" fmla="*/ 3731 w 10000"/>
                  <a:gd name="connsiteY174" fmla="*/ 4195 h 10000"/>
                  <a:gd name="connsiteX175" fmla="*/ 3604 w 10000"/>
                  <a:gd name="connsiteY175" fmla="*/ 4047 h 10000"/>
                  <a:gd name="connsiteX176" fmla="*/ 3477 w 10000"/>
                  <a:gd name="connsiteY176" fmla="*/ 3959 h 10000"/>
                  <a:gd name="connsiteX177" fmla="*/ 3629 w 10000"/>
                  <a:gd name="connsiteY177" fmla="*/ 3944 h 10000"/>
                  <a:gd name="connsiteX178" fmla="*/ 3757 w 10000"/>
                  <a:gd name="connsiteY178" fmla="*/ 3914 h 10000"/>
                  <a:gd name="connsiteX179" fmla="*/ 3857 w 10000"/>
                  <a:gd name="connsiteY179" fmla="*/ 3855 h 10000"/>
                  <a:gd name="connsiteX180" fmla="*/ 3983 w 10000"/>
                  <a:gd name="connsiteY180" fmla="*/ 3752 h 10000"/>
                  <a:gd name="connsiteX181" fmla="*/ 4111 w 10000"/>
                  <a:gd name="connsiteY181" fmla="*/ 3663 h 10000"/>
                  <a:gd name="connsiteX182" fmla="*/ 4213 w 10000"/>
                  <a:gd name="connsiteY182" fmla="*/ 3560 h 10000"/>
                  <a:gd name="connsiteX183" fmla="*/ 4289 w 10000"/>
                  <a:gd name="connsiteY183" fmla="*/ 3442 h 10000"/>
                  <a:gd name="connsiteX184" fmla="*/ 4366 w 10000"/>
                  <a:gd name="connsiteY184" fmla="*/ 3323 h 10000"/>
                  <a:gd name="connsiteX185" fmla="*/ 4416 w 10000"/>
                  <a:gd name="connsiteY185" fmla="*/ 3220 h 10000"/>
                  <a:gd name="connsiteX186" fmla="*/ 4441 w 10000"/>
                  <a:gd name="connsiteY186" fmla="*/ 3102 h 10000"/>
                  <a:gd name="connsiteX187" fmla="*/ 4468 w 10000"/>
                  <a:gd name="connsiteY187" fmla="*/ 3013 h 10000"/>
                  <a:gd name="connsiteX188" fmla="*/ 4441 w 10000"/>
                  <a:gd name="connsiteY188" fmla="*/ 2939 h 10000"/>
                  <a:gd name="connsiteX189" fmla="*/ 4416 w 10000"/>
                  <a:gd name="connsiteY189" fmla="*/ 2866 h 10000"/>
                  <a:gd name="connsiteX190" fmla="*/ 4340 w 10000"/>
                  <a:gd name="connsiteY190" fmla="*/ 2836 h 10000"/>
                  <a:gd name="connsiteX191" fmla="*/ 4239 w 10000"/>
                  <a:gd name="connsiteY191" fmla="*/ 2836 h 10000"/>
                  <a:gd name="connsiteX192" fmla="*/ 4111 w 10000"/>
                  <a:gd name="connsiteY192" fmla="*/ 2866 h 10000"/>
                  <a:gd name="connsiteX193" fmla="*/ 4213 w 10000"/>
                  <a:gd name="connsiteY193" fmla="*/ 2777 h 10000"/>
                  <a:gd name="connsiteX194" fmla="*/ 4265 w 10000"/>
                  <a:gd name="connsiteY194" fmla="*/ 2674 h 10000"/>
                  <a:gd name="connsiteX195" fmla="*/ 4289 w 10000"/>
                  <a:gd name="connsiteY195" fmla="*/ 2541 h 10000"/>
                  <a:gd name="connsiteX196" fmla="*/ 4289 w 10000"/>
                  <a:gd name="connsiteY196" fmla="*/ 2393 h 10000"/>
                  <a:gd name="connsiteX197" fmla="*/ 4314 w 10000"/>
                  <a:gd name="connsiteY197" fmla="*/ 2349 h 10000"/>
                  <a:gd name="connsiteX198" fmla="*/ 4366 w 10000"/>
                  <a:gd name="connsiteY198" fmla="*/ 2304 h 10000"/>
                  <a:gd name="connsiteX199" fmla="*/ 4416 w 10000"/>
                  <a:gd name="connsiteY199" fmla="*/ 2290 h 10000"/>
                  <a:gd name="connsiteX200" fmla="*/ 4493 w 10000"/>
                  <a:gd name="connsiteY200" fmla="*/ 2275 h 10000"/>
                  <a:gd name="connsiteX201" fmla="*/ 4720 w 10000"/>
                  <a:gd name="connsiteY201" fmla="*/ 2260 h 10000"/>
                  <a:gd name="connsiteX202" fmla="*/ 4923 w 10000"/>
                  <a:gd name="connsiteY202" fmla="*/ 2275 h 10000"/>
                  <a:gd name="connsiteX203" fmla="*/ 4898 w 10000"/>
                  <a:gd name="connsiteY203" fmla="*/ 2112 h 10000"/>
                  <a:gd name="connsiteX204" fmla="*/ 4848 w 10000"/>
                  <a:gd name="connsiteY204" fmla="*/ 1950 h 10000"/>
                  <a:gd name="connsiteX205" fmla="*/ 4771 w 10000"/>
                  <a:gd name="connsiteY205" fmla="*/ 1802 h 10000"/>
                  <a:gd name="connsiteX206" fmla="*/ 4671 w 10000"/>
                  <a:gd name="connsiteY206" fmla="*/ 1640 h 10000"/>
                  <a:gd name="connsiteX207" fmla="*/ 4416 w 10000"/>
                  <a:gd name="connsiteY207" fmla="*/ 1329 h 10000"/>
                  <a:gd name="connsiteX208" fmla="*/ 4162 w 10000"/>
                  <a:gd name="connsiteY208" fmla="*/ 1034 h 10000"/>
                  <a:gd name="connsiteX209" fmla="*/ 4035 w 10000"/>
                  <a:gd name="connsiteY209" fmla="*/ 901 h 10000"/>
                  <a:gd name="connsiteX210" fmla="*/ 3935 w 10000"/>
                  <a:gd name="connsiteY210" fmla="*/ 753 h 10000"/>
                  <a:gd name="connsiteX211" fmla="*/ 3857 w 10000"/>
                  <a:gd name="connsiteY211" fmla="*/ 620 h 10000"/>
                  <a:gd name="connsiteX212" fmla="*/ 3832 w 10000"/>
                  <a:gd name="connsiteY212" fmla="*/ 487 h 10000"/>
                  <a:gd name="connsiteX213" fmla="*/ 3807 w 10000"/>
                  <a:gd name="connsiteY213" fmla="*/ 355 h 10000"/>
                  <a:gd name="connsiteX214" fmla="*/ 3857 w 10000"/>
                  <a:gd name="connsiteY214" fmla="*/ 222 h 10000"/>
                  <a:gd name="connsiteX215" fmla="*/ 3884 w 10000"/>
                  <a:gd name="connsiteY215" fmla="*/ 162 h 10000"/>
                  <a:gd name="connsiteX216" fmla="*/ 3935 w 10000"/>
                  <a:gd name="connsiteY216" fmla="*/ 103 h 10000"/>
                  <a:gd name="connsiteX217" fmla="*/ 4011 w 10000"/>
                  <a:gd name="connsiteY217" fmla="*/ 59 h 10000"/>
                  <a:gd name="connsiteX218" fmla="*/ 4111 w 10000"/>
                  <a:gd name="connsiteY218" fmla="*/ 0 h 10000"/>
                  <a:gd name="connsiteX219" fmla="*/ 4289 w 10000"/>
                  <a:gd name="connsiteY219" fmla="*/ 0 h 10000"/>
                  <a:gd name="connsiteX220" fmla="*/ 4468 w 10000"/>
                  <a:gd name="connsiteY220" fmla="*/ 15 h 10000"/>
                  <a:gd name="connsiteX221" fmla="*/ 4644 w 10000"/>
                  <a:gd name="connsiteY221" fmla="*/ 44 h 10000"/>
                  <a:gd name="connsiteX222" fmla="*/ 4771 w 10000"/>
                  <a:gd name="connsiteY222" fmla="*/ 89 h 10000"/>
                  <a:gd name="connsiteX223" fmla="*/ 4975 w 10000"/>
                  <a:gd name="connsiteY223" fmla="*/ 192 h 10000"/>
                  <a:gd name="connsiteX224" fmla="*/ 5177 w 10000"/>
                  <a:gd name="connsiteY224" fmla="*/ 340 h 10000"/>
                  <a:gd name="connsiteX225" fmla="*/ 5329 w 10000"/>
                  <a:gd name="connsiteY225" fmla="*/ 473 h 10000"/>
                  <a:gd name="connsiteX226" fmla="*/ 5532 w 10000"/>
                  <a:gd name="connsiteY226" fmla="*/ 591 h 10000"/>
                  <a:gd name="connsiteX227" fmla="*/ 5660 w 10000"/>
                  <a:gd name="connsiteY227" fmla="*/ 650 h 10000"/>
                  <a:gd name="connsiteX228" fmla="*/ 5812 w 10000"/>
                  <a:gd name="connsiteY228" fmla="*/ 679 h 10000"/>
                  <a:gd name="connsiteX229" fmla="*/ 5965 w 10000"/>
                  <a:gd name="connsiteY229" fmla="*/ 709 h 10000"/>
                  <a:gd name="connsiteX230" fmla="*/ 6168 w 10000"/>
                  <a:gd name="connsiteY230" fmla="*/ 709 h 10000"/>
                  <a:gd name="connsiteX231" fmla="*/ 6168 w 10000"/>
                  <a:gd name="connsiteY231" fmla="*/ 768 h 10000"/>
                  <a:gd name="connsiteX232" fmla="*/ 6193 w 10000"/>
                  <a:gd name="connsiteY232" fmla="*/ 842 h 10000"/>
                  <a:gd name="connsiteX233" fmla="*/ 6243 w 10000"/>
                  <a:gd name="connsiteY233" fmla="*/ 916 h 10000"/>
                  <a:gd name="connsiteX234" fmla="*/ 6294 w 10000"/>
                  <a:gd name="connsiteY234" fmla="*/ 990 h 10000"/>
                  <a:gd name="connsiteX235" fmla="*/ 6369 w 10000"/>
                  <a:gd name="connsiteY235" fmla="*/ 1049 h 10000"/>
                  <a:gd name="connsiteX236" fmla="*/ 6471 w 10000"/>
                  <a:gd name="connsiteY236" fmla="*/ 1108 h 10000"/>
                  <a:gd name="connsiteX237" fmla="*/ 6598 w 10000"/>
                  <a:gd name="connsiteY237" fmla="*/ 1182 h 10000"/>
                  <a:gd name="connsiteX238" fmla="*/ 6700 w 10000"/>
                  <a:gd name="connsiteY238" fmla="*/ 1226 h 10000"/>
                  <a:gd name="connsiteX239" fmla="*/ 6802 w 10000"/>
                  <a:gd name="connsiteY239" fmla="*/ 1270 h 10000"/>
                  <a:gd name="connsiteX240" fmla="*/ 6903 w 10000"/>
                  <a:gd name="connsiteY240" fmla="*/ 1300 h 10000"/>
                  <a:gd name="connsiteX241" fmla="*/ 7005 w 10000"/>
                  <a:gd name="connsiteY241" fmla="*/ 1315 h 10000"/>
                  <a:gd name="connsiteX242" fmla="*/ 7132 w 10000"/>
                  <a:gd name="connsiteY242" fmla="*/ 1300 h 10000"/>
                  <a:gd name="connsiteX243" fmla="*/ 7234 w 10000"/>
                  <a:gd name="connsiteY243" fmla="*/ 1285 h 10000"/>
                  <a:gd name="connsiteX244" fmla="*/ 7309 w 10000"/>
                  <a:gd name="connsiteY244" fmla="*/ 1241 h 10000"/>
                  <a:gd name="connsiteX245" fmla="*/ 7361 w 10000"/>
                  <a:gd name="connsiteY245" fmla="*/ 1167 h 10000"/>
                  <a:gd name="connsiteX246" fmla="*/ 7385 w 10000"/>
                  <a:gd name="connsiteY246" fmla="*/ 1064 h 10000"/>
                  <a:gd name="connsiteX247" fmla="*/ 7766 w 10000"/>
                  <a:gd name="connsiteY247" fmla="*/ 1034 h 10000"/>
                  <a:gd name="connsiteX248" fmla="*/ 8121 w 10000"/>
                  <a:gd name="connsiteY248" fmla="*/ 1004 h 10000"/>
                  <a:gd name="connsiteX249" fmla="*/ 8427 w 10000"/>
                  <a:gd name="connsiteY249" fmla="*/ 990 h 10000"/>
                  <a:gd name="connsiteX250" fmla="*/ 8706 w 10000"/>
                  <a:gd name="connsiteY250" fmla="*/ 1004 h 10000"/>
                  <a:gd name="connsiteX251" fmla="*/ 8833 w 10000"/>
                  <a:gd name="connsiteY251" fmla="*/ 1019 h 10000"/>
                  <a:gd name="connsiteX252" fmla="*/ 8958 w 10000"/>
                  <a:gd name="connsiteY252" fmla="*/ 1034 h 10000"/>
                  <a:gd name="connsiteX253" fmla="*/ 9061 w 10000"/>
                  <a:gd name="connsiteY253" fmla="*/ 1064 h 10000"/>
                  <a:gd name="connsiteX254" fmla="*/ 9188 w 10000"/>
                  <a:gd name="connsiteY254" fmla="*/ 1108 h 10000"/>
                  <a:gd name="connsiteX255" fmla="*/ 9264 w 10000"/>
                  <a:gd name="connsiteY255" fmla="*/ 1182 h 10000"/>
                  <a:gd name="connsiteX256" fmla="*/ 9339 w 10000"/>
                  <a:gd name="connsiteY256" fmla="*/ 1241 h 10000"/>
                  <a:gd name="connsiteX257" fmla="*/ 9391 w 10000"/>
                  <a:gd name="connsiteY257" fmla="*/ 1329 h 10000"/>
                  <a:gd name="connsiteX258" fmla="*/ 9442 w 10000"/>
                  <a:gd name="connsiteY258" fmla="*/ 1433 h 10000"/>
                  <a:gd name="connsiteX259" fmla="*/ 9492 w 10000"/>
                  <a:gd name="connsiteY259" fmla="*/ 1551 h 10000"/>
                  <a:gd name="connsiteX260" fmla="*/ 9466 w 10000"/>
                  <a:gd name="connsiteY260" fmla="*/ 1625 h 10000"/>
                  <a:gd name="connsiteX261" fmla="*/ 9442 w 10000"/>
                  <a:gd name="connsiteY261" fmla="*/ 1684 h 10000"/>
                  <a:gd name="connsiteX262" fmla="*/ 9391 w 10000"/>
                  <a:gd name="connsiteY262" fmla="*/ 1758 h 10000"/>
                  <a:gd name="connsiteX263" fmla="*/ 9315 w 10000"/>
                  <a:gd name="connsiteY263" fmla="*/ 1802 h 10000"/>
                  <a:gd name="connsiteX264" fmla="*/ 9264 w 10000"/>
                  <a:gd name="connsiteY264" fmla="*/ 1861 h 10000"/>
                  <a:gd name="connsiteX265" fmla="*/ 9240 w 10000"/>
                  <a:gd name="connsiteY265" fmla="*/ 1935 h 10000"/>
                  <a:gd name="connsiteX266" fmla="*/ 9264 w 10000"/>
                  <a:gd name="connsiteY266" fmla="*/ 2024 h 10000"/>
                  <a:gd name="connsiteX267" fmla="*/ 9543 w 10000"/>
                  <a:gd name="connsiteY267" fmla="*/ 2157 h 10000"/>
                  <a:gd name="connsiteX268" fmla="*/ 9873 w 10000"/>
                  <a:gd name="connsiteY268" fmla="*/ 2275 h 10000"/>
                  <a:gd name="connsiteX269" fmla="*/ 10000 w 10000"/>
                  <a:gd name="connsiteY26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273 w 10000"/>
                  <a:gd name="connsiteY12" fmla="*/ 3663 h 10000"/>
                  <a:gd name="connsiteX13" fmla="*/ 8984 w 10000"/>
                  <a:gd name="connsiteY13" fmla="*/ 3412 h 10000"/>
                  <a:gd name="connsiteX14" fmla="*/ 9188 w 10000"/>
                  <a:gd name="connsiteY14" fmla="*/ 3338 h 10000"/>
                  <a:gd name="connsiteX15" fmla="*/ 9315 w 10000"/>
                  <a:gd name="connsiteY15" fmla="*/ 3235 h 10000"/>
                  <a:gd name="connsiteX16" fmla="*/ 9415 w 10000"/>
                  <a:gd name="connsiteY16" fmla="*/ 3117 h 10000"/>
                  <a:gd name="connsiteX17" fmla="*/ 9442 w 10000"/>
                  <a:gd name="connsiteY17" fmla="*/ 3072 h 10000"/>
                  <a:gd name="connsiteX18" fmla="*/ 9466 w 10000"/>
                  <a:gd name="connsiteY18" fmla="*/ 3013 h 10000"/>
                  <a:gd name="connsiteX19" fmla="*/ 9466 w 10000"/>
                  <a:gd name="connsiteY19" fmla="*/ 2954 h 10000"/>
                  <a:gd name="connsiteX20" fmla="*/ 9442 w 10000"/>
                  <a:gd name="connsiteY20" fmla="*/ 2866 h 10000"/>
                  <a:gd name="connsiteX21" fmla="*/ 9264 w 10000"/>
                  <a:gd name="connsiteY21" fmla="*/ 2984 h 10000"/>
                  <a:gd name="connsiteX22" fmla="*/ 9061 w 10000"/>
                  <a:gd name="connsiteY22" fmla="*/ 3072 h 10000"/>
                  <a:gd name="connsiteX23" fmla="*/ 8857 w 10000"/>
                  <a:gd name="connsiteY23" fmla="*/ 3161 h 10000"/>
                  <a:gd name="connsiteX24" fmla="*/ 8655 w 10000"/>
                  <a:gd name="connsiteY24" fmla="*/ 3250 h 10000"/>
                  <a:gd name="connsiteX25" fmla="*/ 8197 w 10000"/>
                  <a:gd name="connsiteY25" fmla="*/ 3397 h 10000"/>
                  <a:gd name="connsiteX26" fmla="*/ 7716 w 10000"/>
                  <a:gd name="connsiteY26" fmla="*/ 3545 h 10000"/>
                  <a:gd name="connsiteX27" fmla="*/ 7234 w 10000"/>
                  <a:gd name="connsiteY27" fmla="*/ 3678 h 10000"/>
                  <a:gd name="connsiteX28" fmla="*/ 6776 w 10000"/>
                  <a:gd name="connsiteY28" fmla="*/ 3840 h 10000"/>
                  <a:gd name="connsiteX29" fmla="*/ 6548 w 10000"/>
                  <a:gd name="connsiteY29" fmla="*/ 3914 h 10000"/>
                  <a:gd name="connsiteX30" fmla="*/ 6345 w 10000"/>
                  <a:gd name="connsiteY30" fmla="*/ 4003 h 10000"/>
                  <a:gd name="connsiteX31" fmla="*/ 6143 w 10000"/>
                  <a:gd name="connsiteY31" fmla="*/ 4106 h 10000"/>
                  <a:gd name="connsiteX32" fmla="*/ 5938 w 10000"/>
                  <a:gd name="connsiteY32" fmla="*/ 4195 h 10000"/>
                  <a:gd name="connsiteX33" fmla="*/ 6091 w 10000"/>
                  <a:gd name="connsiteY33" fmla="*/ 4417 h 10000"/>
                  <a:gd name="connsiteX34" fmla="*/ 6193 w 10000"/>
                  <a:gd name="connsiteY34" fmla="*/ 4623 h 10000"/>
                  <a:gd name="connsiteX35" fmla="*/ 6294 w 10000"/>
                  <a:gd name="connsiteY35" fmla="*/ 4845 h 10000"/>
                  <a:gd name="connsiteX36" fmla="*/ 6369 w 10000"/>
                  <a:gd name="connsiteY36" fmla="*/ 5081 h 10000"/>
                  <a:gd name="connsiteX37" fmla="*/ 6421 w 10000"/>
                  <a:gd name="connsiteY37" fmla="*/ 5318 h 10000"/>
                  <a:gd name="connsiteX38" fmla="*/ 6447 w 10000"/>
                  <a:gd name="connsiteY38" fmla="*/ 5539 h 10000"/>
                  <a:gd name="connsiteX39" fmla="*/ 6471 w 10000"/>
                  <a:gd name="connsiteY39" fmla="*/ 5775 h 10000"/>
                  <a:gd name="connsiteX40" fmla="*/ 6471 w 10000"/>
                  <a:gd name="connsiteY40" fmla="*/ 5997 h 10000"/>
                  <a:gd name="connsiteX41" fmla="*/ 6447 w 10000"/>
                  <a:gd name="connsiteY41" fmla="*/ 6233 h 10000"/>
                  <a:gd name="connsiteX42" fmla="*/ 6396 w 10000"/>
                  <a:gd name="connsiteY42" fmla="*/ 6470 h 10000"/>
                  <a:gd name="connsiteX43" fmla="*/ 6345 w 10000"/>
                  <a:gd name="connsiteY43" fmla="*/ 6677 h 10000"/>
                  <a:gd name="connsiteX44" fmla="*/ 6269 w 10000"/>
                  <a:gd name="connsiteY44" fmla="*/ 6898 h 10000"/>
                  <a:gd name="connsiteX45" fmla="*/ 6168 w 10000"/>
                  <a:gd name="connsiteY45" fmla="*/ 7105 h 10000"/>
                  <a:gd name="connsiteX46" fmla="*/ 6041 w 10000"/>
                  <a:gd name="connsiteY46" fmla="*/ 7297 h 10000"/>
                  <a:gd name="connsiteX47" fmla="*/ 5888 w 10000"/>
                  <a:gd name="connsiteY47" fmla="*/ 7489 h 10000"/>
                  <a:gd name="connsiteX48" fmla="*/ 5735 w 10000"/>
                  <a:gd name="connsiteY48" fmla="*/ 7681 h 10000"/>
                  <a:gd name="connsiteX49" fmla="*/ 6471 w 10000"/>
                  <a:gd name="connsiteY49" fmla="*/ 7799 h 10000"/>
                  <a:gd name="connsiteX50" fmla="*/ 7234 w 10000"/>
                  <a:gd name="connsiteY50" fmla="*/ 7962 h 10000"/>
                  <a:gd name="connsiteX51" fmla="*/ 7385 w 10000"/>
                  <a:gd name="connsiteY51" fmla="*/ 8021 h 10000"/>
                  <a:gd name="connsiteX52" fmla="*/ 7512 w 10000"/>
                  <a:gd name="connsiteY52" fmla="*/ 8080 h 10000"/>
                  <a:gd name="connsiteX53" fmla="*/ 7639 w 10000"/>
                  <a:gd name="connsiteY53" fmla="*/ 8139 h 10000"/>
                  <a:gd name="connsiteX54" fmla="*/ 7716 w 10000"/>
                  <a:gd name="connsiteY54" fmla="*/ 8227 h 10000"/>
                  <a:gd name="connsiteX55" fmla="*/ 7741 w 10000"/>
                  <a:gd name="connsiteY55" fmla="*/ 8301 h 10000"/>
                  <a:gd name="connsiteX56" fmla="*/ 7741 w 10000"/>
                  <a:gd name="connsiteY56" fmla="*/ 8405 h 10000"/>
                  <a:gd name="connsiteX57" fmla="*/ 7691 w 10000"/>
                  <a:gd name="connsiteY57" fmla="*/ 8523 h 10000"/>
                  <a:gd name="connsiteX58" fmla="*/ 7614 w 10000"/>
                  <a:gd name="connsiteY58" fmla="*/ 8641 h 10000"/>
                  <a:gd name="connsiteX59" fmla="*/ 7284 w 10000"/>
                  <a:gd name="connsiteY59" fmla="*/ 8552 h 10000"/>
                  <a:gd name="connsiteX60" fmla="*/ 6979 w 10000"/>
                  <a:gd name="connsiteY60" fmla="*/ 8449 h 10000"/>
                  <a:gd name="connsiteX61" fmla="*/ 6674 w 10000"/>
                  <a:gd name="connsiteY61" fmla="*/ 8360 h 10000"/>
                  <a:gd name="connsiteX62" fmla="*/ 6369 w 10000"/>
                  <a:gd name="connsiteY62" fmla="*/ 8287 h 10000"/>
                  <a:gd name="connsiteX63" fmla="*/ 6243 w 10000"/>
                  <a:gd name="connsiteY63" fmla="*/ 8449 h 10000"/>
                  <a:gd name="connsiteX64" fmla="*/ 6143 w 10000"/>
                  <a:gd name="connsiteY64" fmla="*/ 8597 h 10000"/>
                  <a:gd name="connsiteX65" fmla="*/ 6091 w 10000"/>
                  <a:gd name="connsiteY65" fmla="*/ 8656 h 10000"/>
                  <a:gd name="connsiteX66" fmla="*/ 5989 w 10000"/>
                  <a:gd name="connsiteY66" fmla="*/ 8700 h 10000"/>
                  <a:gd name="connsiteX67" fmla="*/ 5914 w 10000"/>
                  <a:gd name="connsiteY67" fmla="*/ 8744 h 10000"/>
                  <a:gd name="connsiteX68" fmla="*/ 5838 w 10000"/>
                  <a:gd name="connsiteY68" fmla="*/ 8774 h 10000"/>
                  <a:gd name="connsiteX69" fmla="*/ 5761 w 10000"/>
                  <a:gd name="connsiteY69" fmla="*/ 8804 h 10000"/>
                  <a:gd name="connsiteX70" fmla="*/ 5660 w 10000"/>
                  <a:gd name="connsiteY70" fmla="*/ 8818 h 10000"/>
                  <a:gd name="connsiteX71" fmla="*/ 5532 w 10000"/>
                  <a:gd name="connsiteY71" fmla="*/ 8833 h 10000"/>
                  <a:gd name="connsiteX72" fmla="*/ 5406 w 10000"/>
                  <a:gd name="connsiteY72" fmla="*/ 8833 h 10000"/>
                  <a:gd name="connsiteX73" fmla="*/ 5102 w 10000"/>
                  <a:gd name="connsiteY73" fmla="*/ 8818 h 10000"/>
                  <a:gd name="connsiteX74" fmla="*/ 4720 w 10000"/>
                  <a:gd name="connsiteY74" fmla="*/ 8744 h 10000"/>
                  <a:gd name="connsiteX75" fmla="*/ 4720 w 10000"/>
                  <a:gd name="connsiteY75" fmla="*/ 8922 h 10000"/>
                  <a:gd name="connsiteX76" fmla="*/ 4695 w 10000"/>
                  <a:gd name="connsiteY76" fmla="*/ 9069 h 10000"/>
                  <a:gd name="connsiteX77" fmla="*/ 4671 w 10000"/>
                  <a:gd name="connsiteY77" fmla="*/ 9232 h 10000"/>
                  <a:gd name="connsiteX78" fmla="*/ 4644 w 10000"/>
                  <a:gd name="connsiteY78" fmla="*/ 9365 h 10000"/>
                  <a:gd name="connsiteX79" fmla="*/ 4593 w 10000"/>
                  <a:gd name="connsiteY79" fmla="*/ 9498 h 10000"/>
                  <a:gd name="connsiteX80" fmla="*/ 4493 w 10000"/>
                  <a:gd name="connsiteY80" fmla="*/ 9616 h 10000"/>
                  <a:gd name="connsiteX81" fmla="*/ 4416 w 10000"/>
                  <a:gd name="connsiteY81" fmla="*/ 9734 h 10000"/>
                  <a:gd name="connsiteX82" fmla="*/ 4289 w 10000"/>
                  <a:gd name="connsiteY82" fmla="*/ 9838 h 10000"/>
                  <a:gd name="connsiteX83" fmla="*/ 3983 w 10000"/>
                  <a:gd name="connsiteY83" fmla="*/ 9897 h 10000"/>
                  <a:gd name="connsiteX84" fmla="*/ 3731 w 10000"/>
                  <a:gd name="connsiteY84" fmla="*/ 9941 h 10000"/>
                  <a:gd name="connsiteX85" fmla="*/ 3426 w 10000"/>
                  <a:gd name="connsiteY85" fmla="*/ 9985 h 10000"/>
                  <a:gd name="connsiteX86" fmla="*/ 3198 w 10000"/>
                  <a:gd name="connsiteY86" fmla="*/ 10000 h 10000"/>
                  <a:gd name="connsiteX87" fmla="*/ 2690 w 10000"/>
                  <a:gd name="connsiteY87" fmla="*/ 10000 h 10000"/>
                  <a:gd name="connsiteX88" fmla="*/ 2208 w 10000"/>
                  <a:gd name="connsiteY88" fmla="*/ 9985 h 10000"/>
                  <a:gd name="connsiteX89" fmla="*/ 1752 w 10000"/>
                  <a:gd name="connsiteY89" fmla="*/ 9941 h 10000"/>
                  <a:gd name="connsiteX90" fmla="*/ 1270 w 10000"/>
                  <a:gd name="connsiteY90" fmla="*/ 9911 h 10000"/>
                  <a:gd name="connsiteX91" fmla="*/ 990 w 10000"/>
                  <a:gd name="connsiteY91" fmla="*/ 9911 h 10000"/>
                  <a:gd name="connsiteX92" fmla="*/ 736 w 10000"/>
                  <a:gd name="connsiteY92" fmla="*/ 9911 h 10000"/>
                  <a:gd name="connsiteX93" fmla="*/ 457 w 10000"/>
                  <a:gd name="connsiteY93" fmla="*/ 9926 h 10000"/>
                  <a:gd name="connsiteX94" fmla="*/ 178 w 10000"/>
                  <a:gd name="connsiteY94" fmla="*/ 9970 h 10000"/>
                  <a:gd name="connsiteX95" fmla="*/ 102 w 10000"/>
                  <a:gd name="connsiteY95" fmla="*/ 9867 h 10000"/>
                  <a:gd name="connsiteX96" fmla="*/ 51 w 10000"/>
                  <a:gd name="connsiteY96" fmla="*/ 9793 h 10000"/>
                  <a:gd name="connsiteX97" fmla="*/ 0 w 10000"/>
                  <a:gd name="connsiteY97" fmla="*/ 9705 h 10000"/>
                  <a:gd name="connsiteX98" fmla="*/ 0 w 10000"/>
                  <a:gd name="connsiteY98" fmla="*/ 9601 h 10000"/>
                  <a:gd name="connsiteX99" fmla="*/ 51 w 10000"/>
                  <a:gd name="connsiteY99" fmla="*/ 9424 h 10000"/>
                  <a:gd name="connsiteX100" fmla="*/ 102 w 10000"/>
                  <a:gd name="connsiteY100" fmla="*/ 9202 h 10000"/>
                  <a:gd name="connsiteX101" fmla="*/ 151 w 10000"/>
                  <a:gd name="connsiteY101" fmla="*/ 8996 h 10000"/>
                  <a:gd name="connsiteX102" fmla="*/ 203 w 10000"/>
                  <a:gd name="connsiteY102" fmla="*/ 8759 h 10000"/>
                  <a:gd name="connsiteX103" fmla="*/ 228 w 10000"/>
                  <a:gd name="connsiteY103" fmla="*/ 8641 h 10000"/>
                  <a:gd name="connsiteX104" fmla="*/ 228 w 10000"/>
                  <a:gd name="connsiteY104" fmla="*/ 8538 h 10000"/>
                  <a:gd name="connsiteX105" fmla="*/ 203 w 10000"/>
                  <a:gd name="connsiteY105" fmla="*/ 8405 h 10000"/>
                  <a:gd name="connsiteX106" fmla="*/ 178 w 10000"/>
                  <a:gd name="connsiteY106" fmla="*/ 8287 h 10000"/>
                  <a:gd name="connsiteX107" fmla="*/ 431 w 10000"/>
                  <a:gd name="connsiteY107" fmla="*/ 8213 h 10000"/>
                  <a:gd name="connsiteX108" fmla="*/ 685 w 10000"/>
                  <a:gd name="connsiteY108" fmla="*/ 8139 h 10000"/>
                  <a:gd name="connsiteX109" fmla="*/ 939 w 10000"/>
                  <a:gd name="connsiteY109" fmla="*/ 8095 h 10000"/>
                  <a:gd name="connsiteX110" fmla="*/ 1218 w 10000"/>
                  <a:gd name="connsiteY110" fmla="*/ 8065 h 10000"/>
                  <a:gd name="connsiteX111" fmla="*/ 1725 w 10000"/>
                  <a:gd name="connsiteY111" fmla="*/ 8021 h 10000"/>
                  <a:gd name="connsiteX112" fmla="*/ 2234 w 10000"/>
                  <a:gd name="connsiteY112" fmla="*/ 7976 h 10000"/>
                  <a:gd name="connsiteX113" fmla="*/ 2462 w 10000"/>
                  <a:gd name="connsiteY113" fmla="*/ 7947 h 10000"/>
                  <a:gd name="connsiteX114" fmla="*/ 2690 w 10000"/>
                  <a:gd name="connsiteY114" fmla="*/ 7917 h 10000"/>
                  <a:gd name="connsiteX115" fmla="*/ 2892 w 10000"/>
                  <a:gd name="connsiteY115" fmla="*/ 7843 h 10000"/>
                  <a:gd name="connsiteX116" fmla="*/ 3096 w 10000"/>
                  <a:gd name="connsiteY116" fmla="*/ 7784 h 10000"/>
                  <a:gd name="connsiteX117" fmla="*/ 3274 w 10000"/>
                  <a:gd name="connsiteY117" fmla="*/ 7710 h 10000"/>
                  <a:gd name="connsiteX118" fmla="*/ 3426 w 10000"/>
                  <a:gd name="connsiteY118" fmla="*/ 7592 h 10000"/>
                  <a:gd name="connsiteX119" fmla="*/ 3579 w 10000"/>
                  <a:gd name="connsiteY119" fmla="*/ 7474 h 10000"/>
                  <a:gd name="connsiteX120" fmla="*/ 3680 w 10000"/>
                  <a:gd name="connsiteY120" fmla="*/ 7312 h 10000"/>
                  <a:gd name="connsiteX121" fmla="*/ 3477 w 10000"/>
                  <a:gd name="connsiteY121" fmla="*/ 7238 h 10000"/>
                  <a:gd name="connsiteX122" fmla="*/ 3299 w 10000"/>
                  <a:gd name="connsiteY122" fmla="*/ 7179 h 10000"/>
                  <a:gd name="connsiteX123" fmla="*/ 3147 w 10000"/>
                  <a:gd name="connsiteY123" fmla="*/ 7090 h 10000"/>
                  <a:gd name="connsiteX124" fmla="*/ 2995 w 10000"/>
                  <a:gd name="connsiteY124" fmla="*/ 6987 h 10000"/>
                  <a:gd name="connsiteX125" fmla="*/ 2892 w 10000"/>
                  <a:gd name="connsiteY125" fmla="*/ 6869 h 10000"/>
                  <a:gd name="connsiteX126" fmla="*/ 2843 w 10000"/>
                  <a:gd name="connsiteY126" fmla="*/ 6721 h 10000"/>
                  <a:gd name="connsiteX127" fmla="*/ 2817 w 10000"/>
                  <a:gd name="connsiteY127" fmla="*/ 6558 h 10000"/>
                  <a:gd name="connsiteX128" fmla="*/ 2843 w 10000"/>
                  <a:gd name="connsiteY128" fmla="*/ 6352 h 10000"/>
                  <a:gd name="connsiteX129" fmla="*/ 2716 w 10000"/>
                  <a:gd name="connsiteY129" fmla="*/ 6322 h 10000"/>
                  <a:gd name="connsiteX130" fmla="*/ 2564 w 10000"/>
                  <a:gd name="connsiteY130" fmla="*/ 6292 h 10000"/>
                  <a:gd name="connsiteX131" fmla="*/ 2386 w 10000"/>
                  <a:gd name="connsiteY131" fmla="*/ 6278 h 10000"/>
                  <a:gd name="connsiteX132" fmla="*/ 2208 w 10000"/>
                  <a:gd name="connsiteY132" fmla="*/ 6263 h 10000"/>
                  <a:gd name="connsiteX133" fmla="*/ 1853 w 10000"/>
                  <a:gd name="connsiteY133" fmla="*/ 6248 h 10000"/>
                  <a:gd name="connsiteX134" fmla="*/ 1472 w 10000"/>
                  <a:gd name="connsiteY134" fmla="*/ 6263 h 10000"/>
                  <a:gd name="connsiteX135" fmla="*/ 1143 w 10000"/>
                  <a:gd name="connsiteY135" fmla="*/ 6278 h 10000"/>
                  <a:gd name="connsiteX136" fmla="*/ 837 w 10000"/>
                  <a:gd name="connsiteY136" fmla="*/ 6278 h 10000"/>
                  <a:gd name="connsiteX137" fmla="*/ 585 w 10000"/>
                  <a:gd name="connsiteY137" fmla="*/ 6263 h 10000"/>
                  <a:gd name="connsiteX138" fmla="*/ 381 w 10000"/>
                  <a:gd name="connsiteY138" fmla="*/ 6233 h 10000"/>
                  <a:gd name="connsiteX139" fmla="*/ 633 w 10000"/>
                  <a:gd name="connsiteY139" fmla="*/ 5805 h 10000"/>
                  <a:gd name="connsiteX140" fmla="*/ 914 w 10000"/>
                  <a:gd name="connsiteY140" fmla="*/ 5391 h 10000"/>
                  <a:gd name="connsiteX141" fmla="*/ 1016 w 10000"/>
                  <a:gd name="connsiteY141" fmla="*/ 5170 h 10000"/>
                  <a:gd name="connsiteX142" fmla="*/ 1091 w 10000"/>
                  <a:gd name="connsiteY142" fmla="*/ 4963 h 10000"/>
                  <a:gd name="connsiteX143" fmla="*/ 1116 w 10000"/>
                  <a:gd name="connsiteY143" fmla="*/ 4860 h 10000"/>
                  <a:gd name="connsiteX144" fmla="*/ 1091 w 10000"/>
                  <a:gd name="connsiteY144" fmla="*/ 4756 h 10000"/>
                  <a:gd name="connsiteX145" fmla="*/ 1066 w 10000"/>
                  <a:gd name="connsiteY145" fmla="*/ 4653 h 10000"/>
                  <a:gd name="connsiteX146" fmla="*/ 990 w 10000"/>
                  <a:gd name="connsiteY146" fmla="*/ 4549 h 10000"/>
                  <a:gd name="connsiteX147" fmla="*/ 1270 w 10000"/>
                  <a:gd name="connsiteY147" fmla="*/ 4520 h 10000"/>
                  <a:gd name="connsiteX148" fmla="*/ 1472 w 10000"/>
                  <a:gd name="connsiteY148" fmla="*/ 4505 h 10000"/>
                  <a:gd name="connsiteX149" fmla="*/ 1650 w 10000"/>
                  <a:gd name="connsiteY149" fmla="*/ 4505 h 10000"/>
                  <a:gd name="connsiteX150" fmla="*/ 1802 w 10000"/>
                  <a:gd name="connsiteY150" fmla="*/ 4520 h 10000"/>
                  <a:gd name="connsiteX151" fmla="*/ 1929 w 10000"/>
                  <a:gd name="connsiteY151" fmla="*/ 4520 h 10000"/>
                  <a:gd name="connsiteX152" fmla="*/ 2081 w 10000"/>
                  <a:gd name="connsiteY152" fmla="*/ 4520 h 10000"/>
                  <a:gd name="connsiteX153" fmla="*/ 2234 w 10000"/>
                  <a:gd name="connsiteY153" fmla="*/ 4490 h 10000"/>
                  <a:gd name="connsiteX154" fmla="*/ 2436 w 10000"/>
                  <a:gd name="connsiteY154" fmla="*/ 4446 h 10000"/>
                  <a:gd name="connsiteX155" fmla="*/ 2436 w 10000"/>
                  <a:gd name="connsiteY155" fmla="*/ 4579 h 10000"/>
                  <a:gd name="connsiteX156" fmla="*/ 2436 w 10000"/>
                  <a:gd name="connsiteY156" fmla="*/ 4742 h 10000"/>
                  <a:gd name="connsiteX157" fmla="*/ 2436 w 10000"/>
                  <a:gd name="connsiteY157" fmla="*/ 4874 h 10000"/>
                  <a:gd name="connsiteX158" fmla="*/ 2436 w 10000"/>
                  <a:gd name="connsiteY158" fmla="*/ 5037 h 10000"/>
                  <a:gd name="connsiteX159" fmla="*/ 2665 w 10000"/>
                  <a:gd name="connsiteY159" fmla="*/ 5022 h 10000"/>
                  <a:gd name="connsiteX160" fmla="*/ 2817 w 10000"/>
                  <a:gd name="connsiteY160" fmla="*/ 5037 h 10000"/>
                  <a:gd name="connsiteX161" fmla="*/ 2944 w 10000"/>
                  <a:gd name="connsiteY161" fmla="*/ 5066 h 10000"/>
                  <a:gd name="connsiteX162" fmla="*/ 3071 w 10000"/>
                  <a:gd name="connsiteY162" fmla="*/ 5096 h 10000"/>
                  <a:gd name="connsiteX163" fmla="*/ 3173 w 10000"/>
                  <a:gd name="connsiteY163" fmla="*/ 5126 h 10000"/>
                  <a:gd name="connsiteX164" fmla="*/ 3299 w 10000"/>
                  <a:gd name="connsiteY164" fmla="*/ 5155 h 10000"/>
                  <a:gd name="connsiteX165" fmla="*/ 3452 w 10000"/>
                  <a:gd name="connsiteY165" fmla="*/ 5170 h 10000"/>
                  <a:gd name="connsiteX166" fmla="*/ 3680 w 10000"/>
                  <a:gd name="connsiteY166" fmla="*/ 5155 h 10000"/>
                  <a:gd name="connsiteX167" fmla="*/ 3757 w 10000"/>
                  <a:gd name="connsiteY167" fmla="*/ 5096 h 10000"/>
                  <a:gd name="connsiteX168" fmla="*/ 3832 w 10000"/>
                  <a:gd name="connsiteY168" fmla="*/ 5022 h 10000"/>
                  <a:gd name="connsiteX169" fmla="*/ 3857 w 10000"/>
                  <a:gd name="connsiteY169" fmla="*/ 4934 h 10000"/>
                  <a:gd name="connsiteX170" fmla="*/ 3884 w 10000"/>
                  <a:gd name="connsiteY170" fmla="*/ 4860 h 10000"/>
                  <a:gd name="connsiteX171" fmla="*/ 3908 w 10000"/>
                  <a:gd name="connsiteY171" fmla="*/ 4697 h 10000"/>
                  <a:gd name="connsiteX172" fmla="*/ 3884 w 10000"/>
                  <a:gd name="connsiteY172" fmla="*/ 4520 h 10000"/>
                  <a:gd name="connsiteX173" fmla="*/ 3807 w 10000"/>
                  <a:gd name="connsiteY173" fmla="*/ 4343 h 10000"/>
                  <a:gd name="connsiteX174" fmla="*/ 3731 w 10000"/>
                  <a:gd name="connsiteY174" fmla="*/ 4195 h 10000"/>
                  <a:gd name="connsiteX175" fmla="*/ 3604 w 10000"/>
                  <a:gd name="connsiteY175" fmla="*/ 4047 h 10000"/>
                  <a:gd name="connsiteX176" fmla="*/ 3477 w 10000"/>
                  <a:gd name="connsiteY176" fmla="*/ 3959 h 10000"/>
                  <a:gd name="connsiteX177" fmla="*/ 3629 w 10000"/>
                  <a:gd name="connsiteY177" fmla="*/ 3944 h 10000"/>
                  <a:gd name="connsiteX178" fmla="*/ 3757 w 10000"/>
                  <a:gd name="connsiteY178" fmla="*/ 3914 h 10000"/>
                  <a:gd name="connsiteX179" fmla="*/ 3857 w 10000"/>
                  <a:gd name="connsiteY179" fmla="*/ 3855 h 10000"/>
                  <a:gd name="connsiteX180" fmla="*/ 3983 w 10000"/>
                  <a:gd name="connsiteY180" fmla="*/ 3752 h 10000"/>
                  <a:gd name="connsiteX181" fmla="*/ 4111 w 10000"/>
                  <a:gd name="connsiteY181" fmla="*/ 3663 h 10000"/>
                  <a:gd name="connsiteX182" fmla="*/ 4213 w 10000"/>
                  <a:gd name="connsiteY182" fmla="*/ 3560 h 10000"/>
                  <a:gd name="connsiteX183" fmla="*/ 4289 w 10000"/>
                  <a:gd name="connsiteY183" fmla="*/ 3442 h 10000"/>
                  <a:gd name="connsiteX184" fmla="*/ 4366 w 10000"/>
                  <a:gd name="connsiteY184" fmla="*/ 3323 h 10000"/>
                  <a:gd name="connsiteX185" fmla="*/ 4416 w 10000"/>
                  <a:gd name="connsiteY185" fmla="*/ 3220 h 10000"/>
                  <a:gd name="connsiteX186" fmla="*/ 4441 w 10000"/>
                  <a:gd name="connsiteY186" fmla="*/ 3102 h 10000"/>
                  <a:gd name="connsiteX187" fmla="*/ 4468 w 10000"/>
                  <a:gd name="connsiteY187" fmla="*/ 3013 h 10000"/>
                  <a:gd name="connsiteX188" fmla="*/ 4441 w 10000"/>
                  <a:gd name="connsiteY188" fmla="*/ 2939 h 10000"/>
                  <a:gd name="connsiteX189" fmla="*/ 4416 w 10000"/>
                  <a:gd name="connsiteY189" fmla="*/ 2866 h 10000"/>
                  <a:gd name="connsiteX190" fmla="*/ 4340 w 10000"/>
                  <a:gd name="connsiteY190" fmla="*/ 2836 h 10000"/>
                  <a:gd name="connsiteX191" fmla="*/ 4239 w 10000"/>
                  <a:gd name="connsiteY191" fmla="*/ 2836 h 10000"/>
                  <a:gd name="connsiteX192" fmla="*/ 4111 w 10000"/>
                  <a:gd name="connsiteY192" fmla="*/ 2866 h 10000"/>
                  <a:gd name="connsiteX193" fmla="*/ 4213 w 10000"/>
                  <a:gd name="connsiteY193" fmla="*/ 2777 h 10000"/>
                  <a:gd name="connsiteX194" fmla="*/ 4265 w 10000"/>
                  <a:gd name="connsiteY194" fmla="*/ 2674 h 10000"/>
                  <a:gd name="connsiteX195" fmla="*/ 4289 w 10000"/>
                  <a:gd name="connsiteY195" fmla="*/ 2541 h 10000"/>
                  <a:gd name="connsiteX196" fmla="*/ 4289 w 10000"/>
                  <a:gd name="connsiteY196" fmla="*/ 2393 h 10000"/>
                  <a:gd name="connsiteX197" fmla="*/ 4314 w 10000"/>
                  <a:gd name="connsiteY197" fmla="*/ 2349 h 10000"/>
                  <a:gd name="connsiteX198" fmla="*/ 4366 w 10000"/>
                  <a:gd name="connsiteY198" fmla="*/ 2304 h 10000"/>
                  <a:gd name="connsiteX199" fmla="*/ 4416 w 10000"/>
                  <a:gd name="connsiteY199" fmla="*/ 2290 h 10000"/>
                  <a:gd name="connsiteX200" fmla="*/ 4493 w 10000"/>
                  <a:gd name="connsiteY200" fmla="*/ 2275 h 10000"/>
                  <a:gd name="connsiteX201" fmla="*/ 4720 w 10000"/>
                  <a:gd name="connsiteY201" fmla="*/ 2260 h 10000"/>
                  <a:gd name="connsiteX202" fmla="*/ 4923 w 10000"/>
                  <a:gd name="connsiteY202" fmla="*/ 2275 h 10000"/>
                  <a:gd name="connsiteX203" fmla="*/ 4898 w 10000"/>
                  <a:gd name="connsiteY203" fmla="*/ 2112 h 10000"/>
                  <a:gd name="connsiteX204" fmla="*/ 4848 w 10000"/>
                  <a:gd name="connsiteY204" fmla="*/ 1950 h 10000"/>
                  <a:gd name="connsiteX205" fmla="*/ 4771 w 10000"/>
                  <a:gd name="connsiteY205" fmla="*/ 1802 h 10000"/>
                  <a:gd name="connsiteX206" fmla="*/ 4671 w 10000"/>
                  <a:gd name="connsiteY206" fmla="*/ 1640 h 10000"/>
                  <a:gd name="connsiteX207" fmla="*/ 4416 w 10000"/>
                  <a:gd name="connsiteY207" fmla="*/ 1329 h 10000"/>
                  <a:gd name="connsiteX208" fmla="*/ 4162 w 10000"/>
                  <a:gd name="connsiteY208" fmla="*/ 1034 h 10000"/>
                  <a:gd name="connsiteX209" fmla="*/ 4035 w 10000"/>
                  <a:gd name="connsiteY209" fmla="*/ 901 h 10000"/>
                  <a:gd name="connsiteX210" fmla="*/ 3935 w 10000"/>
                  <a:gd name="connsiteY210" fmla="*/ 753 h 10000"/>
                  <a:gd name="connsiteX211" fmla="*/ 3857 w 10000"/>
                  <a:gd name="connsiteY211" fmla="*/ 620 h 10000"/>
                  <a:gd name="connsiteX212" fmla="*/ 3832 w 10000"/>
                  <a:gd name="connsiteY212" fmla="*/ 487 h 10000"/>
                  <a:gd name="connsiteX213" fmla="*/ 3807 w 10000"/>
                  <a:gd name="connsiteY213" fmla="*/ 355 h 10000"/>
                  <a:gd name="connsiteX214" fmla="*/ 3857 w 10000"/>
                  <a:gd name="connsiteY214" fmla="*/ 222 h 10000"/>
                  <a:gd name="connsiteX215" fmla="*/ 3884 w 10000"/>
                  <a:gd name="connsiteY215" fmla="*/ 162 h 10000"/>
                  <a:gd name="connsiteX216" fmla="*/ 3935 w 10000"/>
                  <a:gd name="connsiteY216" fmla="*/ 103 h 10000"/>
                  <a:gd name="connsiteX217" fmla="*/ 4011 w 10000"/>
                  <a:gd name="connsiteY217" fmla="*/ 59 h 10000"/>
                  <a:gd name="connsiteX218" fmla="*/ 4111 w 10000"/>
                  <a:gd name="connsiteY218" fmla="*/ 0 h 10000"/>
                  <a:gd name="connsiteX219" fmla="*/ 4289 w 10000"/>
                  <a:gd name="connsiteY219" fmla="*/ 0 h 10000"/>
                  <a:gd name="connsiteX220" fmla="*/ 4468 w 10000"/>
                  <a:gd name="connsiteY220" fmla="*/ 15 h 10000"/>
                  <a:gd name="connsiteX221" fmla="*/ 4644 w 10000"/>
                  <a:gd name="connsiteY221" fmla="*/ 44 h 10000"/>
                  <a:gd name="connsiteX222" fmla="*/ 4771 w 10000"/>
                  <a:gd name="connsiteY222" fmla="*/ 89 h 10000"/>
                  <a:gd name="connsiteX223" fmla="*/ 4975 w 10000"/>
                  <a:gd name="connsiteY223" fmla="*/ 192 h 10000"/>
                  <a:gd name="connsiteX224" fmla="*/ 5177 w 10000"/>
                  <a:gd name="connsiteY224" fmla="*/ 340 h 10000"/>
                  <a:gd name="connsiteX225" fmla="*/ 5329 w 10000"/>
                  <a:gd name="connsiteY225" fmla="*/ 473 h 10000"/>
                  <a:gd name="connsiteX226" fmla="*/ 5532 w 10000"/>
                  <a:gd name="connsiteY226" fmla="*/ 591 h 10000"/>
                  <a:gd name="connsiteX227" fmla="*/ 5660 w 10000"/>
                  <a:gd name="connsiteY227" fmla="*/ 650 h 10000"/>
                  <a:gd name="connsiteX228" fmla="*/ 5812 w 10000"/>
                  <a:gd name="connsiteY228" fmla="*/ 679 h 10000"/>
                  <a:gd name="connsiteX229" fmla="*/ 5965 w 10000"/>
                  <a:gd name="connsiteY229" fmla="*/ 709 h 10000"/>
                  <a:gd name="connsiteX230" fmla="*/ 6168 w 10000"/>
                  <a:gd name="connsiteY230" fmla="*/ 709 h 10000"/>
                  <a:gd name="connsiteX231" fmla="*/ 6168 w 10000"/>
                  <a:gd name="connsiteY231" fmla="*/ 768 h 10000"/>
                  <a:gd name="connsiteX232" fmla="*/ 6193 w 10000"/>
                  <a:gd name="connsiteY232" fmla="*/ 842 h 10000"/>
                  <a:gd name="connsiteX233" fmla="*/ 6243 w 10000"/>
                  <a:gd name="connsiteY233" fmla="*/ 916 h 10000"/>
                  <a:gd name="connsiteX234" fmla="*/ 6294 w 10000"/>
                  <a:gd name="connsiteY234" fmla="*/ 990 h 10000"/>
                  <a:gd name="connsiteX235" fmla="*/ 6369 w 10000"/>
                  <a:gd name="connsiteY235" fmla="*/ 1049 h 10000"/>
                  <a:gd name="connsiteX236" fmla="*/ 6471 w 10000"/>
                  <a:gd name="connsiteY236" fmla="*/ 1108 h 10000"/>
                  <a:gd name="connsiteX237" fmla="*/ 6598 w 10000"/>
                  <a:gd name="connsiteY237" fmla="*/ 1182 h 10000"/>
                  <a:gd name="connsiteX238" fmla="*/ 6700 w 10000"/>
                  <a:gd name="connsiteY238" fmla="*/ 1226 h 10000"/>
                  <a:gd name="connsiteX239" fmla="*/ 6802 w 10000"/>
                  <a:gd name="connsiteY239" fmla="*/ 1270 h 10000"/>
                  <a:gd name="connsiteX240" fmla="*/ 6903 w 10000"/>
                  <a:gd name="connsiteY240" fmla="*/ 1300 h 10000"/>
                  <a:gd name="connsiteX241" fmla="*/ 7005 w 10000"/>
                  <a:gd name="connsiteY241" fmla="*/ 1315 h 10000"/>
                  <a:gd name="connsiteX242" fmla="*/ 7132 w 10000"/>
                  <a:gd name="connsiteY242" fmla="*/ 1300 h 10000"/>
                  <a:gd name="connsiteX243" fmla="*/ 7234 w 10000"/>
                  <a:gd name="connsiteY243" fmla="*/ 1285 h 10000"/>
                  <a:gd name="connsiteX244" fmla="*/ 7309 w 10000"/>
                  <a:gd name="connsiteY244" fmla="*/ 1241 h 10000"/>
                  <a:gd name="connsiteX245" fmla="*/ 7361 w 10000"/>
                  <a:gd name="connsiteY245" fmla="*/ 1167 h 10000"/>
                  <a:gd name="connsiteX246" fmla="*/ 7385 w 10000"/>
                  <a:gd name="connsiteY246" fmla="*/ 1064 h 10000"/>
                  <a:gd name="connsiteX247" fmla="*/ 7766 w 10000"/>
                  <a:gd name="connsiteY247" fmla="*/ 1034 h 10000"/>
                  <a:gd name="connsiteX248" fmla="*/ 8121 w 10000"/>
                  <a:gd name="connsiteY248" fmla="*/ 1004 h 10000"/>
                  <a:gd name="connsiteX249" fmla="*/ 8427 w 10000"/>
                  <a:gd name="connsiteY249" fmla="*/ 990 h 10000"/>
                  <a:gd name="connsiteX250" fmla="*/ 8706 w 10000"/>
                  <a:gd name="connsiteY250" fmla="*/ 1004 h 10000"/>
                  <a:gd name="connsiteX251" fmla="*/ 8833 w 10000"/>
                  <a:gd name="connsiteY251" fmla="*/ 1019 h 10000"/>
                  <a:gd name="connsiteX252" fmla="*/ 8958 w 10000"/>
                  <a:gd name="connsiteY252" fmla="*/ 1034 h 10000"/>
                  <a:gd name="connsiteX253" fmla="*/ 9061 w 10000"/>
                  <a:gd name="connsiteY253" fmla="*/ 1064 h 10000"/>
                  <a:gd name="connsiteX254" fmla="*/ 9188 w 10000"/>
                  <a:gd name="connsiteY254" fmla="*/ 1108 h 10000"/>
                  <a:gd name="connsiteX255" fmla="*/ 9264 w 10000"/>
                  <a:gd name="connsiteY255" fmla="*/ 1182 h 10000"/>
                  <a:gd name="connsiteX256" fmla="*/ 9339 w 10000"/>
                  <a:gd name="connsiteY256" fmla="*/ 1241 h 10000"/>
                  <a:gd name="connsiteX257" fmla="*/ 9391 w 10000"/>
                  <a:gd name="connsiteY257" fmla="*/ 1329 h 10000"/>
                  <a:gd name="connsiteX258" fmla="*/ 9442 w 10000"/>
                  <a:gd name="connsiteY258" fmla="*/ 1433 h 10000"/>
                  <a:gd name="connsiteX259" fmla="*/ 9492 w 10000"/>
                  <a:gd name="connsiteY259" fmla="*/ 1551 h 10000"/>
                  <a:gd name="connsiteX260" fmla="*/ 9466 w 10000"/>
                  <a:gd name="connsiteY260" fmla="*/ 1625 h 10000"/>
                  <a:gd name="connsiteX261" fmla="*/ 9442 w 10000"/>
                  <a:gd name="connsiteY261" fmla="*/ 1684 h 10000"/>
                  <a:gd name="connsiteX262" fmla="*/ 9391 w 10000"/>
                  <a:gd name="connsiteY262" fmla="*/ 1758 h 10000"/>
                  <a:gd name="connsiteX263" fmla="*/ 9315 w 10000"/>
                  <a:gd name="connsiteY263" fmla="*/ 1802 h 10000"/>
                  <a:gd name="connsiteX264" fmla="*/ 9264 w 10000"/>
                  <a:gd name="connsiteY264" fmla="*/ 1861 h 10000"/>
                  <a:gd name="connsiteX265" fmla="*/ 9240 w 10000"/>
                  <a:gd name="connsiteY265" fmla="*/ 1935 h 10000"/>
                  <a:gd name="connsiteX266" fmla="*/ 9264 w 10000"/>
                  <a:gd name="connsiteY266" fmla="*/ 2024 h 10000"/>
                  <a:gd name="connsiteX267" fmla="*/ 9543 w 10000"/>
                  <a:gd name="connsiteY267" fmla="*/ 2157 h 10000"/>
                  <a:gd name="connsiteX268" fmla="*/ 9873 w 10000"/>
                  <a:gd name="connsiteY268" fmla="*/ 2275 h 10000"/>
                  <a:gd name="connsiteX269" fmla="*/ 10000 w 10000"/>
                  <a:gd name="connsiteY26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315 w 10000"/>
                  <a:gd name="connsiteY14" fmla="*/ 3235 h 10000"/>
                  <a:gd name="connsiteX15" fmla="*/ 9415 w 10000"/>
                  <a:gd name="connsiteY15" fmla="*/ 3117 h 10000"/>
                  <a:gd name="connsiteX16" fmla="*/ 9442 w 10000"/>
                  <a:gd name="connsiteY16" fmla="*/ 3072 h 10000"/>
                  <a:gd name="connsiteX17" fmla="*/ 9466 w 10000"/>
                  <a:gd name="connsiteY17" fmla="*/ 3013 h 10000"/>
                  <a:gd name="connsiteX18" fmla="*/ 9466 w 10000"/>
                  <a:gd name="connsiteY18" fmla="*/ 2954 h 10000"/>
                  <a:gd name="connsiteX19" fmla="*/ 9442 w 10000"/>
                  <a:gd name="connsiteY19" fmla="*/ 2866 h 10000"/>
                  <a:gd name="connsiteX20" fmla="*/ 9264 w 10000"/>
                  <a:gd name="connsiteY20" fmla="*/ 2984 h 10000"/>
                  <a:gd name="connsiteX21" fmla="*/ 9061 w 10000"/>
                  <a:gd name="connsiteY21" fmla="*/ 3072 h 10000"/>
                  <a:gd name="connsiteX22" fmla="*/ 8857 w 10000"/>
                  <a:gd name="connsiteY22" fmla="*/ 3161 h 10000"/>
                  <a:gd name="connsiteX23" fmla="*/ 8655 w 10000"/>
                  <a:gd name="connsiteY23" fmla="*/ 3250 h 10000"/>
                  <a:gd name="connsiteX24" fmla="*/ 8197 w 10000"/>
                  <a:gd name="connsiteY24" fmla="*/ 3397 h 10000"/>
                  <a:gd name="connsiteX25" fmla="*/ 7716 w 10000"/>
                  <a:gd name="connsiteY25" fmla="*/ 3545 h 10000"/>
                  <a:gd name="connsiteX26" fmla="*/ 7234 w 10000"/>
                  <a:gd name="connsiteY26" fmla="*/ 3678 h 10000"/>
                  <a:gd name="connsiteX27" fmla="*/ 6776 w 10000"/>
                  <a:gd name="connsiteY27" fmla="*/ 3840 h 10000"/>
                  <a:gd name="connsiteX28" fmla="*/ 6548 w 10000"/>
                  <a:gd name="connsiteY28" fmla="*/ 3914 h 10000"/>
                  <a:gd name="connsiteX29" fmla="*/ 6345 w 10000"/>
                  <a:gd name="connsiteY29" fmla="*/ 4003 h 10000"/>
                  <a:gd name="connsiteX30" fmla="*/ 6143 w 10000"/>
                  <a:gd name="connsiteY30" fmla="*/ 4106 h 10000"/>
                  <a:gd name="connsiteX31" fmla="*/ 5938 w 10000"/>
                  <a:gd name="connsiteY31" fmla="*/ 4195 h 10000"/>
                  <a:gd name="connsiteX32" fmla="*/ 6091 w 10000"/>
                  <a:gd name="connsiteY32" fmla="*/ 4417 h 10000"/>
                  <a:gd name="connsiteX33" fmla="*/ 6193 w 10000"/>
                  <a:gd name="connsiteY33" fmla="*/ 4623 h 10000"/>
                  <a:gd name="connsiteX34" fmla="*/ 6294 w 10000"/>
                  <a:gd name="connsiteY34" fmla="*/ 4845 h 10000"/>
                  <a:gd name="connsiteX35" fmla="*/ 6369 w 10000"/>
                  <a:gd name="connsiteY35" fmla="*/ 5081 h 10000"/>
                  <a:gd name="connsiteX36" fmla="*/ 6421 w 10000"/>
                  <a:gd name="connsiteY36" fmla="*/ 5318 h 10000"/>
                  <a:gd name="connsiteX37" fmla="*/ 6447 w 10000"/>
                  <a:gd name="connsiteY37" fmla="*/ 5539 h 10000"/>
                  <a:gd name="connsiteX38" fmla="*/ 6471 w 10000"/>
                  <a:gd name="connsiteY38" fmla="*/ 5775 h 10000"/>
                  <a:gd name="connsiteX39" fmla="*/ 6471 w 10000"/>
                  <a:gd name="connsiteY39" fmla="*/ 5997 h 10000"/>
                  <a:gd name="connsiteX40" fmla="*/ 6447 w 10000"/>
                  <a:gd name="connsiteY40" fmla="*/ 6233 h 10000"/>
                  <a:gd name="connsiteX41" fmla="*/ 6396 w 10000"/>
                  <a:gd name="connsiteY41" fmla="*/ 6470 h 10000"/>
                  <a:gd name="connsiteX42" fmla="*/ 6345 w 10000"/>
                  <a:gd name="connsiteY42" fmla="*/ 6677 h 10000"/>
                  <a:gd name="connsiteX43" fmla="*/ 6269 w 10000"/>
                  <a:gd name="connsiteY43" fmla="*/ 6898 h 10000"/>
                  <a:gd name="connsiteX44" fmla="*/ 6168 w 10000"/>
                  <a:gd name="connsiteY44" fmla="*/ 7105 h 10000"/>
                  <a:gd name="connsiteX45" fmla="*/ 6041 w 10000"/>
                  <a:gd name="connsiteY45" fmla="*/ 7297 h 10000"/>
                  <a:gd name="connsiteX46" fmla="*/ 5888 w 10000"/>
                  <a:gd name="connsiteY46" fmla="*/ 7489 h 10000"/>
                  <a:gd name="connsiteX47" fmla="*/ 5735 w 10000"/>
                  <a:gd name="connsiteY47" fmla="*/ 7681 h 10000"/>
                  <a:gd name="connsiteX48" fmla="*/ 6471 w 10000"/>
                  <a:gd name="connsiteY48" fmla="*/ 7799 h 10000"/>
                  <a:gd name="connsiteX49" fmla="*/ 7234 w 10000"/>
                  <a:gd name="connsiteY49" fmla="*/ 7962 h 10000"/>
                  <a:gd name="connsiteX50" fmla="*/ 7385 w 10000"/>
                  <a:gd name="connsiteY50" fmla="*/ 8021 h 10000"/>
                  <a:gd name="connsiteX51" fmla="*/ 7512 w 10000"/>
                  <a:gd name="connsiteY51" fmla="*/ 8080 h 10000"/>
                  <a:gd name="connsiteX52" fmla="*/ 7639 w 10000"/>
                  <a:gd name="connsiteY52" fmla="*/ 8139 h 10000"/>
                  <a:gd name="connsiteX53" fmla="*/ 7716 w 10000"/>
                  <a:gd name="connsiteY53" fmla="*/ 8227 h 10000"/>
                  <a:gd name="connsiteX54" fmla="*/ 7741 w 10000"/>
                  <a:gd name="connsiteY54" fmla="*/ 8301 h 10000"/>
                  <a:gd name="connsiteX55" fmla="*/ 7741 w 10000"/>
                  <a:gd name="connsiteY55" fmla="*/ 8405 h 10000"/>
                  <a:gd name="connsiteX56" fmla="*/ 7691 w 10000"/>
                  <a:gd name="connsiteY56" fmla="*/ 8523 h 10000"/>
                  <a:gd name="connsiteX57" fmla="*/ 7614 w 10000"/>
                  <a:gd name="connsiteY57" fmla="*/ 8641 h 10000"/>
                  <a:gd name="connsiteX58" fmla="*/ 7284 w 10000"/>
                  <a:gd name="connsiteY58" fmla="*/ 8552 h 10000"/>
                  <a:gd name="connsiteX59" fmla="*/ 6979 w 10000"/>
                  <a:gd name="connsiteY59" fmla="*/ 8449 h 10000"/>
                  <a:gd name="connsiteX60" fmla="*/ 6674 w 10000"/>
                  <a:gd name="connsiteY60" fmla="*/ 8360 h 10000"/>
                  <a:gd name="connsiteX61" fmla="*/ 6369 w 10000"/>
                  <a:gd name="connsiteY61" fmla="*/ 8287 h 10000"/>
                  <a:gd name="connsiteX62" fmla="*/ 6243 w 10000"/>
                  <a:gd name="connsiteY62" fmla="*/ 8449 h 10000"/>
                  <a:gd name="connsiteX63" fmla="*/ 6143 w 10000"/>
                  <a:gd name="connsiteY63" fmla="*/ 8597 h 10000"/>
                  <a:gd name="connsiteX64" fmla="*/ 6091 w 10000"/>
                  <a:gd name="connsiteY64" fmla="*/ 8656 h 10000"/>
                  <a:gd name="connsiteX65" fmla="*/ 5989 w 10000"/>
                  <a:gd name="connsiteY65" fmla="*/ 8700 h 10000"/>
                  <a:gd name="connsiteX66" fmla="*/ 5914 w 10000"/>
                  <a:gd name="connsiteY66" fmla="*/ 8744 h 10000"/>
                  <a:gd name="connsiteX67" fmla="*/ 5838 w 10000"/>
                  <a:gd name="connsiteY67" fmla="*/ 8774 h 10000"/>
                  <a:gd name="connsiteX68" fmla="*/ 5761 w 10000"/>
                  <a:gd name="connsiteY68" fmla="*/ 8804 h 10000"/>
                  <a:gd name="connsiteX69" fmla="*/ 5660 w 10000"/>
                  <a:gd name="connsiteY69" fmla="*/ 8818 h 10000"/>
                  <a:gd name="connsiteX70" fmla="*/ 5532 w 10000"/>
                  <a:gd name="connsiteY70" fmla="*/ 8833 h 10000"/>
                  <a:gd name="connsiteX71" fmla="*/ 5406 w 10000"/>
                  <a:gd name="connsiteY71" fmla="*/ 8833 h 10000"/>
                  <a:gd name="connsiteX72" fmla="*/ 5102 w 10000"/>
                  <a:gd name="connsiteY72" fmla="*/ 8818 h 10000"/>
                  <a:gd name="connsiteX73" fmla="*/ 4720 w 10000"/>
                  <a:gd name="connsiteY73" fmla="*/ 8744 h 10000"/>
                  <a:gd name="connsiteX74" fmla="*/ 4720 w 10000"/>
                  <a:gd name="connsiteY74" fmla="*/ 8922 h 10000"/>
                  <a:gd name="connsiteX75" fmla="*/ 4695 w 10000"/>
                  <a:gd name="connsiteY75" fmla="*/ 9069 h 10000"/>
                  <a:gd name="connsiteX76" fmla="*/ 4671 w 10000"/>
                  <a:gd name="connsiteY76" fmla="*/ 9232 h 10000"/>
                  <a:gd name="connsiteX77" fmla="*/ 4644 w 10000"/>
                  <a:gd name="connsiteY77" fmla="*/ 9365 h 10000"/>
                  <a:gd name="connsiteX78" fmla="*/ 4593 w 10000"/>
                  <a:gd name="connsiteY78" fmla="*/ 9498 h 10000"/>
                  <a:gd name="connsiteX79" fmla="*/ 4493 w 10000"/>
                  <a:gd name="connsiteY79" fmla="*/ 9616 h 10000"/>
                  <a:gd name="connsiteX80" fmla="*/ 4416 w 10000"/>
                  <a:gd name="connsiteY80" fmla="*/ 9734 h 10000"/>
                  <a:gd name="connsiteX81" fmla="*/ 4289 w 10000"/>
                  <a:gd name="connsiteY81" fmla="*/ 9838 h 10000"/>
                  <a:gd name="connsiteX82" fmla="*/ 3983 w 10000"/>
                  <a:gd name="connsiteY82" fmla="*/ 9897 h 10000"/>
                  <a:gd name="connsiteX83" fmla="*/ 3731 w 10000"/>
                  <a:gd name="connsiteY83" fmla="*/ 9941 h 10000"/>
                  <a:gd name="connsiteX84" fmla="*/ 3426 w 10000"/>
                  <a:gd name="connsiteY84" fmla="*/ 9985 h 10000"/>
                  <a:gd name="connsiteX85" fmla="*/ 3198 w 10000"/>
                  <a:gd name="connsiteY85" fmla="*/ 10000 h 10000"/>
                  <a:gd name="connsiteX86" fmla="*/ 2690 w 10000"/>
                  <a:gd name="connsiteY86" fmla="*/ 10000 h 10000"/>
                  <a:gd name="connsiteX87" fmla="*/ 2208 w 10000"/>
                  <a:gd name="connsiteY87" fmla="*/ 9985 h 10000"/>
                  <a:gd name="connsiteX88" fmla="*/ 1752 w 10000"/>
                  <a:gd name="connsiteY88" fmla="*/ 9941 h 10000"/>
                  <a:gd name="connsiteX89" fmla="*/ 1270 w 10000"/>
                  <a:gd name="connsiteY89" fmla="*/ 9911 h 10000"/>
                  <a:gd name="connsiteX90" fmla="*/ 990 w 10000"/>
                  <a:gd name="connsiteY90" fmla="*/ 9911 h 10000"/>
                  <a:gd name="connsiteX91" fmla="*/ 736 w 10000"/>
                  <a:gd name="connsiteY91" fmla="*/ 9911 h 10000"/>
                  <a:gd name="connsiteX92" fmla="*/ 457 w 10000"/>
                  <a:gd name="connsiteY92" fmla="*/ 9926 h 10000"/>
                  <a:gd name="connsiteX93" fmla="*/ 178 w 10000"/>
                  <a:gd name="connsiteY93" fmla="*/ 9970 h 10000"/>
                  <a:gd name="connsiteX94" fmla="*/ 102 w 10000"/>
                  <a:gd name="connsiteY94" fmla="*/ 9867 h 10000"/>
                  <a:gd name="connsiteX95" fmla="*/ 51 w 10000"/>
                  <a:gd name="connsiteY95" fmla="*/ 9793 h 10000"/>
                  <a:gd name="connsiteX96" fmla="*/ 0 w 10000"/>
                  <a:gd name="connsiteY96" fmla="*/ 9705 h 10000"/>
                  <a:gd name="connsiteX97" fmla="*/ 0 w 10000"/>
                  <a:gd name="connsiteY97" fmla="*/ 9601 h 10000"/>
                  <a:gd name="connsiteX98" fmla="*/ 51 w 10000"/>
                  <a:gd name="connsiteY98" fmla="*/ 9424 h 10000"/>
                  <a:gd name="connsiteX99" fmla="*/ 102 w 10000"/>
                  <a:gd name="connsiteY99" fmla="*/ 9202 h 10000"/>
                  <a:gd name="connsiteX100" fmla="*/ 151 w 10000"/>
                  <a:gd name="connsiteY100" fmla="*/ 8996 h 10000"/>
                  <a:gd name="connsiteX101" fmla="*/ 203 w 10000"/>
                  <a:gd name="connsiteY101" fmla="*/ 8759 h 10000"/>
                  <a:gd name="connsiteX102" fmla="*/ 228 w 10000"/>
                  <a:gd name="connsiteY102" fmla="*/ 8641 h 10000"/>
                  <a:gd name="connsiteX103" fmla="*/ 228 w 10000"/>
                  <a:gd name="connsiteY103" fmla="*/ 8538 h 10000"/>
                  <a:gd name="connsiteX104" fmla="*/ 203 w 10000"/>
                  <a:gd name="connsiteY104" fmla="*/ 8405 h 10000"/>
                  <a:gd name="connsiteX105" fmla="*/ 178 w 10000"/>
                  <a:gd name="connsiteY105" fmla="*/ 8287 h 10000"/>
                  <a:gd name="connsiteX106" fmla="*/ 431 w 10000"/>
                  <a:gd name="connsiteY106" fmla="*/ 8213 h 10000"/>
                  <a:gd name="connsiteX107" fmla="*/ 685 w 10000"/>
                  <a:gd name="connsiteY107" fmla="*/ 8139 h 10000"/>
                  <a:gd name="connsiteX108" fmla="*/ 939 w 10000"/>
                  <a:gd name="connsiteY108" fmla="*/ 8095 h 10000"/>
                  <a:gd name="connsiteX109" fmla="*/ 1218 w 10000"/>
                  <a:gd name="connsiteY109" fmla="*/ 8065 h 10000"/>
                  <a:gd name="connsiteX110" fmla="*/ 1725 w 10000"/>
                  <a:gd name="connsiteY110" fmla="*/ 8021 h 10000"/>
                  <a:gd name="connsiteX111" fmla="*/ 2234 w 10000"/>
                  <a:gd name="connsiteY111" fmla="*/ 7976 h 10000"/>
                  <a:gd name="connsiteX112" fmla="*/ 2462 w 10000"/>
                  <a:gd name="connsiteY112" fmla="*/ 7947 h 10000"/>
                  <a:gd name="connsiteX113" fmla="*/ 2690 w 10000"/>
                  <a:gd name="connsiteY113" fmla="*/ 7917 h 10000"/>
                  <a:gd name="connsiteX114" fmla="*/ 2892 w 10000"/>
                  <a:gd name="connsiteY114" fmla="*/ 7843 h 10000"/>
                  <a:gd name="connsiteX115" fmla="*/ 3096 w 10000"/>
                  <a:gd name="connsiteY115" fmla="*/ 7784 h 10000"/>
                  <a:gd name="connsiteX116" fmla="*/ 3274 w 10000"/>
                  <a:gd name="connsiteY116" fmla="*/ 7710 h 10000"/>
                  <a:gd name="connsiteX117" fmla="*/ 3426 w 10000"/>
                  <a:gd name="connsiteY117" fmla="*/ 7592 h 10000"/>
                  <a:gd name="connsiteX118" fmla="*/ 3579 w 10000"/>
                  <a:gd name="connsiteY118" fmla="*/ 7474 h 10000"/>
                  <a:gd name="connsiteX119" fmla="*/ 3680 w 10000"/>
                  <a:gd name="connsiteY119" fmla="*/ 7312 h 10000"/>
                  <a:gd name="connsiteX120" fmla="*/ 3477 w 10000"/>
                  <a:gd name="connsiteY120" fmla="*/ 7238 h 10000"/>
                  <a:gd name="connsiteX121" fmla="*/ 3299 w 10000"/>
                  <a:gd name="connsiteY121" fmla="*/ 7179 h 10000"/>
                  <a:gd name="connsiteX122" fmla="*/ 3147 w 10000"/>
                  <a:gd name="connsiteY122" fmla="*/ 7090 h 10000"/>
                  <a:gd name="connsiteX123" fmla="*/ 2995 w 10000"/>
                  <a:gd name="connsiteY123" fmla="*/ 6987 h 10000"/>
                  <a:gd name="connsiteX124" fmla="*/ 2892 w 10000"/>
                  <a:gd name="connsiteY124" fmla="*/ 6869 h 10000"/>
                  <a:gd name="connsiteX125" fmla="*/ 2843 w 10000"/>
                  <a:gd name="connsiteY125" fmla="*/ 6721 h 10000"/>
                  <a:gd name="connsiteX126" fmla="*/ 2817 w 10000"/>
                  <a:gd name="connsiteY126" fmla="*/ 6558 h 10000"/>
                  <a:gd name="connsiteX127" fmla="*/ 2843 w 10000"/>
                  <a:gd name="connsiteY127" fmla="*/ 6352 h 10000"/>
                  <a:gd name="connsiteX128" fmla="*/ 2716 w 10000"/>
                  <a:gd name="connsiteY128" fmla="*/ 6322 h 10000"/>
                  <a:gd name="connsiteX129" fmla="*/ 2564 w 10000"/>
                  <a:gd name="connsiteY129" fmla="*/ 6292 h 10000"/>
                  <a:gd name="connsiteX130" fmla="*/ 2386 w 10000"/>
                  <a:gd name="connsiteY130" fmla="*/ 6278 h 10000"/>
                  <a:gd name="connsiteX131" fmla="*/ 2208 w 10000"/>
                  <a:gd name="connsiteY131" fmla="*/ 6263 h 10000"/>
                  <a:gd name="connsiteX132" fmla="*/ 1853 w 10000"/>
                  <a:gd name="connsiteY132" fmla="*/ 6248 h 10000"/>
                  <a:gd name="connsiteX133" fmla="*/ 1472 w 10000"/>
                  <a:gd name="connsiteY133" fmla="*/ 6263 h 10000"/>
                  <a:gd name="connsiteX134" fmla="*/ 1143 w 10000"/>
                  <a:gd name="connsiteY134" fmla="*/ 6278 h 10000"/>
                  <a:gd name="connsiteX135" fmla="*/ 837 w 10000"/>
                  <a:gd name="connsiteY135" fmla="*/ 6278 h 10000"/>
                  <a:gd name="connsiteX136" fmla="*/ 585 w 10000"/>
                  <a:gd name="connsiteY136" fmla="*/ 6263 h 10000"/>
                  <a:gd name="connsiteX137" fmla="*/ 381 w 10000"/>
                  <a:gd name="connsiteY137" fmla="*/ 6233 h 10000"/>
                  <a:gd name="connsiteX138" fmla="*/ 633 w 10000"/>
                  <a:gd name="connsiteY138" fmla="*/ 5805 h 10000"/>
                  <a:gd name="connsiteX139" fmla="*/ 914 w 10000"/>
                  <a:gd name="connsiteY139" fmla="*/ 5391 h 10000"/>
                  <a:gd name="connsiteX140" fmla="*/ 1016 w 10000"/>
                  <a:gd name="connsiteY140" fmla="*/ 5170 h 10000"/>
                  <a:gd name="connsiteX141" fmla="*/ 1091 w 10000"/>
                  <a:gd name="connsiteY141" fmla="*/ 4963 h 10000"/>
                  <a:gd name="connsiteX142" fmla="*/ 1116 w 10000"/>
                  <a:gd name="connsiteY142" fmla="*/ 4860 h 10000"/>
                  <a:gd name="connsiteX143" fmla="*/ 1091 w 10000"/>
                  <a:gd name="connsiteY143" fmla="*/ 4756 h 10000"/>
                  <a:gd name="connsiteX144" fmla="*/ 1066 w 10000"/>
                  <a:gd name="connsiteY144" fmla="*/ 4653 h 10000"/>
                  <a:gd name="connsiteX145" fmla="*/ 990 w 10000"/>
                  <a:gd name="connsiteY145" fmla="*/ 4549 h 10000"/>
                  <a:gd name="connsiteX146" fmla="*/ 1270 w 10000"/>
                  <a:gd name="connsiteY146" fmla="*/ 4520 h 10000"/>
                  <a:gd name="connsiteX147" fmla="*/ 1472 w 10000"/>
                  <a:gd name="connsiteY147" fmla="*/ 4505 h 10000"/>
                  <a:gd name="connsiteX148" fmla="*/ 1650 w 10000"/>
                  <a:gd name="connsiteY148" fmla="*/ 4505 h 10000"/>
                  <a:gd name="connsiteX149" fmla="*/ 1802 w 10000"/>
                  <a:gd name="connsiteY149" fmla="*/ 4520 h 10000"/>
                  <a:gd name="connsiteX150" fmla="*/ 1929 w 10000"/>
                  <a:gd name="connsiteY150" fmla="*/ 4520 h 10000"/>
                  <a:gd name="connsiteX151" fmla="*/ 2081 w 10000"/>
                  <a:gd name="connsiteY151" fmla="*/ 4520 h 10000"/>
                  <a:gd name="connsiteX152" fmla="*/ 2234 w 10000"/>
                  <a:gd name="connsiteY152" fmla="*/ 4490 h 10000"/>
                  <a:gd name="connsiteX153" fmla="*/ 2436 w 10000"/>
                  <a:gd name="connsiteY153" fmla="*/ 4446 h 10000"/>
                  <a:gd name="connsiteX154" fmla="*/ 2436 w 10000"/>
                  <a:gd name="connsiteY154" fmla="*/ 4579 h 10000"/>
                  <a:gd name="connsiteX155" fmla="*/ 2436 w 10000"/>
                  <a:gd name="connsiteY155" fmla="*/ 4742 h 10000"/>
                  <a:gd name="connsiteX156" fmla="*/ 2436 w 10000"/>
                  <a:gd name="connsiteY156" fmla="*/ 4874 h 10000"/>
                  <a:gd name="connsiteX157" fmla="*/ 2436 w 10000"/>
                  <a:gd name="connsiteY157" fmla="*/ 5037 h 10000"/>
                  <a:gd name="connsiteX158" fmla="*/ 2665 w 10000"/>
                  <a:gd name="connsiteY158" fmla="*/ 5022 h 10000"/>
                  <a:gd name="connsiteX159" fmla="*/ 2817 w 10000"/>
                  <a:gd name="connsiteY159" fmla="*/ 5037 h 10000"/>
                  <a:gd name="connsiteX160" fmla="*/ 2944 w 10000"/>
                  <a:gd name="connsiteY160" fmla="*/ 5066 h 10000"/>
                  <a:gd name="connsiteX161" fmla="*/ 3071 w 10000"/>
                  <a:gd name="connsiteY161" fmla="*/ 5096 h 10000"/>
                  <a:gd name="connsiteX162" fmla="*/ 3173 w 10000"/>
                  <a:gd name="connsiteY162" fmla="*/ 5126 h 10000"/>
                  <a:gd name="connsiteX163" fmla="*/ 3299 w 10000"/>
                  <a:gd name="connsiteY163" fmla="*/ 5155 h 10000"/>
                  <a:gd name="connsiteX164" fmla="*/ 3452 w 10000"/>
                  <a:gd name="connsiteY164" fmla="*/ 5170 h 10000"/>
                  <a:gd name="connsiteX165" fmla="*/ 3680 w 10000"/>
                  <a:gd name="connsiteY165" fmla="*/ 5155 h 10000"/>
                  <a:gd name="connsiteX166" fmla="*/ 3757 w 10000"/>
                  <a:gd name="connsiteY166" fmla="*/ 5096 h 10000"/>
                  <a:gd name="connsiteX167" fmla="*/ 3832 w 10000"/>
                  <a:gd name="connsiteY167" fmla="*/ 5022 h 10000"/>
                  <a:gd name="connsiteX168" fmla="*/ 3857 w 10000"/>
                  <a:gd name="connsiteY168" fmla="*/ 4934 h 10000"/>
                  <a:gd name="connsiteX169" fmla="*/ 3884 w 10000"/>
                  <a:gd name="connsiteY169" fmla="*/ 4860 h 10000"/>
                  <a:gd name="connsiteX170" fmla="*/ 3908 w 10000"/>
                  <a:gd name="connsiteY170" fmla="*/ 4697 h 10000"/>
                  <a:gd name="connsiteX171" fmla="*/ 3884 w 10000"/>
                  <a:gd name="connsiteY171" fmla="*/ 4520 h 10000"/>
                  <a:gd name="connsiteX172" fmla="*/ 3807 w 10000"/>
                  <a:gd name="connsiteY172" fmla="*/ 4343 h 10000"/>
                  <a:gd name="connsiteX173" fmla="*/ 3731 w 10000"/>
                  <a:gd name="connsiteY173" fmla="*/ 4195 h 10000"/>
                  <a:gd name="connsiteX174" fmla="*/ 3604 w 10000"/>
                  <a:gd name="connsiteY174" fmla="*/ 4047 h 10000"/>
                  <a:gd name="connsiteX175" fmla="*/ 3477 w 10000"/>
                  <a:gd name="connsiteY175" fmla="*/ 3959 h 10000"/>
                  <a:gd name="connsiteX176" fmla="*/ 3629 w 10000"/>
                  <a:gd name="connsiteY176" fmla="*/ 3944 h 10000"/>
                  <a:gd name="connsiteX177" fmla="*/ 3757 w 10000"/>
                  <a:gd name="connsiteY177" fmla="*/ 3914 h 10000"/>
                  <a:gd name="connsiteX178" fmla="*/ 3857 w 10000"/>
                  <a:gd name="connsiteY178" fmla="*/ 3855 h 10000"/>
                  <a:gd name="connsiteX179" fmla="*/ 3983 w 10000"/>
                  <a:gd name="connsiteY179" fmla="*/ 3752 h 10000"/>
                  <a:gd name="connsiteX180" fmla="*/ 4111 w 10000"/>
                  <a:gd name="connsiteY180" fmla="*/ 3663 h 10000"/>
                  <a:gd name="connsiteX181" fmla="*/ 4213 w 10000"/>
                  <a:gd name="connsiteY181" fmla="*/ 3560 h 10000"/>
                  <a:gd name="connsiteX182" fmla="*/ 4289 w 10000"/>
                  <a:gd name="connsiteY182" fmla="*/ 3442 h 10000"/>
                  <a:gd name="connsiteX183" fmla="*/ 4366 w 10000"/>
                  <a:gd name="connsiteY183" fmla="*/ 3323 h 10000"/>
                  <a:gd name="connsiteX184" fmla="*/ 4416 w 10000"/>
                  <a:gd name="connsiteY184" fmla="*/ 3220 h 10000"/>
                  <a:gd name="connsiteX185" fmla="*/ 4441 w 10000"/>
                  <a:gd name="connsiteY185" fmla="*/ 3102 h 10000"/>
                  <a:gd name="connsiteX186" fmla="*/ 4468 w 10000"/>
                  <a:gd name="connsiteY186" fmla="*/ 3013 h 10000"/>
                  <a:gd name="connsiteX187" fmla="*/ 4441 w 10000"/>
                  <a:gd name="connsiteY187" fmla="*/ 2939 h 10000"/>
                  <a:gd name="connsiteX188" fmla="*/ 4416 w 10000"/>
                  <a:gd name="connsiteY188" fmla="*/ 2866 h 10000"/>
                  <a:gd name="connsiteX189" fmla="*/ 4340 w 10000"/>
                  <a:gd name="connsiteY189" fmla="*/ 2836 h 10000"/>
                  <a:gd name="connsiteX190" fmla="*/ 4239 w 10000"/>
                  <a:gd name="connsiteY190" fmla="*/ 2836 h 10000"/>
                  <a:gd name="connsiteX191" fmla="*/ 4111 w 10000"/>
                  <a:gd name="connsiteY191" fmla="*/ 2866 h 10000"/>
                  <a:gd name="connsiteX192" fmla="*/ 4213 w 10000"/>
                  <a:gd name="connsiteY192" fmla="*/ 2777 h 10000"/>
                  <a:gd name="connsiteX193" fmla="*/ 4265 w 10000"/>
                  <a:gd name="connsiteY193" fmla="*/ 2674 h 10000"/>
                  <a:gd name="connsiteX194" fmla="*/ 4289 w 10000"/>
                  <a:gd name="connsiteY194" fmla="*/ 2541 h 10000"/>
                  <a:gd name="connsiteX195" fmla="*/ 4289 w 10000"/>
                  <a:gd name="connsiteY195" fmla="*/ 2393 h 10000"/>
                  <a:gd name="connsiteX196" fmla="*/ 4314 w 10000"/>
                  <a:gd name="connsiteY196" fmla="*/ 2349 h 10000"/>
                  <a:gd name="connsiteX197" fmla="*/ 4366 w 10000"/>
                  <a:gd name="connsiteY197" fmla="*/ 2304 h 10000"/>
                  <a:gd name="connsiteX198" fmla="*/ 4416 w 10000"/>
                  <a:gd name="connsiteY198" fmla="*/ 2290 h 10000"/>
                  <a:gd name="connsiteX199" fmla="*/ 4493 w 10000"/>
                  <a:gd name="connsiteY199" fmla="*/ 2275 h 10000"/>
                  <a:gd name="connsiteX200" fmla="*/ 4720 w 10000"/>
                  <a:gd name="connsiteY200" fmla="*/ 2260 h 10000"/>
                  <a:gd name="connsiteX201" fmla="*/ 4923 w 10000"/>
                  <a:gd name="connsiteY201" fmla="*/ 2275 h 10000"/>
                  <a:gd name="connsiteX202" fmla="*/ 4898 w 10000"/>
                  <a:gd name="connsiteY202" fmla="*/ 2112 h 10000"/>
                  <a:gd name="connsiteX203" fmla="*/ 4848 w 10000"/>
                  <a:gd name="connsiteY203" fmla="*/ 1950 h 10000"/>
                  <a:gd name="connsiteX204" fmla="*/ 4771 w 10000"/>
                  <a:gd name="connsiteY204" fmla="*/ 1802 h 10000"/>
                  <a:gd name="connsiteX205" fmla="*/ 4671 w 10000"/>
                  <a:gd name="connsiteY205" fmla="*/ 1640 h 10000"/>
                  <a:gd name="connsiteX206" fmla="*/ 4416 w 10000"/>
                  <a:gd name="connsiteY206" fmla="*/ 1329 h 10000"/>
                  <a:gd name="connsiteX207" fmla="*/ 4162 w 10000"/>
                  <a:gd name="connsiteY207" fmla="*/ 1034 h 10000"/>
                  <a:gd name="connsiteX208" fmla="*/ 4035 w 10000"/>
                  <a:gd name="connsiteY208" fmla="*/ 901 h 10000"/>
                  <a:gd name="connsiteX209" fmla="*/ 3935 w 10000"/>
                  <a:gd name="connsiteY209" fmla="*/ 753 h 10000"/>
                  <a:gd name="connsiteX210" fmla="*/ 3857 w 10000"/>
                  <a:gd name="connsiteY210" fmla="*/ 620 h 10000"/>
                  <a:gd name="connsiteX211" fmla="*/ 3832 w 10000"/>
                  <a:gd name="connsiteY211" fmla="*/ 487 h 10000"/>
                  <a:gd name="connsiteX212" fmla="*/ 3807 w 10000"/>
                  <a:gd name="connsiteY212" fmla="*/ 355 h 10000"/>
                  <a:gd name="connsiteX213" fmla="*/ 3857 w 10000"/>
                  <a:gd name="connsiteY213" fmla="*/ 222 h 10000"/>
                  <a:gd name="connsiteX214" fmla="*/ 3884 w 10000"/>
                  <a:gd name="connsiteY214" fmla="*/ 162 h 10000"/>
                  <a:gd name="connsiteX215" fmla="*/ 3935 w 10000"/>
                  <a:gd name="connsiteY215" fmla="*/ 103 h 10000"/>
                  <a:gd name="connsiteX216" fmla="*/ 4011 w 10000"/>
                  <a:gd name="connsiteY216" fmla="*/ 59 h 10000"/>
                  <a:gd name="connsiteX217" fmla="*/ 4111 w 10000"/>
                  <a:gd name="connsiteY217" fmla="*/ 0 h 10000"/>
                  <a:gd name="connsiteX218" fmla="*/ 4289 w 10000"/>
                  <a:gd name="connsiteY218" fmla="*/ 0 h 10000"/>
                  <a:gd name="connsiteX219" fmla="*/ 4468 w 10000"/>
                  <a:gd name="connsiteY219" fmla="*/ 15 h 10000"/>
                  <a:gd name="connsiteX220" fmla="*/ 4644 w 10000"/>
                  <a:gd name="connsiteY220" fmla="*/ 44 h 10000"/>
                  <a:gd name="connsiteX221" fmla="*/ 4771 w 10000"/>
                  <a:gd name="connsiteY221" fmla="*/ 89 h 10000"/>
                  <a:gd name="connsiteX222" fmla="*/ 4975 w 10000"/>
                  <a:gd name="connsiteY222" fmla="*/ 192 h 10000"/>
                  <a:gd name="connsiteX223" fmla="*/ 5177 w 10000"/>
                  <a:gd name="connsiteY223" fmla="*/ 340 h 10000"/>
                  <a:gd name="connsiteX224" fmla="*/ 5329 w 10000"/>
                  <a:gd name="connsiteY224" fmla="*/ 473 h 10000"/>
                  <a:gd name="connsiteX225" fmla="*/ 5532 w 10000"/>
                  <a:gd name="connsiteY225" fmla="*/ 591 h 10000"/>
                  <a:gd name="connsiteX226" fmla="*/ 5660 w 10000"/>
                  <a:gd name="connsiteY226" fmla="*/ 650 h 10000"/>
                  <a:gd name="connsiteX227" fmla="*/ 5812 w 10000"/>
                  <a:gd name="connsiteY227" fmla="*/ 679 h 10000"/>
                  <a:gd name="connsiteX228" fmla="*/ 5965 w 10000"/>
                  <a:gd name="connsiteY228" fmla="*/ 709 h 10000"/>
                  <a:gd name="connsiteX229" fmla="*/ 6168 w 10000"/>
                  <a:gd name="connsiteY229" fmla="*/ 709 h 10000"/>
                  <a:gd name="connsiteX230" fmla="*/ 6168 w 10000"/>
                  <a:gd name="connsiteY230" fmla="*/ 768 h 10000"/>
                  <a:gd name="connsiteX231" fmla="*/ 6193 w 10000"/>
                  <a:gd name="connsiteY231" fmla="*/ 842 h 10000"/>
                  <a:gd name="connsiteX232" fmla="*/ 6243 w 10000"/>
                  <a:gd name="connsiteY232" fmla="*/ 916 h 10000"/>
                  <a:gd name="connsiteX233" fmla="*/ 6294 w 10000"/>
                  <a:gd name="connsiteY233" fmla="*/ 990 h 10000"/>
                  <a:gd name="connsiteX234" fmla="*/ 6369 w 10000"/>
                  <a:gd name="connsiteY234" fmla="*/ 1049 h 10000"/>
                  <a:gd name="connsiteX235" fmla="*/ 6471 w 10000"/>
                  <a:gd name="connsiteY235" fmla="*/ 1108 h 10000"/>
                  <a:gd name="connsiteX236" fmla="*/ 6598 w 10000"/>
                  <a:gd name="connsiteY236" fmla="*/ 1182 h 10000"/>
                  <a:gd name="connsiteX237" fmla="*/ 6700 w 10000"/>
                  <a:gd name="connsiteY237" fmla="*/ 1226 h 10000"/>
                  <a:gd name="connsiteX238" fmla="*/ 6802 w 10000"/>
                  <a:gd name="connsiteY238" fmla="*/ 1270 h 10000"/>
                  <a:gd name="connsiteX239" fmla="*/ 6903 w 10000"/>
                  <a:gd name="connsiteY239" fmla="*/ 1300 h 10000"/>
                  <a:gd name="connsiteX240" fmla="*/ 7005 w 10000"/>
                  <a:gd name="connsiteY240" fmla="*/ 1315 h 10000"/>
                  <a:gd name="connsiteX241" fmla="*/ 7132 w 10000"/>
                  <a:gd name="connsiteY241" fmla="*/ 1300 h 10000"/>
                  <a:gd name="connsiteX242" fmla="*/ 7234 w 10000"/>
                  <a:gd name="connsiteY242" fmla="*/ 1285 h 10000"/>
                  <a:gd name="connsiteX243" fmla="*/ 7309 w 10000"/>
                  <a:gd name="connsiteY243" fmla="*/ 1241 h 10000"/>
                  <a:gd name="connsiteX244" fmla="*/ 7361 w 10000"/>
                  <a:gd name="connsiteY244" fmla="*/ 1167 h 10000"/>
                  <a:gd name="connsiteX245" fmla="*/ 7385 w 10000"/>
                  <a:gd name="connsiteY245" fmla="*/ 1064 h 10000"/>
                  <a:gd name="connsiteX246" fmla="*/ 7766 w 10000"/>
                  <a:gd name="connsiteY246" fmla="*/ 1034 h 10000"/>
                  <a:gd name="connsiteX247" fmla="*/ 8121 w 10000"/>
                  <a:gd name="connsiteY247" fmla="*/ 1004 h 10000"/>
                  <a:gd name="connsiteX248" fmla="*/ 8427 w 10000"/>
                  <a:gd name="connsiteY248" fmla="*/ 990 h 10000"/>
                  <a:gd name="connsiteX249" fmla="*/ 8706 w 10000"/>
                  <a:gd name="connsiteY249" fmla="*/ 1004 h 10000"/>
                  <a:gd name="connsiteX250" fmla="*/ 8833 w 10000"/>
                  <a:gd name="connsiteY250" fmla="*/ 1019 h 10000"/>
                  <a:gd name="connsiteX251" fmla="*/ 8958 w 10000"/>
                  <a:gd name="connsiteY251" fmla="*/ 1034 h 10000"/>
                  <a:gd name="connsiteX252" fmla="*/ 9061 w 10000"/>
                  <a:gd name="connsiteY252" fmla="*/ 1064 h 10000"/>
                  <a:gd name="connsiteX253" fmla="*/ 9188 w 10000"/>
                  <a:gd name="connsiteY253" fmla="*/ 1108 h 10000"/>
                  <a:gd name="connsiteX254" fmla="*/ 9264 w 10000"/>
                  <a:gd name="connsiteY254" fmla="*/ 1182 h 10000"/>
                  <a:gd name="connsiteX255" fmla="*/ 9339 w 10000"/>
                  <a:gd name="connsiteY255" fmla="*/ 1241 h 10000"/>
                  <a:gd name="connsiteX256" fmla="*/ 9391 w 10000"/>
                  <a:gd name="connsiteY256" fmla="*/ 1329 h 10000"/>
                  <a:gd name="connsiteX257" fmla="*/ 9442 w 10000"/>
                  <a:gd name="connsiteY257" fmla="*/ 1433 h 10000"/>
                  <a:gd name="connsiteX258" fmla="*/ 9492 w 10000"/>
                  <a:gd name="connsiteY258" fmla="*/ 1551 h 10000"/>
                  <a:gd name="connsiteX259" fmla="*/ 9466 w 10000"/>
                  <a:gd name="connsiteY259" fmla="*/ 1625 h 10000"/>
                  <a:gd name="connsiteX260" fmla="*/ 9442 w 10000"/>
                  <a:gd name="connsiteY260" fmla="*/ 1684 h 10000"/>
                  <a:gd name="connsiteX261" fmla="*/ 9391 w 10000"/>
                  <a:gd name="connsiteY261" fmla="*/ 1758 h 10000"/>
                  <a:gd name="connsiteX262" fmla="*/ 9315 w 10000"/>
                  <a:gd name="connsiteY262" fmla="*/ 1802 h 10000"/>
                  <a:gd name="connsiteX263" fmla="*/ 9264 w 10000"/>
                  <a:gd name="connsiteY263" fmla="*/ 1861 h 10000"/>
                  <a:gd name="connsiteX264" fmla="*/ 9240 w 10000"/>
                  <a:gd name="connsiteY264" fmla="*/ 1935 h 10000"/>
                  <a:gd name="connsiteX265" fmla="*/ 9264 w 10000"/>
                  <a:gd name="connsiteY265" fmla="*/ 2024 h 10000"/>
                  <a:gd name="connsiteX266" fmla="*/ 9543 w 10000"/>
                  <a:gd name="connsiteY266" fmla="*/ 2157 h 10000"/>
                  <a:gd name="connsiteX267" fmla="*/ 9873 w 10000"/>
                  <a:gd name="connsiteY267" fmla="*/ 2275 h 10000"/>
                  <a:gd name="connsiteX268" fmla="*/ 10000 w 10000"/>
                  <a:gd name="connsiteY268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315 w 10000"/>
                  <a:gd name="connsiteY14" fmla="*/ 3235 h 10000"/>
                  <a:gd name="connsiteX15" fmla="*/ 9415 w 10000"/>
                  <a:gd name="connsiteY15" fmla="*/ 3117 h 10000"/>
                  <a:gd name="connsiteX16" fmla="*/ 9442 w 10000"/>
                  <a:gd name="connsiteY16" fmla="*/ 3072 h 10000"/>
                  <a:gd name="connsiteX17" fmla="*/ 9466 w 10000"/>
                  <a:gd name="connsiteY17" fmla="*/ 3013 h 10000"/>
                  <a:gd name="connsiteX18" fmla="*/ 9466 w 10000"/>
                  <a:gd name="connsiteY18" fmla="*/ 2954 h 10000"/>
                  <a:gd name="connsiteX19" fmla="*/ 9442 w 10000"/>
                  <a:gd name="connsiteY19" fmla="*/ 2866 h 10000"/>
                  <a:gd name="connsiteX20" fmla="*/ 9264 w 10000"/>
                  <a:gd name="connsiteY20" fmla="*/ 2984 h 10000"/>
                  <a:gd name="connsiteX21" fmla="*/ 9061 w 10000"/>
                  <a:gd name="connsiteY21" fmla="*/ 3072 h 10000"/>
                  <a:gd name="connsiteX22" fmla="*/ 8857 w 10000"/>
                  <a:gd name="connsiteY22" fmla="*/ 3161 h 10000"/>
                  <a:gd name="connsiteX23" fmla="*/ 8655 w 10000"/>
                  <a:gd name="connsiteY23" fmla="*/ 3250 h 10000"/>
                  <a:gd name="connsiteX24" fmla="*/ 8197 w 10000"/>
                  <a:gd name="connsiteY24" fmla="*/ 3397 h 10000"/>
                  <a:gd name="connsiteX25" fmla="*/ 7716 w 10000"/>
                  <a:gd name="connsiteY25" fmla="*/ 3545 h 10000"/>
                  <a:gd name="connsiteX26" fmla="*/ 7234 w 10000"/>
                  <a:gd name="connsiteY26" fmla="*/ 3678 h 10000"/>
                  <a:gd name="connsiteX27" fmla="*/ 6776 w 10000"/>
                  <a:gd name="connsiteY27" fmla="*/ 3840 h 10000"/>
                  <a:gd name="connsiteX28" fmla="*/ 6548 w 10000"/>
                  <a:gd name="connsiteY28" fmla="*/ 3914 h 10000"/>
                  <a:gd name="connsiteX29" fmla="*/ 6345 w 10000"/>
                  <a:gd name="connsiteY29" fmla="*/ 4003 h 10000"/>
                  <a:gd name="connsiteX30" fmla="*/ 6143 w 10000"/>
                  <a:gd name="connsiteY30" fmla="*/ 4106 h 10000"/>
                  <a:gd name="connsiteX31" fmla="*/ 5938 w 10000"/>
                  <a:gd name="connsiteY31" fmla="*/ 4195 h 10000"/>
                  <a:gd name="connsiteX32" fmla="*/ 6091 w 10000"/>
                  <a:gd name="connsiteY32" fmla="*/ 4417 h 10000"/>
                  <a:gd name="connsiteX33" fmla="*/ 6193 w 10000"/>
                  <a:gd name="connsiteY33" fmla="*/ 4623 h 10000"/>
                  <a:gd name="connsiteX34" fmla="*/ 6294 w 10000"/>
                  <a:gd name="connsiteY34" fmla="*/ 4845 h 10000"/>
                  <a:gd name="connsiteX35" fmla="*/ 6369 w 10000"/>
                  <a:gd name="connsiteY35" fmla="*/ 5081 h 10000"/>
                  <a:gd name="connsiteX36" fmla="*/ 6421 w 10000"/>
                  <a:gd name="connsiteY36" fmla="*/ 5318 h 10000"/>
                  <a:gd name="connsiteX37" fmla="*/ 6447 w 10000"/>
                  <a:gd name="connsiteY37" fmla="*/ 5539 h 10000"/>
                  <a:gd name="connsiteX38" fmla="*/ 6471 w 10000"/>
                  <a:gd name="connsiteY38" fmla="*/ 5775 h 10000"/>
                  <a:gd name="connsiteX39" fmla="*/ 6471 w 10000"/>
                  <a:gd name="connsiteY39" fmla="*/ 5997 h 10000"/>
                  <a:gd name="connsiteX40" fmla="*/ 6447 w 10000"/>
                  <a:gd name="connsiteY40" fmla="*/ 6233 h 10000"/>
                  <a:gd name="connsiteX41" fmla="*/ 6396 w 10000"/>
                  <a:gd name="connsiteY41" fmla="*/ 6470 h 10000"/>
                  <a:gd name="connsiteX42" fmla="*/ 6345 w 10000"/>
                  <a:gd name="connsiteY42" fmla="*/ 6677 h 10000"/>
                  <a:gd name="connsiteX43" fmla="*/ 6269 w 10000"/>
                  <a:gd name="connsiteY43" fmla="*/ 6898 h 10000"/>
                  <a:gd name="connsiteX44" fmla="*/ 6168 w 10000"/>
                  <a:gd name="connsiteY44" fmla="*/ 7105 h 10000"/>
                  <a:gd name="connsiteX45" fmla="*/ 6041 w 10000"/>
                  <a:gd name="connsiteY45" fmla="*/ 7297 h 10000"/>
                  <a:gd name="connsiteX46" fmla="*/ 5888 w 10000"/>
                  <a:gd name="connsiteY46" fmla="*/ 7489 h 10000"/>
                  <a:gd name="connsiteX47" fmla="*/ 5735 w 10000"/>
                  <a:gd name="connsiteY47" fmla="*/ 7681 h 10000"/>
                  <a:gd name="connsiteX48" fmla="*/ 6471 w 10000"/>
                  <a:gd name="connsiteY48" fmla="*/ 7799 h 10000"/>
                  <a:gd name="connsiteX49" fmla="*/ 7234 w 10000"/>
                  <a:gd name="connsiteY49" fmla="*/ 7962 h 10000"/>
                  <a:gd name="connsiteX50" fmla="*/ 7385 w 10000"/>
                  <a:gd name="connsiteY50" fmla="*/ 8021 h 10000"/>
                  <a:gd name="connsiteX51" fmla="*/ 7512 w 10000"/>
                  <a:gd name="connsiteY51" fmla="*/ 8080 h 10000"/>
                  <a:gd name="connsiteX52" fmla="*/ 7639 w 10000"/>
                  <a:gd name="connsiteY52" fmla="*/ 8139 h 10000"/>
                  <a:gd name="connsiteX53" fmla="*/ 7716 w 10000"/>
                  <a:gd name="connsiteY53" fmla="*/ 8227 h 10000"/>
                  <a:gd name="connsiteX54" fmla="*/ 7741 w 10000"/>
                  <a:gd name="connsiteY54" fmla="*/ 8301 h 10000"/>
                  <a:gd name="connsiteX55" fmla="*/ 7741 w 10000"/>
                  <a:gd name="connsiteY55" fmla="*/ 8405 h 10000"/>
                  <a:gd name="connsiteX56" fmla="*/ 7691 w 10000"/>
                  <a:gd name="connsiteY56" fmla="*/ 8523 h 10000"/>
                  <a:gd name="connsiteX57" fmla="*/ 7614 w 10000"/>
                  <a:gd name="connsiteY57" fmla="*/ 8641 h 10000"/>
                  <a:gd name="connsiteX58" fmla="*/ 7284 w 10000"/>
                  <a:gd name="connsiteY58" fmla="*/ 8552 h 10000"/>
                  <a:gd name="connsiteX59" fmla="*/ 6979 w 10000"/>
                  <a:gd name="connsiteY59" fmla="*/ 8449 h 10000"/>
                  <a:gd name="connsiteX60" fmla="*/ 6674 w 10000"/>
                  <a:gd name="connsiteY60" fmla="*/ 8360 h 10000"/>
                  <a:gd name="connsiteX61" fmla="*/ 6369 w 10000"/>
                  <a:gd name="connsiteY61" fmla="*/ 8287 h 10000"/>
                  <a:gd name="connsiteX62" fmla="*/ 6243 w 10000"/>
                  <a:gd name="connsiteY62" fmla="*/ 8449 h 10000"/>
                  <a:gd name="connsiteX63" fmla="*/ 6143 w 10000"/>
                  <a:gd name="connsiteY63" fmla="*/ 8597 h 10000"/>
                  <a:gd name="connsiteX64" fmla="*/ 6091 w 10000"/>
                  <a:gd name="connsiteY64" fmla="*/ 8656 h 10000"/>
                  <a:gd name="connsiteX65" fmla="*/ 5989 w 10000"/>
                  <a:gd name="connsiteY65" fmla="*/ 8700 h 10000"/>
                  <a:gd name="connsiteX66" fmla="*/ 5914 w 10000"/>
                  <a:gd name="connsiteY66" fmla="*/ 8744 h 10000"/>
                  <a:gd name="connsiteX67" fmla="*/ 5838 w 10000"/>
                  <a:gd name="connsiteY67" fmla="*/ 8774 h 10000"/>
                  <a:gd name="connsiteX68" fmla="*/ 5761 w 10000"/>
                  <a:gd name="connsiteY68" fmla="*/ 8804 h 10000"/>
                  <a:gd name="connsiteX69" fmla="*/ 5660 w 10000"/>
                  <a:gd name="connsiteY69" fmla="*/ 8818 h 10000"/>
                  <a:gd name="connsiteX70" fmla="*/ 5532 w 10000"/>
                  <a:gd name="connsiteY70" fmla="*/ 8833 h 10000"/>
                  <a:gd name="connsiteX71" fmla="*/ 5406 w 10000"/>
                  <a:gd name="connsiteY71" fmla="*/ 8833 h 10000"/>
                  <a:gd name="connsiteX72" fmla="*/ 5102 w 10000"/>
                  <a:gd name="connsiteY72" fmla="*/ 8818 h 10000"/>
                  <a:gd name="connsiteX73" fmla="*/ 4720 w 10000"/>
                  <a:gd name="connsiteY73" fmla="*/ 8744 h 10000"/>
                  <a:gd name="connsiteX74" fmla="*/ 4720 w 10000"/>
                  <a:gd name="connsiteY74" fmla="*/ 8922 h 10000"/>
                  <a:gd name="connsiteX75" fmla="*/ 4695 w 10000"/>
                  <a:gd name="connsiteY75" fmla="*/ 9069 h 10000"/>
                  <a:gd name="connsiteX76" fmla="*/ 4671 w 10000"/>
                  <a:gd name="connsiteY76" fmla="*/ 9232 h 10000"/>
                  <a:gd name="connsiteX77" fmla="*/ 4644 w 10000"/>
                  <a:gd name="connsiteY77" fmla="*/ 9365 h 10000"/>
                  <a:gd name="connsiteX78" fmla="*/ 4593 w 10000"/>
                  <a:gd name="connsiteY78" fmla="*/ 9498 h 10000"/>
                  <a:gd name="connsiteX79" fmla="*/ 4493 w 10000"/>
                  <a:gd name="connsiteY79" fmla="*/ 9616 h 10000"/>
                  <a:gd name="connsiteX80" fmla="*/ 4416 w 10000"/>
                  <a:gd name="connsiteY80" fmla="*/ 9734 h 10000"/>
                  <a:gd name="connsiteX81" fmla="*/ 4289 w 10000"/>
                  <a:gd name="connsiteY81" fmla="*/ 9838 h 10000"/>
                  <a:gd name="connsiteX82" fmla="*/ 3983 w 10000"/>
                  <a:gd name="connsiteY82" fmla="*/ 9897 h 10000"/>
                  <a:gd name="connsiteX83" fmla="*/ 3731 w 10000"/>
                  <a:gd name="connsiteY83" fmla="*/ 9941 h 10000"/>
                  <a:gd name="connsiteX84" fmla="*/ 3426 w 10000"/>
                  <a:gd name="connsiteY84" fmla="*/ 9985 h 10000"/>
                  <a:gd name="connsiteX85" fmla="*/ 3198 w 10000"/>
                  <a:gd name="connsiteY85" fmla="*/ 10000 h 10000"/>
                  <a:gd name="connsiteX86" fmla="*/ 2690 w 10000"/>
                  <a:gd name="connsiteY86" fmla="*/ 10000 h 10000"/>
                  <a:gd name="connsiteX87" fmla="*/ 2208 w 10000"/>
                  <a:gd name="connsiteY87" fmla="*/ 9985 h 10000"/>
                  <a:gd name="connsiteX88" fmla="*/ 1752 w 10000"/>
                  <a:gd name="connsiteY88" fmla="*/ 9941 h 10000"/>
                  <a:gd name="connsiteX89" fmla="*/ 1270 w 10000"/>
                  <a:gd name="connsiteY89" fmla="*/ 9911 h 10000"/>
                  <a:gd name="connsiteX90" fmla="*/ 990 w 10000"/>
                  <a:gd name="connsiteY90" fmla="*/ 9911 h 10000"/>
                  <a:gd name="connsiteX91" fmla="*/ 736 w 10000"/>
                  <a:gd name="connsiteY91" fmla="*/ 9911 h 10000"/>
                  <a:gd name="connsiteX92" fmla="*/ 457 w 10000"/>
                  <a:gd name="connsiteY92" fmla="*/ 9926 h 10000"/>
                  <a:gd name="connsiteX93" fmla="*/ 178 w 10000"/>
                  <a:gd name="connsiteY93" fmla="*/ 9970 h 10000"/>
                  <a:gd name="connsiteX94" fmla="*/ 102 w 10000"/>
                  <a:gd name="connsiteY94" fmla="*/ 9867 h 10000"/>
                  <a:gd name="connsiteX95" fmla="*/ 51 w 10000"/>
                  <a:gd name="connsiteY95" fmla="*/ 9793 h 10000"/>
                  <a:gd name="connsiteX96" fmla="*/ 0 w 10000"/>
                  <a:gd name="connsiteY96" fmla="*/ 9705 h 10000"/>
                  <a:gd name="connsiteX97" fmla="*/ 0 w 10000"/>
                  <a:gd name="connsiteY97" fmla="*/ 9601 h 10000"/>
                  <a:gd name="connsiteX98" fmla="*/ 51 w 10000"/>
                  <a:gd name="connsiteY98" fmla="*/ 9424 h 10000"/>
                  <a:gd name="connsiteX99" fmla="*/ 102 w 10000"/>
                  <a:gd name="connsiteY99" fmla="*/ 9202 h 10000"/>
                  <a:gd name="connsiteX100" fmla="*/ 151 w 10000"/>
                  <a:gd name="connsiteY100" fmla="*/ 8996 h 10000"/>
                  <a:gd name="connsiteX101" fmla="*/ 203 w 10000"/>
                  <a:gd name="connsiteY101" fmla="*/ 8759 h 10000"/>
                  <a:gd name="connsiteX102" fmla="*/ 228 w 10000"/>
                  <a:gd name="connsiteY102" fmla="*/ 8641 h 10000"/>
                  <a:gd name="connsiteX103" fmla="*/ 228 w 10000"/>
                  <a:gd name="connsiteY103" fmla="*/ 8538 h 10000"/>
                  <a:gd name="connsiteX104" fmla="*/ 203 w 10000"/>
                  <a:gd name="connsiteY104" fmla="*/ 8405 h 10000"/>
                  <a:gd name="connsiteX105" fmla="*/ 178 w 10000"/>
                  <a:gd name="connsiteY105" fmla="*/ 8287 h 10000"/>
                  <a:gd name="connsiteX106" fmla="*/ 431 w 10000"/>
                  <a:gd name="connsiteY106" fmla="*/ 8213 h 10000"/>
                  <a:gd name="connsiteX107" fmla="*/ 685 w 10000"/>
                  <a:gd name="connsiteY107" fmla="*/ 8139 h 10000"/>
                  <a:gd name="connsiteX108" fmla="*/ 939 w 10000"/>
                  <a:gd name="connsiteY108" fmla="*/ 8095 h 10000"/>
                  <a:gd name="connsiteX109" fmla="*/ 1218 w 10000"/>
                  <a:gd name="connsiteY109" fmla="*/ 8065 h 10000"/>
                  <a:gd name="connsiteX110" fmla="*/ 1725 w 10000"/>
                  <a:gd name="connsiteY110" fmla="*/ 8021 h 10000"/>
                  <a:gd name="connsiteX111" fmla="*/ 2234 w 10000"/>
                  <a:gd name="connsiteY111" fmla="*/ 7976 h 10000"/>
                  <a:gd name="connsiteX112" fmla="*/ 2462 w 10000"/>
                  <a:gd name="connsiteY112" fmla="*/ 7947 h 10000"/>
                  <a:gd name="connsiteX113" fmla="*/ 2690 w 10000"/>
                  <a:gd name="connsiteY113" fmla="*/ 7917 h 10000"/>
                  <a:gd name="connsiteX114" fmla="*/ 2892 w 10000"/>
                  <a:gd name="connsiteY114" fmla="*/ 7843 h 10000"/>
                  <a:gd name="connsiteX115" fmla="*/ 3096 w 10000"/>
                  <a:gd name="connsiteY115" fmla="*/ 7784 h 10000"/>
                  <a:gd name="connsiteX116" fmla="*/ 3274 w 10000"/>
                  <a:gd name="connsiteY116" fmla="*/ 7710 h 10000"/>
                  <a:gd name="connsiteX117" fmla="*/ 3426 w 10000"/>
                  <a:gd name="connsiteY117" fmla="*/ 7592 h 10000"/>
                  <a:gd name="connsiteX118" fmla="*/ 3579 w 10000"/>
                  <a:gd name="connsiteY118" fmla="*/ 7474 h 10000"/>
                  <a:gd name="connsiteX119" fmla="*/ 3680 w 10000"/>
                  <a:gd name="connsiteY119" fmla="*/ 7312 h 10000"/>
                  <a:gd name="connsiteX120" fmla="*/ 3477 w 10000"/>
                  <a:gd name="connsiteY120" fmla="*/ 7238 h 10000"/>
                  <a:gd name="connsiteX121" fmla="*/ 3299 w 10000"/>
                  <a:gd name="connsiteY121" fmla="*/ 7179 h 10000"/>
                  <a:gd name="connsiteX122" fmla="*/ 3147 w 10000"/>
                  <a:gd name="connsiteY122" fmla="*/ 7090 h 10000"/>
                  <a:gd name="connsiteX123" fmla="*/ 2995 w 10000"/>
                  <a:gd name="connsiteY123" fmla="*/ 6987 h 10000"/>
                  <a:gd name="connsiteX124" fmla="*/ 2892 w 10000"/>
                  <a:gd name="connsiteY124" fmla="*/ 6869 h 10000"/>
                  <a:gd name="connsiteX125" fmla="*/ 2843 w 10000"/>
                  <a:gd name="connsiteY125" fmla="*/ 6721 h 10000"/>
                  <a:gd name="connsiteX126" fmla="*/ 2817 w 10000"/>
                  <a:gd name="connsiteY126" fmla="*/ 6558 h 10000"/>
                  <a:gd name="connsiteX127" fmla="*/ 2843 w 10000"/>
                  <a:gd name="connsiteY127" fmla="*/ 6352 h 10000"/>
                  <a:gd name="connsiteX128" fmla="*/ 2716 w 10000"/>
                  <a:gd name="connsiteY128" fmla="*/ 6322 h 10000"/>
                  <a:gd name="connsiteX129" fmla="*/ 2564 w 10000"/>
                  <a:gd name="connsiteY129" fmla="*/ 6292 h 10000"/>
                  <a:gd name="connsiteX130" fmla="*/ 2386 w 10000"/>
                  <a:gd name="connsiteY130" fmla="*/ 6278 h 10000"/>
                  <a:gd name="connsiteX131" fmla="*/ 2208 w 10000"/>
                  <a:gd name="connsiteY131" fmla="*/ 6263 h 10000"/>
                  <a:gd name="connsiteX132" fmla="*/ 1853 w 10000"/>
                  <a:gd name="connsiteY132" fmla="*/ 6248 h 10000"/>
                  <a:gd name="connsiteX133" fmla="*/ 1472 w 10000"/>
                  <a:gd name="connsiteY133" fmla="*/ 6263 h 10000"/>
                  <a:gd name="connsiteX134" fmla="*/ 1143 w 10000"/>
                  <a:gd name="connsiteY134" fmla="*/ 6278 h 10000"/>
                  <a:gd name="connsiteX135" fmla="*/ 837 w 10000"/>
                  <a:gd name="connsiteY135" fmla="*/ 6278 h 10000"/>
                  <a:gd name="connsiteX136" fmla="*/ 585 w 10000"/>
                  <a:gd name="connsiteY136" fmla="*/ 6263 h 10000"/>
                  <a:gd name="connsiteX137" fmla="*/ 381 w 10000"/>
                  <a:gd name="connsiteY137" fmla="*/ 6233 h 10000"/>
                  <a:gd name="connsiteX138" fmla="*/ 633 w 10000"/>
                  <a:gd name="connsiteY138" fmla="*/ 5805 h 10000"/>
                  <a:gd name="connsiteX139" fmla="*/ 914 w 10000"/>
                  <a:gd name="connsiteY139" fmla="*/ 5391 h 10000"/>
                  <a:gd name="connsiteX140" fmla="*/ 1016 w 10000"/>
                  <a:gd name="connsiteY140" fmla="*/ 5170 h 10000"/>
                  <a:gd name="connsiteX141" fmla="*/ 1091 w 10000"/>
                  <a:gd name="connsiteY141" fmla="*/ 4963 h 10000"/>
                  <a:gd name="connsiteX142" fmla="*/ 1116 w 10000"/>
                  <a:gd name="connsiteY142" fmla="*/ 4860 h 10000"/>
                  <a:gd name="connsiteX143" fmla="*/ 1091 w 10000"/>
                  <a:gd name="connsiteY143" fmla="*/ 4756 h 10000"/>
                  <a:gd name="connsiteX144" fmla="*/ 1066 w 10000"/>
                  <a:gd name="connsiteY144" fmla="*/ 4653 h 10000"/>
                  <a:gd name="connsiteX145" fmla="*/ 990 w 10000"/>
                  <a:gd name="connsiteY145" fmla="*/ 4549 h 10000"/>
                  <a:gd name="connsiteX146" fmla="*/ 1270 w 10000"/>
                  <a:gd name="connsiteY146" fmla="*/ 4520 h 10000"/>
                  <a:gd name="connsiteX147" fmla="*/ 1472 w 10000"/>
                  <a:gd name="connsiteY147" fmla="*/ 4505 h 10000"/>
                  <a:gd name="connsiteX148" fmla="*/ 1650 w 10000"/>
                  <a:gd name="connsiteY148" fmla="*/ 4505 h 10000"/>
                  <a:gd name="connsiteX149" fmla="*/ 1802 w 10000"/>
                  <a:gd name="connsiteY149" fmla="*/ 4520 h 10000"/>
                  <a:gd name="connsiteX150" fmla="*/ 1929 w 10000"/>
                  <a:gd name="connsiteY150" fmla="*/ 4520 h 10000"/>
                  <a:gd name="connsiteX151" fmla="*/ 2081 w 10000"/>
                  <a:gd name="connsiteY151" fmla="*/ 4520 h 10000"/>
                  <a:gd name="connsiteX152" fmla="*/ 2234 w 10000"/>
                  <a:gd name="connsiteY152" fmla="*/ 4490 h 10000"/>
                  <a:gd name="connsiteX153" fmla="*/ 2436 w 10000"/>
                  <a:gd name="connsiteY153" fmla="*/ 4446 h 10000"/>
                  <a:gd name="connsiteX154" fmla="*/ 2436 w 10000"/>
                  <a:gd name="connsiteY154" fmla="*/ 4579 h 10000"/>
                  <a:gd name="connsiteX155" fmla="*/ 2436 w 10000"/>
                  <a:gd name="connsiteY155" fmla="*/ 4742 h 10000"/>
                  <a:gd name="connsiteX156" fmla="*/ 2436 w 10000"/>
                  <a:gd name="connsiteY156" fmla="*/ 4874 h 10000"/>
                  <a:gd name="connsiteX157" fmla="*/ 2436 w 10000"/>
                  <a:gd name="connsiteY157" fmla="*/ 5037 h 10000"/>
                  <a:gd name="connsiteX158" fmla="*/ 2665 w 10000"/>
                  <a:gd name="connsiteY158" fmla="*/ 5022 h 10000"/>
                  <a:gd name="connsiteX159" fmla="*/ 2817 w 10000"/>
                  <a:gd name="connsiteY159" fmla="*/ 5037 h 10000"/>
                  <a:gd name="connsiteX160" fmla="*/ 2944 w 10000"/>
                  <a:gd name="connsiteY160" fmla="*/ 5066 h 10000"/>
                  <a:gd name="connsiteX161" fmla="*/ 3071 w 10000"/>
                  <a:gd name="connsiteY161" fmla="*/ 5096 h 10000"/>
                  <a:gd name="connsiteX162" fmla="*/ 3173 w 10000"/>
                  <a:gd name="connsiteY162" fmla="*/ 5126 h 10000"/>
                  <a:gd name="connsiteX163" fmla="*/ 3299 w 10000"/>
                  <a:gd name="connsiteY163" fmla="*/ 5155 h 10000"/>
                  <a:gd name="connsiteX164" fmla="*/ 3452 w 10000"/>
                  <a:gd name="connsiteY164" fmla="*/ 5170 h 10000"/>
                  <a:gd name="connsiteX165" fmla="*/ 3680 w 10000"/>
                  <a:gd name="connsiteY165" fmla="*/ 5155 h 10000"/>
                  <a:gd name="connsiteX166" fmla="*/ 3757 w 10000"/>
                  <a:gd name="connsiteY166" fmla="*/ 5096 h 10000"/>
                  <a:gd name="connsiteX167" fmla="*/ 3832 w 10000"/>
                  <a:gd name="connsiteY167" fmla="*/ 5022 h 10000"/>
                  <a:gd name="connsiteX168" fmla="*/ 3857 w 10000"/>
                  <a:gd name="connsiteY168" fmla="*/ 4934 h 10000"/>
                  <a:gd name="connsiteX169" fmla="*/ 3884 w 10000"/>
                  <a:gd name="connsiteY169" fmla="*/ 4860 h 10000"/>
                  <a:gd name="connsiteX170" fmla="*/ 3908 w 10000"/>
                  <a:gd name="connsiteY170" fmla="*/ 4697 h 10000"/>
                  <a:gd name="connsiteX171" fmla="*/ 3884 w 10000"/>
                  <a:gd name="connsiteY171" fmla="*/ 4520 h 10000"/>
                  <a:gd name="connsiteX172" fmla="*/ 3807 w 10000"/>
                  <a:gd name="connsiteY172" fmla="*/ 4343 h 10000"/>
                  <a:gd name="connsiteX173" fmla="*/ 3731 w 10000"/>
                  <a:gd name="connsiteY173" fmla="*/ 4195 h 10000"/>
                  <a:gd name="connsiteX174" fmla="*/ 3604 w 10000"/>
                  <a:gd name="connsiteY174" fmla="*/ 4047 h 10000"/>
                  <a:gd name="connsiteX175" fmla="*/ 3477 w 10000"/>
                  <a:gd name="connsiteY175" fmla="*/ 3959 h 10000"/>
                  <a:gd name="connsiteX176" fmla="*/ 3629 w 10000"/>
                  <a:gd name="connsiteY176" fmla="*/ 3944 h 10000"/>
                  <a:gd name="connsiteX177" fmla="*/ 3757 w 10000"/>
                  <a:gd name="connsiteY177" fmla="*/ 3914 h 10000"/>
                  <a:gd name="connsiteX178" fmla="*/ 3857 w 10000"/>
                  <a:gd name="connsiteY178" fmla="*/ 3855 h 10000"/>
                  <a:gd name="connsiteX179" fmla="*/ 3983 w 10000"/>
                  <a:gd name="connsiteY179" fmla="*/ 3752 h 10000"/>
                  <a:gd name="connsiteX180" fmla="*/ 4111 w 10000"/>
                  <a:gd name="connsiteY180" fmla="*/ 3663 h 10000"/>
                  <a:gd name="connsiteX181" fmla="*/ 4213 w 10000"/>
                  <a:gd name="connsiteY181" fmla="*/ 3560 h 10000"/>
                  <a:gd name="connsiteX182" fmla="*/ 4289 w 10000"/>
                  <a:gd name="connsiteY182" fmla="*/ 3442 h 10000"/>
                  <a:gd name="connsiteX183" fmla="*/ 4366 w 10000"/>
                  <a:gd name="connsiteY183" fmla="*/ 3323 h 10000"/>
                  <a:gd name="connsiteX184" fmla="*/ 4416 w 10000"/>
                  <a:gd name="connsiteY184" fmla="*/ 3220 h 10000"/>
                  <a:gd name="connsiteX185" fmla="*/ 4441 w 10000"/>
                  <a:gd name="connsiteY185" fmla="*/ 3102 h 10000"/>
                  <a:gd name="connsiteX186" fmla="*/ 4468 w 10000"/>
                  <a:gd name="connsiteY186" fmla="*/ 3013 h 10000"/>
                  <a:gd name="connsiteX187" fmla="*/ 4441 w 10000"/>
                  <a:gd name="connsiteY187" fmla="*/ 2939 h 10000"/>
                  <a:gd name="connsiteX188" fmla="*/ 4416 w 10000"/>
                  <a:gd name="connsiteY188" fmla="*/ 2866 h 10000"/>
                  <a:gd name="connsiteX189" fmla="*/ 4340 w 10000"/>
                  <a:gd name="connsiteY189" fmla="*/ 2836 h 10000"/>
                  <a:gd name="connsiteX190" fmla="*/ 4239 w 10000"/>
                  <a:gd name="connsiteY190" fmla="*/ 2836 h 10000"/>
                  <a:gd name="connsiteX191" fmla="*/ 4111 w 10000"/>
                  <a:gd name="connsiteY191" fmla="*/ 2866 h 10000"/>
                  <a:gd name="connsiteX192" fmla="*/ 4213 w 10000"/>
                  <a:gd name="connsiteY192" fmla="*/ 2777 h 10000"/>
                  <a:gd name="connsiteX193" fmla="*/ 4265 w 10000"/>
                  <a:gd name="connsiteY193" fmla="*/ 2674 h 10000"/>
                  <a:gd name="connsiteX194" fmla="*/ 4289 w 10000"/>
                  <a:gd name="connsiteY194" fmla="*/ 2541 h 10000"/>
                  <a:gd name="connsiteX195" fmla="*/ 4289 w 10000"/>
                  <a:gd name="connsiteY195" fmla="*/ 2393 h 10000"/>
                  <a:gd name="connsiteX196" fmla="*/ 4314 w 10000"/>
                  <a:gd name="connsiteY196" fmla="*/ 2349 h 10000"/>
                  <a:gd name="connsiteX197" fmla="*/ 4366 w 10000"/>
                  <a:gd name="connsiteY197" fmla="*/ 2304 h 10000"/>
                  <a:gd name="connsiteX198" fmla="*/ 4416 w 10000"/>
                  <a:gd name="connsiteY198" fmla="*/ 2290 h 10000"/>
                  <a:gd name="connsiteX199" fmla="*/ 4493 w 10000"/>
                  <a:gd name="connsiteY199" fmla="*/ 2275 h 10000"/>
                  <a:gd name="connsiteX200" fmla="*/ 4720 w 10000"/>
                  <a:gd name="connsiteY200" fmla="*/ 2260 h 10000"/>
                  <a:gd name="connsiteX201" fmla="*/ 4923 w 10000"/>
                  <a:gd name="connsiteY201" fmla="*/ 2275 h 10000"/>
                  <a:gd name="connsiteX202" fmla="*/ 4898 w 10000"/>
                  <a:gd name="connsiteY202" fmla="*/ 2112 h 10000"/>
                  <a:gd name="connsiteX203" fmla="*/ 4848 w 10000"/>
                  <a:gd name="connsiteY203" fmla="*/ 1950 h 10000"/>
                  <a:gd name="connsiteX204" fmla="*/ 4771 w 10000"/>
                  <a:gd name="connsiteY204" fmla="*/ 1802 h 10000"/>
                  <a:gd name="connsiteX205" fmla="*/ 4671 w 10000"/>
                  <a:gd name="connsiteY205" fmla="*/ 1640 h 10000"/>
                  <a:gd name="connsiteX206" fmla="*/ 4416 w 10000"/>
                  <a:gd name="connsiteY206" fmla="*/ 1329 h 10000"/>
                  <a:gd name="connsiteX207" fmla="*/ 4162 w 10000"/>
                  <a:gd name="connsiteY207" fmla="*/ 1034 h 10000"/>
                  <a:gd name="connsiteX208" fmla="*/ 4035 w 10000"/>
                  <a:gd name="connsiteY208" fmla="*/ 901 h 10000"/>
                  <a:gd name="connsiteX209" fmla="*/ 3935 w 10000"/>
                  <a:gd name="connsiteY209" fmla="*/ 753 h 10000"/>
                  <a:gd name="connsiteX210" fmla="*/ 3857 w 10000"/>
                  <a:gd name="connsiteY210" fmla="*/ 620 h 10000"/>
                  <a:gd name="connsiteX211" fmla="*/ 3832 w 10000"/>
                  <a:gd name="connsiteY211" fmla="*/ 487 h 10000"/>
                  <a:gd name="connsiteX212" fmla="*/ 3807 w 10000"/>
                  <a:gd name="connsiteY212" fmla="*/ 355 h 10000"/>
                  <a:gd name="connsiteX213" fmla="*/ 3857 w 10000"/>
                  <a:gd name="connsiteY213" fmla="*/ 222 h 10000"/>
                  <a:gd name="connsiteX214" fmla="*/ 3884 w 10000"/>
                  <a:gd name="connsiteY214" fmla="*/ 162 h 10000"/>
                  <a:gd name="connsiteX215" fmla="*/ 3935 w 10000"/>
                  <a:gd name="connsiteY215" fmla="*/ 103 h 10000"/>
                  <a:gd name="connsiteX216" fmla="*/ 4011 w 10000"/>
                  <a:gd name="connsiteY216" fmla="*/ 59 h 10000"/>
                  <a:gd name="connsiteX217" fmla="*/ 4111 w 10000"/>
                  <a:gd name="connsiteY217" fmla="*/ 0 h 10000"/>
                  <a:gd name="connsiteX218" fmla="*/ 4289 w 10000"/>
                  <a:gd name="connsiteY218" fmla="*/ 0 h 10000"/>
                  <a:gd name="connsiteX219" fmla="*/ 4468 w 10000"/>
                  <a:gd name="connsiteY219" fmla="*/ 15 h 10000"/>
                  <a:gd name="connsiteX220" fmla="*/ 4644 w 10000"/>
                  <a:gd name="connsiteY220" fmla="*/ 44 h 10000"/>
                  <a:gd name="connsiteX221" fmla="*/ 4771 w 10000"/>
                  <a:gd name="connsiteY221" fmla="*/ 89 h 10000"/>
                  <a:gd name="connsiteX222" fmla="*/ 4975 w 10000"/>
                  <a:gd name="connsiteY222" fmla="*/ 192 h 10000"/>
                  <a:gd name="connsiteX223" fmla="*/ 5177 w 10000"/>
                  <a:gd name="connsiteY223" fmla="*/ 340 h 10000"/>
                  <a:gd name="connsiteX224" fmla="*/ 5329 w 10000"/>
                  <a:gd name="connsiteY224" fmla="*/ 473 h 10000"/>
                  <a:gd name="connsiteX225" fmla="*/ 5532 w 10000"/>
                  <a:gd name="connsiteY225" fmla="*/ 591 h 10000"/>
                  <a:gd name="connsiteX226" fmla="*/ 5660 w 10000"/>
                  <a:gd name="connsiteY226" fmla="*/ 650 h 10000"/>
                  <a:gd name="connsiteX227" fmla="*/ 5812 w 10000"/>
                  <a:gd name="connsiteY227" fmla="*/ 679 h 10000"/>
                  <a:gd name="connsiteX228" fmla="*/ 5965 w 10000"/>
                  <a:gd name="connsiteY228" fmla="*/ 709 h 10000"/>
                  <a:gd name="connsiteX229" fmla="*/ 6168 w 10000"/>
                  <a:gd name="connsiteY229" fmla="*/ 709 h 10000"/>
                  <a:gd name="connsiteX230" fmla="*/ 6168 w 10000"/>
                  <a:gd name="connsiteY230" fmla="*/ 768 h 10000"/>
                  <a:gd name="connsiteX231" fmla="*/ 6193 w 10000"/>
                  <a:gd name="connsiteY231" fmla="*/ 842 h 10000"/>
                  <a:gd name="connsiteX232" fmla="*/ 6243 w 10000"/>
                  <a:gd name="connsiteY232" fmla="*/ 916 h 10000"/>
                  <a:gd name="connsiteX233" fmla="*/ 6294 w 10000"/>
                  <a:gd name="connsiteY233" fmla="*/ 990 h 10000"/>
                  <a:gd name="connsiteX234" fmla="*/ 6369 w 10000"/>
                  <a:gd name="connsiteY234" fmla="*/ 1049 h 10000"/>
                  <a:gd name="connsiteX235" fmla="*/ 6471 w 10000"/>
                  <a:gd name="connsiteY235" fmla="*/ 1108 h 10000"/>
                  <a:gd name="connsiteX236" fmla="*/ 6598 w 10000"/>
                  <a:gd name="connsiteY236" fmla="*/ 1182 h 10000"/>
                  <a:gd name="connsiteX237" fmla="*/ 6700 w 10000"/>
                  <a:gd name="connsiteY237" fmla="*/ 1226 h 10000"/>
                  <a:gd name="connsiteX238" fmla="*/ 6802 w 10000"/>
                  <a:gd name="connsiteY238" fmla="*/ 1270 h 10000"/>
                  <a:gd name="connsiteX239" fmla="*/ 6903 w 10000"/>
                  <a:gd name="connsiteY239" fmla="*/ 1300 h 10000"/>
                  <a:gd name="connsiteX240" fmla="*/ 7005 w 10000"/>
                  <a:gd name="connsiteY240" fmla="*/ 1315 h 10000"/>
                  <a:gd name="connsiteX241" fmla="*/ 7132 w 10000"/>
                  <a:gd name="connsiteY241" fmla="*/ 1300 h 10000"/>
                  <a:gd name="connsiteX242" fmla="*/ 7234 w 10000"/>
                  <a:gd name="connsiteY242" fmla="*/ 1285 h 10000"/>
                  <a:gd name="connsiteX243" fmla="*/ 7309 w 10000"/>
                  <a:gd name="connsiteY243" fmla="*/ 1241 h 10000"/>
                  <a:gd name="connsiteX244" fmla="*/ 7361 w 10000"/>
                  <a:gd name="connsiteY244" fmla="*/ 1167 h 10000"/>
                  <a:gd name="connsiteX245" fmla="*/ 7385 w 10000"/>
                  <a:gd name="connsiteY245" fmla="*/ 1064 h 10000"/>
                  <a:gd name="connsiteX246" fmla="*/ 7766 w 10000"/>
                  <a:gd name="connsiteY246" fmla="*/ 1034 h 10000"/>
                  <a:gd name="connsiteX247" fmla="*/ 8121 w 10000"/>
                  <a:gd name="connsiteY247" fmla="*/ 1004 h 10000"/>
                  <a:gd name="connsiteX248" fmla="*/ 8427 w 10000"/>
                  <a:gd name="connsiteY248" fmla="*/ 990 h 10000"/>
                  <a:gd name="connsiteX249" fmla="*/ 8706 w 10000"/>
                  <a:gd name="connsiteY249" fmla="*/ 1004 h 10000"/>
                  <a:gd name="connsiteX250" fmla="*/ 8833 w 10000"/>
                  <a:gd name="connsiteY250" fmla="*/ 1019 h 10000"/>
                  <a:gd name="connsiteX251" fmla="*/ 8958 w 10000"/>
                  <a:gd name="connsiteY251" fmla="*/ 1034 h 10000"/>
                  <a:gd name="connsiteX252" fmla="*/ 9061 w 10000"/>
                  <a:gd name="connsiteY252" fmla="*/ 1064 h 10000"/>
                  <a:gd name="connsiteX253" fmla="*/ 9188 w 10000"/>
                  <a:gd name="connsiteY253" fmla="*/ 1108 h 10000"/>
                  <a:gd name="connsiteX254" fmla="*/ 9264 w 10000"/>
                  <a:gd name="connsiteY254" fmla="*/ 1182 h 10000"/>
                  <a:gd name="connsiteX255" fmla="*/ 9339 w 10000"/>
                  <a:gd name="connsiteY255" fmla="*/ 1241 h 10000"/>
                  <a:gd name="connsiteX256" fmla="*/ 9391 w 10000"/>
                  <a:gd name="connsiteY256" fmla="*/ 1329 h 10000"/>
                  <a:gd name="connsiteX257" fmla="*/ 9442 w 10000"/>
                  <a:gd name="connsiteY257" fmla="*/ 1433 h 10000"/>
                  <a:gd name="connsiteX258" fmla="*/ 9492 w 10000"/>
                  <a:gd name="connsiteY258" fmla="*/ 1551 h 10000"/>
                  <a:gd name="connsiteX259" fmla="*/ 9466 w 10000"/>
                  <a:gd name="connsiteY259" fmla="*/ 1625 h 10000"/>
                  <a:gd name="connsiteX260" fmla="*/ 9442 w 10000"/>
                  <a:gd name="connsiteY260" fmla="*/ 1684 h 10000"/>
                  <a:gd name="connsiteX261" fmla="*/ 9391 w 10000"/>
                  <a:gd name="connsiteY261" fmla="*/ 1758 h 10000"/>
                  <a:gd name="connsiteX262" fmla="*/ 9315 w 10000"/>
                  <a:gd name="connsiteY262" fmla="*/ 1802 h 10000"/>
                  <a:gd name="connsiteX263" fmla="*/ 9264 w 10000"/>
                  <a:gd name="connsiteY263" fmla="*/ 1861 h 10000"/>
                  <a:gd name="connsiteX264" fmla="*/ 9240 w 10000"/>
                  <a:gd name="connsiteY264" fmla="*/ 1935 h 10000"/>
                  <a:gd name="connsiteX265" fmla="*/ 9264 w 10000"/>
                  <a:gd name="connsiteY265" fmla="*/ 2024 h 10000"/>
                  <a:gd name="connsiteX266" fmla="*/ 9543 w 10000"/>
                  <a:gd name="connsiteY266" fmla="*/ 2157 h 10000"/>
                  <a:gd name="connsiteX267" fmla="*/ 9873 w 10000"/>
                  <a:gd name="connsiteY267" fmla="*/ 2275 h 10000"/>
                  <a:gd name="connsiteX268" fmla="*/ 10000 w 10000"/>
                  <a:gd name="connsiteY268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315 w 10000"/>
                  <a:gd name="connsiteY14" fmla="*/ 3235 h 10000"/>
                  <a:gd name="connsiteX15" fmla="*/ 9415 w 10000"/>
                  <a:gd name="connsiteY15" fmla="*/ 3117 h 10000"/>
                  <a:gd name="connsiteX16" fmla="*/ 9442 w 10000"/>
                  <a:gd name="connsiteY16" fmla="*/ 3072 h 10000"/>
                  <a:gd name="connsiteX17" fmla="*/ 9466 w 10000"/>
                  <a:gd name="connsiteY17" fmla="*/ 3013 h 10000"/>
                  <a:gd name="connsiteX18" fmla="*/ 9466 w 10000"/>
                  <a:gd name="connsiteY18" fmla="*/ 2954 h 10000"/>
                  <a:gd name="connsiteX19" fmla="*/ 9442 w 10000"/>
                  <a:gd name="connsiteY19" fmla="*/ 2866 h 10000"/>
                  <a:gd name="connsiteX20" fmla="*/ 9264 w 10000"/>
                  <a:gd name="connsiteY20" fmla="*/ 2984 h 10000"/>
                  <a:gd name="connsiteX21" fmla="*/ 9061 w 10000"/>
                  <a:gd name="connsiteY21" fmla="*/ 3072 h 10000"/>
                  <a:gd name="connsiteX22" fmla="*/ 8857 w 10000"/>
                  <a:gd name="connsiteY22" fmla="*/ 3161 h 10000"/>
                  <a:gd name="connsiteX23" fmla="*/ 8655 w 10000"/>
                  <a:gd name="connsiteY23" fmla="*/ 3250 h 10000"/>
                  <a:gd name="connsiteX24" fmla="*/ 8197 w 10000"/>
                  <a:gd name="connsiteY24" fmla="*/ 3397 h 10000"/>
                  <a:gd name="connsiteX25" fmla="*/ 7716 w 10000"/>
                  <a:gd name="connsiteY25" fmla="*/ 3545 h 10000"/>
                  <a:gd name="connsiteX26" fmla="*/ 7234 w 10000"/>
                  <a:gd name="connsiteY26" fmla="*/ 3678 h 10000"/>
                  <a:gd name="connsiteX27" fmla="*/ 6776 w 10000"/>
                  <a:gd name="connsiteY27" fmla="*/ 3840 h 10000"/>
                  <a:gd name="connsiteX28" fmla="*/ 6548 w 10000"/>
                  <a:gd name="connsiteY28" fmla="*/ 3914 h 10000"/>
                  <a:gd name="connsiteX29" fmla="*/ 6345 w 10000"/>
                  <a:gd name="connsiteY29" fmla="*/ 4003 h 10000"/>
                  <a:gd name="connsiteX30" fmla="*/ 6143 w 10000"/>
                  <a:gd name="connsiteY30" fmla="*/ 4106 h 10000"/>
                  <a:gd name="connsiteX31" fmla="*/ 5938 w 10000"/>
                  <a:gd name="connsiteY31" fmla="*/ 4195 h 10000"/>
                  <a:gd name="connsiteX32" fmla="*/ 6091 w 10000"/>
                  <a:gd name="connsiteY32" fmla="*/ 4417 h 10000"/>
                  <a:gd name="connsiteX33" fmla="*/ 6193 w 10000"/>
                  <a:gd name="connsiteY33" fmla="*/ 4623 h 10000"/>
                  <a:gd name="connsiteX34" fmla="*/ 6294 w 10000"/>
                  <a:gd name="connsiteY34" fmla="*/ 4845 h 10000"/>
                  <a:gd name="connsiteX35" fmla="*/ 6369 w 10000"/>
                  <a:gd name="connsiteY35" fmla="*/ 5081 h 10000"/>
                  <a:gd name="connsiteX36" fmla="*/ 6421 w 10000"/>
                  <a:gd name="connsiteY36" fmla="*/ 5318 h 10000"/>
                  <a:gd name="connsiteX37" fmla="*/ 6447 w 10000"/>
                  <a:gd name="connsiteY37" fmla="*/ 5539 h 10000"/>
                  <a:gd name="connsiteX38" fmla="*/ 6471 w 10000"/>
                  <a:gd name="connsiteY38" fmla="*/ 5775 h 10000"/>
                  <a:gd name="connsiteX39" fmla="*/ 6471 w 10000"/>
                  <a:gd name="connsiteY39" fmla="*/ 5997 h 10000"/>
                  <a:gd name="connsiteX40" fmla="*/ 6447 w 10000"/>
                  <a:gd name="connsiteY40" fmla="*/ 6233 h 10000"/>
                  <a:gd name="connsiteX41" fmla="*/ 6396 w 10000"/>
                  <a:gd name="connsiteY41" fmla="*/ 6470 h 10000"/>
                  <a:gd name="connsiteX42" fmla="*/ 6345 w 10000"/>
                  <a:gd name="connsiteY42" fmla="*/ 6677 h 10000"/>
                  <a:gd name="connsiteX43" fmla="*/ 6269 w 10000"/>
                  <a:gd name="connsiteY43" fmla="*/ 6898 h 10000"/>
                  <a:gd name="connsiteX44" fmla="*/ 6168 w 10000"/>
                  <a:gd name="connsiteY44" fmla="*/ 7105 h 10000"/>
                  <a:gd name="connsiteX45" fmla="*/ 6041 w 10000"/>
                  <a:gd name="connsiteY45" fmla="*/ 7297 h 10000"/>
                  <a:gd name="connsiteX46" fmla="*/ 5888 w 10000"/>
                  <a:gd name="connsiteY46" fmla="*/ 7489 h 10000"/>
                  <a:gd name="connsiteX47" fmla="*/ 5735 w 10000"/>
                  <a:gd name="connsiteY47" fmla="*/ 7681 h 10000"/>
                  <a:gd name="connsiteX48" fmla="*/ 6471 w 10000"/>
                  <a:gd name="connsiteY48" fmla="*/ 7799 h 10000"/>
                  <a:gd name="connsiteX49" fmla="*/ 7234 w 10000"/>
                  <a:gd name="connsiteY49" fmla="*/ 7962 h 10000"/>
                  <a:gd name="connsiteX50" fmla="*/ 7385 w 10000"/>
                  <a:gd name="connsiteY50" fmla="*/ 8021 h 10000"/>
                  <a:gd name="connsiteX51" fmla="*/ 7512 w 10000"/>
                  <a:gd name="connsiteY51" fmla="*/ 8080 h 10000"/>
                  <a:gd name="connsiteX52" fmla="*/ 7639 w 10000"/>
                  <a:gd name="connsiteY52" fmla="*/ 8139 h 10000"/>
                  <a:gd name="connsiteX53" fmla="*/ 7716 w 10000"/>
                  <a:gd name="connsiteY53" fmla="*/ 8227 h 10000"/>
                  <a:gd name="connsiteX54" fmla="*/ 7741 w 10000"/>
                  <a:gd name="connsiteY54" fmla="*/ 8301 h 10000"/>
                  <a:gd name="connsiteX55" fmla="*/ 7741 w 10000"/>
                  <a:gd name="connsiteY55" fmla="*/ 8405 h 10000"/>
                  <a:gd name="connsiteX56" fmla="*/ 7691 w 10000"/>
                  <a:gd name="connsiteY56" fmla="*/ 8523 h 10000"/>
                  <a:gd name="connsiteX57" fmla="*/ 7614 w 10000"/>
                  <a:gd name="connsiteY57" fmla="*/ 8641 h 10000"/>
                  <a:gd name="connsiteX58" fmla="*/ 7284 w 10000"/>
                  <a:gd name="connsiteY58" fmla="*/ 8552 h 10000"/>
                  <a:gd name="connsiteX59" fmla="*/ 6979 w 10000"/>
                  <a:gd name="connsiteY59" fmla="*/ 8449 h 10000"/>
                  <a:gd name="connsiteX60" fmla="*/ 6674 w 10000"/>
                  <a:gd name="connsiteY60" fmla="*/ 8360 h 10000"/>
                  <a:gd name="connsiteX61" fmla="*/ 6369 w 10000"/>
                  <a:gd name="connsiteY61" fmla="*/ 8287 h 10000"/>
                  <a:gd name="connsiteX62" fmla="*/ 6243 w 10000"/>
                  <a:gd name="connsiteY62" fmla="*/ 8449 h 10000"/>
                  <a:gd name="connsiteX63" fmla="*/ 6143 w 10000"/>
                  <a:gd name="connsiteY63" fmla="*/ 8597 h 10000"/>
                  <a:gd name="connsiteX64" fmla="*/ 6091 w 10000"/>
                  <a:gd name="connsiteY64" fmla="*/ 8656 h 10000"/>
                  <a:gd name="connsiteX65" fmla="*/ 5989 w 10000"/>
                  <a:gd name="connsiteY65" fmla="*/ 8700 h 10000"/>
                  <a:gd name="connsiteX66" fmla="*/ 5914 w 10000"/>
                  <a:gd name="connsiteY66" fmla="*/ 8744 h 10000"/>
                  <a:gd name="connsiteX67" fmla="*/ 5838 w 10000"/>
                  <a:gd name="connsiteY67" fmla="*/ 8774 h 10000"/>
                  <a:gd name="connsiteX68" fmla="*/ 5761 w 10000"/>
                  <a:gd name="connsiteY68" fmla="*/ 8804 h 10000"/>
                  <a:gd name="connsiteX69" fmla="*/ 5660 w 10000"/>
                  <a:gd name="connsiteY69" fmla="*/ 8818 h 10000"/>
                  <a:gd name="connsiteX70" fmla="*/ 5532 w 10000"/>
                  <a:gd name="connsiteY70" fmla="*/ 8833 h 10000"/>
                  <a:gd name="connsiteX71" fmla="*/ 5406 w 10000"/>
                  <a:gd name="connsiteY71" fmla="*/ 8833 h 10000"/>
                  <a:gd name="connsiteX72" fmla="*/ 5102 w 10000"/>
                  <a:gd name="connsiteY72" fmla="*/ 8818 h 10000"/>
                  <a:gd name="connsiteX73" fmla="*/ 4720 w 10000"/>
                  <a:gd name="connsiteY73" fmla="*/ 8744 h 10000"/>
                  <a:gd name="connsiteX74" fmla="*/ 4720 w 10000"/>
                  <a:gd name="connsiteY74" fmla="*/ 8922 h 10000"/>
                  <a:gd name="connsiteX75" fmla="*/ 4695 w 10000"/>
                  <a:gd name="connsiteY75" fmla="*/ 9069 h 10000"/>
                  <a:gd name="connsiteX76" fmla="*/ 4671 w 10000"/>
                  <a:gd name="connsiteY76" fmla="*/ 9232 h 10000"/>
                  <a:gd name="connsiteX77" fmla="*/ 4644 w 10000"/>
                  <a:gd name="connsiteY77" fmla="*/ 9365 h 10000"/>
                  <a:gd name="connsiteX78" fmla="*/ 4593 w 10000"/>
                  <a:gd name="connsiteY78" fmla="*/ 9498 h 10000"/>
                  <a:gd name="connsiteX79" fmla="*/ 4493 w 10000"/>
                  <a:gd name="connsiteY79" fmla="*/ 9616 h 10000"/>
                  <a:gd name="connsiteX80" fmla="*/ 4416 w 10000"/>
                  <a:gd name="connsiteY80" fmla="*/ 9734 h 10000"/>
                  <a:gd name="connsiteX81" fmla="*/ 4289 w 10000"/>
                  <a:gd name="connsiteY81" fmla="*/ 9838 h 10000"/>
                  <a:gd name="connsiteX82" fmla="*/ 3983 w 10000"/>
                  <a:gd name="connsiteY82" fmla="*/ 9897 h 10000"/>
                  <a:gd name="connsiteX83" fmla="*/ 3731 w 10000"/>
                  <a:gd name="connsiteY83" fmla="*/ 9941 h 10000"/>
                  <a:gd name="connsiteX84" fmla="*/ 3426 w 10000"/>
                  <a:gd name="connsiteY84" fmla="*/ 9985 h 10000"/>
                  <a:gd name="connsiteX85" fmla="*/ 3198 w 10000"/>
                  <a:gd name="connsiteY85" fmla="*/ 10000 h 10000"/>
                  <a:gd name="connsiteX86" fmla="*/ 2690 w 10000"/>
                  <a:gd name="connsiteY86" fmla="*/ 10000 h 10000"/>
                  <a:gd name="connsiteX87" fmla="*/ 2208 w 10000"/>
                  <a:gd name="connsiteY87" fmla="*/ 9985 h 10000"/>
                  <a:gd name="connsiteX88" fmla="*/ 1752 w 10000"/>
                  <a:gd name="connsiteY88" fmla="*/ 9941 h 10000"/>
                  <a:gd name="connsiteX89" fmla="*/ 1270 w 10000"/>
                  <a:gd name="connsiteY89" fmla="*/ 9911 h 10000"/>
                  <a:gd name="connsiteX90" fmla="*/ 990 w 10000"/>
                  <a:gd name="connsiteY90" fmla="*/ 9911 h 10000"/>
                  <a:gd name="connsiteX91" fmla="*/ 736 w 10000"/>
                  <a:gd name="connsiteY91" fmla="*/ 9911 h 10000"/>
                  <a:gd name="connsiteX92" fmla="*/ 457 w 10000"/>
                  <a:gd name="connsiteY92" fmla="*/ 9926 h 10000"/>
                  <a:gd name="connsiteX93" fmla="*/ 178 w 10000"/>
                  <a:gd name="connsiteY93" fmla="*/ 9970 h 10000"/>
                  <a:gd name="connsiteX94" fmla="*/ 102 w 10000"/>
                  <a:gd name="connsiteY94" fmla="*/ 9867 h 10000"/>
                  <a:gd name="connsiteX95" fmla="*/ 51 w 10000"/>
                  <a:gd name="connsiteY95" fmla="*/ 9793 h 10000"/>
                  <a:gd name="connsiteX96" fmla="*/ 0 w 10000"/>
                  <a:gd name="connsiteY96" fmla="*/ 9705 h 10000"/>
                  <a:gd name="connsiteX97" fmla="*/ 0 w 10000"/>
                  <a:gd name="connsiteY97" fmla="*/ 9601 h 10000"/>
                  <a:gd name="connsiteX98" fmla="*/ 51 w 10000"/>
                  <a:gd name="connsiteY98" fmla="*/ 9424 h 10000"/>
                  <a:gd name="connsiteX99" fmla="*/ 102 w 10000"/>
                  <a:gd name="connsiteY99" fmla="*/ 9202 h 10000"/>
                  <a:gd name="connsiteX100" fmla="*/ 151 w 10000"/>
                  <a:gd name="connsiteY100" fmla="*/ 8996 h 10000"/>
                  <a:gd name="connsiteX101" fmla="*/ 203 w 10000"/>
                  <a:gd name="connsiteY101" fmla="*/ 8759 h 10000"/>
                  <a:gd name="connsiteX102" fmla="*/ 228 w 10000"/>
                  <a:gd name="connsiteY102" fmla="*/ 8641 h 10000"/>
                  <a:gd name="connsiteX103" fmla="*/ 228 w 10000"/>
                  <a:gd name="connsiteY103" fmla="*/ 8538 h 10000"/>
                  <a:gd name="connsiteX104" fmla="*/ 203 w 10000"/>
                  <a:gd name="connsiteY104" fmla="*/ 8405 h 10000"/>
                  <a:gd name="connsiteX105" fmla="*/ 178 w 10000"/>
                  <a:gd name="connsiteY105" fmla="*/ 8287 h 10000"/>
                  <a:gd name="connsiteX106" fmla="*/ 431 w 10000"/>
                  <a:gd name="connsiteY106" fmla="*/ 8213 h 10000"/>
                  <a:gd name="connsiteX107" fmla="*/ 685 w 10000"/>
                  <a:gd name="connsiteY107" fmla="*/ 8139 h 10000"/>
                  <a:gd name="connsiteX108" fmla="*/ 939 w 10000"/>
                  <a:gd name="connsiteY108" fmla="*/ 8095 h 10000"/>
                  <a:gd name="connsiteX109" fmla="*/ 1218 w 10000"/>
                  <a:gd name="connsiteY109" fmla="*/ 8065 h 10000"/>
                  <a:gd name="connsiteX110" fmla="*/ 1725 w 10000"/>
                  <a:gd name="connsiteY110" fmla="*/ 8021 h 10000"/>
                  <a:gd name="connsiteX111" fmla="*/ 2234 w 10000"/>
                  <a:gd name="connsiteY111" fmla="*/ 7976 h 10000"/>
                  <a:gd name="connsiteX112" fmla="*/ 2462 w 10000"/>
                  <a:gd name="connsiteY112" fmla="*/ 7947 h 10000"/>
                  <a:gd name="connsiteX113" fmla="*/ 2690 w 10000"/>
                  <a:gd name="connsiteY113" fmla="*/ 7917 h 10000"/>
                  <a:gd name="connsiteX114" fmla="*/ 2892 w 10000"/>
                  <a:gd name="connsiteY114" fmla="*/ 7843 h 10000"/>
                  <a:gd name="connsiteX115" fmla="*/ 3096 w 10000"/>
                  <a:gd name="connsiteY115" fmla="*/ 7784 h 10000"/>
                  <a:gd name="connsiteX116" fmla="*/ 3274 w 10000"/>
                  <a:gd name="connsiteY116" fmla="*/ 7710 h 10000"/>
                  <a:gd name="connsiteX117" fmla="*/ 3426 w 10000"/>
                  <a:gd name="connsiteY117" fmla="*/ 7592 h 10000"/>
                  <a:gd name="connsiteX118" fmla="*/ 3579 w 10000"/>
                  <a:gd name="connsiteY118" fmla="*/ 7474 h 10000"/>
                  <a:gd name="connsiteX119" fmla="*/ 3680 w 10000"/>
                  <a:gd name="connsiteY119" fmla="*/ 7312 h 10000"/>
                  <a:gd name="connsiteX120" fmla="*/ 3477 w 10000"/>
                  <a:gd name="connsiteY120" fmla="*/ 7238 h 10000"/>
                  <a:gd name="connsiteX121" fmla="*/ 3299 w 10000"/>
                  <a:gd name="connsiteY121" fmla="*/ 7179 h 10000"/>
                  <a:gd name="connsiteX122" fmla="*/ 3147 w 10000"/>
                  <a:gd name="connsiteY122" fmla="*/ 7090 h 10000"/>
                  <a:gd name="connsiteX123" fmla="*/ 2995 w 10000"/>
                  <a:gd name="connsiteY123" fmla="*/ 6987 h 10000"/>
                  <a:gd name="connsiteX124" fmla="*/ 2892 w 10000"/>
                  <a:gd name="connsiteY124" fmla="*/ 6869 h 10000"/>
                  <a:gd name="connsiteX125" fmla="*/ 2843 w 10000"/>
                  <a:gd name="connsiteY125" fmla="*/ 6721 h 10000"/>
                  <a:gd name="connsiteX126" fmla="*/ 2817 w 10000"/>
                  <a:gd name="connsiteY126" fmla="*/ 6558 h 10000"/>
                  <a:gd name="connsiteX127" fmla="*/ 2843 w 10000"/>
                  <a:gd name="connsiteY127" fmla="*/ 6352 h 10000"/>
                  <a:gd name="connsiteX128" fmla="*/ 2716 w 10000"/>
                  <a:gd name="connsiteY128" fmla="*/ 6322 h 10000"/>
                  <a:gd name="connsiteX129" fmla="*/ 2564 w 10000"/>
                  <a:gd name="connsiteY129" fmla="*/ 6292 h 10000"/>
                  <a:gd name="connsiteX130" fmla="*/ 2386 w 10000"/>
                  <a:gd name="connsiteY130" fmla="*/ 6278 h 10000"/>
                  <a:gd name="connsiteX131" fmla="*/ 2208 w 10000"/>
                  <a:gd name="connsiteY131" fmla="*/ 6263 h 10000"/>
                  <a:gd name="connsiteX132" fmla="*/ 1853 w 10000"/>
                  <a:gd name="connsiteY132" fmla="*/ 6248 h 10000"/>
                  <a:gd name="connsiteX133" fmla="*/ 1472 w 10000"/>
                  <a:gd name="connsiteY133" fmla="*/ 6263 h 10000"/>
                  <a:gd name="connsiteX134" fmla="*/ 1143 w 10000"/>
                  <a:gd name="connsiteY134" fmla="*/ 6278 h 10000"/>
                  <a:gd name="connsiteX135" fmla="*/ 837 w 10000"/>
                  <a:gd name="connsiteY135" fmla="*/ 6278 h 10000"/>
                  <a:gd name="connsiteX136" fmla="*/ 585 w 10000"/>
                  <a:gd name="connsiteY136" fmla="*/ 6263 h 10000"/>
                  <a:gd name="connsiteX137" fmla="*/ 381 w 10000"/>
                  <a:gd name="connsiteY137" fmla="*/ 6233 h 10000"/>
                  <a:gd name="connsiteX138" fmla="*/ 633 w 10000"/>
                  <a:gd name="connsiteY138" fmla="*/ 5805 h 10000"/>
                  <a:gd name="connsiteX139" fmla="*/ 914 w 10000"/>
                  <a:gd name="connsiteY139" fmla="*/ 5391 h 10000"/>
                  <a:gd name="connsiteX140" fmla="*/ 1016 w 10000"/>
                  <a:gd name="connsiteY140" fmla="*/ 5170 h 10000"/>
                  <a:gd name="connsiteX141" fmla="*/ 1091 w 10000"/>
                  <a:gd name="connsiteY141" fmla="*/ 4963 h 10000"/>
                  <a:gd name="connsiteX142" fmla="*/ 1116 w 10000"/>
                  <a:gd name="connsiteY142" fmla="*/ 4860 h 10000"/>
                  <a:gd name="connsiteX143" fmla="*/ 1091 w 10000"/>
                  <a:gd name="connsiteY143" fmla="*/ 4756 h 10000"/>
                  <a:gd name="connsiteX144" fmla="*/ 1066 w 10000"/>
                  <a:gd name="connsiteY144" fmla="*/ 4653 h 10000"/>
                  <a:gd name="connsiteX145" fmla="*/ 990 w 10000"/>
                  <a:gd name="connsiteY145" fmla="*/ 4549 h 10000"/>
                  <a:gd name="connsiteX146" fmla="*/ 1270 w 10000"/>
                  <a:gd name="connsiteY146" fmla="*/ 4520 h 10000"/>
                  <a:gd name="connsiteX147" fmla="*/ 1472 w 10000"/>
                  <a:gd name="connsiteY147" fmla="*/ 4505 h 10000"/>
                  <a:gd name="connsiteX148" fmla="*/ 1650 w 10000"/>
                  <a:gd name="connsiteY148" fmla="*/ 4505 h 10000"/>
                  <a:gd name="connsiteX149" fmla="*/ 1802 w 10000"/>
                  <a:gd name="connsiteY149" fmla="*/ 4520 h 10000"/>
                  <a:gd name="connsiteX150" fmla="*/ 1929 w 10000"/>
                  <a:gd name="connsiteY150" fmla="*/ 4520 h 10000"/>
                  <a:gd name="connsiteX151" fmla="*/ 2081 w 10000"/>
                  <a:gd name="connsiteY151" fmla="*/ 4520 h 10000"/>
                  <a:gd name="connsiteX152" fmla="*/ 2234 w 10000"/>
                  <a:gd name="connsiteY152" fmla="*/ 4490 h 10000"/>
                  <a:gd name="connsiteX153" fmla="*/ 2436 w 10000"/>
                  <a:gd name="connsiteY153" fmla="*/ 4446 h 10000"/>
                  <a:gd name="connsiteX154" fmla="*/ 2436 w 10000"/>
                  <a:gd name="connsiteY154" fmla="*/ 4579 h 10000"/>
                  <a:gd name="connsiteX155" fmla="*/ 2436 w 10000"/>
                  <a:gd name="connsiteY155" fmla="*/ 4742 h 10000"/>
                  <a:gd name="connsiteX156" fmla="*/ 2436 w 10000"/>
                  <a:gd name="connsiteY156" fmla="*/ 4874 h 10000"/>
                  <a:gd name="connsiteX157" fmla="*/ 2436 w 10000"/>
                  <a:gd name="connsiteY157" fmla="*/ 5037 h 10000"/>
                  <a:gd name="connsiteX158" fmla="*/ 2665 w 10000"/>
                  <a:gd name="connsiteY158" fmla="*/ 5022 h 10000"/>
                  <a:gd name="connsiteX159" fmla="*/ 2817 w 10000"/>
                  <a:gd name="connsiteY159" fmla="*/ 5037 h 10000"/>
                  <a:gd name="connsiteX160" fmla="*/ 2944 w 10000"/>
                  <a:gd name="connsiteY160" fmla="*/ 5066 h 10000"/>
                  <a:gd name="connsiteX161" fmla="*/ 3071 w 10000"/>
                  <a:gd name="connsiteY161" fmla="*/ 5096 h 10000"/>
                  <a:gd name="connsiteX162" fmla="*/ 3173 w 10000"/>
                  <a:gd name="connsiteY162" fmla="*/ 5126 h 10000"/>
                  <a:gd name="connsiteX163" fmla="*/ 3299 w 10000"/>
                  <a:gd name="connsiteY163" fmla="*/ 5155 h 10000"/>
                  <a:gd name="connsiteX164" fmla="*/ 3452 w 10000"/>
                  <a:gd name="connsiteY164" fmla="*/ 5170 h 10000"/>
                  <a:gd name="connsiteX165" fmla="*/ 3680 w 10000"/>
                  <a:gd name="connsiteY165" fmla="*/ 5155 h 10000"/>
                  <a:gd name="connsiteX166" fmla="*/ 3757 w 10000"/>
                  <a:gd name="connsiteY166" fmla="*/ 5096 h 10000"/>
                  <a:gd name="connsiteX167" fmla="*/ 3832 w 10000"/>
                  <a:gd name="connsiteY167" fmla="*/ 5022 h 10000"/>
                  <a:gd name="connsiteX168" fmla="*/ 3857 w 10000"/>
                  <a:gd name="connsiteY168" fmla="*/ 4934 h 10000"/>
                  <a:gd name="connsiteX169" fmla="*/ 3884 w 10000"/>
                  <a:gd name="connsiteY169" fmla="*/ 4860 h 10000"/>
                  <a:gd name="connsiteX170" fmla="*/ 3908 w 10000"/>
                  <a:gd name="connsiteY170" fmla="*/ 4697 h 10000"/>
                  <a:gd name="connsiteX171" fmla="*/ 3884 w 10000"/>
                  <a:gd name="connsiteY171" fmla="*/ 4520 h 10000"/>
                  <a:gd name="connsiteX172" fmla="*/ 3807 w 10000"/>
                  <a:gd name="connsiteY172" fmla="*/ 4343 h 10000"/>
                  <a:gd name="connsiteX173" fmla="*/ 3731 w 10000"/>
                  <a:gd name="connsiteY173" fmla="*/ 4195 h 10000"/>
                  <a:gd name="connsiteX174" fmla="*/ 3604 w 10000"/>
                  <a:gd name="connsiteY174" fmla="*/ 4047 h 10000"/>
                  <a:gd name="connsiteX175" fmla="*/ 3477 w 10000"/>
                  <a:gd name="connsiteY175" fmla="*/ 3959 h 10000"/>
                  <a:gd name="connsiteX176" fmla="*/ 3629 w 10000"/>
                  <a:gd name="connsiteY176" fmla="*/ 3944 h 10000"/>
                  <a:gd name="connsiteX177" fmla="*/ 3757 w 10000"/>
                  <a:gd name="connsiteY177" fmla="*/ 3914 h 10000"/>
                  <a:gd name="connsiteX178" fmla="*/ 3857 w 10000"/>
                  <a:gd name="connsiteY178" fmla="*/ 3855 h 10000"/>
                  <a:gd name="connsiteX179" fmla="*/ 3983 w 10000"/>
                  <a:gd name="connsiteY179" fmla="*/ 3752 h 10000"/>
                  <a:gd name="connsiteX180" fmla="*/ 4111 w 10000"/>
                  <a:gd name="connsiteY180" fmla="*/ 3663 h 10000"/>
                  <a:gd name="connsiteX181" fmla="*/ 4213 w 10000"/>
                  <a:gd name="connsiteY181" fmla="*/ 3560 h 10000"/>
                  <a:gd name="connsiteX182" fmla="*/ 4289 w 10000"/>
                  <a:gd name="connsiteY182" fmla="*/ 3442 h 10000"/>
                  <a:gd name="connsiteX183" fmla="*/ 4366 w 10000"/>
                  <a:gd name="connsiteY183" fmla="*/ 3323 h 10000"/>
                  <a:gd name="connsiteX184" fmla="*/ 4416 w 10000"/>
                  <a:gd name="connsiteY184" fmla="*/ 3220 h 10000"/>
                  <a:gd name="connsiteX185" fmla="*/ 4441 w 10000"/>
                  <a:gd name="connsiteY185" fmla="*/ 3102 h 10000"/>
                  <a:gd name="connsiteX186" fmla="*/ 4468 w 10000"/>
                  <a:gd name="connsiteY186" fmla="*/ 3013 h 10000"/>
                  <a:gd name="connsiteX187" fmla="*/ 4441 w 10000"/>
                  <a:gd name="connsiteY187" fmla="*/ 2939 h 10000"/>
                  <a:gd name="connsiteX188" fmla="*/ 4416 w 10000"/>
                  <a:gd name="connsiteY188" fmla="*/ 2866 h 10000"/>
                  <a:gd name="connsiteX189" fmla="*/ 4340 w 10000"/>
                  <a:gd name="connsiteY189" fmla="*/ 2836 h 10000"/>
                  <a:gd name="connsiteX190" fmla="*/ 4239 w 10000"/>
                  <a:gd name="connsiteY190" fmla="*/ 2836 h 10000"/>
                  <a:gd name="connsiteX191" fmla="*/ 4111 w 10000"/>
                  <a:gd name="connsiteY191" fmla="*/ 2866 h 10000"/>
                  <a:gd name="connsiteX192" fmla="*/ 4213 w 10000"/>
                  <a:gd name="connsiteY192" fmla="*/ 2777 h 10000"/>
                  <a:gd name="connsiteX193" fmla="*/ 4265 w 10000"/>
                  <a:gd name="connsiteY193" fmla="*/ 2674 h 10000"/>
                  <a:gd name="connsiteX194" fmla="*/ 4289 w 10000"/>
                  <a:gd name="connsiteY194" fmla="*/ 2541 h 10000"/>
                  <a:gd name="connsiteX195" fmla="*/ 4289 w 10000"/>
                  <a:gd name="connsiteY195" fmla="*/ 2393 h 10000"/>
                  <a:gd name="connsiteX196" fmla="*/ 4314 w 10000"/>
                  <a:gd name="connsiteY196" fmla="*/ 2349 h 10000"/>
                  <a:gd name="connsiteX197" fmla="*/ 4366 w 10000"/>
                  <a:gd name="connsiteY197" fmla="*/ 2304 h 10000"/>
                  <a:gd name="connsiteX198" fmla="*/ 4416 w 10000"/>
                  <a:gd name="connsiteY198" fmla="*/ 2290 h 10000"/>
                  <a:gd name="connsiteX199" fmla="*/ 4493 w 10000"/>
                  <a:gd name="connsiteY199" fmla="*/ 2275 h 10000"/>
                  <a:gd name="connsiteX200" fmla="*/ 4720 w 10000"/>
                  <a:gd name="connsiteY200" fmla="*/ 2260 h 10000"/>
                  <a:gd name="connsiteX201" fmla="*/ 4923 w 10000"/>
                  <a:gd name="connsiteY201" fmla="*/ 2275 h 10000"/>
                  <a:gd name="connsiteX202" fmla="*/ 4898 w 10000"/>
                  <a:gd name="connsiteY202" fmla="*/ 2112 h 10000"/>
                  <a:gd name="connsiteX203" fmla="*/ 4848 w 10000"/>
                  <a:gd name="connsiteY203" fmla="*/ 1950 h 10000"/>
                  <a:gd name="connsiteX204" fmla="*/ 4771 w 10000"/>
                  <a:gd name="connsiteY204" fmla="*/ 1802 h 10000"/>
                  <a:gd name="connsiteX205" fmla="*/ 4671 w 10000"/>
                  <a:gd name="connsiteY205" fmla="*/ 1640 h 10000"/>
                  <a:gd name="connsiteX206" fmla="*/ 4416 w 10000"/>
                  <a:gd name="connsiteY206" fmla="*/ 1329 h 10000"/>
                  <a:gd name="connsiteX207" fmla="*/ 4162 w 10000"/>
                  <a:gd name="connsiteY207" fmla="*/ 1034 h 10000"/>
                  <a:gd name="connsiteX208" fmla="*/ 4035 w 10000"/>
                  <a:gd name="connsiteY208" fmla="*/ 901 h 10000"/>
                  <a:gd name="connsiteX209" fmla="*/ 3935 w 10000"/>
                  <a:gd name="connsiteY209" fmla="*/ 753 h 10000"/>
                  <a:gd name="connsiteX210" fmla="*/ 3857 w 10000"/>
                  <a:gd name="connsiteY210" fmla="*/ 620 h 10000"/>
                  <a:gd name="connsiteX211" fmla="*/ 3832 w 10000"/>
                  <a:gd name="connsiteY211" fmla="*/ 487 h 10000"/>
                  <a:gd name="connsiteX212" fmla="*/ 3807 w 10000"/>
                  <a:gd name="connsiteY212" fmla="*/ 355 h 10000"/>
                  <a:gd name="connsiteX213" fmla="*/ 3857 w 10000"/>
                  <a:gd name="connsiteY213" fmla="*/ 222 h 10000"/>
                  <a:gd name="connsiteX214" fmla="*/ 3884 w 10000"/>
                  <a:gd name="connsiteY214" fmla="*/ 162 h 10000"/>
                  <a:gd name="connsiteX215" fmla="*/ 3935 w 10000"/>
                  <a:gd name="connsiteY215" fmla="*/ 103 h 10000"/>
                  <a:gd name="connsiteX216" fmla="*/ 4011 w 10000"/>
                  <a:gd name="connsiteY216" fmla="*/ 59 h 10000"/>
                  <a:gd name="connsiteX217" fmla="*/ 4111 w 10000"/>
                  <a:gd name="connsiteY217" fmla="*/ 0 h 10000"/>
                  <a:gd name="connsiteX218" fmla="*/ 4289 w 10000"/>
                  <a:gd name="connsiteY218" fmla="*/ 0 h 10000"/>
                  <a:gd name="connsiteX219" fmla="*/ 4468 w 10000"/>
                  <a:gd name="connsiteY219" fmla="*/ 15 h 10000"/>
                  <a:gd name="connsiteX220" fmla="*/ 4644 w 10000"/>
                  <a:gd name="connsiteY220" fmla="*/ 44 h 10000"/>
                  <a:gd name="connsiteX221" fmla="*/ 4771 w 10000"/>
                  <a:gd name="connsiteY221" fmla="*/ 89 h 10000"/>
                  <a:gd name="connsiteX222" fmla="*/ 4975 w 10000"/>
                  <a:gd name="connsiteY222" fmla="*/ 192 h 10000"/>
                  <a:gd name="connsiteX223" fmla="*/ 5177 w 10000"/>
                  <a:gd name="connsiteY223" fmla="*/ 340 h 10000"/>
                  <a:gd name="connsiteX224" fmla="*/ 5329 w 10000"/>
                  <a:gd name="connsiteY224" fmla="*/ 473 h 10000"/>
                  <a:gd name="connsiteX225" fmla="*/ 5532 w 10000"/>
                  <a:gd name="connsiteY225" fmla="*/ 591 h 10000"/>
                  <a:gd name="connsiteX226" fmla="*/ 5660 w 10000"/>
                  <a:gd name="connsiteY226" fmla="*/ 650 h 10000"/>
                  <a:gd name="connsiteX227" fmla="*/ 5812 w 10000"/>
                  <a:gd name="connsiteY227" fmla="*/ 679 h 10000"/>
                  <a:gd name="connsiteX228" fmla="*/ 5965 w 10000"/>
                  <a:gd name="connsiteY228" fmla="*/ 709 h 10000"/>
                  <a:gd name="connsiteX229" fmla="*/ 6168 w 10000"/>
                  <a:gd name="connsiteY229" fmla="*/ 709 h 10000"/>
                  <a:gd name="connsiteX230" fmla="*/ 6168 w 10000"/>
                  <a:gd name="connsiteY230" fmla="*/ 768 h 10000"/>
                  <a:gd name="connsiteX231" fmla="*/ 6193 w 10000"/>
                  <a:gd name="connsiteY231" fmla="*/ 842 h 10000"/>
                  <a:gd name="connsiteX232" fmla="*/ 6243 w 10000"/>
                  <a:gd name="connsiteY232" fmla="*/ 916 h 10000"/>
                  <a:gd name="connsiteX233" fmla="*/ 6294 w 10000"/>
                  <a:gd name="connsiteY233" fmla="*/ 990 h 10000"/>
                  <a:gd name="connsiteX234" fmla="*/ 6369 w 10000"/>
                  <a:gd name="connsiteY234" fmla="*/ 1049 h 10000"/>
                  <a:gd name="connsiteX235" fmla="*/ 6471 w 10000"/>
                  <a:gd name="connsiteY235" fmla="*/ 1108 h 10000"/>
                  <a:gd name="connsiteX236" fmla="*/ 6598 w 10000"/>
                  <a:gd name="connsiteY236" fmla="*/ 1182 h 10000"/>
                  <a:gd name="connsiteX237" fmla="*/ 6700 w 10000"/>
                  <a:gd name="connsiteY237" fmla="*/ 1226 h 10000"/>
                  <a:gd name="connsiteX238" fmla="*/ 6802 w 10000"/>
                  <a:gd name="connsiteY238" fmla="*/ 1270 h 10000"/>
                  <a:gd name="connsiteX239" fmla="*/ 6903 w 10000"/>
                  <a:gd name="connsiteY239" fmla="*/ 1300 h 10000"/>
                  <a:gd name="connsiteX240" fmla="*/ 7005 w 10000"/>
                  <a:gd name="connsiteY240" fmla="*/ 1315 h 10000"/>
                  <a:gd name="connsiteX241" fmla="*/ 7132 w 10000"/>
                  <a:gd name="connsiteY241" fmla="*/ 1300 h 10000"/>
                  <a:gd name="connsiteX242" fmla="*/ 7234 w 10000"/>
                  <a:gd name="connsiteY242" fmla="*/ 1285 h 10000"/>
                  <a:gd name="connsiteX243" fmla="*/ 7309 w 10000"/>
                  <a:gd name="connsiteY243" fmla="*/ 1241 h 10000"/>
                  <a:gd name="connsiteX244" fmla="*/ 7361 w 10000"/>
                  <a:gd name="connsiteY244" fmla="*/ 1167 h 10000"/>
                  <a:gd name="connsiteX245" fmla="*/ 7385 w 10000"/>
                  <a:gd name="connsiteY245" fmla="*/ 1064 h 10000"/>
                  <a:gd name="connsiteX246" fmla="*/ 7766 w 10000"/>
                  <a:gd name="connsiteY246" fmla="*/ 1034 h 10000"/>
                  <a:gd name="connsiteX247" fmla="*/ 8121 w 10000"/>
                  <a:gd name="connsiteY247" fmla="*/ 1004 h 10000"/>
                  <a:gd name="connsiteX248" fmla="*/ 8427 w 10000"/>
                  <a:gd name="connsiteY248" fmla="*/ 990 h 10000"/>
                  <a:gd name="connsiteX249" fmla="*/ 8706 w 10000"/>
                  <a:gd name="connsiteY249" fmla="*/ 1004 h 10000"/>
                  <a:gd name="connsiteX250" fmla="*/ 8833 w 10000"/>
                  <a:gd name="connsiteY250" fmla="*/ 1019 h 10000"/>
                  <a:gd name="connsiteX251" fmla="*/ 8958 w 10000"/>
                  <a:gd name="connsiteY251" fmla="*/ 1034 h 10000"/>
                  <a:gd name="connsiteX252" fmla="*/ 9061 w 10000"/>
                  <a:gd name="connsiteY252" fmla="*/ 1064 h 10000"/>
                  <a:gd name="connsiteX253" fmla="*/ 9188 w 10000"/>
                  <a:gd name="connsiteY253" fmla="*/ 1108 h 10000"/>
                  <a:gd name="connsiteX254" fmla="*/ 9264 w 10000"/>
                  <a:gd name="connsiteY254" fmla="*/ 1182 h 10000"/>
                  <a:gd name="connsiteX255" fmla="*/ 9339 w 10000"/>
                  <a:gd name="connsiteY255" fmla="*/ 1241 h 10000"/>
                  <a:gd name="connsiteX256" fmla="*/ 9391 w 10000"/>
                  <a:gd name="connsiteY256" fmla="*/ 1329 h 10000"/>
                  <a:gd name="connsiteX257" fmla="*/ 9442 w 10000"/>
                  <a:gd name="connsiteY257" fmla="*/ 1433 h 10000"/>
                  <a:gd name="connsiteX258" fmla="*/ 9492 w 10000"/>
                  <a:gd name="connsiteY258" fmla="*/ 1551 h 10000"/>
                  <a:gd name="connsiteX259" fmla="*/ 9466 w 10000"/>
                  <a:gd name="connsiteY259" fmla="*/ 1625 h 10000"/>
                  <a:gd name="connsiteX260" fmla="*/ 9442 w 10000"/>
                  <a:gd name="connsiteY260" fmla="*/ 1684 h 10000"/>
                  <a:gd name="connsiteX261" fmla="*/ 9391 w 10000"/>
                  <a:gd name="connsiteY261" fmla="*/ 1758 h 10000"/>
                  <a:gd name="connsiteX262" fmla="*/ 9315 w 10000"/>
                  <a:gd name="connsiteY262" fmla="*/ 1802 h 10000"/>
                  <a:gd name="connsiteX263" fmla="*/ 9264 w 10000"/>
                  <a:gd name="connsiteY263" fmla="*/ 1861 h 10000"/>
                  <a:gd name="connsiteX264" fmla="*/ 9240 w 10000"/>
                  <a:gd name="connsiteY264" fmla="*/ 1935 h 10000"/>
                  <a:gd name="connsiteX265" fmla="*/ 9264 w 10000"/>
                  <a:gd name="connsiteY265" fmla="*/ 2024 h 10000"/>
                  <a:gd name="connsiteX266" fmla="*/ 9543 w 10000"/>
                  <a:gd name="connsiteY266" fmla="*/ 2157 h 10000"/>
                  <a:gd name="connsiteX267" fmla="*/ 9873 w 10000"/>
                  <a:gd name="connsiteY267" fmla="*/ 2275 h 10000"/>
                  <a:gd name="connsiteX268" fmla="*/ 10000 w 10000"/>
                  <a:gd name="connsiteY268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315 w 10000"/>
                  <a:gd name="connsiteY14" fmla="*/ 3235 h 10000"/>
                  <a:gd name="connsiteX15" fmla="*/ 9415 w 10000"/>
                  <a:gd name="connsiteY15" fmla="*/ 3117 h 10000"/>
                  <a:gd name="connsiteX16" fmla="*/ 9442 w 10000"/>
                  <a:gd name="connsiteY16" fmla="*/ 3072 h 10000"/>
                  <a:gd name="connsiteX17" fmla="*/ 9466 w 10000"/>
                  <a:gd name="connsiteY17" fmla="*/ 3013 h 10000"/>
                  <a:gd name="connsiteX18" fmla="*/ 9466 w 10000"/>
                  <a:gd name="connsiteY18" fmla="*/ 2954 h 10000"/>
                  <a:gd name="connsiteX19" fmla="*/ 9442 w 10000"/>
                  <a:gd name="connsiteY19" fmla="*/ 2866 h 10000"/>
                  <a:gd name="connsiteX20" fmla="*/ 9264 w 10000"/>
                  <a:gd name="connsiteY20" fmla="*/ 2984 h 10000"/>
                  <a:gd name="connsiteX21" fmla="*/ 9061 w 10000"/>
                  <a:gd name="connsiteY21" fmla="*/ 3072 h 10000"/>
                  <a:gd name="connsiteX22" fmla="*/ 8857 w 10000"/>
                  <a:gd name="connsiteY22" fmla="*/ 3161 h 10000"/>
                  <a:gd name="connsiteX23" fmla="*/ 8197 w 10000"/>
                  <a:gd name="connsiteY23" fmla="*/ 3397 h 10000"/>
                  <a:gd name="connsiteX24" fmla="*/ 7716 w 10000"/>
                  <a:gd name="connsiteY24" fmla="*/ 3545 h 10000"/>
                  <a:gd name="connsiteX25" fmla="*/ 7234 w 10000"/>
                  <a:gd name="connsiteY25" fmla="*/ 3678 h 10000"/>
                  <a:gd name="connsiteX26" fmla="*/ 6776 w 10000"/>
                  <a:gd name="connsiteY26" fmla="*/ 3840 h 10000"/>
                  <a:gd name="connsiteX27" fmla="*/ 6548 w 10000"/>
                  <a:gd name="connsiteY27" fmla="*/ 3914 h 10000"/>
                  <a:gd name="connsiteX28" fmla="*/ 6345 w 10000"/>
                  <a:gd name="connsiteY28" fmla="*/ 4003 h 10000"/>
                  <a:gd name="connsiteX29" fmla="*/ 6143 w 10000"/>
                  <a:gd name="connsiteY29" fmla="*/ 4106 h 10000"/>
                  <a:gd name="connsiteX30" fmla="*/ 5938 w 10000"/>
                  <a:gd name="connsiteY30" fmla="*/ 4195 h 10000"/>
                  <a:gd name="connsiteX31" fmla="*/ 6091 w 10000"/>
                  <a:gd name="connsiteY31" fmla="*/ 4417 h 10000"/>
                  <a:gd name="connsiteX32" fmla="*/ 6193 w 10000"/>
                  <a:gd name="connsiteY32" fmla="*/ 4623 h 10000"/>
                  <a:gd name="connsiteX33" fmla="*/ 6294 w 10000"/>
                  <a:gd name="connsiteY33" fmla="*/ 4845 h 10000"/>
                  <a:gd name="connsiteX34" fmla="*/ 6369 w 10000"/>
                  <a:gd name="connsiteY34" fmla="*/ 5081 h 10000"/>
                  <a:gd name="connsiteX35" fmla="*/ 6421 w 10000"/>
                  <a:gd name="connsiteY35" fmla="*/ 5318 h 10000"/>
                  <a:gd name="connsiteX36" fmla="*/ 6447 w 10000"/>
                  <a:gd name="connsiteY36" fmla="*/ 5539 h 10000"/>
                  <a:gd name="connsiteX37" fmla="*/ 6471 w 10000"/>
                  <a:gd name="connsiteY37" fmla="*/ 5775 h 10000"/>
                  <a:gd name="connsiteX38" fmla="*/ 6471 w 10000"/>
                  <a:gd name="connsiteY38" fmla="*/ 5997 h 10000"/>
                  <a:gd name="connsiteX39" fmla="*/ 6447 w 10000"/>
                  <a:gd name="connsiteY39" fmla="*/ 6233 h 10000"/>
                  <a:gd name="connsiteX40" fmla="*/ 6396 w 10000"/>
                  <a:gd name="connsiteY40" fmla="*/ 6470 h 10000"/>
                  <a:gd name="connsiteX41" fmla="*/ 6345 w 10000"/>
                  <a:gd name="connsiteY41" fmla="*/ 6677 h 10000"/>
                  <a:gd name="connsiteX42" fmla="*/ 6269 w 10000"/>
                  <a:gd name="connsiteY42" fmla="*/ 6898 h 10000"/>
                  <a:gd name="connsiteX43" fmla="*/ 6168 w 10000"/>
                  <a:gd name="connsiteY43" fmla="*/ 7105 h 10000"/>
                  <a:gd name="connsiteX44" fmla="*/ 6041 w 10000"/>
                  <a:gd name="connsiteY44" fmla="*/ 7297 h 10000"/>
                  <a:gd name="connsiteX45" fmla="*/ 5888 w 10000"/>
                  <a:gd name="connsiteY45" fmla="*/ 7489 h 10000"/>
                  <a:gd name="connsiteX46" fmla="*/ 5735 w 10000"/>
                  <a:gd name="connsiteY46" fmla="*/ 7681 h 10000"/>
                  <a:gd name="connsiteX47" fmla="*/ 6471 w 10000"/>
                  <a:gd name="connsiteY47" fmla="*/ 7799 h 10000"/>
                  <a:gd name="connsiteX48" fmla="*/ 7234 w 10000"/>
                  <a:gd name="connsiteY48" fmla="*/ 7962 h 10000"/>
                  <a:gd name="connsiteX49" fmla="*/ 7385 w 10000"/>
                  <a:gd name="connsiteY49" fmla="*/ 8021 h 10000"/>
                  <a:gd name="connsiteX50" fmla="*/ 7512 w 10000"/>
                  <a:gd name="connsiteY50" fmla="*/ 8080 h 10000"/>
                  <a:gd name="connsiteX51" fmla="*/ 7639 w 10000"/>
                  <a:gd name="connsiteY51" fmla="*/ 8139 h 10000"/>
                  <a:gd name="connsiteX52" fmla="*/ 7716 w 10000"/>
                  <a:gd name="connsiteY52" fmla="*/ 8227 h 10000"/>
                  <a:gd name="connsiteX53" fmla="*/ 7741 w 10000"/>
                  <a:gd name="connsiteY53" fmla="*/ 8301 h 10000"/>
                  <a:gd name="connsiteX54" fmla="*/ 7741 w 10000"/>
                  <a:gd name="connsiteY54" fmla="*/ 8405 h 10000"/>
                  <a:gd name="connsiteX55" fmla="*/ 7691 w 10000"/>
                  <a:gd name="connsiteY55" fmla="*/ 8523 h 10000"/>
                  <a:gd name="connsiteX56" fmla="*/ 7614 w 10000"/>
                  <a:gd name="connsiteY56" fmla="*/ 8641 h 10000"/>
                  <a:gd name="connsiteX57" fmla="*/ 7284 w 10000"/>
                  <a:gd name="connsiteY57" fmla="*/ 8552 h 10000"/>
                  <a:gd name="connsiteX58" fmla="*/ 6979 w 10000"/>
                  <a:gd name="connsiteY58" fmla="*/ 8449 h 10000"/>
                  <a:gd name="connsiteX59" fmla="*/ 6674 w 10000"/>
                  <a:gd name="connsiteY59" fmla="*/ 8360 h 10000"/>
                  <a:gd name="connsiteX60" fmla="*/ 6369 w 10000"/>
                  <a:gd name="connsiteY60" fmla="*/ 8287 h 10000"/>
                  <a:gd name="connsiteX61" fmla="*/ 6243 w 10000"/>
                  <a:gd name="connsiteY61" fmla="*/ 8449 h 10000"/>
                  <a:gd name="connsiteX62" fmla="*/ 6143 w 10000"/>
                  <a:gd name="connsiteY62" fmla="*/ 8597 h 10000"/>
                  <a:gd name="connsiteX63" fmla="*/ 6091 w 10000"/>
                  <a:gd name="connsiteY63" fmla="*/ 8656 h 10000"/>
                  <a:gd name="connsiteX64" fmla="*/ 5989 w 10000"/>
                  <a:gd name="connsiteY64" fmla="*/ 8700 h 10000"/>
                  <a:gd name="connsiteX65" fmla="*/ 5914 w 10000"/>
                  <a:gd name="connsiteY65" fmla="*/ 8744 h 10000"/>
                  <a:gd name="connsiteX66" fmla="*/ 5838 w 10000"/>
                  <a:gd name="connsiteY66" fmla="*/ 8774 h 10000"/>
                  <a:gd name="connsiteX67" fmla="*/ 5761 w 10000"/>
                  <a:gd name="connsiteY67" fmla="*/ 8804 h 10000"/>
                  <a:gd name="connsiteX68" fmla="*/ 5660 w 10000"/>
                  <a:gd name="connsiteY68" fmla="*/ 8818 h 10000"/>
                  <a:gd name="connsiteX69" fmla="*/ 5532 w 10000"/>
                  <a:gd name="connsiteY69" fmla="*/ 8833 h 10000"/>
                  <a:gd name="connsiteX70" fmla="*/ 5406 w 10000"/>
                  <a:gd name="connsiteY70" fmla="*/ 8833 h 10000"/>
                  <a:gd name="connsiteX71" fmla="*/ 5102 w 10000"/>
                  <a:gd name="connsiteY71" fmla="*/ 8818 h 10000"/>
                  <a:gd name="connsiteX72" fmla="*/ 4720 w 10000"/>
                  <a:gd name="connsiteY72" fmla="*/ 8744 h 10000"/>
                  <a:gd name="connsiteX73" fmla="*/ 4720 w 10000"/>
                  <a:gd name="connsiteY73" fmla="*/ 8922 h 10000"/>
                  <a:gd name="connsiteX74" fmla="*/ 4695 w 10000"/>
                  <a:gd name="connsiteY74" fmla="*/ 9069 h 10000"/>
                  <a:gd name="connsiteX75" fmla="*/ 4671 w 10000"/>
                  <a:gd name="connsiteY75" fmla="*/ 9232 h 10000"/>
                  <a:gd name="connsiteX76" fmla="*/ 4644 w 10000"/>
                  <a:gd name="connsiteY76" fmla="*/ 9365 h 10000"/>
                  <a:gd name="connsiteX77" fmla="*/ 4593 w 10000"/>
                  <a:gd name="connsiteY77" fmla="*/ 9498 h 10000"/>
                  <a:gd name="connsiteX78" fmla="*/ 4493 w 10000"/>
                  <a:gd name="connsiteY78" fmla="*/ 9616 h 10000"/>
                  <a:gd name="connsiteX79" fmla="*/ 4416 w 10000"/>
                  <a:gd name="connsiteY79" fmla="*/ 9734 h 10000"/>
                  <a:gd name="connsiteX80" fmla="*/ 4289 w 10000"/>
                  <a:gd name="connsiteY80" fmla="*/ 9838 h 10000"/>
                  <a:gd name="connsiteX81" fmla="*/ 3983 w 10000"/>
                  <a:gd name="connsiteY81" fmla="*/ 9897 h 10000"/>
                  <a:gd name="connsiteX82" fmla="*/ 3731 w 10000"/>
                  <a:gd name="connsiteY82" fmla="*/ 9941 h 10000"/>
                  <a:gd name="connsiteX83" fmla="*/ 3426 w 10000"/>
                  <a:gd name="connsiteY83" fmla="*/ 9985 h 10000"/>
                  <a:gd name="connsiteX84" fmla="*/ 3198 w 10000"/>
                  <a:gd name="connsiteY84" fmla="*/ 10000 h 10000"/>
                  <a:gd name="connsiteX85" fmla="*/ 2690 w 10000"/>
                  <a:gd name="connsiteY85" fmla="*/ 10000 h 10000"/>
                  <a:gd name="connsiteX86" fmla="*/ 2208 w 10000"/>
                  <a:gd name="connsiteY86" fmla="*/ 9985 h 10000"/>
                  <a:gd name="connsiteX87" fmla="*/ 1752 w 10000"/>
                  <a:gd name="connsiteY87" fmla="*/ 9941 h 10000"/>
                  <a:gd name="connsiteX88" fmla="*/ 1270 w 10000"/>
                  <a:gd name="connsiteY88" fmla="*/ 9911 h 10000"/>
                  <a:gd name="connsiteX89" fmla="*/ 990 w 10000"/>
                  <a:gd name="connsiteY89" fmla="*/ 9911 h 10000"/>
                  <a:gd name="connsiteX90" fmla="*/ 736 w 10000"/>
                  <a:gd name="connsiteY90" fmla="*/ 9911 h 10000"/>
                  <a:gd name="connsiteX91" fmla="*/ 457 w 10000"/>
                  <a:gd name="connsiteY91" fmla="*/ 9926 h 10000"/>
                  <a:gd name="connsiteX92" fmla="*/ 178 w 10000"/>
                  <a:gd name="connsiteY92" fmla="*/ 9970 h 10000"/>
                  <a:gd name="connsiteX93" fmla="*/ 102 w 10000"/>
                  <a:gd name="connsiteY93" fmla="*/ 9867 h 10000"/>
                  <a:gd name="connsiteX94" fmla="*/ 51 w 10000"/>
                  <a:gd name="connsiteY94" fmla="*/ 9793 h 10000"/>
                  <a:gd name="connsiteX95" fmla="*/ 0 w 10000"/>
                  <a:gd name="connsiteY95" fmla="*/ 9705 h 10000"/>
                  <a:gd name="connsiteX96" fmla="*/ 0 w 10000"/>
                  <a:gd name="connsiteY96" fmla="*/ 9601 h 10000"/>
                  <a:gd name="connsiteX97" fmla="*/ 51 w 10000"/>
                  <a:gd name="connsiteY97" fmla="*/ 9424 h 10000"/>
                  <a:gd name="connsiteX98" fmla="*/ 102 w 10000"/>
                  <a:gd name="connsiteY98" fmla="*/ 9202 h 10000"/>
                  <a:gd name="connsiteX99" fmla="*/ 151 w 10000"/>
                  <a:gd name="connsiteY99" fmla="*/ 8996 h 10000"/>
                  <a:gd name="connsiteX100" fmla="*/ 203 w 10000"/>
                  <a:gd name="connsiteY100" fmla="*/ 8759 h 10000"/>
                  <a:gd name="connsiteX101" fmla="*/ 228 w 10000"/>
                  <a:gd name="connsiteY101" fmla="*/ 8641 h 10000"/>
                  <a:gd name="connsiteX102" fmla="*/ 228 w 10000"/>
                  <a:gd name="connsiteY102" fmla="*/ 8538 h 10000"/>
                  <a:gd name="connsiteX103" fmla="*/ 203 w 10000"/>
                  <a:gd name="connsiteY103" fmla="*/ 8405 h 10000"/>
                  <a:gd name="connsiteX104" fmla="*/ 178 w 10000"/>
                  <a:gd name="connsiteY104" fmla="*/ 8287 h 10000"/>
                  <a:gd name="connsiteX105" fmla="*/ 431 w 10000"/>
                  <a:gd name="connsiteY105" fmla="*/ 8213 h 10000"/>
                  <a:gd name="connsiteX106" fmla="*/ 685 w 10000"/>
                  <a:gd name="connsiteY106" fmla="*/ 8139 h 10000"/>
                  <a:gd name="connsiteX107" fmla="*/ 939 w 10000"/>
                  <a:gd name="connsiteY107" fmla="*/ 8095 h 10000"/>
                  <a:gd name="connsiteX108" fmla="*/ 1218 w 10000"/>
                  <a:gd name="connsiteY108" fmla="*/ 8065 h 10000"/>
                  <a:gd name="connsiteX109" fmla="*/ 1725 w 10000"/>
                  <a:gd name="connsiteY109" fmla="*/ 8021 h 10000"/>
                  <a:gd name="connsiteX110" fmla="*/ 2234 w 10000"/>
                  <a:gd name="connsiteY110" fmla="*/ 7976 h 10000"/>
                  <a:gd name="connsiteX111" fmla="*/ 2462 w 10000"/>
                  <a:gd name="connsiteY111" fmla="*/ 7947 h 10000"/>
                  <a:gd name="connsiteX112" fmla="*/ 2690 w 10000"/>
                  <a:gd name="connsiteY112" fmla="*/ 7917 h 10000"/>
                  <a:gd name="connsiteX113" fmla="*/ 2892 w 10000"/>
                  <a:gd name="connsiteY113" fmla="*/ 7843 h 10000"/>
                  <a:gd name="connsiteX114" fmla="*/ 3096 w 10000"/>
                  <a:gd name="connsiteY114" fmla="*/ 7784 h 10000"/>
                  <a:gd name="connsiteX115" fmla="*/ 3274 w 10000"/>
                  <a:gd name="connsiteY115" fmla="*/ 7710 h 10000"/>
                  <a:gd name="connsiteX116" fmla="*/ 3426 w 10000"/>
                  <a:gd name="connsiteY116" fmla="*/ 7592 h 10000"/>
                  <a:gd name="connsiteX117" fmla="*/ 3579 w 10000"/>
                  <a:gd name="connsiteY117" fmla="*/ 7474 h 10000"/>
                  <a:gd name="connsiteX118" fmla="*/ 3680 w 10000"/>
                  <a:gd name="connsiteY118" fmla="*/ 7312 h 10000"/>
                  <a:gd name="connsiteX119" fmla="*/ 3477 w 10000"/>
                  <a:gd name="connsiteY119" fmla="*/ 7238 h 10000"/>
                  <a:gd name="connsiteX120" fmla="*/ 3299 w 10000"/>
                  <a:gd name="connsiteY120" fmla="*/ 7179 h 10000"/>
                  <a:gd name="connsiteX121" fmla="*/ 3147 w 10000"/>
                  <a:gd name="connsiteY121" fmla="*/ 7090 h 10000"/>
                  <a:gd name="connsiteX122" fmla="*/ 2995 w 10000"/>
                  <a:gd name="connsiteY122" fmla="*/ 6987 h 10000"/>
                  <a:gd name="connsiteX123" fmla="*/ 2892 w 10000"/>
                  <a:gd name="connsiteY123" fmla="*/ 6869 h 10000"/>
                  <a:gd name="connsiteX124" fmla="*/ 2843 w 10000"/>
                  <a:gd name="connsiteY124" fmla="*/ 6721 h 10000"/>
                  <a:gd name="connsiteX125" fmla="*/ 2817 w 10000"/>
                  <a:gd name="connsiteY125" fmla="*/ 6558 h 10000"/>
                  <a:gd name="connsiteX126" fmla="*/ 2843 w 10000"/>
                  <a:gd name="connsiteY126" fmla="*/ 6352 h 10000"/>
                  <a:gd name="connsiteX127" fmla="*/ 2716 w 10000"/>
                  <a:gd name="connsiteY127" fmla="*/ 6322 h 10000"/>
                  <a:gd name="connsiteX128" fmla="*/ 2564 w 10000"/>
                  <a:gd name="connsiteY128" fmla="*/ 6292 h 10000"/>
                  <a:gd name="connsiteX129" fmla="*/ 2386 w 10000"/>
                  <a:gd name="connsiteY129" fmla="*/ 6278 h 10000"/>
                  <a:gd name="connsiteX130" fmla="*/ 2208 w 10000"/>
                  <a:gd name="connsiteY130" fmla="*/ 6263 h 10000"/>
                  <a:gd name="connsiteX131" fmla="*/ 1853 w 10000"/>
                  <a:gd name="connsiteY131" fmla="*/ 6248 h 10000"/>
                  <a:gd name="connsiteX132" fmla="*/ 1472 w 10000"/>
                  <a:gd name="connsiteY132" fmla="*/ 6263 h 10000"/>
                  <a:gd name="connsiteX133" fmla="*/ 1143 w 10000"/>
                  <a:gd name="connsiteY133" fmla="*/ 6278 h 10000"/>
                  <a:gd name="connsiteX134" fmla="*/ 837 w 10000"/>
                  <a:gd name="connsiteY134" fmla="*/ 6278 h 10000"/>
                  <a:gd name="connsiteX135" fmla="*/ 585 w 10000"/>
                  <a:gd name="connsiteY135" fmla="*/ 6263 h 10000"/>
                  <a:gd name="connsiteX136" fmla="*/ 381 w 10000"/>
                  <a:gd name="connsiteY136" fmla="*/ 6233 h 10000"/>
                  <a:gd name="connsiteX137" fmla="*/ 633 w 10000"/>
                  <a:gd name="connsiteY137" fmla="*/ 5805 h 10000"/>
                  <a:gd name="connsiteX138" fmla="*/ 914 w 10000"/>
                  <a:gd name="connsiteY138" fmla="*/ 5391 h 10000"/>
                  <a:gd name="connsiteX139" fmla="*/ 1016 w 10000"/>
                  <a:gd name="connsiteY139" fmla="*/ 5170 h 10000"/>
                  <a:gd name="connsiteX140" fmla="*/ 1091 w 10000"/>
                  <a:gd name="connsiteY140" fmla="*/ 4963 h 10000"/>
                  <a:gd name="connsiteX141" fmla="*/ 1116 w 10000"/>
                  <a:gd name="connsiteY141" fmla="*/ 4860 h 10000"/>
                  <a:gd name="connsiteX142" fmla="*/ 1091 w 10000"/>
                  <a:gd name="connsiteY142" fmla="*/ 4756 h 10000"/>
                  <a:gd name="connsiteX143" fmla="*/ 1066 w 10000"/>
                  <a:gd name="connsiteY143" fmla="*/ 4653 h 10000"/>
                  <a:gd name="connsiteX144" fmla="*/ 990 w 10000"/>
                  <a:gd name="connsiteY144" fmla="*/ 4549 h 10000"/>
                  <a:gd name="connsiteX145" fmla="*/ 1270 w 10000"/>
                  <a:gd name="connsiteY145" fmla="*/ 4520 h 10000"/>
                  <a:gd name="connsiteX146" fmla="*/ 1472 w 10000"/>
                  <a:gd name="connsiteY146" fmla="*/ 4505 h 10000"/>
                  <a:gd name="connsiteX147" fmla="*/ 1650 w 10000"/>
                  <a:gd name="connsiteY147" fmla="*/ 4505 h 10000"/>
                  <a:gd name="connsiteX148" fmla="*/ 1802 w 10000"/>
                  <a:gd name="connsiteY148" fmla="*/ 4520 h 10000"/>
                  <a:gd name="connsiteX149" fmla="*/ 1929 w 10000"/>
                  <a:gd name="connsiteY149" fmla="*/ 4520 h 10000"/>
                  <a:gd name="connsiteX150" fmla="*/ 2081 w 10000"/>
                  <a:gd name="connsiteY150" fmla="*/ 4520 h 10000"/>
                  <a:gd name="connsiteX151" fmla="*/ 2234 w 10000"/>
                  <a:gd name="connsiteY151" fmla="*/ 4490 h 10000"/>
                  <a:gd name="connsiteX152" fmla="*/ 2436 w 10000"/>
                  <a:gd name="connsiteY152" fmla="*/ 4446 h 10000"/>
                  <a:gd name="connsiteX153" fmla="*/ 2436 w 10000"/>
                  <a:gd name="connsiteY153" fmla="*/ 4579 h 10000"/>
                  <a:gd name="connsiteX154" fmla="*/ 2436 w 10000"/>
                  <a:gd name="connsiteY154" fmla="*/ 4742 h 10000"/>
                  <a:gd name="connsiteX155" fmla="*/ 2436 w 10000"/>
                  <a:gd name="connsiteY155" fmla="*/ 4874 h 10000"/>
                  <a:gd name="connsiteX156" fmla="*/ 2436 w 10000"/>
                  <a:gd name="connsiteY156" fmla="*/ 5037 h 10000"/>
                  <a:gd name="connsiteX157" fmla="*/ 2665 w 10000"/>
                  <a:gd name="connsiteY157" fmla="*/ 5022 h 10000"/>
                  <a:gd name="connsiteX158" fmla="*/ 2817 w 10000"/>
                  <a:gd name="connsiteY158" fmla="*/ 5037 h 10000"/>
                  <a:gd name="connsiteX159" fmla="*/ 2944 w 10000"/>
                  <a:gd name="connsiteY159" fmla="*/ 5066 h 10000"/>
                  <a:gd name="connsiteX160" fmla="*/ 3071 w 10000"/>
                  <a:gd name="connsiteY160" fmla="*/ 5096 h 10000"/>
                  <a:gd name="connsiteX161" fmla="*/ 3173 w 10000"/>
                  <a:gd name="connsiteY161" fmla="*/ 5126 h 10000"/>
                  <a:gd name="connsiteX162" fmla="*/ 3299 w 10000"/>
                  <a:gd name="connsiteY162" fmla="*/ 5155 h 10000"/>
                  <a:gd name="connsiteX163" fmla="*/ 3452 w 10000"/>
                  <a:gd name="connsiteY163" fmla="*/ 5170 h 10000"/>
                  <a:gd name="connsiteX164" fmla="*/ 3680 w 10000"/>
                  <a:gd name="connsiteY164" fmla="*/ 5155 h 10000"/>
                  <a:gd name="connsiteX165" fmla="*/ 3757 w 10000"/>
                  <a:gd name="connsiteY165" fmla="*/ 5096 h 10000"/>
                  <a:gd name="connsiteX166" fmla="*/ 3832 w 10000"/>
                  <a:gd name="connsiteY166" fmla="*/ 5022 h 10000"/>
                  <a:gd name="connsiteX167" fmla="*/ 3857 w 10000"/>
                  <a:gd name="connsiteY167" fmla="*/ 4934 h 10000"/>
                  <a:gd name="connsiteX168" fmla="*/ 3884 w 10000"/>
                  <a:gd name="connsiteY168" fmla="*/ 4860 h 10000"/>
                  <a:gd name="connsiteX169" fmla="*/ 3908 w 10000"/>
                  <a:gd name="connsiteY169" fmla="*/ 4697 h 10000"/>
                  <a:gd name="connsiteX170" fmla="*/ 3884 w 10000"/>
                  <a:gd name="connsiteY170" fmla="*/ 4520 h 10000"/>
                  <a:gd name="connsiteX171" fmla="*/ 3807 w 10000"/>
                  <a:gd name="connsiteY171" fmla="*/ 4343 h 10000"/>
                  <a:gd name="connsiteX172" fmla="*/ 3731 w 10000"/>
                  <a:gd name="connsiteY172" fmla="*/ 4195 h 10000"/>
                  <a:gd name="connsiteX173" fmla="*/ 3604 w 10000"/>
                  <a:gd name="connsiteY173" fmla="*/ 4047 h 10000"/>
                  <a:gd name="connsiteX174" fmla="*/ 3477 w 10000"/>
                  <a:gd name="connsiteY174" fmla="*/ 3959 h 10000"/>
                  <a:gd name="connsiteX175" fmla="*/ 3629 w 10000"/>
                  <a:gd name="connsiteY175" fmla="*/ 3944 h 10000"/>
                  <a:gd name="connsiteX176" fmla="*/ 3757 w 10000"/>
                  <a:gd name="connsiteY176" fmla="*/ 3914 h 10000"/>
                  <a:gd name="connsiteX177" fmla="*/ 3857 w 10000"/>
                  <a:gd name="connsiteY177" fmla="*/ 3855 h 10000"/>
                  <a:gd name="connsiteX178" fmla="*/ 3983 w 10000"/>
                  <a:gd name="connsiteY178" fmla="*/ 3752 h 10000"/>
                  <a:gd name="connsiteX179" fmla="*/ 4111 w 10000"/>
                  <a:gd name="connsiteY179" fmla="*/ 3663 h 10000"/>
                  <a:gd name="connsiteX180" fmla="*/ 4213 w 10000"/>
                  <a:gd name="connsiteY180" fmla="*/ 3560 h 10000"/>
                  <a:gd name="connsiteX181" fmla="*/ 4289 w 10000"/>
                  <a:gd name="connsiteY181" fmla="*/ 3442 h 10000"/>
                  <a:gd name="connsiteX182" fmla="*/ 4366 w 10000"/>
                  <a:gd name="connsiteY182" fmla="*/ 3323 h 10000"/>
                  <a:gd name="connsiteX183" fmla="*/ 4416 w 10000"/>
                  <a:gd name="connsiteY183" fmla="*/ 3220 h 10000"/>
                  <a:gd name="connsiteX184" fmla="*/ 4441 w 10000"/>
                  <a:gd name="connsiteY184" fmla="*/ 3102 h 10000"/>
                  <a:gd name="connsiteX185" fmla="*/ 4468 w 10000"/>
                  <a:gd name="connsiteY185" fmla="*/ 3013 h 10000"/>
                  <a:gd name="connsiteX186" fmla="*/ 4441 w 10000"/>
                  <a:gd name="connsiteY186" fmla="*/ 2939 h 10000"/>
                  <a:gd name="connsiteX187" fmla="*/ 4416 w 10000"/>
                  <a:gd name="connsiteY187" fmla="*/ 2866 h 10000"/>
                  <a:gd name="connsiteX188" fmla="*/ 4340 w 10000"/>
                  <a:gd name="connsiteY188" fmla="*/ 2836 h 10000"/>
                  <a:gd name="connsiteX189" fmla="*/ 4239 w 10000"/>
                  <a:gd name="connsiteY189" fmla="*/ 2836 h 10000"/>
                  <a:gd name="connsiteX190" fmla="*/ 4111 w 10000"/>
                  <a:gd name="connsiteY190" fmla="*/ 2866 h 10000"/>
                  <a:gd name="connsiteX191" fmla="*/ 4213 w 10000"/>
                  <a:gd name="connsiteY191" fmla="*/ 2777 h 10000"/>
                  <a:gd name="connsiteX192" fmla="*/ 4265 w 10000"/>
                  <a:gd name="connsiteY192" fmla="*/ 2674 h 10000"/>
                  <a:gd name="connsiteX193" fmla="*/ 4289 w 10000"/>
                  <a:gd name="connsiteY193" fmla="*/ 2541 h 10000"/>
                  <a:gd name="connsiteX194" fmla="*/ 4289 w 10000"/>
                  <a:gd name="connsiteY194" fmla="*/ 2393 h 10000"/>
                  <a:gd name="connsiteX195" fmla="*/ 4314 w 10000"/>
                  <a:gd name="connsiteY195" fmla="*/ 2349 h 10000"/>
                  <a:gd name="connsiteX196" fmla="*/ 4366 w 10000"/>
                  <a:gd name="connsiteY196" fmla="*/ 2304 h 10000"/>
                  <a:gd name="connsiteX197" fmla="*/ 4416 w 10000"/>
                  <a:gd name="connsiteY197" fmla="*/ 2290 h 10000"/>
                  <a:gd name="connsiteX198" fmla="*/ 4493 w 10000"/>
                  <a:gd name="connsiteY198" fmla="*/ 2275 h 10000"/>
                  <a:gd name="connsiteX199" fmla="*/ 4720 w 10000"/>
                  <a:gd name="connsiteY199" fmla="*/ 2260 h 10000"/>
                  <a:gd name="connsiteX200" fmla="*/ 4923 w 10000"/>
                  <a:gd name="connsiteY200" fmla="*/ 2275 h 10000"/>
                  <a:gd name="connsiteX201" fmla="*/ 4898 w 10000"/>
                  <a:gd name="connsiteY201" fmla="*/ 2112 h 10000"/>
                  <a:gd name="connsiteX202" fmla="*/ 4848 w 10000"/>
                  <a:gd name="connsiteY202" fmla="*/ 1950 h 10000"/>
                  <a:gd name="connsiteX203" fmla="*/ 4771 w 10000"/>
                  <a:gd name="connsiteY203" fmla="*/ 1802 h 10000"/>
                  <a:gd name="connsiteX204" fmla="*/ 4671 w 10000"/>
                  <a:gd name="connsiteY204" fmla="*/ 1640 h 10000"/>
                  <a:gd name="connsiteX205" fmla="*/ 4416 w 10000"/>
                  <a:gd name="connsiteY205" fmla="*/ 1329 h 10000"/>
                  <a:gd name="connsiteX206" fmla="*/ 4162 w 10000"/>
                  <a:gd name="connsiteY206" fmla="*/ 1034 h 10000"/>
                  <a:gd name="connsiteX207" fmla="*/ 4035 w 10000"/>
                  <a:gd name="connsiteY207" fmla="*/ 901 h 10000"/>
                  <a:gd name="connsiteX208" fmla="*/ 3935 w 10000"/>
                  <a:gd name="connsiteY208" fmla="*/ 753 h 10000"/>
                  <a:gd name="connsiteX209" fmla="*/ 3857 w 10000"/>
                  <a:gd name="connsiteY209" fmla="*/ 620 h 10000"/>
                  <a:gd name="connsiteX210" fmla="*/ 3832 w 10000"/>
                  <a:gd name="connsiteY210" fmla="*/ 487 h 10000"/>
                  <a:gd name="connsiteX211" fmla="*/ 3807 w 10000"/>
                  <a:gd name="connsiteY211" fmla="*/ 355 h 10000"/>
                  <a:gd name="connsiteX212" fmla="*/ 3857 w 10000"/>
                  <a:gd name="connsiteY212" fmla="*/ 222 h 10000"/>
                  <a:gd name="connsiteX213" fmla="*/ 3884 w 10000"/>
                  <a:gd name="connsiteY213" fmla="*/ 162 h 10000"/>
                  <a:gd name="connsiteX214" fmla="*/ 3935 w 10000"/>
                  <a:gd name="connsiteY214" fmla="*/ 103 h 10000"/>
                  <a:gd name="connsiteX215" fmla="*/ 4011 w 10000"/>
                  <a:gd name="connsiteY215" fmla="*/ 59 h 10000"/>
                  <a:gd name="connsiteX216" fmla="*/ 4111 w 10000"/>
                  <a:gd name="connsiteY216" fmla="*/ 0 h 10000"/>
                  <a:gd name="connsiteX217" fmla="*/ 4289 w 10000"/>
                  <a:gd name="connsiteY217" fmla="*/ 0 h 10000"/>
                  <a:gd name="connsiteX218" fmla="*/ 4468 w 10000"/>
                  <a:gd name="connsiteY218" fmla="*/ 15 h 10000"/>
                  <a:gd name="connsiteX219" fmla="*/ 4644 w 10000"/>
                  <a:gd name="connsiteY219" fmla="*/ 44 h 10000"/>
                  <a:gd name="connsiteX220" fmla="*/ 4771 w 10000"/>
                  <a:gd name="connsiteY220" fmla="*/ 89 h 10000"/>
                  <a:gd name="connsiteX221" fmla="*/ 4975 w 10000"/>
                  <a:gd name="connsiteY221" fmla="*/ 192 h 10000"/>
                  <a:gd name="connsiteX222" fmla="*/ 5177 w 10000"/>
                  <a:gd name="connsiteY222" fmla="*/ 340 h 10000"/>
                  <a:gd name="connsiteX223" fmla="*/ 5329 w 10000"/>
                  <a:gd name="connsiteY223" fmla="*/ 473 h 10000"/>
                  <a:gd name="connsiteX224" fmla="*/ 5532 w 10000"/>
                  <a:gd name="connsiteY224" fmla="*/ 591 h 10000"/>
                  <a:gd name="connsiteX225" fmla="*/ 5660 w 10000"/>
                  <a:gd name="connsiteY225" fmla="*/ 650 h 10000"/>
                  <a:gd name="connsiteX226" fmla="*/ 5812 w 10000"/>
                  <a:gd name="connsiteY226" fmla="*/ 679 h 10000"/>
                  <a:gd name="connsiteX227" fmla="*/ 5965 w 10000"/>
                  <a:gd name="connsiteY227" fmla="*/ 709 h 10000"/>
                  <a:gd name="connsiteX228" fmla="*/ 6168 w 10000"/>
                  <a:gd name="connsiteY228" fmla="*/ 709 h 10000"/>
                  <a:gd name="connsiteX229" fmla="*/ 6168 w 10000"/>
                  <a:gd name="connsiteY229" fmla="*/ 768 h 10000"/>
                  <a:gd name="connsiteX230" fmla="*/ 6193 w 10000"/>
                  <a:gd name="connsiteY230" fmla="*/ 842 h 10000"/>
                  <a:gd name="connsiteX231" fmla="*/ 6243 w 10000"/>
                  <a:gd name="connsiteY231" fmla="*/ 916 h 10000"/>
                  <a:gd name="connsiteX232" fmla="*/ 6294 w 10000"/>
                  <a:gd name="connsiteY232" fmla="*/ 990 h 10000"/>
                  <a:gd name="connsiteX233" fmla="*/ 6369 w 10000"/>
                  <a:gd name="connsiteY233" fmla="*/ 1049 h 10000"/>
                  <a:gd name="connsiteX234" fmla="*/ 6471 w 10000"/>
                  <a:gd name="connsiteY234" fmla="*/ 1108 h 10000"/>
                  <a:gd name="connsiteX235" fmla="*/ 6598 w 10000"/>
                  <a:gd name="connsiteY235" fmla="*/ 1182 h 10000"/>
                  <a:gd name="connsiteX236" fmla="*/ 6700 w 10000"/>
                  <a:gd name="connsiteY236" fmla="*/ 1226 h 10000"/>
                  <a:gd name="connsiteX237" fmla="*/ 6802 w 10000"/>
                  <a:gd name="connsiteY237" fmla="*/ 1270 h 10000"/>
                  <a:gd name="connsiteX238" fmla="*/ 6903 w 10000"/>
                  <a:gd name="connsiteY238" fmla="*/ 1300 h 10000"/>
                  <a:gd name="connsiteX239" fmla="*/ 7005 w 10000"/>
                  <a:gd name="connsiteY239" fmla="*/ 1315 h 10000"/>
                  <a:gd name="connsiteX240" fmla="*/ 7132 w 10000"/>
                  <a:gd name="connsiteY240" fmla="*/ 1300 h 10000"/>
                  <a:gd name="connsiteX241" fmla="*/ 7234 w 10000"/>
                  <a:gd name="connsiteY241" fmla="*/ 1285 h 10000"/>
                  <a:gd name="connsiteX242" fmla="*/ 7309 w 10000"/>
                  <a:gd name="connsiteY242" fmla="*/ 1241 h 10000"/>
                  <a:gd name="connsiteX243" fmla="*/ 7361 w 10000"/>
                  <a:gd name="connsiteY243" fmla="*/ 1167 h 10000"/>
                  <a:gd name="connsiteX244" fmla="*/ 7385 w 10000"/>
                  <a:gd name="connsiteY244" fmla="*/ 1064 h 10000"/>
                  <a:gd name="connsiteX245" fmla="*/ 7766 w 10000"/>
                  <a:gd name="connsiteY245" fmla="*/ 1034 h 10000"/>
                  <a:gd name="connsiteX246" fmla="*/ 8121 w 10000"/>
                  <a:gd name="connsiteY246" fmla="*/ 1004 h 10000"/>
                  <a:gd name="connsiteX247" fmla="*/ 8427 w 10000"/>
                  <a:gd name="connsiteY247" fmla="*/ 990 h 10000"/>
                  <a:gd name="connsiteX248" fmla="*/ 8706 w 10000"/>
                  <a:gd name="connsiteY248" fmla="*/ 1004 h 10000"/>
                  <a:gd name="connsiteX249" fmla="*/ 8833 w 10000"/>
                  <a:gd name="connsiteY249" fmla="*/ 1019 h 10000"/>
                  <a:gd name="connsiteX250" fmla="*/ 8958 w 10000"/>
                  <a:gd name="connsiteY250" fmla="*/ 1034 h 10000"/>
                  <a:gd name="connsiteX251" fmla="*/ 9061 w 10000"/>
                  <a:gd name="connsiteY251" fmla="*/ 1064 h 10000"/>
                  <a:gd name="connsiteX252" fmla="*/ 9188 w 10000"/>
                  <a:gd name="connsiteY252" fmla="*/ 1108 h 10000"/>
                  <a:gd name="connsiteX253" fmla="*/ 9264 w 10000"/>
                  <a:gd name="connsiteY253" fmla="*/ 1182 h 10000"/>
                  <a:gd name="connsiteX254" fmla="*/ 9339 w 10000"/>
                  <a:gd name="connsiteY254" fmla="*/ 1241 h 10000"/>
                  <a:gd name="connsiteX255" fmla="*/ 9391 w 10000"/>
                  <a:gd name="connsiteY255" fmla="*/ 1329 h 10000"/>
                  <a:gd name="connsiteX256" fmla="*/ 9442 w 10000"/>
                  <a:gd name="connsiteY256" fmla="*/ 1433 h 10000"/>
                  <a:gd name="connsiteX257" fmla="*/ 9492 w 10000"/>
                  <a:gd name="connsiteY257" fmla="*/ 1551 h 10000"/>
                  <a:gd name="connsiteX258" fmla="*/ 9466 w 10000"/>
                  <a:gd name="connsiteY258" fmla="*/ 1625 h 10000"/>
                  <a:gd name="connsiteX259" fmla="*/ 9442 w 10000"/>
                  <a:gd name="connsiteY259" fmla="*/ 1684 h 10000"/>
                  <a:gd name="connsiteX260" fmla="*/ 9391 w 10000"/>
                  <a:gd name="connsiteY260" fmla="*/ 1758 h 10000"/>
                  <a:gd name="connsiteX261" fmla="*/ 9315 w 10000"/>
                  <a:gd name="connsiteY261" fmla="*/ 1802 h 10000"/>
                  <a:gd name="connsiteX262" fmla="*/ 9264 w 10000"/>
                  <a:gd name="connsiteY262" fmla="*/ 1861 h 10000"/>
                  <a:gd name="connsiteX263" fmla="*/ 9240 w 10000"/>
                  <a:gd name="connsiteY263" fmla="*/ 1935 h 10000"/>
                  <a:gd name="connsiteX264" fmla="*/ 9264 w 10000"/>
                  <a:gd name="connsiteY264" fmla="*/ 2024 h 10000"/>
                  <a:gd name="connsiteX265" fmla="*/ 9543 w 10000"/>
                  <a:gd name="connsiteY265" fmla="*/ 2157 h 10000"/>
                  <a:gd name="connsiteX266" fmla="*/ 9873 w 10000"/>
                  <a:gd name="connsiteY266" fmla="*/ 2275 h 10000"/>
                  <a:gd name="connsiteX267" fmla="*/ 10000 w 10000"/>
                  <a:gd name="connsiteY267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315 w 10000"/>
                  <a:gd name="connsiteY14" fmla="*/ 3235 h 10000"/>
                  <a:gd name="connsiteX15" fmla="*/ 9415 w 10000"/>
                  <a:gd name="connsiteY15" fmla="*/ 3117 h 10000"/>
                  <a:gd name="connsiteX16" fmla="*/ 9442 w 10000"/>
                  <a:gd name="connsiteY16" fmla="*/ 3072 h 10000"/>
                  <a:gd name="connsiteX17" fmla="*/ 9466 w 10000"/>
                  <a:gd name="connsiteY17" fmla="*/ 3013 h 10000"/>
                  <a:gd name="connsiteX18" fmla="*/ 9466 w 10000"/>
                  <a:gd name="connsiteY18" fmla="*/ 2954 h 10000"/>
                  <a:gd name="connsiteX19" fmla="*/ 9442 w 10000"/>
                  <a:gd name="connsiteY19" fmla="*/ 2866 h 10000"/>
                  <a:gd name="connsiteX20" fmla="*/ 9264 w 10000"/>
                  <a:gd name="connsiteY20" fmla="*/ 2984 h 10000"/>
                  <a:gd name="connsiteX21" fmla="*/ 9061 w 10000"/>
                  <a:gd name="connsiteY21" fmla="*/ 3072 h 10000"/>
                  <a:gd name="connsiteX22" fmla="*/ 8197 w 10000"/>
                  <a:gd name="connsiteY22" fmla="*/ 3397 h 10000"/>
                  <a:gd name="connsiteX23" fmla="*/ 7716 w 10000"/>
                  <a:gd name="connsiteY23" fmla="*/ 3545 h 10000"/>
                  <a:gd name="connsiteX24" fmla="*/ 7234 w 10000"/>
                  <a:gd name="connsiteY24" fmla="*/ 3678 h 10000"/>
                  <a:gd name="connsiteX25" fmla="*/ 6776 w 10000"/>
                  <a:gd name="connsiteY25" fmla="*/ 3840 h 10000"/>
                  <a:gd name="connsiteX26" fmla="*/ 6548 w 10000"/>
                  <a:gd name="connsiteY26" fmla="*/ 3914 h 10000"/>
                  <a:gd name="connsiteX27" fmla="*/ 6345 w 10000"/>
                  <a:gd name="connsiteY27" fmla="*/ 4003 h 10000"/>
                  <a:gd name="connsiteX28" fmla="*/ 6143 w 10000"/>
                  <a:gd name="connsiteY28" fmla="*/ 4106 h 10000"/>
                  <a:gd name="connsiteX29" fmla="*/ 5938 w 10000"/>
                  <a:gd name="connsiteY29" fmla="*/ 4195 h 10000"/>
                  <a:gd name="connsiteX30" fmla="*/ 6091 w 10000"/>
                  <a:gd name="connsiteY30" fmla="*/ 4417 h 10000"/>
                  <a:gd name="connsiteX31" fmla="*/ 6193 w 10000"/>
                  <a:gd name="connsiteY31" fmla="*/ 4623 h 10000"/>
                  <a:gd name="connsiteX32" fmla="*/ 6294 w 10000"/>
                  <a:gd name="connsiteY32" fmla="*/ 4845 h 10000"/>
                  <a:gd name="connsiteX33" fmla="*/ 6369 w 10000"/>
                  <a:gd name="connsiteY33" fmla="*/ 5081 h 10000"/>
                  <a:gd name="connsiteX34" fmla="*/ 6421 w 10000"/>
                  <a:gd name="connsiteY34" fmla="*/ 5318 h 10000"/>
                  <a:gd name="connsiteX35" fmla="*/ 6447 w 10000"/>
                  <a:gd name="connsiteY35" fmla="*/ 5539 h 10000"/>
                  <a:gd name="connsiteX36" fmla="*/ 6471 w 10000"/>
                  <a:gd name="connsiteY36" fmla="*/ 5775 h 10000"/>
                  <a:gd name="connsiteX37" fmla="*/ 6471 w 10000"/>
                  <a:gd name="connsiteY37" fmla="*/ 5997 h 10000"/>
                  <a:gd name="connsiteX38" fmla="*/ 6447 w 10000"/>
                  <a:gd name="connsiteY38" fmla="*/ 6233 h 10000"/>
                  <a:gd name="connsiteX39" fmla="*/ 6396 w 10000"/>
                  <a:gd name="connsiteY39" fmla="*/ 6470 h 10000"/>
                  <a:gd name="connsiteX40" fmla="*/ 6345 w 10000"/>
                  <a:gd name="connsiteY40" fmla="*/ 6677 h 10000"/>
                  <a:gd name="connsiteX41" fmla="*/ 6269 w 10000"/>
                  <a:gd name="connsiteY41" fmla="*/ 6898 h 10000"/>
                  <a:gd name="connsiteX42" fmla="*/ 6168 w 10000"/>
                  <a:gd name="connsiteY42" fmla="*/ 7105 h 10000"/>
                  <a:gd name="connsiteX43" fmla="*/ 6041 w 10000"/>
                  <a:gd name="connsiteY43" fmla="*/ 7297 h 10000"/>
                  <a:gd name="connsiteX44" fmla="*/ 5888 w 10000"/>
                  <a:gd name="connsiteY44" fmla="*/ 7489 h 10000"/>
                  <a:gd name="connsiteX45" fmla="*/ 5735 w 10000"/>
                  <a:gd name="connsiteY45" fmla="*/ 7681 h 10000"/>
                  <a:gd name="connsiteX46" fmla="*/ 6471 w 10000"/>
                  <a:gd name="connsiteY46" fmla="*/ 7799 h 10000"/>
                  <a:gd name="connsiteX47" fmla="*/ 7234 w 10000"/>
                  <a:gd name="connsiteY47" fmla="*/ 7962 h 10000"/>
                  <a:gd name="connsiteX48" fmla="*/ 7385 w 10000"/>
                  <a:gd name="connsiteY48" fmla="*/ 8021 h 10000"/>
                  <a:gd name="connsiteX49" fmla="*/ 7512 w 10000"/>
                  <a:gd name="connsiteY49" fmla="*/ 8080 h 10000"/>
                  <a:gd name="connsiteX50" fmla="*/ 7639 w 10000"/>
                  <a:gd name="connsiteY50" fmla="*/ 8139 h 10000"/>
                  <a:gd name="connsiteX51" fmla="*/ 7716 w 10000"/>
                  <a:gd name="connsiteY51" fmla="*/ 8227 h 10000"/>
                  <a:gd name="connsiteX52" fmla="*/ 7741 w 10000"/>
                  <a:gd name="connsiteY52" fmla="*/ 8301 h 10000"/>
                  <a:gd name="connsiteX53" fmla="*/ 7741 w 10000"/>
                  <a:gd name="connsiteY53" fmla="*/ 8405 h 10000"/>
                  <a:gd name="connsiteX54" fmla="*/ 7691 w 10000"/>
                  <a:gd name="connsiteY54" fmla="*/ 8523 h 10000"/>
                  <a:gd name="connsiteX55" fmla="*/ 7614 w 10000"/>
                  <a:gd name="connsiteY55" fmla="*/ 8641 h 10000"/>
                  <a:gd name="connsiteX56" fmla="*/ 7284 w 10000"/>
                  <a:gd name="connsiteY56" fmla="*/ 8552 h 10000"/>
                  <a:gd name="connsiteX57" fmla="*/ 6979 w 10000"/>
                  <a:gd name="connsiteY57" fmla="*/ 8449 h 10000"/>
                  <a:gd name="connsiteX58" fmla="*/ 6674 w 10000"/>
                  <a:gd name="connsiteY58" fmla="*/ 8360 h 10000"/>
                  <a:gd name="connsiteX59" fmla="*/ 6369 w 10000"/>
                  <a:gd name="connsiteY59" fmla="*/ 8287 h 10000"/>
                  <a:gd name="connsiteX60" fmla="*/ 6243 w 10000"/>
                  <a:gd name="connsiteY60" fmla="*/ 8449 h 10000"/>
                  <a:gd name="connsiteX61" fmla="*/ 6143 w 10000"/>
                  <a:gd name="connsiteY61" fmla="*/ 8597 h 10000"/>
                  <a:gd name="connsiteX62" fmla="*/ 6091 w 10000"/>
                  <a:gd name="connsiteY62" fmla="*/ 8656 h 10000"/>
                  <a:gd name="connsiteX63" fmla="*/ 5989 w 10000"/>
                  <a:gd name="connsiteY63" fmla="*/ 8700 h 10000"/>
                  <a:gd name="connsiteX64" fmla="*/ 5914 w 10000"/>
                  <a:gd name="connsiteY64" fmla="*/ 8744 h 10000"/>
                  <a:gd name="connsiteX65" fmla="*/ 5838 w 10000"/>
                  <a:gd name="connsiteY65" fmla="*/ 8774 h 10000"/>
                  <a:gd name="connsiteX66" fmla="*/ 5761 w 10000"/>
                  <a:gd name="connsiteY66" fmla="*/ 8804 h 10000"/>
                  <a:gd name="connsiteX67" fmla="*/ 5660 w 10000"/>
                  <a:gd name="connsiteY67" fmla="*/ 8818 h 10000"/>
                  <a:gd name="connsiteX68" fmla="*/ 5532 w 10000"/>
                  <a:gd name="connsiteY68" fmla="*/ 8833 h 10000"/>
                  <a:gd name="connsiteX69" fmla="*/ 5406 w 10000"/>
                  <a:gd name="connsiteY69" fmla="*/ 8833 h 10000"/>
                  <a:gd name="connsiteX70" fmla="*/ 5102 w 10000"/>
                  <a:gd name="connsiteY70" fmla="*/ 8818 h 10000"/>
                  <a:gd name="connsiteX71" fmla="*/ 4720 w 10000"/>
                  <a:gd name="connsiteY71" fmla="*/ 8744 h 10000"/>
                  <a:gd name="connsiteX72" fmla="*/ 4720 w 10000"/>
                  <a:gd name="connsiteY72" fmla="*/ 8922 h 10000"/>
                  <a:gd name="connsiteX73" fmla="*/ 4695 w 10000"/>
                  <a:gd name="connsiteY73" fmla="*/ 9069 h 10000"/>
                  <a:gd name="connsiteX74" fmla="*/ 4671 w 10000"/>
                  <a:gd name="connsiteY74" fmla="*/ 9232 h 10000"/>
                  <a:gd name="connsiteX75" fmla="*/ 4644 w 10000"/>
                  <a:gd name="connsiteY75" fmla="*/ 9365 h 10000"/>
                  <a:gd name="connsiteX76" fmla="*/ 4593 w 10000"/>
                  <a:gd name="connsiteY76" fmla="*/ 9498 h 10000"/>
                  <a:gd name="connsiteX77" fmla="*/ 4493 w 10000"/>
                  <a:gd name="connsiteY77" fmla="*/ 9616 h 10000"/>
                  <a:gd name="connsiteX78" fmla="*/ 4416 w 10000"/>
                  <a:gd name="connsiteY78" fmla="*/ 9734 h 10000"/>
                  <a:gd name="connsiteX79" fmla="*/ 4289 w 10000"/>
                  <a:gd name="connsiteY79" fmla="*/ 9838 h 10000"/>
                  <a:gd name="connsiteX80" fmla="*/ 3983 w 10000"/>
                  <a:gd name="connsiteY80" fmla="*/ 9897 h 10000"/>
                  <a:gd name="connsiteX81" fmla="*/ 3731 w 10000"/>
                  <a:gd name="connsiteY81" fmla="*/ 9941 h 10000"/>
                  <a:gd name="connsiteX82" fmla="*/ 3426 w 10000"/>
                  <a:gd name="connsiteY82" fmla="*/ 9985 h 10000"/>
                  <a:gd name="connsiteX83" fmla="*/ 3198 w 10000"/>
                  <a:gd name="connsiteY83" fmla="*/ 10000 h 10000"/>
                  <a:gd name="connsiteX84" fmla="*/ 2690 w 10000"/>
                  <a:gd name="connsiteY84" fmla="*/ 10000 h 10000"/>
                  <a:gd name="connsiteX85" fmla="*/ 2208 w 10000"/>
                  <a:gd name="connsiteY85" fmla="*/ 9985 h 10000"/>
                  <a:gd name="connsiteX86" fmla="*/ 1752 w 10000"/>
                  <a:gd name="connsiteY86" fmla="*/ 9941 h 10000"/>
                  <a:gd name="connsiteX87" fmla="*/ 1270 w 10000"/>
                  <a:gd name="connsiteY87" fmla="*/ 9911 h 10000"/>
                  <a:gd name="connsiteX88" fmla="*/ 990 w 10000"/>
                  <a:gd name="connsiteY88" fmla="*/ 9911 h 10000"/>
                  <a:gd name="connsiteX89" fmla="*/ 736 w 10000"/>
                  <a:gd name="connsiteY89" fmla="*/ 9911 h 10000"/>
                  <a:gd name="connsiteX90" fmla="*/ 457 w 10000"/>
                  <a:gd name="connsiteY90" fmla="*/ 9926 h 10000"/>
                  <a:gd name="connsiteX91" fmla="*/ 178 w 10000"/>
                  <a:gd name="connsiteY91" fmla="*/ 9970 h 10000"/>
                  <a:gd name="connsiteX92" fmla="*/ 102 w 10000"/>
                  <a:gd name="connsiteY92" fmla="*/ 9867 h 10000"/>
                  <a:gd name="connsiteX93" fmla="*/ 51 w 10000"/>
                  <a:gd name="connsiteY93" fmla="*/ 9793 h 10000"/>
                  <a:gd name="connsiteX94" fmla="*/ 0 w 10000"/>
                  <a:gd name="connsiteY94" fmla="*/ 9705 h 10000"/>
                  <a:gd name="connsiteX95" fmla="*/ 0 w 10000"/>
                  <a:gd name="connsiteY95" fmla="*/ 9601 h 10000"/>
                  <a:gd name="connsiteX96" fmla="*/ 51 w 10000"/>
                  <a:gd name="connsiteY96" fmla="*/ 9424 h 10000"/>
                  <a:gd name="connsiteX97" fmla="*/ 102 w 10000"/>
                  <a:gd name="connsiteY97" fmla="*/ 9202 h 10000"/>
                  <a:gd name="connsiteX98" fmla="*/ 151 w 10000"/>
                  <a:gd name="connsiteY98" fmla="*/ 8996 h 10000"/>
                  <a:gd name="connsiteX99" fmla="*/ 203 w 10000"/>
                  <a:gd name="connsiteY99" fmla="*/ 8759 h 10000"/>
                  <a:gd name="connsiteX100" fmla="*/ 228 w 10000"/>
                  <a:gd name="connsiteY100" fmla="*/ 8641 h 10000"/>
                  <a:gd name="connsiteX101" fmla="*/ 228 w 10000"/>
                  <a:gd name="connsiteY101" fmla="*/ 8538 h 10000"/>
                  <a:gd name="connsiteX102" fmla="*/ 203 w 10000"/>
                  <a:gd name="connsiteY102" fmla="*/ 8405 h 10000"/>
                  <a:gd name="connsiteX103" fmla="*/ 178 w 10000"/>
                  <a:gd name="connsiteY103" fmla="*/ 8287 h 10000"/>
                  <a:gd name="connsiteX104" fmla="*/ 431 w 10000"/>
                  <a:gd name="connsiteY104" fmla="*/ 8213 h 10000"/>
                  <a:gd name="connsiteX105" fmla="*/ 685 w 10000"/>
                  <a:gd name="connsiteY105" fmla="*/ 8139 h 10000"/>
                  <a:gd name="connsiteX106" fmla="*/ 939 w 10000"/>
                  <a:gd name="connsiteY106" fmla="*/ 8095 h 10000"/>
                  <a:gd name="connsiteX107" fmla="*/ 1218 w 10000"/>
                  <a:gd name="connsiteY107" fmla="*/ 8065 h 10000"/>
                  <a:gd name="connsiteX108" fmla="*/ 1725 w 10000"/>
                  <a:gd name="connsiteY108" fmla="*/ 8021 h 10000"/>
                  <a:gd name="connsiteX109" fmla="*/ 2234 w 10000"/>
                  <a:gd name="connsiteY109" fmla="*/ 7976 h 10000"/>
                  <a:gd name="connsiteX110" fmla="*/ 2462 w 10000"/>
                  <a:gd name="connsiteY110" fmla="*/ 7947 h 10000"/>
                  <a:gd name="connsiteX111" fmla="*/ 2690 w 10000"/>
                  <a:gd name="connsiteY111" fmla="*/ 7917 h 10000"/>
                  <a:gd name="connsiteX112" fmla="*/ 2892 w 10000"/>
                  <a:gd name="connsiteY112" fmla="*/ 7843 h 10000"/>
                  <a:gd name="connsiteX113" fmla="*/ 3096 w 10000"/>
                  <a:gd name="connsiteY113" fmla="*/ 7784 h 10000"/>
                  <a:gd name="connsiteX114" fmla="*/ 3274 w 10000"/>
                  <a:gd name="connsiteY114" fmla="*/ 7710 h 10000"/>
                  <a:gd name="connsiteX115" fmla="*/ 3426 w 10000"/>
                  <a:gd name="connsiteY115" fmla="*/ 7592 h 10000"/>
                  <a:gd name="connsiteX116" fmla="*/ 3579 w 10000"/>
                  <a:gd name="connsiteY116" fmla="*/ 7474 h 10000"/>
                  <a:gd name="connsiteX117" fmla="*/ 3680 w 10000"/>
                  <a:gd name="connsiteY117" fmla="*/ 7312 h 10000"/>
                  <a:gd name="connsiteX118" fmla="*/ 3477 w 10000"/>
                  <a:gd name="connsiteY118" fmla="*/ 7238 h 10000"/>
                  <a:gd name="connsiteX119" fmla="*/ 3299 w 10000"/>
                  <a:gd name="connsiteY119" fmla="*/ 7179 h 10000"/>
                  <a:gd name="connsiteX120" fmla="*/ 3147 w 10000"/>
                  <a:gd name="connsiteY120" fmla="*/ 7090 h 10000"/>
                  <a:gd name="connsiteX121" fmla="*/ 2995 w 10000"/>
                  <a:gd name="connsiteY121" fmla="*/ 6987 h 10000"/>
                  <a:gd name="connsiteX122" fmla="*/ 2892 w 10000"/>
                  <a:gd name="connsiteY122" fmla="*/ 6869 h 10000"/>
                  <a:gd name="connsiteX123" fmla="*/ 2843 w 10000"/>
                  <a:gd name="connsiteY123" fmla="*/ 6721 h 10000"/>
                  <a:gd name="connsiteX124" fmla="*/ 2817 w 10000"/>
                  <a:gd name="connsiteY124" fmla="*/ 6558 h 10000"/>
                  <a:gd name="connsiteX125" fmla="*/ 2843 w 10000"/>
                  <a:gd name="connsiteY125" fmla="*/ 6352 h 10000"/>
                  <a:gd name="connsiteX126" fmla="*/ 2716 w 10000"/>
                  <a:gd name="connsiteY126" fmla="*/ 6322 h 10000"/>
                  <a:gd name="connsiteX127" fmla="*/ 2564 w 10000"/>
                  <a:gd name="connsiteY127" fmla="*/ 6292 h 10000"/>
                  <a:gd name="connsiteX128" fmla="*/ 2386 w 10000"/>
                  <a:gd name="connsiteY128" fmla="*/ 6278 h 10000"/>
                  <a:gd name="connsiteX129" fmla="*/ 2208 w 10000"/>
                  <a:gd name="connsiteY129" fmla="*/ 6263 h 10000"/>
                  <a:gd name="connsiteX130" fmla="*/ 1853 w 10000"/>
                  <a:gd name="connsiteY130" fmla="*/ 6248 h 10000"/>
                  <a:gd name="connsiteX131" fmla="*/ 1472 w 10000"/>
                  <a:gd name="connsiteY131" fmla="*/ 6263 h 10000"/>
                  <a:gd name="connsiteX132" fmla="*/ 1143 w 10000"/>
                  <a:gd name="connsiteY132" fmla="*/ 6278 h 10000"/>
                  <a:gd name="connsiteX133" fmla="*/ 837 w 10000"/>
                  <a:gd name="connsiteY133" fmla="*/ 6278 h 10000"/>
                  <a:gd name="connsiteX134" fmla="*/ 585 w 10000"/>
                  <a:gd name="connsiteY134" fmla="*/ 6263 h 10000"/>
                  <a:gd name="connsiteX135" fmla="*/ 381 w 10000"/>
                  <a:gd name="connsiteY135" fmla="*/ 6233 h 10000"/>
                  <a:gd name="connsiteX136" fmla="*/ 633 w 10000"/>
                  <a:gd name="connsiteY136" fmla="*/ 5805 h 10000"/>
                  <a:gd name="connsiteX137" fmla="*/ 914 w 10000"/>
                  <a:gd name="connsiteY137" fmla="*/ 5391 h 10000"/>
                  <a:gd name="connsiteX138" fmla="*/ 1016 w 10000"/>
                  <a:gd name="connsiteY138" fmla="*/ 5170 h 10000"/>
                  <a:gd name="connsiteX139" fmla="*/ 1091 w 10000"/>
                  <a:gd name="connsiteY139" fmla="*/ 4963 h 10000"/>
                  <a:gd name="connsiteX140" fmla="*/ 1116 w 10000"/>
                  <a:gd name="connsiteY140" fmla="*/ 4860 h 10000"/>
                  <a:gd name="connsiteX141" fmla="*/ 1091 w 10000"/>
                  <a:gd name="connsiteY141" fmla="*/ 4756 h 10000"/>
                  <a:gd name="connsiteX142" fmla="*/ 1066 w 10000"/>
                  <a:gd name="connsiteY142" fmla="*/ 4653 h 10000"/>
                  <a:gd name="connsiteX143" fmla="*/ 990 w 10000"/>
                  <a:gd name="connsiteY143" fmla="*/ 4549 h 10000"/>
                  <a:gd name="connsiteX144" fmla="*/ 1270 w 10000"/>
                  <a:gd name="connsiteY144" fmla="*/ 4520 h 10000"/>
                  <a:gd name="connsiteX145" fmla="*/ 1472 w 10000"/>
                  <a:gd name="connsiteY145" fmla="*/ 4505 h 10000"/>
                  <a:gd name="connsiteX146" fmla="*/ 1650 w 10000"/>
                  <a:gd name="connsiteY146" fmla="*/ 4505 h 10000"/>
                  <a:gd name="connsiteX147" fmla="*/ 1802 w 10000"/>
                  <a:gd name="connsiteY147" fmla="*/ 4520 h 10000"/>
                  <a:gd name="connsiteX148" fmla="*/ 1929 w 10000"/>
                  <a:gd name="connsiteY148" fmla="*/ 4520 h 10000"/>
                  <a:gd name="connsiteX149" fmla="*/ 2081 w 10000"/>
                  <a:gd name="connsiteY149" fmla="*/ 4520 h 10000"/>
                  <a:gd name="connsiteX150" fmla="*/ 2234 w 10000"/>
                  <a:gd name="connsiteY150" fmla="*/ 4490 h 10000"/>
                  <a:gd name="connsiteX151" fmla="*/ 2436 w 10000"/>
                  <a:gd name="connsiteY151" fmla="*/ 4446 h 10000"/>
                  <a:gd name="connsiteX152" fmla="*/ 2436 w 10000"/>
                  <a:gd name="connsiteY152" fmla="*/ 4579 h 10000"/>
                  <a:gd name="connsiteX153" fmla="*/ 2436 w 10000"/>
                  <a:gd name="connsiteY153" fmla="*/ 4742 h 10000"/>
                  <a:gd name="connsiteX154" fmla="*/ 2436 w 10000"/>
                  <a:gd name="connsiteY154" fmla="*/ 4874 h 10000"/>
                  <a:gd name="connsiteX155" fmla="*/ 2436 w 10000"/>
                  <a:gd name="connsiteY155" fmla="*/ 5037 h 10000"/>
                  <a:gd name="connsiteX156" fmla="*/ 2665 w 10000"/>
                  <a:gd name="connsiteY156" fmla="*/ 5022 h 10000"/>
                  <a:gd name="connsiteX157" fmla="*/ 2817 w 10000"/>
                  <a:gd name="connsiteY157" fmla="*/ 5037 h 10000"/>
                  <a:gd name="connsiteX158" fmla="*/ 2944 w 10000"/>
                  <a:gd name="connsiteY158" fmla="*/ 5066 h 10000"/>
                  <a:gd name="connsiteX159" fmla="*/ 3071 w 10000"/>
                  <a:gd name="connsiteY159" fmla="*/ 5096 h 10000"/>
                  <a:gd name="connsiteX160" fmla="*/ 3173 w 10000"/>
                  <a:gd name="connsiteY160" fmla="*/ 5126 h 10000"/>
                  <a:gd name="connsiteX161" fmla="*/ 3299 w 10000"/>
                  <a:gd name="connsiteY161" fmla="*/ 5155 h 10000"/>
                  <a:gd name="connsiteX162" fmla="*/ 3452 w 10000"/>
                  <a:gd name="connsiteY162" fmla="*/ 5170 h 10000"/>
                  <a:gd name="connsiteX163" fmla="*/ 3680 w 10000"/>
                  <a:gd name="connsiteY163" fmla="*/ 5155 h 10000"/>
                  <a:gd name="connsiteX164" fmla="*/ 3757 w 10000"/>
                  <a:gd name="connsiteY164" fmla="*/ 5096 h 10000"/>
                  <a:gd name="connsiteX165" fmla="*/ 3832 w 10000"/>
                  <a:gd name="connsiteY165" fmla="*/ 5022 h 10000"/>
                  <a:gd name="connsiteX166" fmla="*/ 3857 w 10000"/>
                  <a:gd name="connsiteY166" fmla="*/ 4934 h 10000"/>
                  <a:gd name="connsiteX167" fmla="*/ 3884 w 10000"/>
                  <a:gd name="connsiteY167" fmla="*/ 4860 h 10000"/>
                  <a:gd name="connsiteX168" fmla="*/ 3908 w 10000"/>
                  <a:gd name="connsiteY168" fmla="*/ 4697 h 10000"/>
                  <a:gd name="connsiteX169" fmla="*/ 3884 w 10000"/>
                  <a:gd name="connsiteY169" fmla="*/ 4520 h 10000"/>
                  <a:gd name="connsiteX170" fmla="*/ 3807 w 10000"/>
                  <a:gd name="connsiteY170" fmla="*/ 4343 h 10000"/>
                  <a:gd name="connsiteX171" fmla="*/ 3731 w 10000"/>
                  <a:gd name="connsiteY171" fmla="*/ 4195 h 10000"/>
                  <a:gd name="connsiteX172" fmla="*/ 3604 w 10000"/>
                  <a:gd name="connsiteY172" fmla="*/ 4047 h 10000"/>
                  <a:gd name="connsiteX173" fmla="*/ 3477 w 10000"/>
                  <a:gd name="connsiteY173" fmla="*/ 3959 h 10000"/>
                  <a:gd name="connsiteX174" fmla="*/ 3629 w 10000"/>
                  <a:gd name="connsiteY174" fmla="*/ 3944 h 10000"/>
                  <a:gd name="connsiteX175" fmla="*/ 3757 w 10000"/>
                  <a:gd name="connsiteY175" fmla="*/ 3914 h 10000"/>
                  <a:gd name="connsiteX176" fmla="*/ 3857 w 10000"/>
                  <a:gd name="connsiteY176" fmla="*/ 3855 h 10000"/>
                  <a:gd name="connsiteX177" fmla="*/ 3983 w 10000"/>
                  <a:gd name="connsiteY177" fmla="*/ 3752 h 10000"/>
                  <a:gd name="connsiteX178" fmla="*/ 4111 w 10000"/>
                  <a:gd name="connsiteY178" fmla="*/ 3663 h 10000"/>
                  <a:gd name="connsiteX179" fmla="*/ 4213 w 10000"/>
                  <a:gd name="connsiteY179" fmla="*/ 3560 h 10000"/>
                  <a:gd name="connsiteX180" fmla="*/ 4289 w 10000"/>
                  <a:gd name="connsiteY180" fmla="*/ 3442 h 10000"/>
                  <a:gd name="connsiteX181" fmla="*/ 4366 w 10000"/>
                  <a:gd name="connsiteY181" fmla="*/ 3323 h 10000"/>
                  <a:gd name="connsiteX182" fmla="*/ 4416 w 10000"/>
                  <a:gd name="connsiteY182" fmla="*/ 3220 h 10000"/>
                  <a:gd name="connsiteX183" fmla="*/ 4441 w 10000"/>
                  <a:gd name="connsiteY183" fmla="*/ 3102 h 10000"/>
                  <a:gd name="connsiteX184" fmla="*/ 4468 w 10000"/>
                  <a:gd name="connsiteY184" fmla="*/ 3013 h 10000"/>
                  <a:gd name="connsiteX185" fmla="*/ 4441 w 10000"/>
                  <a:gd name="connsiteY185" fmla="*/ 2939 h 10000"/>
                  <a:gd name="connsiteX186" fmla="*/ 4416 w 10000"/>
                  <a:gd name="connsiteY186" fmla="*/ 2866 h 10000"/>
                  <a:gd name="connsiteX187" fmla="*/ 4340 w 10000"/>
                  <a:gd name="connsiteY187" fmla="*/ 2836 h 10000"/>
                  <a:gd name="connsiteX188" fmla="*/ 4239 w 10000"/>
                  <a:gd name="connsiteY188" fmla="*/ 2836 h 10000"/>
                  <a:gd name="connsiteX189" fmla="*/ 4111 w 10000"/>
                  <a:gd name="connsiteY189" fmla="*/ 2866 h 10000"/>
                  <a:gd name="connsiteX190" fmla="*/ 4213 w 10000"/>
                  <a:gd name="connsiteY190" fmla="*/ 2777 h 10000"/>
                  <a:gd name="connsiteX191" fmla="*/ 4265 w 10000"/>
                  <a:gd name="connsiteY191" fmla="*/ 2674 h 10000"/>
                  <a:gd name="connsiteX192" fmla="*/ 4289 w 10000"/>
                  <a:gd name="connsiteY192" fmla="*/ 2541 h 10000"/>
                  <a:gd name="connsiteX193" fmla="*/ 4289 w 10000"/>
                  <a:gd name="connsiteY193" fmla="*/ 2393 h 10000"/>
                  <a:gd name="connsiteX194" fmla="*/ 4314 w 10000"/>
                  <a:gd name="connsiteY194" fmla="*/ 2349 h 10000"/>
                  <a:gd name="connsiteX195" fmla="*/ 4366 w 10000"/>
                  <a:gd name="connsiteY195" fmla="*/ 2304 h 10000"/>
                  <a:gd name="connsiteX196" fmla="*/ 4416 w 10000"/>
                  <a:gd name="connsiteY196" fmla="*/ 2290 h 10000"/>
                  <a:gd name="connsiteX197" fmla="*/ 4493 w 10000"/>
                  <a:gd name="connsiteY197" fmla="*/ 2275 h 10000"/>
                  <a:gd name="connsiteX198" fmla="*/ 4720 w 10000"/>
                  <a:gd name="connsiteY198" fmla="*/ 2260 h 10000"/>
                  <a:gd name="connsiteX199" fmla="*/ 4923 w 10000"/>
                  <a:gd name="connsiteY199" fmla="*/ 2275 h 10000"/>
                  <a:gd name="connsiteX200" fmla="*/ 4898 w 10000"/>
                  <a:gd name="connsiteY200" fmla="*/ 2112 h 10000"/>
                  <a:gd name="connsiteX201" fmla="*/ 4848 w 10000"/>
                  <a:gd name="connsiteY201" fmla="*/ 1950 h 10000"/>
                  <a:gd name="connsiteX202" fmla="*/ 4771 w 10000"/>
                  <a:gd name="connsiteY202" fmla="*/ 1802 h 10000"/>
                  <a:gd name="connsiteX203" fmla="*/ 4671 w 10000"/>
                  <a:gd name="connsiteY203" fmla="*/ 1640 h 10000"/>
                  <a:gd name="connsiteX204" fmla="*/ 4416 w 10000"/>
                  <a:gd name="connsiteY204" fmla="*/ 1329 h 10000"/>
                  <a:gd name="connsiteX205" fmla="*/ 4162 w 10000"/>
                  <a:gd name="connsiteY205" fmla="*/ 1034 h 10000"/>
                  <a:gd name="connsiteX206" fmla="*/ 4035 w 10000"/>
                  <a:gd name="connsiteY206" fmla="*/ 901 h 10000"/>
                  <a:gd name="connsiteX207" fmla="*/ 3935 w 10000"/>
                  <a:gd name="connsiteY207" fmla="*/ 753 h 10000"/>
                  <a:gd name="connsiteX208" fmla="*/ 3857 w 10000"/>
                  <a:gd name="connsiteY208" fmla="*/ 620 h 10000"/>
                  <a:gd name="connsiteX209" fmla="*/ 3832 w 10000"/>
                  <a:gd name="connsiteY209" fmla="*/ 487 h 10000"/>
                  <a:gd name="connsiteX210" fmla="*/ 3807 w 10000"/>
                  <a:gd name="connsiteY210" fmla="*/ 355 h 10000"/>
                  <a:gd name="connsiteX211" fmla="*/ 3857 w 10000"/>
                  <a:gd name="connsiteY211" fmla="*/ 222 h 10000"/>
                  <a:gd name="connsiteX212" fmla="*/ 3884 w 10000"/>
                  <a:gd name="connsiteY212" fmla="*/ 162 h 10000"/>
                  <a:gd name="connsiteX213" fmla="*/ 3935 w 10000"/>
                  <a:gd name="connsiteY213" fmla="*/ 103 h 10000"/>
                  <a:gd name="connsiteX214" fmla="*/ 4011 w 10000"/>
                  <a:gd name="connsiteY214" fmla="*/ 59 h 10000"/>
                  <a:gd name="connsiteX215" fmla="*/ 4111 w 10000"/>
                  <a:gd name="connsiteY215" fmla="*/ 0 h 10000"/>
                  <a:gd name="connsiteX216" fmla="*/ 4289 w 10000"/>
                  <a:gd name="connsiteY216" fmla="*/ 0 h 10000"/>
                  <a:gd name="connsiteX217" fmla="*/ 4468 w 10000"/>
                  <a:gd name="connsiteY217" fmla="*/ 15 h 10000"/>
                  <a:gd name="connsiteX218" fmla="*/ 4644 w 10000"/>
                  <a:gd name="connsiteY218" fmla="*/ 44 h 10000"/>
                  <a:gd name="connsiteX219" fmla="*/ 4771 w 10000"/>
                  <a:gd name="connsiteY219" fmla="*/ 89 h 10000"/>
                  <a:gd name="connsiteX220" fmla="*/ 4975 w 10000"/>
                  <a:gd name="connsiteY220" fmla="*/ 192 h 10000"/>
                  <a:gd name="connsiteX221" fmla="*/ 5177 w 10000"/>
                  <a:gd name="connsiteY221" fmla="*/ 340 h 10000"/>
                  <a:gd name="connsiteX222" fmla="*/ 5329 w 10000"/>
                  <a:gd name="connsiteY222" fmla="*/ 473 h 10000"/>
                  <a:gd name="connsiteX223" fmla="*/ 5532 w 10000"/>
                  <a:gd name="connsiteY223" fmla="*/ 591 h 10000"/>
                  <a:gd name="connsiteX224" fmla="*/ 5660 w 10000"/>
                  <a:gd name="connsiteY224" fmla="*/ 650 h 10000"/>
                  <a:gd name="connsiteX225" fmla="*/ 5812 w 10000"/>
                  <a:gd name="connsiteY225" fmla="*/ 679 h 10000"/>
                  <a:gd name="connsiteX226" fmla="*/ 5965 w 10000"/>
                  <a:gd name="connsiteY226" fmla="*/ 709 h 10000"/>
                  <a:gd name="connsiteX227" fmla="*/ 6168 w 10000"/>
                  <a:gd name="connsiteY227" fmla="*/ 709 h 10000"/>
                  <a:gd name="connsiteX228" fmla="*/ 6168 w 10000"/>
                  <a:gd name="connsiteY228" fmla="*/ 768 h 10000"/>
                  <a:gd name="connsiteX229" fmla="*/ 6193 w 10000"/>
                  <a:gd name="connsiteY229" fmla="*/ 842 h 10000"/>
                  <a:gd name="connsiteX230" fmla="*/ 6243 w 10000"/>
                  <a:gd name="connsiteY230" fmla="*/ 916 h 10000"/>
                  <a:gd name="connsiteX231" fmla="*/ 6294 w 10000"/>
                  <a:gd name="connsiteY231" fmla="*/ 990 h 10000"/>
                  <a:gd name="connsiteX232" fmla="*/ 6369 w 10000"/>
                  <a:gd name="connsiteY232" fmla="*/ 1049 h 10000"/>
                  <a:gd name="connsiteX233" fmla="*/ 6471 w 10000"/>
                  <a:gd name="connsiteY233" fmla="*/ 1108 h 10000"/>
                  <a:gd name="connsiteX234" fmla="*/ 6598 w 10000"/>
                  <a:gd name="connsiteY234" fmla="*/ 1182 h 10000"/>
                  <a:gd name="connsiteX235" fmla="*/ 6700 w 10000"/>
                  <a:gd name="connsiteY235" fmla="*/ 1226 h 10000"/>
                  <a:gd name="connsiteX236" fmla="*/ 6802 w 10000"/>
                  <a:gd name="connsiteY236" fmla="*/ 1270 h 10000"/>
                  <a:gd name="connsiteX237" fmla="*/ 6903 w 10000"/>
                  <a:gd name="connsiteY237" fmla="*/ 1300 h 10000"/>
                  <a:gd name="connsiteX238" fmla="*/ 7005 w 10000"/>
                  <a:gd name="connsiteY238" fmla="*/ 1315 h 10000"/>
                  <a:gd name="connsiteX239" fmla="*/ 7132 w 10000"/>
                  <a:gd name="connsiteY239" fmla="*/ 1300 h 10000"/>
                  <a:gd name="connsiteX240" fmla="*/ 7234 w 10000"/>
                  <a:gd name="connsiteY240" fmla="*/ 1285 h 10000"/>
                  <a:gd name="connsiteX241" fmla="*/ 7309 w 10000"/>
                  <a:gd name="connsiteY241" fmla="*/ 1241 h 10000"/>
                  <a:gd name="connsiteX242" fmla="*/ 7361 w 10000"/>
                  <a:gd name="connsiteY242" fmla="*/ 1167 h 10000"/>
                  <a:gd name="connsiteX243" fmla="*/ 7385 w 10000"/>
                  <a:gd name="connsiteY243" fmla="*/ 1064 h 10000"/>
                  <a:gd name="connsiteX244" fmla="*/ 7766 w 10000"/>
                  <a:gd name="connsiteY244" fmla="*/ 1034 h 10000"/>
                  <a:gd name="connsiteX245" fmla="*/ 8121 w 10000"/>
                  <a:gd name="connsiteY245" fmla="*/ 1004 h 10000"/>
                  <a:gd name="connsiteX246" fmla="*/ 8427 w 10000"/>
                  <a:gd name="connsiteY246" fmla="*/ 990 h 10000"/>
                  <a:gd name="connsiteX247" fmla="*/ 8706 w 10000"/>
                  <a:gd name="connsiteY247" fmla="*/ 1004 h 10000"/>
                  <a:gd name="connsiteX248" fmla="*/ 8833 w 10000"/>
                  <a:gd name="connsiteY248" fmla="*/ 1019 h 10000"/>
                  <a:gd name="connsiteX249" fmla="*/ 8958 w 10000"/>
                  <a:gd name="connsiteY249" fmla="*/ 1034 h 10000"/>
                  <a:gd name="connsiteX250" fmla="*/ 9061 w 10000"/>
                  <a:gd name="connsiteY250" fmla="*/ 1064 h 10000"/>
                  <a:gd name="connsiteX251" fmla="*/ 9188 w 10000"/>
                  <a:gd name="connsiteY251" fmla="*/ 1108 h 10000"/>
                  <a:gd name="connsiteX252" fmla="*/ 9264 w 10000"/>
                  <a:gd name="connsiteY252" fmla="*/ 1182 h 10000"/>
                  <a:gd name="connsiteX253" fmla="*/ 9339 w 10000"/>
                  <a:gd name="connsiteY253" fmla="*/ 1241 h 10000"/>
                  <a:gd name="connsiteX254" fmla="*/ 9391 w 10000"/>
                  <a:gd name="connsiteY254" fmla="*/ 1329 h 10000"/>
                  <a:gd name="connsiteX255" fmla="*/ 9442 w 10000"/>
                  <a:gd name="connsiteY255" fmla="*/ 1433 h 10000"/>
                  <a:gd name="connsiteX256" fmla="*/ 9492 w 10000"/>
                  <a:gd name="connsiteY256" fmla="*/ 1551 h 10000"/>
                  <a:gd name="connsiteX257" fmla="*/ 9466 w 10000"/>
                  <a:gd name="connsiteY257" fmla="*/ 1625 h 10000"/>
                  <a:gd name="connsiteX258" fmla="*/ 9442 w 10000"/>
                  <a:gd name="connsiteY258" fmla="*/ 1684 h 10000"/>
                  <a:gd name="connsiteX259" fmla="*/ 9391 w 10000"/>
                  <a:gd name="connsiteY259" fmla="*/ 1758 h 10000"/>
                  <a:gd name="connsiteX260" fmla="*/ 9315 w 10000"/>
                  <a:gd name="connsiteY260" fmla="*/ 1802 h 10000"/>
                  <a:gd name="connsiteX261" fmla="*/ 9264 w 10000"/>
                  <a:gd name="connsiteY261" fmla="*/ 1861 h 10000"/>
                  <a:gd name="connsiteX262" fmla="*/ 9240 w 10000"/>
                  <a:gd name="connsiteY262" fmla="*/ 1935 h 10000"/>
                  <a:gd name="connsiteX263" fmla="*/ 9264 w 10000"/>
                  <a:gd name="connsiteY263" fmla="*/ 2024 h 10000"/>
                  <a:gd name="connsiteX264" fmla="*/ 9543 w 10000"/>
                  <a:gd name="connsiteY264" fmla="*/ 2157 h 10000"/>
                  <a:gd name="connsiteX265" fmla="*/ 9873 w 10000"/>
                  <a:gd name="connsiteY265" fmla="*/ 2275 h 10000"/>
                  <a:gd name="connsiteX266" fmla="*/ 10000 w 10000"/>
                  <a:gd name="connsiteY266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6523 w 10000"/>
                  <a:gd name="connsiteY11" fmla="*/ 4210 h 10000"/>
                  <a:gd name="connsiteX12" fmla="*/ 8984 w 10000"/>
                  <a:gd name="connsiteY12" fmla="*/ 3412 h 10000"/>
                  <a:gd name="connsiteX13" fmla="*/ 9188 w 10000"/>
                  <a:gd name="connsiteY13" fmla="*/ 3338 h 10000"/>
                  <a:gd name="connsiteX14" fmla="*/ 9415 w 10000"/>
                  <a:gd name="connsiteY14" fmla="*/ 3117 h 10000"/>
                  <a:gd name="connsiteX15" fmla="*/ 9442 w 10000"/>
                  <a:gd name="connsiteY15" fmla="*/ 3072 h 10000"/>
                  <a:gd name="connsiteX16" fmla="*/ 9466 w 10000"/>
                  <a:gd name="connsiteY16" fmla="*/ 3013 h 10000"/>
                  <a:gd name="connsiteX17" fmla="*/ 9466 w 10000"/>
                  <a:gd name="connsiteY17" fmla="*/ 2954 h 10000"/>
                  <a:gd name="connsiteX18" fmla="*/ 9442 w 10000"/>
                  <a:gd name="connsiteY18" fmla="*/ 2866 h 10000"/>
                  <a:gd name="connsiteX19" fmla="*/ 9264 w 10000"/>
                  <a:gd name="connsiteY19" fmla="*/ 2984 h 10000"/>
                  <a:gd name="connsiteX20" fmla="*/ 9061 w 10000"/>
                  <a:gd name="connsiteY20" fmla="*/ 3072 h 10000"/>
                  <a:gd name="connsiteX21" fmla="*/ 8197 w 10000"/>
                  <a:gd name="connsiteY21" fmla="*/ 3397 h 10000"/>
                  <a:gd name="connsiteX22" fmla="*/ 7716 w 10000"/>
                  <a:gd name="connsiteY22" fmla="*/ 3545 h 10000"/>
                  <a:gd name="connsiteX23" fmla="*/ 7234 w 10000"/>
                  <a:gd name="connsiteY23" fmla="*/ 3678 h 10000"/>
                  <a:gd name="connsiteX24" fmla="*/ 6776 w 10000"/>
                  <a:gd name="connsiteY24" fmla="*/ 3840 h 10000"/>
                  <a:gd name="connsiteX25" fmla="*/ 6548 w 10000"/>
                  <a:gd name="connsiteY25" fmla="*/ 3914 h 10000"/>
                  <a:gd name="connsiteX26" fmla="*/ 6345 w 10000"/>
                  <a:gd name="connsiteY26" fmla="*/ 4003 h 10000"/>
                  <a:gd name="connsiteX27" fmla="*/ 6143 w 10000"/>
                  <a:gd name="connsiteY27" fmla="*/ 4106 h 10000"/>
                  <a:gd name="connsiteX28" fmla="*/ 5938 w 10000"/>
                  <a:gd name="connsiteY28" fmla="*/ 4195 h 10000"/>
                  <a:gd name="connsiteX29" fmla="*/ 6091 w 10000"/>
                  <a:gd name="connsiteY29" fmla="*/ 4417 h 10000"/>
                  <a:gd name="connsiteX30" fmla="*/ 6193 w 10000"/>
                  <a:gd name="connsiteY30" fmla="*/ 4623 h 10000"/>
                  <a:gd name="connsiteX31" fmla="*/ 6294 w 10000"/>
                  <a:gd name="connsiteY31" fmla="*/ 4845 h 10000"/>
                  <a:gd name="connsiteX32" fmla="*/ 6369 w 10000"/>
                  <a:gd name="connsiteY32" fmla="*/ 5081 h 10000"/>
                  <a:gd name="connsiteX33" fmla="*/ 6421 w 10000"/>
                  <a:gd name="connsiteY33" fmla="*/ 5318 h 10000"/>
                  <a:gd name="connsiteX34" fmla="*/ 6447 w 10000"/>
                  <a:gd name="connsiteY34" fmla="*/ 5539 h 10000"/>
                  <a:gd name="connsiteX35" fmla="*/ 6471 w 10000"/>
                  <a:gd name="connsiteY35" fmla="*/ 5775 h 10000"/>
                  <a:gd name="connsiteX36" fmla="*/ 6471 w 10000"/>
                  <a:gd name="connsiteY36" fmla="*/ 5997 h 10000"/>
                  <a:gd name="connsiteX37" fmla="*/ 6447 w 10000"/>
                  <a:gd name="connsiteY37" fmla="*/ 6233 h 10000"/>
                  <a:gd name="connsiteX38" fmla="*/ 6396 w 10000"/>
                  <a:gd name="connsiteY38" fmla="*/ 6470 h 10000"/>
                  <a:gd name="connsiteX39" fmla="*/ 6345 w 10000"/>
                  <a:gd name="connsiteY39" fmla="*/ 6677 h 10000"/>
                  <a:gd name="connsiteX40" fmla="*/ 6269 w 10000"/>
                  <a:gd name="connsiteY40" fmla="*/ 6898 h 10000"/>
                  <a:gd name="connsiteX41" fmla="*/ 6168 w 10000"/>
                  <a:gd name="connsiteY41" fmla="*/ 7105 h 10000"/>
                  <a:gd name="connsiteX42" fmla="*/ 6041 w 10000"/>
                  <a:gd name="connsiteY42" fmla="*/ 7297 h 10000"/>
                  <a:gd name="connsiteX43" fmla="*/ 5888 w 10000"/>
                  <a:gd name="connsiteY43" fmla="*/ 7489 h 10000"/>
                  <a:gd name="connsiteX44" fmla="*/ 5735 w 10000"/>
                  <a:gd name="connsiteY44" fmla="*/ 7681 h 10000"/>
                  <a:gd name="connsiteX45" fmla="*/ 6471 w 10000"/>
                  <a:gd name="connsiteY45" fmla="*/ 7799 h 10000"/>
                  <a:gd name="connsiteX46" fmla="*/ 7234 w 10000"/>
                  <a:gd name="connsiteY46" fmla="*/ 7962 h 10000"/>
                  <a:gd name="connsiteX47" fmla="*/ 7385 w 10000"/>
                  <a:gd name="connsiteY47" fmla="*/ 8021 h 10000"/>
                  <a:gd name="connsiteX48" fmla="*/ 7512 w 10000"/>
                  <a:gd name="connsiteY48" fmla="*/ 8080 h 10000"/>
                  <a:gd name="connsiteX49" fmla="*/ 7639 w 10000"/>
                  <a:gd name="connsiteY49" fmla="*/ 8139 h 10000"/>
                  <a:gd name="connsiteX50" fmla="*/ 7716 w 10000"/>
                  <a:gd name="connsiteY50" fmla="*/ 8227 h 10000"/>
                  <a:gd name="connsiteX51" fmla="*/ 7741 w 10000"/>
                  <a:gd name="connsiteY51" fmla="*/ 8301 h 10000"/>
                  <a:gd name="connsiteX52" fmla="*/ 7741 w 10000"/>
                  <a:gd name="connsiteY52" fmla="*/ 8405 h 10000"/>
                  <a:gd name="connsiteX53" fmla="*/ 7691 w 10000"/>
                  <a:gd name="connsiteY53" fmla="*/ 8523 h 10000"/>
                  <a:gd name="connsiteX54" fmla="*/ 7614 w 10000"/>
                  <a:gd name="connsiteY54" fmla="*/ 8641 h 10000"/>
                  <a:gd name="connsiteX55" fmla="*/ 7284 w 10000"/>
                  <a:gd name="connsiteY55" fmla="*/ 8552 h 10000"/>
                  <a:gd name="connsiteX56" fmla="*/ 6979 w 10000"/>
                  <a:gd name="connsiteY56" fmla="*/ 8449 h 10000"/>
                  <a:gd name="connsiteX57" fmla="*/ 6674 w 10000"/>
                  <a:gd name="connsiteY57" fmla="*/ 8360 h 10000"/>
                  <a:gd name="connsiteX58" fmla="*/ 6369 w 10000"/>
                  <a:gd name="connsiteY58" fmla="*/ 8287 h 10000"/>
                  <a:gd name="connsiteX59" fmla="*/ 6243 w 10000"/>
                  <a:gd name="connsiteY59" fmla="*/ 8449 h 10000"/>
                  <a:gd name="connsiteX60" fmla="*/ 6143 w 10000"/>
                  <a:gd name="connsiteY60" fmla="*/ 8597 h 10000"/>
                  <a:gd name="connsiteX61" fmla="*/ 6091 w 10000"/>
                  <a:gd name="connsiteY61" fmla="*/ 8656 h 10000"/>
                  <a:gd name="connsiteX62" fmla="*/ 5989 w 10000"/>
                  <a:gd name="connsiteY62" fmla="*/ 8700 h 10000"/>
                  <a:gd name="connsiteX63" fmla="*/ 5914 w 10000"/>
                  <a:gd name="connsiteY63" fmla="*/ 8744 h 10000"/>
                  <a:gd name="connsiteX64" fmla="*/ 5838 w 10000"/>
                  <a:gd name="connsiteY64" fmla="*/ 8774 h 10000"/>
                  <a:gd name="connsiteX65" fmla="*/ 5761 w 10000"/>
                  <a:gd name="connsiteY65" fmla="*/ 8804 h 10000"/>
                  <a:gd name="connsiteX66" fmla="*/ 5660 w 10000"/>
                  <a:gd name="connsiteY66" fmla="*/ 8818 h 10000"/>
                  <a:gd name="connsiteX67" fmla="*/ 5532 w 10000"/>
                  <a:gd name="connsiteY67" fmla="*/ 8833 h 10000"/>
                  <a:gd name="connsiteX68" fmla="*/ 5406 w 10000"/>
                  <a:gd name="connsiteY68" fmla="*/ 8833 h 10000"/>
                  <a:gd name="connsiteX69" fmla="*/ 5102 w 10000"/>
                  <a:gd name="connsiteY69" fmla="*/ 8818 h 10000"/>
                  <a:gd name="connsiteX70" fmla="*/ 4720 w 10000"/>
                  <a:gd name="connsiteY70" fmla="*/ 8744 h 10000"/>
                  <a:gd name="connsiteX71" fmla="*/ 4720 w 10000"/>
                  <a:gd name="connsiteY71" fmla="*/ 8922 h 10000"/>
                  <a:gd name="connsiteX72" fmla="*/ 4695 w 10000"/>
                  <a:gd name="connsiteY72" fmla="*/ 9069 h 10000"/>
                  <a:gd name="connsiteX73" fmla="*/ 4671 w 10000"/>
                  <a:gd name="connsiteY73" fmla="*/ 9232 h 10000"/>
                  <a:gd name="connsiteX74" fmla="*/ 4644 w 10000"/>
                  <a:gd name="connsiteY74" fmla="*/ 9365 h 10000"/>
                  <a:gd name="connsiteX75" fmla="*/ 4593 w 10000"/>
                  <a:gd name="connsiteY75" fmla="*/ 9498 h 10000"/>
                  <a:gd name="connsiteX76" fmla="*/ 4493 w 10000"/>
                  <a:gd name="connsiteY76" fmla="*/ 9616 h 10000"/>
                  <a:gd name="connsiteX77" fmla="*/ 4416 w 10000"/>
                  <a:gd name="connsiteY77" fmla="*/ 9734 h 10000"/>
                  <a:gd name="connsiteX78" fmla="*/ 4289 w 10000"/>
                  <a:gd name="connsiteY78" fmla="*/ 9838 h 10000"/>
                  <a:gd name="connsiteX79" fmla="*/ 3983 w 10000"/>
                  <a:gd name="connsiteY79" fmla="*/ 9897 h 10000"/>
                  <a:gd name="connsiteX80" fmla="*/ 3731 w 10000"/>
                  <a:gd name="connsiteY80" fmla="*/ 9941 h 10000"/>
                  <a:gd name="connsiteX81" fmla="*/ 3426 w 10000"/>
                  <a:gd name="connsiteY81" fmla="*/ 9985 h 10000"/>
                  <a:gd name="connsiteX82" fmla="*/ 3198 w 10000"/>
                  <a:gd name="connsiteY82" fmla="*/ 10000 h 10000"/>
                  <a:gd name="connsiteX83" fmla="*/ 2690 w 10000"/>
                  <a:gd name="connsiteY83" fmla="*/ 10000 h 10000"/>
                  <a:gd name="connsiteX84" fmla="*/ 2208 w 10000"/>
                  <a:gd name="connsiteY84" fmla="*/ 9985 h 10000"/>
                  <a:gd name="connsiteX85" fmla="*/ 1752 w 10000"/>
                  <a:gd name="connsiteY85" fmla="*/ 9941 h 10000"/>
                  <a:gd name="connsiteX86" fmla="*/ 1270 w 10000"/>
                  <a:gd name="connsiteY86" fmla="*/ 9911 h 10000"/>
                  <a:gd name="connsiteX87" fmla="*/ 990 w 10000"/>
                  <a:gd name="connsiteY87" fmla="*/ 9911 h 10000"/>
                  <a:gd name="connsiteX88" fmla="*/ 736 w 10000"/>
                  <a:gd name="connsiteY88" fmla="*/ 9911 h 10000"/>
                  <a:gd name="connsiteX89" fmla="*/ 457 w 10000"/>
                  <a:gd name="connsiteY89" fmla="*/ 9926 h 10000"/>
                  <a:gd name="connsiteX90" fmla="*/ 178 w 10000"/>
                  <a:gd name="connsiteY90" fmla="*/ 9970 h 10000"/>
                  <a:gd name="connsiteX91" fmla="*/ 102 w 10000"/>
                  <a:gd name="connsiteY91" fmla="*/ 9867 h 10000"/>
                  <a:gd name="connsiteX92" fmla="*/ 51 w 10000"/>
                  <a:gd name="connsiteY92" fmla="*/ 9793 h 10000"/>
                  <a:gd name="connsiteX93" fmla="*/ 0 w 10000"/>
                  <a:gd name="connsiteY93" fmla="*/ 9705 h 10000"/>
                  <a:gd name="connsiteX94" fmla="*/ 0 w 10000"/>
                  <a:gd name="connsiteY94" fmla="*/ 9601 h 10000"/>
                  <a:gd name="connsiteX95" fmla="*/ 51 w 10000"/>
                  <a:gd name="connsiteY95" fmla="*/ 9424 h 10000"/>
                  <a:gd name="connsiteX96" fmla="*/ 102 w 10000"/>
                  <a:gd name="connsiteY96" fmla="*/ 9202 h 10000"/>
                  <a:gd name="connsiteX97" fmla="*/ 151 w 10000"/>
                  <a:gd name="connsiteY97" fmla="*/ 8996 h 10000"/>
                  <a:gd name="connsiteX98" fmla="*/ 203 w 10000"/>
                  <a:gd name="connsiteY98" fmla="*/ 8759 h 10000"/>
                  <a:gd name="connsiteX99" fmla="*/ 228 w 10000"/>
                  <a:gd name="connsiteY99" fmla="*/ 8641 h 10000"/>
                  <a:gd name="connsiteX100" fmla="*/ 228 w 10000"/>
                  <a:gd name="connsiteY100" fmla="*/ 8538 h 10000"/>
                  <a:gd name="connsiteX101" fmla="*/ 203 w 10000"/>
                  <a:gd name="connsiteY101" fmla="*/ 8405 h 10000"/>
                  <a:gd name="connsiteX102" fmla="*/ 178 w 10000"/>
                  <a:gd name="connsiteY102" fmla="*/ 8287 h 10000"/>
                  <a:gd name="connsiteX103" fmla="*/ 431 w 10000"/>
                  <a:gd name="connsiteY103" fmla="*/ 8213 h 10000"/>
                  <a:gd name="connsiteX104" fmla="*/ 685 w 10000"/>
                  <a:gd name="connsiteY104" fmla="*/ 8139 h 10000"/>
                  <a:gd name="connsiteX105" fmla="*/ 939 w 10000"/>
                  <a:gd name="connsiteY105" fmla="*/ 8095 h 10000"/>
                  <a:gd name="connsiteX106" fmla="*/ 1218 w 10000"/>
                  <a:gd name="connsiteY106" fmla="*/ 8065 h 10000"/>
                  <a:gd name="connsiteX107" fmla="*/ 1725 w 10000"/>
                  <a:gd name="connsiteY107" fmla="*/ 8021 h 10000"/>
                  <a:gd name="connsiteX108" fmla="*/ 2234 w 10000"/>
                  <a:gd name="connsiteY108" fmla="*/ 7976 h 10000"/>
                  <a:gd name="connsiteX109" fmla="*/ 2462 w 10000"/>
                  <a:gd name="connsiteY109" fmla="*/ 7947 h 10000"/>
                  <a:gd name="connsiteX110" fmla="*/ 2690 w 10000"/>
                  <a:gd name="connsiteY110" fmla="*/ 7917 h 10000"/>
                  <a:gd name="connsiteX111" fmla="*/ 2892 w 10000"/>
                  <a:gd name="connsiteY111" fmla="*/ 7843 h 10000"/>
                  <a:gd name="connsiteX112" fmla="*/ 3096 w 10000"/>
                  <a:gd name="connsiteY112" fmla="*/ 7784 h 10000"/>
                  <a:gd name="connsiteX113" fmla="*/ 3274 w 10000"/>
                  <a:gd name="connsiteY113" fmla="*/ 7710 h 10000"/>
                  <a:gd name="connsiteX114" fmla="*/ 3426 w 10000"/>
                  <a:gd name="connsiteY114" fmla="*/ 7592 h 10000"/>
                  <a:gd name="connsiteX115" fmla="*/ 3579 w 10000"/>
                  <a:gd name="connsiteY115" fmla="*/ 7474 h 10000"/>
                  <a:gd name="connsiteX116" fmla="*/ 3680 w 10000"/>
                  <a:gd name="connsiteY116" fmla="*/ 7312 h 10000"/>
                  <a:gd name="connsiteX117" fmla="*/ 3477 w 10000"/>
                  <a:gd name="connsiteY117" fmla="*/ 7238 h 10000"/>
                  <a:gd name="connsiteX118" fmla="*/ 3299 w 10000"/>
                  <a:gd name="connsiteY118" fmla="*/ 7179 h 10000"/>
                  <a:gd name="connsiteX119" fmla="*/ 3147 w 10000"/>
                  <a:gd name="connsiteY119" fmla="*/ 7090 h 10000"/>
                  <a:gd name="connsiteX120" fmla="*/ 2995 w 10000"/>
                  <a:gd name="connsiteY120" fmla="*/ 6987 h 10000"/>
                  <a:gd name="connsiteX121" fmla="*/ 2892 w 10000"/>
                  <a:gd name="connsiteY121" fmla="*/ 6869 h 10000"/>
                  <a:gd name="connsiteX122" fmla="*/ 2843 w 10000"/>
                  <a:gd name="connsiteY122" fmla="*/ 6721 h 10000"/>
                  <a:gd name="connsiteX123" fmla="*/ 2817 w 10000"/>
                  <a:gd name="connsiteY123" fmla="*/ 6558 h 10000"/>
                  <a:gd name="connsiteX124" fmla="*/ 2843 w 10000"/>
                  <a:gd name="connsiteY124" fmla="*/ 6352 h 10000"/>
                  <a:gd name="connsiteX125" fmla="*/ 2716 w 10000"/>
                  <a:gd name="connsiteY125" fmla="*/ 6322 h 10000"/>
                  <a:gd name="connsiteX126" fmla="*/ 2564 w 10000"/>
                  <a:gd name="connsiteY126" fmla="*/ 6292 h 10000"/>
                  <a:gd name="connsiteX127" fmla="*/ 2386 w 10000"/>
                  <a:gd name="connsiteY127" fmla="*/ 6278 h 10000"/>
                  <a:gd name="connsiteX128" fmla="*/ 2208 w 10000"/>
                  <a:gd name="connsiteY128" fmla="*/ 6263 h 10000"/>
                  <a:gd name="connsiteX129" fmla="*/ 1853 w 10000"/>
                  <a:gd name="connsiteY129" fmla="*/ 6248 h 10000"/>
                  <a:gd name="connsiteX130" fmla="*/ 1472 w 10000"/>
                  <a:gd name="connsiteY130" fmla="*/ 6263 h 10000"/>
                  <a:gd name="connsiteX131" fmla="*/ 1143 w 10000"/>
                  <a:gd name="connsiteY131" fmla="*/ 6278 h 10000"/>
                  <a:gd name="connsiteX132" fmla="*/ 837 w 10000"/>
                  <a:gd name="connsiteY132" fmla="*/ 6278 h 10000"/>
                  <a:gd name="connsiteX133" fmla="*/ 585 w 10000"/>
                  <a:gd name="connsiteY133" fmla="*/ 6263 h 10000"/>
                  <a:gd name="connsiteX134" fmla="*/ 381 w 10000"/>
                  <a:gd name="connsiteY134" fmla="*/ 6233 h 10000"/>
                  <a:gd name="connsiteX135" fmla="*/ 633 w 10000"/>
                  <a:gd name="connsiteY135" fmla="*/ 5805 h 10000"/>
                  <a:gd name="connsiteX136" fmla="*/ 914 w 10000"/>
                  <a:gd name="connsiteY136" fmla="*/ 5391 h 10000"/>
                  <a:gd name="connsiteX137" fmla="*/ 1016 w 10000"/>
                  <a:gd name="connsiteY137" fmla="*/ 5170 h 10000"/>
                  <a:gd name="connsiteX138" fmla="*/ 1091 w 10000"/>
                  <a:gd name="connsiteY138" fmla="*/ 4963 h 10000"/>
                  <a:gd name="connsiteX139" fmla="*/ 1116 w 10000"/>
                  <a:gd name="connsiteY139" fmla="*/ 4860 h 10000"/>
                  <a:gd name="connsiteX140" fmla="*/ 1091 w 10000"/>
                  <a:gd name="connsiteY140" fmla="*/ 4756 h 10000"/>
                  <a:gd name="connsiteX141" fmla="*/ 1066 w 10000"/>
                  <a:gd name="connsiteY141" fmla="*/ 4653 h 10000"/>
                  <a:gd name="connsiteX142" fmla="*/ 990 w 10000"/>
                  <a:gd name="connsiteY142" fmla="*/ 4549 h 10000"/>
                  <a:gd name="connsiteX143" fmla="*/ 1270 w 10000"/>
                  <a:gd name="connsiteY143" fmla="*/ 4520 h 10000"/>
                  <a:gd name="connsiteX144" fmla="*/ 1472 w 10000"/>
                  <a:gd name="connsiteY144" fmla="*/ 4505 h 10000"/>
                  <a:gd name="connsiteX145" fmla="*/ 1650 w 10000"/>
                  <a:gd name="connsiteY145" fmla="*/ 4505 h 10000"/>
                  <a:gd name="connsiteX146" fmla="*/ 1802 w 10000"/>
                  <a:gd name="connsiteY146" fmla="*/ 4520 h 10000"/>
                  <a:gd name="connsiteX147" fmla="*/ 1929 w 10000"/>
                  <a:gd name="connsiteY147" fmla="*/ 4520 h 10000"/>
                  <a:gd name="connsiteX148" fmla="*/ 2081 w 10000"/>
                  <a:gd name="connsiteY148" fmla="*/ 4520 h 10000"/>
                  <a:gd name="connsiteX149" fmla="*/ 2234 w 10000"/>
                  <a:gd name="connsiteY149" fmla="*/ 4490 h 10000"/>
                  <a:gd name="connsiteX150" fmla="*/ 2436 w 10000"/>
                  <a:gd name="connsiteY150" fmla="*/ 4446 h 10000"/>
                  <a:gd name="connsiteX151" fmla="*/ 2436 w 10000"/>
                  <a:gd name="connsiteY151" fmla="*/ 4579 h 10000"/>
                  <a:gd name="connsiteX152" fmla="*/ 2436 w 10000"/>
                  <a:gd name="connsiteY152" fmla="*/ 4742 h 10000"/>
                  <a:gd name="connsiteX153" fmla="*/ 2436 w 10000"/>
                  <a:gd name="connsiteY153" fmla="*/ 4874 h 10000"/>
                  <a:gd name="connsiteX154" fmla="*/ 2436 w 10000"/>
                  <a:gd name="connsiteY154" fmla="*/ 5037 h 10000"/>
                  <a:gd name="connsiteX155" fmla="*/ 2665 w 10000"/>
                  <a:gd name="connsiteY155" fmla="*/ 5022 h 10000"/>
                  <a:gd name="connsiteX156" fmla="*/ 2817 w 10000"/>
                  <a:gd name="connsiteY156" fmla="*/ 5037 h 10000"/>
                  <a:gd name="connsiteX157" fmla="*/ 2944 w 10000"/>
                  <a:gd name="connsiteY157" fmla="*/ 5066 h 10000"/>
                  <a:gd name="connsiteX158" fmla="*/ 3071 w 10000"/>
                  <a:gd name="connsiteY158" fmla="*/ 5096 h 10000"/>
                  <a:gd name="connsiteX159" fmla="*/ 3173 w 10000"/>
                  <a:gd name="connsiteY159" fmla="*/ 5126 h 10000"/>
                  <a:gd name="connsiteX160" fmla="*/ 3299 w 10000"/>
                  <a:gd name="connsiteY160" fmla="*/ 5155 h 10000"/>
                  <a:gd name="connsiteX161" fmla="*/ 3452 w 10000"/>
                  <a:gd name="connsiteY161" fmla="*/ 5170 h 10000"/>
                  <a:gd name="connsiteX162" fmla="*/ 3680 w 10000"/>
                  <a:gd name="connsiteY162" fmla="*/ 5155 h 10000"/>
                  <a:gd name="connsiteX163" fmla="*/ 3757 w 10000"/>
                  <a:gd name="connsiteY163" fmla="*/ 5096 h 10000"/>
                  <a:gd name="connsiteX164" fmla="*/ 3832 w 10000"/>
                  <a:gd name="connsiteY164" fmla="*/ 5022 h 10000"/>
                  <a:gd name="connsiteX165" fmla="*/ 3857 w 10000"/>
                  <a:gd name="connsiteY165" fmla="*/ 4934 h 10000"/>
                  <a:gd name="connsiteX166" fmla="*/ 3884 w 10000"/>
                  <a:gd name="connsiteY166" fmla="*/ 4860 h 10000"/>
                  <a:gd name="connsiteX167" fmla="*/ 3908 w 10000"/>
                  <a:gd name="connsiteY167" fmla="*/ 4697 h 10000"/>
                  <a:gd name="connsiteX168" fmla="*/ 3884 w 10000"/>
                  <a:gd name="connsiteY168" fmla="*/ 4520 h 10000"/>
                  <a:gd name="connsiteX169" fmla="*/ 3807 w 10000"/>
                  <a:gd name="connsiteY169" fmla="*/ 4343 h 10000"/>
                  <a:gd name="connsiteX170" fmla="*/ 3731 w 10000"/>
                  <a:gd name="connsiteY170" fmla="*/ 4195 h 10000"/>
                  <a:gd name="connsiteX171" fmla="*/ 3604 w 10000"/>
                  <a:gd name="connsiteY171" fmla="*/ 4047 h 10000"/>
                  <a:gd name="connsiteX172" fmla="*/ 3477 w 10000"/>
                  <a:gd name="connsiteY172" fmla="*/ 3959 h 10000"/>
                  <a:gd name="connsiteX173" fmla="*/ 3629 w 10000"/>
                  <a:gd name="connsiteY173" fmla="*/ 3944 h 10000"/>
                  <a:gd name="connsiteX174" fmla="*/ 3757 w 10000"/>
                  <a:gd name="connsiteY174" fmla="*/ 3914 h 10000"/>
                  <a:gd name="connsiteX175" fmla="*/ 3857 w 10000"/>
                  <a:gd name="connsiteY175" fmla="*/ 3855 h 10000"/>
                  <a:gd name="connsiteX176" fmla="*/ 3983 w 10000"/>
                  <a:gd name="connsiteY176" fmla="*/ 3752 h 10000"/>
                  <a:gd name="connsiteX177" fmla="*/ 4111 w 10000"/>
                  <a:gd name="connsiteY177" fmla="*/ 3663 h 10000"/>
                  <a:gd name="connsiteX178" fmla="*/ 4213 w 10000"/>
                  <a:gd name="connsiteY178" fmla="*/ 3560 h 10000"/>
                  <a:gd name="connsiteX179" fmla="*/ 4289 w 10000"/>
                  <a:gd name="connsiteY179" fmla="*/ 3442 h 10000"/>
                  <a:gd name="connsiteX180" fmla="*/ 4366 w 10000"/>
                  <a:gd name="connsiteY180" fmla="*/ 3323 h 10000"/>
                  <a:gd name="connsiteX181" fmla="*/ 4416 w 10000"/>
                  <a:gd name="connsiteY181" fmla="*/ 3220 h 10000"/>
                  <a:gd name="connsiteX182" fmla="*/ 4441 w 10000"/>
                  <a:gd name="connsiteY182" fmla="*/ 3102 h 10000"/>
                  <a:gd name="connsiteX183" fmla="*/ 4468 w 10000"/>
                  <a:gd name="connsiteY183" fmla="*/ 3013 h 10000"/>
                  <a:gd name="connsiteX184" fmla="*/ 4441 w 10000"/>
                  <a:gd name="connsiteY184" fmla="*/ 2939 h 10000"/>
                  <a:gd name="connsiteX185" fmla="*/ 4416 w 10000"/>
                  <a:gd name="connsiteY185" fmla="*/ 2866 h 10000"/>
                  <a:gd name="connsiteX186" fmla="*/ 4340 w 10000"/>
                  <a:gd name="connsiteY186" fmla="*/ 2836 h 10000"/>
                  <a:gd name="connsiteX187" fmla="*/ 4239 w 10000"/>
                  <a:gd name="connsiteY187" fmla="*/ 2836 h 10000"/>
                  <a:gd name="connsiteX188" fmla="*/ 4111 w 10000"/>
                  <a:gd name="connsiteY188" fmla="*/ 2866 h 10000"/>
                  <a:gd name="connsiteX189" fmla="*/ 4213 w 10000"/>
                  <a:gd name="connsiteY189" fmla="*/ 2777 h 10000"/>
                  <a:gd name="connsiteX190" fmla="*/ 4265 w 10000"/>
                  <a:gd name="connsiteY190" fmla="*/ 2674 h 10000"/>
                  <a:gd name="connsiteX191" fmla="*/ 4289 w 10000"/>
                  <a:gd name="connsiteY191" fmla="*/ 2541 h 10000"/>
                  <a:gd name="connsiteX192" fmla="*/ 4289 w 10000"/>
                  <a:gd name="connsiteY192" fmla="*/ 2393 h 10000"/>
                  <a:gd name="connsiteX193" fmla="*/ 4314 w 10000"/>
                  <a:gd name="connsiteY193" fmla="*/ 2349 h 10000"/>
                  <a:gd name="connsiteX194" fmla="*/ 4366 w 10000"/>
                  <a:gd name="connsiteY194" fmla="*/ 2304 h 10000"/>
                  <a:gd name="connsiteX195" fmla="*/ 4416 w 10000"/>
                  <a:gd name="connsiteY195" fmla="*/ 2290 h 10000"/>
                  <a:gd name="connsiteX196" fmla="*/ 4493 w 10000"/>
                  <a:gd name="connsiteY196" fmla="*/ 2275 h 10000"/>
                  <a:gd name="connsiteX197" fmla="*/ 4720 w 10000"/>
                  <a:gd name="connsiteY197" fmla="*/ 2260 h 10000"/>
                  <a:gd name="connsiteX198" fmla="*/ 4923 w 10000"/>
                  <a:gd name="connsiteY198" fmla="*/ 2275 h 10000"/>
                  <a:gd name="connsiteX199" fmla="*/ 4898 w 10000"/>
                  <a:gd name="connsiteY199" fmla="*/ 2112 h 10000"/>
                  <a:gd name="connsiteX200" fmla="*/ 4848 w 10000"/>
                  <a:gd name="connsiteY200" fmla="*/ 1950 h 10000"/>
                  <a:gd name="connsiteX201" fmla="*/ 4771 w 10000"/>
                  <a:gd name="connsiteY201" fmla="*/ 1802 h 10000"/>
                  <a:gd name="connsiteX202" fmla="*/ 4671 w 10000"/>
                  <a:gd name="connsiteY202" fmla="*/ 1640 h 10000"/>
                  <a:gd name="connsiteX203" fmla="*/ 4416 w 10000"/>
                  <a:gd name="connsiteY203" fmla="*/ 1329 h 10000"/>
                  <a:gd name="connsiteX204" fmla="*/ 4162 w 10000"/>
                  <a:gd name="connsiteY204" fmla="*/ 1034 h 10000"/>
                  <a:gd name="connsiteX205" fmla="*/ 4035 w 10000"/>
                  <a:gd name="connsiteY205" fmla="*/ 901 h 10000"/>
                  <a:gd name="connsiteX206" fmla="*/ 3935 w 10000"/>
                  <a:gd name="connsiteY206" fmla="*/ 753 h 10000"/>
                  <a:gd name="connsiteX207" fmla="*/ 3857 w 10000"/>
                  <a:gd name="connsiteY207" fmla="*/ 620 h 10000"/>
                  <a:gd name="connsiteX208" fmla="*/ 3832 w 10000"/>
                  <a:gd name="connsiteY208" fmla="*/ 487 h 10000"/>
                  <a:gd name="connsiteX209" fmla="*/ 3807 w 10000"/>
                  <a:gd name="connsiteY209" fmla="*/ 355 h 10000"/>
                  <a:gd name="connsiteX210" fmla="*/ 3857 w 10000"/>
                  <a:gd name="connsiteY210" fmla="*/ 222 h 10000"/>
                  <a:gd name="connsiteX211" fmla="*/ 3884 w 10000"/>
                  <a:gd name="connsiteY211" fmla="*/ 162 h 10000"/>
                  <a:gd name="connsiteX212" fmla="*/ 3935 w 10000"/>
                  <a:gd name="connsiteY212" fmla="*/ 103 h 10000"/>
                  <a:gd name="connsiteX213" fmla="*/ 4011 w 10000"/>
                  <a:gd name="connsiteY213" fmla="*/ 59 h 10000"/>
                  <a:gd name="connsiteX214" fmla="*/ 4111 w 10000"/>
                  <a:gd name="connsiteY214" fmla="*/ 0 h 10000"/>
                  <a:gd name="connsiteX215" fmla="*/ 4289 w 10000"/>
                  <a:gd name="connsiteY215" fmla="*/ 0 h 10000"/>
                  <a:gd name="connsiteX216" fmla="*/ 4468 w 10000"/>
                  <a:gd name="connsiteY216" fmla="*/ 15 h 10000"/>
                  <a:gd name="connsiteX217" fmla="*/ 4644 w 10000"/>
                  <a:gd name="connsiteY217" fmla="*/ 44 h 10000"/>
                  <a:gd name="connsiteX218" fmla="*/ 4771 w 10000"/>
                  <a:gd name="connsiteY218" fmla="*/ 89 h 10000"/>
                  <a:gd name="connsiteX219" fmla="*/ 4975 w 10000"/>
                  <a:gd name="connsiteY219" fmla="*/ 192 h 10000"/>
                  <a:gd name="connsiteX220" fmla="*/ 5177 w 10000"/>
                  <a:gd name="connsiteY220" fmla="*/ 340 h 10000"/>
                  <a:gd name="connsiteX221" fmla="*/ 5329 w 10000"/>
                  <a:gd name="connsiteY221" fmla="*/ 473 h 10000"/>
                  <a:gd name="connsiteX222" fmla="*/ 5532 w 10000"/>
                  <a:gd name="connsiteY222" fmla="*/ 591 h 10000"/>
                  <a:gd name="connsiteX223" fmla="*/ 5660 w 10000"/>
                  <a:gd name="connsiteY223" fmla="*/ 650 h 10000"/>
                  <a:gd name="connsiteX224" fmla="*/ 5812 w 10000"/>
                  <a:gd name="connsiteY224" fmla="*/ 679 h 10000"/>
                  <a:gd name="connsiteX225" fmla="*/ 5965 w 10000"/>
                  <a:gd name="connsiteY225" fmla="*/ 709 h 10000"/>
                  <a:gd name="connsiteX226" fmla="*/ 6168 w 10000"/>
                  <a:gd name="connsiteY226" fmla="*/ 709 h 10000"/>
                  <a:gd name="connsiteX227" fmla="*/ 6168 w 10000"/>
                  <a:gd name="connsiteY227" fmla="*/ 768 h 10000"/>
                  <a:gd name="connsiteX228" fmla="*/ 6193 w 10000"/>
                  <a:gd name="connsiteY228" fmla="*/ 842 h 10000"/>
                  <a:gd name="connsiteX229" fmla="*/ 6243 w 10000"/>
                  <a:gd name="connsiteY229" fmla="*/ 916 h 10000"/>
                  <a:gd name="connsiteX230" fmla="*/ 6294 w 10000"/>
                  <a:gd name="connsiteY230" fmla="*/ 990 h 10000"/>
                  <a:gd name="connsiteX231" fmla="*/ 6369 w 10000"/>
                  <a:gd name="connsiteY231" fmla="*/ 1049 h 10000"/>
                  <a:gd name="connsiteX232" fmla="*/ 6471 w 10000"/>
                  <a:gd name="connsiteY232" fmla="*/ 1108 h 10000"/>
                  <a:gd name="connsiteX233" fmla="*/ 6598 w 10000"/>
                  <a:gd name="connsiteY233" fmla="*/ 1182 h 10000"/>
                  <a:gd name="connsiteX234" fmla="*/ 6700 w 10000"/>
                  <a:gd name="connsiteY234" fmla="*/ 1226 h 10000"/>
                  <a:gd name="connsiteX235" fmla="*/ 6802 w 10000"/>
                  <a:gd name="connsiteY235" fmla="*/ 1270 h 10000"/>
                  <a:gd name="connsiteX236" fmla="*/ 6903 w 10000"/>
                  <a:gd name="connsiteY236" fmla="*/ 1300 h 10000"/>
                  <a:gd name="connsiteX237" fmla="*/ 7005 w 10000"/>
                  <a:gd name="connsiteY237" fmla="*/ 1315 h 10000"/>
                  <a:gd name="connsiteX238" fmla="*/ 7132 w 10000"/>
                  <a:gd name="connsiteY238" fmla="*/ 1300 h 10000"/>
                  <a:gd name="connsiteX239" fmla="*/ 7234 w 10000"/>
                  <a:gd name="connsiteY239" fmla="*/ 1285 h 10000"/>
                  <a:gd name="connsiteX240" fmla="*/ 7309 w 10000"/>
                  <a:gd name="connsiteY240" fmla="*/ 1241 h 10000"/>
                  <a:gd name="connsiteX241" fmla="*/ 7361 w 10000"/>
                  <a:gd name="connsiteY241" fmla="*/ 1167 h 10000"/>
                  <a:gd name="connsiteX242" fmla="*/ 7385 w 10000"/>
                  <a:gd name="connsiteY242" fmla="*/ 1064 h 10000"/>
                  <a:gd name="connsiteX243" fmla="*/ 7766 w 10000"/>
                  <a:gd name="connsiteY243" fmla="*/ 1034 h 10000"/>
                  <a:gd name="connsiteX244" fmla="*/ 8121 w 10000"/>
                  <a:gd name="connsiteY244" fmla="*/ 1004 h 10000"/>
                  <a:gd name="connsiteX245" fmla="*/ 8427 w 10000"/>
                  <a:gd name="connsiteY245" fmla="*/ 990 h 10000"/>
                  <a:gd name="connsiteX246" fmla="*/ 8706 w 10000"/>
                  <a:gd name="connsiteY246" fmla="*/ 1004 h 10000"/>
                  <a:gd name="connsiteX247" fmla="*/ 8833 w 10000"/>
                  <a:gd name="connsiteY247" fmla="*/ 1019 h 10000"/>
                  <a:gd name="connsiteX248" fmla="*/ 8958 w 10000"/>
                  <a:gd name="connsiteY248" fmla="*/ 1034 h 10000"/>
                  <a:gd name="connsiteX249" fmla="*/ 9061 w 10000"/>
                  <a:gd name="connsiteY249" fmla="*/ 1064 h 10000"/>
                  <a:gd name="connsiteX250" fmla="*/ 9188 w 10000"/>
                  <a:gd name="connsiteY250" fmla="*/ 1108 h 10000"/>
                  <a:gd name="connsiteX251" fmla="*/ 9264 w 10000"/>
                  <a:gd name="connsiteY251" fmla="*/ 1182 h 10000"/>
                  <a:gd name="connsiteX252" fmla="*/ 9339 w 10000"/>
                  <a:gd name="connsiteY252" fmla="*/ 1241 h 10000"/>
                  <a:gd name="connsiteX253" fmla="*/ 9391 w 10000"/>
                  <a:gd name="connsiteY253" fmla="*/ 1329 h 10000"/>
                  <a:gd name="connsiteX254" fmla="*/ 9442 w 10000"/>
                  <a:gd name="connsiteY254" fmla="*/ 1433 h 10000"/>
                  <a:gd name="connsiteX255" fmla="*/ 9492 w 10000"/>
                  <a:gd name="connsiteY255" fmla="*/ 1551 h 10000"/>
                  <a:gd name="connsiteX256" fmla="*/ 9466 w 10000"/>
                  <a:gd name="connsiteY256" fmla="*/ 1625 h 10000"/>
                  <a:gd name="connsiteX257" fmla="*/ 9442 w 10000"/>
                  <a:gd name="connsiteY257" fmla="*/ 1684 h 10000"/>
                  <a:gd name="connsiteX258" fmla="*/ 9391 w 10000"/>
                  <a:gd name="connsiteY258" fmla="*/ 1758 h 10000"/>
                  <a:gd name="connsiteX259" fmla="*/ 9315 w 10000"/>
                  <a:gd name="connsiteY259" fmla="*/ 1802 h 10000"/>
                  <a:gd name="connsiteX260" fmla="*/ 9264 w 10000"/>
                  <a:gd name="connsiteY260" fmla="*/ 1861 h 10000"/>
                  <a:gd name="connsiteX261" fmla="*/ 9240 w 10000"/>
                  <a:gd name="connsiteY261" fmla="*/ 1935 h 10000"/>
                  <a:gd name="connsiteX262" fmla="*/ 9264 w 10000"/>
                  <a:gd name="connsiteY262" fmla="*/ 2024 h 10000"/>
                  <a:gd name="connsiteX263" fmla="*/ 9543 w 10000"/>
                  <a:gd name="connsiteY263" fmla="*/ 2157 h 10000"/>
                  <a:gd name="connsiteX264" fmla="*/ 9873 w 10000"/>
                  <a:gd name="connsiteY264" fmla="*/ 2275 h 10000"/>
                  <a:gd name="connsiteX265" fmla="*/ 10000 w 10000"/>
                  <a:gd name="connsiteY265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498 w 10000"/>
                  <a:gd name="connsiteY9" fmla="*/ 4476 h 10000"/>
                  <a:gd name="connsiteX10" fmla="*/ 6369 w 10000"/>
                  <a:gd name="connsiteY10" fmla="*/ 4313 h 10000"/>
                  <a:gd name="connsiteX11" fmla="*/ 8984 w 10000"/>
                  <a:gd name="connsiteY11" fmla="*/ 3412 h 10000"/>
                  <a:gd name="connsiteX12" fmla="*/ 9188 w 10000"/>
                  <a:gd name="connsiteY12" fmla="*/ 3338 h 10000"/>
                  <a:gd name="connsiteX13" fmla="*/ 9415 w 10000"/>
                  <a:gd name="connsiteY13" fmla="*/ 3117 h 10000"/>
                  <a:gd name="connsiteX14" fmla="*/ 9442 w 10000"/>
                  <a:gd name="connsiteY14" fmla="*/ 3072 h 10000"/>
                  <a:gd name="connsiteX15" fmla="*/ 9466 w 10000"/>
                  <a:gd name="connsiteY15" fmla="*/ 3013 h 10000"/>
                  <a:gd name="connsiteX16" fmla="*/ 9466 w 10000"/>
                  <a:gd name="connsiteY16" fmla="*/ 2954 h 10000"/>
                  <a:gd name="connsiteX17" fmla="*/ 9442 w 10000"/>
                  <a:gd name="connsiteY17" fmla="*/ 2866 h 10000"/>
                  <a:gd name="connsiteX18" fmla="*/ 9264 w 10000"/>
                  <a:gd name="connsiteY18" fmla="*/ 2984 h 10000"/>
                  <a:gd name="connsiteX19" fmla="*/ 9061 w 10000"/>
                  <a:gd name="connsiteY19" fmla="*/ 3072 h 10000"/>
                  <a:gd name="connsiteX20" fmla="*/ 8197 w 10000"/>
                  <a:gd name="connsiteY20" fmla="*/ 3397 h 10000"/>
                  <a:gd name="connsiteX21" fmla="*/ 7716 w 10000"/>
                  <a:gd name="connsiteY21" fmla="*/ 3545 h 10000"/>
                  <a:gd name="connsiteX22" fmla="*/ 7234 w 10000"/>
                  <a:gd name="connsiteY22" fmla="*/ 3678 h 10000"/>
                  <a:gd name="connsiteX23" fmla="*/ 6776 w 10000"/>
                  <a:gd name="connsiteY23" fmla="*/ 3840 h 10000"/>
                  <a:gd name="connsiteX24" fmla="*/ 6548 w 10000"/>
                  <a:gd name="connsiteY24" fmla="*/ 3914 h 10000"/>
                  <a:gd name="connsiteX25" fmla="*/ 6345 w 10000"/>
                  <a:gd name="connsiteY25" fmla="*/ 4003 h 10000"/>
                  <a:gd name="connsiteX26" fmla="*/ 6143 w 10000"/>
                  <a:gd name="connsiteY26" fmla="*/ 4106 h 10000"/>
                  <a:gd name="connsiteX27" fmla="*/ 5938 w 10000"/>
                  <a:gd name="connsiteY27" fmla="*/ 4195 h 10000"/>
                  <a:gd name="connsiteX28" fmla="*/ 6091 w 10000"/>
                  <a:gd name="connsiteY28" fmla="*/ 4417 h 10000"/>
                  <a:gd name="connsiteX29" fmla="*/ 6193 w 10000"/>
                  <a:gd name="connsiteY29" fmla="*/ 4623 h 10000"/>
                  <a:gd name="connsiteX30" fmla="*/ 6294 w 10000"/>
                  <a:gd name="connsiteY30" fmla="*/ 4845 h 10000"/>
                  <a:gd name="connsiteX31" fmla="*/ 6369 w 10000"/>
                  <a:gd name="connsiteY31" fmla="*/ 5081 h 10000"/>
                  <a:gd name="connsiteX32" fmla="*/ 6421 w 10000"/>
                  <a:gd name="connsiteY32" fmla="*/ 5318 h 10000"/>
                  <a:gd name="connsiteX33" fmla="*/ 6447 w 10000"/>
                  <a:gd name="connsiteY33" fmla="*/ 5539 h 10000"/>
                  <a:gd name="connsiteX34" fmla="*/ 6471 w 10000"/>
                  <a:gd name="connsiteY34" fmla="*/ 5775 h 10000"/>
                  <a:gd name="connsiteX35" fmla="*/ 6471 w 10000"/>
                  <a:gd name="connsiteY35" fmla="*/ 5997 h 10000"/>
                  <a:gd name="connsiteX36" fmla="*/ 6447 w 10000"/>
                  <a:gd name="connsiteY36" fmla="*/ 6233 h 10000"/>
                  <a:gd name="connsiteX37" fmla="*/ 6396 w 10000"/>
                  <a:gd name="connsiteY37" fmla="*/ 6470 h 10000"/>
                  <a:gd name="connsiteX38" fmla="*/ 6345 w 10000"/>
                  <a:gd name="connsiteY38" fmla="*/ 6677 h 10000"/>
                  <a:gd name="connsiteX39" fmla="*/ 6269 w 10000"/>
                  <a:gd name="connsiteY39" fmla="*/ 6898 h 10000"/>
                  <a:gd name="connsiteX40" fmla="*/ 6168 w 10000"/>
                  <a:gd name="connsiteY40" fmla="*/ 7105 h 10000"/>
                  <a:gd name="connsiteX41" fmla="*/ 6041 w 10000"/>
                  <a:gd name="connsiteY41" fmla="*/ 7297 h 10000"/>
                  <a:gd name="connsiteX42" fmla="*/ 5888 w 10000"/>
                  <a:gd name="connsiteY42" fmla="*/ 7489 h 10000"/>
                  <a:gd name="connsiteX43" fmla="*/ 5735 w 10000"/>
                  <a:gd name="connsiteY43" fmla="*/ 7681 h 10000"/>
                  <a:gd name="connsiteX44" fmla="*/ 6471 w 10000"/>
                  <a:gd name="connsiteY44" fmla="*/ 7799 h 10000"/>
                  <a:gd name="connsiteX45" fmla="*/ 7234 w 10000"/>
                  <a:gd name="connsiteY45" fmla="*/ 7962 h 10000"/>
                  <a:gd name="connsiteX46" fmla="*/ 7385 w 10000"/>
                  <a:gd name="connsiteY46" fmla="*/ 8021 h 10000"/>
                  <a:gd name="connsiteX47" fmla="*/ 7512 w 10000"/>
                  <a:gd name="connsiteY47" fmla="*/ 8080 h 10000"/>
                  <a:gd name="connsiteX48" fmla="*/ 7639 w 10000"/>
                  <a:gd name="connsiteY48" fmla="*/ 8139 h 10000"/>
                  <a:gd name="connsiteX49" fmla="*/ 7716 w 10000"/>
                  <a:gd name="connsiteY49" fmla="*/ 8227 h 10000"/>
                  <a:gd name="connsiteX50" fmla="*/ 7741 w 10000"/>
                  <a:gd name="connsiteY50" fmla="*/ 8301 h 10000"/>
                  <a:gd name="connsiteX51" fmla="*/ 7741 w 10000"/>
                  <a:gd name="connsiteY51" fmla="*/ 8405 h 10000"/>
                  <a:gd name="connsiteX52" fmla="*/ 7691 w 10000"/>
                  <a:gd name="connsiteY52" fmla="*/ 8523 h 10000"/>
                  <a:gd name="connsiteX53" fmla="*/ 7614 w 10000"/>
                  <a:gd name="connsiteY53" fmla="*/ 8641 h 10000"/>
                  <a:gd name="connsiteX54" fmla="*/ 7284 w 10000"/>
                  <a:gd name="connsiteY54" fmla="*/ 8552 h 10000"/>
                  <a:gd name="connsiteX55" fmla="*/ 6979 w 10000"/>
                  <a:gd name="connsiteY55" fmla="*/ 8449 h 10000"/>
                  <a:gd name="connsiteX56" fmla="*/ 6674 w 10000"/>
                  <a:gd name="connsiteY56" fmla="*/ 8360 h 10000"/>
                  <a:gd name="connsiteX57" fmla="*/ 6369 w 10000"/>
                  <a:gd name="connsiteY57" fmla="*/ 8287 h 10000"/>
                  <a:gd name="connsiteX58" fmla="*/ 6243 w 10000"/>
                  <a:gd name="connsiteY58" fmla="*/ 8449 h 10000"/>
                  <a:gd name="connsiteX59" fmla="*/ 6143 w 10000"/>
                  <a:gd name="connsiteY59" fmla="*/ 8597 h 10000"/>
                  <a:gd name="connsiteX60" fmla="*/ 6091 w 10000"/>
                  <a:gd name="connsiteY60" fmla="*/ 8656 h 10000"/>
                  <a:gd name="connsiteX61" fmla="*/ 5989 w 10000"/>
                  <a:gd name="connsiteY61" fmla="*/ 8700 h 10000"/>
                  <a:gd name="connsiteX62" fmla="*/ 5914 w 10000"/>
                  <a:gd name="connsiteY62" fmla="*/ 8744 h 10000"/>
                  <a:gd name="connsiteX63" fmla="*/ 5838 w 10000"/>
                  <a:gd name="connsiteY63" fmla="*/ 8774 h 10000"/>
                  <a:gd name="connsiteX64" fmla="*/ 5761 w 10000"/>
                  <a:gd name="connsiteY64" fmla="*/ 8804 h 10000"/>
                  <a:gd name="connsiteX65" fmla="*/ 5660 w 10000"/>
                  <a:gd name="connsiteY65" fmla="*/ 8818 h 10000"/>
                  <a:gd name="connsiteX66" fmla="*/ 5532 w 10000"/>
                  <a:gd name="connsiteY66" fmla="*/ 8833 h 10000"/>
                  <a:gd name="connsiteX67" fmla="*/ 5406 w 10000"/>
                  <a:gd name="connsiteY67" fmla="*/ 8833 h 10000"/>
                  <a:gd name="connsiteX68" fmla="*/ 5102 w 10000"/>
                  <a:gd name="connsiteY68" fmla="*/ 8818 h 10000"/>
                  <a:gd name="connsiteX69" fmla="*/ 4720 w 10000"/>
                  <a:gd name="connsiteY69" fmla="*/ 8744 h 10000"/>
                  <a:gd name="connsiteX70" fmla="*/ 4720 w 10000"/>
                  <a:gd name="connsiteY70" fmla="*/ 8922 h 10000"/>
                  <a:gd name="connsiteX71" fmla="*/ 4695 w 10000"/>
                  <a:gd name="connsiteY71" fmla="*/ 9069 h 10000"/>
                  <a:gd name="connsiteX72" fmla="*/ 4671 w 10000"/>
                  <a:gd name="connsiteY72" fmla="*/ 9232 h 10000"/>
                  <a:gd name="connsiteX73" fmla="*/ 4644 w 10000"/>
                  <a:gd name="connsiteY73" fmla="*/ 9365 h 10000"/>
                  <a:gd name="connsiteX74" fmla="*/ 4593 w 10000"/>
                  <a:gd name="connsiteY74" fmla="*/ 9498 h 10000"/>
                  <a:gd name="connsiteX75" fmla="*/ 4493 w 10000"/>
                  <a:gd name="connsiteY75" fmla="*/ 9616 h 10000"/>
                  <a:gd name="connsiteX76" fmla="*/ 4416 w 10000"/>
                  <a:gd name="connsiteY76" fmla="*/ 9734 h 10000"/>
                  <a:gd name="connsiteX77" fmla="*/ 4289 w 10000"/>
                  <a:gd name="connsiteY77" fmla="*/ 9838 h 10000"/>
                  <a:gd name="connsiteX78" fmla="*/ 3983 w 10000"/>
                  <a:gd name="connsiteY78" fmla="*/ 9897 h 10000"/>
                  <a:gd name="connsiteX79" fmla="*/ 3731 w 10000"/>
                  <a:gd name="connsiteY79" fmla="*/ 9941 h 10000"/>
                  <a:gd name="connsiteX80" fmla="*/ 3426 w 10000"/>
                  <a:gd name="connsiteY80" fmla="*/ 9985 h 10000"/>
                  <a:gd name="connsiteX81" fmla="*/ 3198 w 10000"/>
                  <a:gd name="connsiteY81" fmla="*/ 10000 h 10000"/>
                  <a:gd name="connsiteX82" fmla="*/ 2690 w 10000"/>
                  <a:gd name="connsiteY82" fmla="*/ 10000 h 10000"/>
                  <a:gd name="connsiteX83" fmla="*/ 2208 w 10000"/>
                  <a:gd name="connsiteY83" fmla="*/ 9985 h 10000"/>
                  <a:gd name="connsiteX84" fmla="*/ 1752 w 10000"/>
                  <a:gd name="connsiteY84" fmla="*/ 9941 h 10000"/>
                  <a:gd name="connsiteX85" fmla="*/ 1270 w 10000"/>
                  <a:gd name="connsiteY85" fmla="*/ 9911 h 10000"/>
                  <a:gd name="connsiteX86" fmla="*/ 990 w 10000"/>
                  <a:gd name="connsiteY86" fmla="*/ 9911 h 10000"/>
                  <a:gd name="connsiteX87" fmla="*/ 736 w 10000"/>
                  <a:gd name="connsiteY87" fmla="*/ 9911 h 10000"/>
                  <a:gd name="connsiteX88" fmla="*/ 457 w 10000"/>
                  <a:gd name="connsiteY88" fmla="*/ 9926 h 10000"/>
                  <a:gd name="connsiteX89" fmla="*/ 178 w 10000"/>
                  <a:gd name="connsiteY89" fmla="*/ 9970 h 10000"/>
                  <a:gd name="connsiteX90" fmla="*/ 102 w 10000"/>
                  <a:gd name="connsiteY90" fmla="*/ 9867 h 10000"/>
                  <a:gd name="connsiteX91" fmla="*/ 51 w 10000"/>
                  <a:gd name="connsiteY91" fmla="*/ 9793 h 10000"/>
                  <a:gd name="connsiteX92" fmla="*/ 0 w 10000"/>
                  <a:gd name="connsiteY92" fmla="*/ 9705 h 10000"/>
                  <a:gd name="connsiteX93" fmla="*/ 0 w 10000"/>
                  <a:gd name="connsiteY93" fmla="*/ 9601 h 10000"/>
                  <a:gd name="connsiteX94" fmla="*/ 51 w 10000"/>
                  <a:gd name="connsiteY94" fmla="*/ 9424 h 10000"/>
                  <a:gd name="connsiteX95" fmla="*/ 102 w 10000"/>
                  <a:gd name="connsiteY95" fmla="*/ 9202 h 10000"/>
                  <a:gd name="connsiteX96" fmla="*/ 151 w 10000"/>
                  <a:gd name="connsiteY96" fmla="*/ 8996 h 10000"/>
                  <a:gd name="connsiteX97" fmla="*/ 203 w 10000"/>
                  <a:gd name="connsiteY97" fmla="*/ 8759 h 10000"/>
                  <a:gd name="connsiteX98" fmla="*/ 228 w 10000"/>
                  <a:gd name="connsiteY98" fmla="*/ 8641 h 10000"/>
                  <a:gd name="connsiteX99" fmla="*/ 228 w 10000"/>
                  <a:gd name="connsiteY99" fmla="*/ 8538 h 10000"/>
                  <a:gd name="connsiteX100" fmla="*/ 203 w 10000"/>
                  <a:gd name="connsiteY100" fmla="*/ 8405 h 10000"/>
                  <a:gd name="connsiteX101" fmla="*/ 178 w 10000"/>
                  <a:gd name="connsiteY101" fmla="*/ 8287 h 10000"/>
                  <a:gd name="connsiteX102" fmla="*/ 431 w 10000"/>
                  <a:gd name="connsiteY102" fmla="*/ 8213 h 10000"/>
                  <a:gd name="connsiteX103" fmla="*/ 685 w 10000"/>
                  <a:gd name="connsiteY103" fmla="*/ 8139 h 10000"/>
                  <a:gd name="connsiteX104" fmla="*/ 939 w 10000"/>
                  <a:gd name="connsiteY104" fmla="*/ 8095 h 10000"/>
                  <a:gd name="connsiteX105" fmla="*/ 1218 w 10000"/>
                  <a:gd name="connsiteY105" fmla="*/ 8065 h 10000"/>
                  <a:gd name="connsiteX106" fmla="*/ 1725 w 10000"/>
                  <a:gd name="connsiteY106" fmla="*/ 8021 h 10000"/>
                  <a:gd name="connsiteX107" fmla="*/ 2234 w 10000"/>
                  <a:gd name="connsiteY107" fmla="*/ 7976 h 10000"/>
                  <a:gd name="connsiteX108" fmla="*/ 2462 w 10000"/>
                  <a:gd name="connsiteY108" fmla="*/ 7947 h 10000"/>
                  <a:gd name="connsiteX109" fmla="*/ 2690 w 10000"/>
                  <a:gd name="connsiteY109" fmla="*/ 7917 h 10000"/>
                  <a:gd name="connsiteX110" fmla="*/ 2892 w 10000"/>
                  <a:gd name="connsiteY110" fmla="*/ 7843 h 10000"/>
                  <a:gd name="connsiteX111" fmla="*/ 3096 w 10000"/>
                  <a:gd name="connsiteY111" fmla="*/ 7784 h 10000"/>
                  <a:gd name="connsiteX112" fmla="*/ 3274 w 10000"/>
                  <a:gd name="connsiteY112" fmla="*/ 7710 h 10000"/>
                  <a:gd name="connsiteX113" fmla="*/ 3426 w 10000"/>
                  <a:gd name="connsiteY113" fmla="*/ 7592 h 10000"/>
                  <a:gd name="connsiteX114" fmla="*/ 3579 w 10000"/>
                  <a:gd name="connsiteY114" fmla="*/ 7474 h 10000"/>
                  <a:gd name="connsiteX115" fmla="*/ 3680 w 10000"/>
                  <a:gd name="connsiteY115" fmla="*/ 7312 h 10000"/>
                  <a:gd name="connsiteX116" fmla="*/ 3477 w 10000"/>
                  <a:gd name="connsiteY116" fmla="*/ 7238 h 10000"/>
                  <a:gd name="connsiteX117" fmla="*/ 3299 w 10000"/>
                  <a:gd name="connsiteY117" fmla="*/ 7179 h 10000"/>
                  <a:gd name="connsiteX118" fmla="*/ 3147 w 10000"/>
                  <a:gd name="connsiteY118" fmla="*/ 7090 h 10000"/>
                  <a:gd name="connsiteX119" fmla="*/ 2995 w 10000"/>
                  <a:gd name="connsiteY119" fmla="*/ 6987 h 10000"/>
                  <a:gd name="connsiteX120" fmla="*/ 2892 w 10000"/>
                  <a:gd name="connsiteY120" fmla="*/ 6869 h 10000"/>
                  <a:gd name="connsiteX121" fmla="*/ 2843 w 10000"/>
                  <a:gd name="connsiteY121" fmla="*/ 6721 h 10000"/>
                  <a:gd name="connsiteX122" fmla="*/ 2817 w 10000"/>
                  <a:gd name="connsiteY122" fmla="*/ 6558 h 10000"/>
                  <a:gd name="connsiteX123" fmla="*/ 2843 w 10000"/>
                  <a:gd name="connsiteY123" fmla="*/ 6352 h 10000"/>
                  <a:gd name="connsiteX124" fmla="*/ 2716 w 10000"/>
                  <a:gd name="connsiteY124" fmla="*/ 6322 h 10000"/>
                  <a:gd name="connsiteX125" fmla="*/ 2564 w 10000"/>
                  <a:gd name="connsiteY125" fmla="*/ 6292 h 10000"/>
                  <a:gd name="connsiteX126" fmla="*/ 2386 w 10000"/>
                  <a:gd name="connsiteY126" fmla="*/ 6278 h 10000"/>
                  <a:gd name="connsiteX127" fmla="*/ 2208 w 10000"/>
                  <a:gd name="connsiteY127" fmla="*/ 6263 h 10000"/>
                  <a:gd name="connsiteX128" fmla="*/ 1853 w 10000"/>
                  <a:gd name="connsiteY128" fmla="*/ 6248 h 10000"/>
                  <a:gd name="connsiteX129" fmla="*/ 1472 w 10000"/>
                  <a:gd name="connsiteY129" fmla="*/ 6263 h 10000"/>
                  <a:gd name="connsiteX130" fmla="*/ 1143 w 10000"/>
                  <a:gd name="connsiteY130" fmla="*/ 6278 h 10000"/>
                  <a:gd name="connsiteX131" fmla="*/ 837 w 10000"/>
                  <a:gd name="connsiteY131" fmla="*/ 6278 h 10000"/>
                  <a:gd name="connsiteX132" fmla="*/ 585 w 10000"/>
                  <a:gd name="connsiteY132" fmla="*/ 6263 h 10000"/>
                  <a:gd name="connsiteX133" fmla="*/ 381 w 10000"/>
                  <a:gd name="connsiteY133" fmla="*/ 6233 h 10000"/>
                  <a:gd name="connsiteX134" fmla="*/ 633 w 10000"/>
                  <a:gd name="connsiteY134" fmla="*/ 5805 h 10000"/>
                  <a:gd name="connsiteX135" fmla="*/ 914 w 10000"/>
                  <a:gd name="connsiteY135" fmla="*/ 5391 h 10000"/>
                  <a:gd name="connsiteX136" fmla="*/ 1016 w 10000"/>
                  <a:gd name="connsiteY136" fmla="*/ 5170 h 10000"/>
                  <a:gd name="connsiteX137" fmla="*/ 1091 w 10000"/>
                  <a:gd name="connsiteY137" fmla="*/ 4963 h 10000"/>
                  <a:gd name="connsiteX138" fmla="*/ 1116 w 10000"/>
                  <a:gd name="connsiteY138" fmla="*/ 4860 h 10000"/>
                  <a:gd name="connsiteX139" fmla="*/ 1091 w 10000"/>
                  <a:gd name="connsiteY139" fmla="*/ 4756 h 10000"/>
                  <a:gd name="connsiteX140" fmla="*/ 1066 w 10000"/>
                  <a:gd name="connsiteY140" fmla="*/ 4653 h 10000"/>
                  <a:gd name="connsiteX141" fmla="*/ 990 w 10000"/>
                  <a:gd name="connsiteY141" fmla="*/ 4549 h 10000"/>
                  <a:gd name="connsiteX142" fmla="*/ 1270 w 10000"/>
                  <a:gd name="connsiteY142" fmla="*/ 4520 h 10000"/>
                  <a:gd name="connsiteX143" fmla="*/ 1472 w 10000"/>
                  <a:gd name="connsiteY143" fmla="*/ 4505 h 10000"/>
                  <a:gd name="connsiteX144" fmla="*/ 1650 w 10000"/>
                  <a:gd name="connsiteY144" fmla="*/ 4505 h 10000"/>
                  <a:gd name="connsiteX145" fmla="*/ 1802 w 10000"/>
                  <a:gd name="connsiteY145" fmla="*/ 4520 h 10000"/>
                  <a:gd name="connsiteX146" fmla="*/ 1929 w 10000"/>
                  <a:gd name="connsiteY146" fmla="*/ 4520 h 10000"/>
                  <a:gd name="connsiteX147" fmla="*/ 2081 w 10000"/>
                  <a:gd name="connsiteY147" fmla="*/ 4520 h 10000"/>
                  <a:gd name="connsiteX148" fmla="*/ 2234 w 10000"/>
                  <a:gd name="connsiteY148" fmla="*/ 4490 h 10000"/>
                  <a:gd name="connsiteX149" fmla="*/ 2436 w 10000"/>
                  <a:gd name="connsiteY149" fmla="*/ 4446 h 10000"/>
                  <a:gd name="connsiteX150" fmla="*/ 2436 w 10000"/>
                  <a:gd name="connsiteY150" fmla="*/ 4579 h 10000"/>
                  <a:gd name="connsiteX151" fmla="*/ 2436 w 10000"/>
                  <a:gd name="connsiteY151" fmla="*/ 4742 h 10000"/>
                  <a:gd name="connsiteX152" fmla="*/ 2436 w 10000"/>
                  <a:gd name="connsiteY152" fmla="*/ 4874 h 10000"/>
                  <a:gd name="connsiteX153" fmla="*/ 2436 w 10000"/>
                  <a:gd name="connsiteY153" fmla="*/ 5037 h 10000"/>
                  <a:gd name="connsiteX154" fmla="*/ 2665 w 10000"/>
                  <a:gd name="connsiteY154" fmla="*/ 5022 h 10000"/>
                  <a:gd name="connsiteX155" fmla="*/ 2817 w 10000"/>
                  <a:gd name="connsiteY155" fmla="*/ 5037 h 10000"/>
                  <a:gd name="connsiteX156" fmla="*/ 2944 w 10000"/>
                  <a:gd name="connsiteY156" fmla="*/ 5066 h 10000"/>
                  <a:gd name="connsiteX157" fmla="*/ 3071 w 10000"/>
                  <a:gd name="connsiteY157" fmla="*/ 5096 h 10000"/>
                  <a:gd name="connsiteX158" fmla="*/ 3173 w 10000"/>
                  <a:gd name="connsiteY158" fmla="*/ 5126 h 10000"/>
                  <a:gd name="connsiteX159" fmla="*/ 3299 w 10000"/>
                  <a:gd name="connsiteY159" fmla="*/ 5155 h 10000"/>
                  <a:gd name="connsiteX160" fmla="*/ 3452 w 10000"/>
                  <a:gd name="connsiteY160" fmla="*/ 5170 h 10000"/>
                  <a:gd name="connsiteX161" fmla="*/ 3680 w 10000"/>
                  <a:gd name="connsiteY161" fmla="*/ 5155 h 10000"/>
                  <a:gd name="connsiteX162" fmla="*/ 3757 w 10000"/>
                  <a:gd name="connsiteY162" fmla="*/ 5096 h 10000"/>
                  <a:gd name="connsiteX163" fmla="*/ 3832 w 10000"/>
                  <a:gd name="connsiteY163" fmla="*/ 5022 h 10000"/>
                  <a:gd name="connsiteX164" fmla="*/ 3857 w 10000"/>
                  <a:gd name="connsiteY164" fmla="*/ 4934 h 10000"/>
                  <a:gd name="connsiteX165" fmla="*/ 3884 w 10000"/>
                  <a:gd name="connsiteY165" fmla="*/ 4860 h 10000"/>
                  <a:gd name="connsiteX166" fmla="*/ 3908 w 10000"/>
                  <a:gd name="connsiteY166" fmla="*/ 4697 h 10000"/>
                  <a:gd name="connsiteX167" fmla="*/ 3884 w 10000"/>
                  <a:gd name="connsiteY167" fmla="*/ 4520 h 10000"/>
                  <a:gd name="connsiteX168" fmla="*/ 3807 w 10000"/>
                  <a:gd name="connsiteY168" fmla="*/ 4343 h 10000"/>
                  <a:gd name="connsiteX169" fmla="*/ 3731 w 10000"/>
                  <a:gd name="connsiteY169" fmla="*/ 4195 h 10000"/>
                  <a:gd name="connsiteX170" fmla="*/ 3604 w 10000"/>
                  <a:gd name="connsiteY170" fmla="*/ 4047 h 10000"/>
                  <a:gd name="connsiteX171" fmla="*/ 3477 w 10000"/>
                  <a:gd name="connsiteY171" fmla="*/ 3959 h 10000"/>
                  <a:gd name="connsiteX172" fmla="*/ 3629 w 10000"/>
                  <a:gd name="connsiteY172" fmla="*/ 3944 h 10000"/>
                  <a:gd name="connsiteX173" fmla="*/ 3757 w 10000"/>
                  <a:gd name="connsiteY173" fmla="*/ 3914 h 10000"/>
                  <a:gd name="connsiteX174" fmla="*/ 3857 w 10000"/>
                  <a:gd name="connsiteY174" fmla="*/ 3855 h 10000"/>
                  <a:gd name="connsiteX175" fmla="*/ 3983 w 10000"/>
                  <a:gd name="connsiteY175" fmla="*/ 3752 h 10000"/>
                  <a:gd name="connsiteX176" fmla="*/ 4111 w 10000"/>
                  <a:gd name="connsiteY176" fmla="*/ 3663 h 10000"/>
                  <a:gd name="connsiteX177" fmla="*/ 4213 w 10000"/>
                  <a:gd name="connsiteY177" fmla="*/ 3560 h 10000"/>
                  <a:gd name="connsiteX178" fmla="*/ 4289 w 10000"/>
                  <a:gd name="connsiteY178" fmla="*/ 3442 h 10000"/>
                  <a:gd name="connsiteX179" fmla="*/ 4366 w 10000"/>
                  <a:gd name="connsiteY179" fmla="*/ 3323 h 10000"/>
                  <a:gd name="connsiteX180" fmla="*/ 4416 w 10000"/>
                  <a:gd name="connsiteY180" fmla="*/ 3220 h 10000"/>
                  <a:gd name="connsiteX181" fmla="*/ 4441 w 10000"/>
                  <a:gd name="connsiteY181" fmla="*/ 3102 h 10000"/>
                  <a:gd name="connsiteX182" fmla="*/ 4468 w 10000"/>
                  <a:gd name="connsiteY182" fmla="*/ 3013 h 10000"/>
                  <a:gd name="connsiteX183" fmla="*/ 4441 w 10000"/>
                  <a:gd name="connsiteY183" fmla="*/ 2939 h 10000"/>
                  <a:gd name="connsiteX184" fmla="*/ 4416 w 10000"/>
                  <a:gd name="connsiteY184" fmla="*/ 2866 h 10000"/>
                  <a:gd name="connsiteX185" fmla="*/ 4340 w 10000"/>
                  <a:gd name="connsiteY185" fmla="*/ 2836 h 10000"/>
                  <a:gd name="connsiteX186" fmla="*/ 4239 w 10000"/>
                  <a:gd name="connsiteY186" fmla="*/ 2836 h 10000"/>
                  <a:gd name="connsiteX187" fmla="*/ 4111 w 10000"/>
                  <a:gd name="connsiteY187" fmla="*/ 2866 h 10000"/>
                  <a:gd name="connsiteX188" fmla="*/ 4213 w 10000"/>
                  <a:gd name="connsiteY188" fmla="*/ 2777 h 10000"/>
                  <a:gd name="connsiteX189" fmla="*/ 4265 w 10000"/>
                  <a:gd name="connsiteY189" fmla="*/ 2674 h 10000"/>
                  <a:gd name="connsiteX190" fmla="*/ 4289 w 10000"/>
                  <a:gd name="connsiteY190" fmla="*/ 2541 h 10000"/>
                  <a:gd name="connsiteX191" fmla="*/ 4289 w 10000"/>
                  <a:gd name="connsiteY191" fmla="*/ 2393 h 10000"/>
                  <a:gd name="connsiteX192" fmla="*/ 4314 w 10000"/>
                  <a:gd name="connsiteY192" fmla="*/ 2349 h 10000"/>
                  <a:gd name="connsiteX193" fmla="*/ 4366 w 10000"/>
                  <a:gd name="connsiteY193" fmla="*/ 2304 h 10000"/>
                  <a:gd name="connsiteX194" fmla="*/ 4416 w 10000"/>
                  <a:gd name="connsiteY194" fmla="*/ 2290 h 10000"/>
                  <a:gd name="connsiteX195" fmla="*/ 4493 w 10000"/>
                  <a:gd name="connsiteY195" fmla="*/ 2275 h 10000"/>
                  <a:gd name="connsiteX196" fmla="*/ 4720 w 10000"/>
                  <a:gd name="connsiteY196" fmla="*/ 2260 h 10000"/>
                  <a:gd name="connsiteX197" fmla="*/ 4923 w 10000"/>
                  <a:gd name="connsiteY197" fmla="*/ 2275 h 10000"/>
                  <a:gd name="connsiteX198" fmla="*/ 4898 w 10000"/>
                  <a:gd name="connsiteY198" fmla="*/ 2112 h 10000"/>
                  <a:gd name="connsiteX199" fmla="*/ 4848 w 10000"/>
                  <a:gd name="connsiteY199" fmla="*/ 1950 h 10000"/>
                  <a:gd name="connsiteX200" fmla="*/ 4771 w 10000"/>
                  <a:gd name="connsiteY200" fmla="*/ 1802 h 10000"/>
                  <a:gd name="connsiteX201" fmla="*/ 4671 w 10000"/>
                  <a:gd name="connsiteY201" fmla="*/ 1640 h 10000"/>
                  <a:gd name="connsiteX202" fmla="*/ 4416 w 10000"/>
                  <a:gd name="connsiteY202" fmla="*/ 1329 h 10000"/>
                  <a:gd name="connsiteX203" fmla="*/ 4162 w 10000"/>
                  <a:gd name="connsiteY203" fmla="*/ 1034 h 10000"/>
                  <a:gd name="connsiteX204" fmla="*/ 4035 w 10000"/>
                  <a:gd name="connsiteY204" fmla="*/ 901 h 10000"/>
                  <a:gd name="connsiteX205" fmla="*/ 3935 w 10000"/>
                  <a:gd name="connsiteY205" fmla="*/ 753 h 10000"/>
                  <a:gd name="connsiteX206" fmla="*/ 3857 w 10000"/>
                  <a:gd name="connsiteY206" fmla="*/ 620 h 10000"/>
                  <a:gd name="connsiteX207" fmla="*/ 3832 w 10000"/>
                  <a:gd name="connsiteY207" fmla="*/ 487 h 10000"/>
                  <a:gd name="connsiteX208" fmla="*/ 3807 w 10000"/>
                  <a:gd name="connsiteY208" fmla="*/ 355 h 10000"/>
                  <a:gd name="connsiteX209" fmla="*/ 3857 w 10000"/>
                  <a:gd name="connsiteY209" fmla="*/ 222 h 10000"/>
                  <a:gd name="connsiteX210" fmla="*/ 3884 w 10000"/>
                  <a:gd name="connsiteY210" fmla="*/ 162 h 10000"/>
                  <a:gd name="connsiteX211" fmla="*/ 3935 w 10000"/>
                  <a:gd name="connsiteY211" fmla="*/ 103 h 10000"/>
                  <a:gd name="connsiteX212" fmla="*/ 4011 w 10000"/>
                  <a:gd name="connsiteY212" fmla="*/ 59 h 10000"/>
                  <a:gd name="connsiteX213" fmla="*/ 4111 w 10000"/>
                  <a:gd name="connsiteY213" fmla="*/ 0 h 10000"/>
                  <a:gd name="connsiteX214" fmla="*/ 4289 w 10000"/>
                  <a:gd name="connsiteY214" fmla="*/ 0 h 10000"/>
                  <a:gd name="connsiteX215" fmla="*/ 4468 w 10000"/>
                  <a:gd name="connsiteY215" fmla="*/ 15 h 10000"/>
                  <a:gd name="connsiteX216" fmla="*/ 4644 w 10000"/>
                  <a:gd name="connsiteY216" fmla="*/ 44 h 10000"/>
                  <a:gd name="connsiteX217" fmla="*/ 4771 w 10000"/>
                  <a:gd name="connsiteY217" fmla="*/ 89 h 10000"/>
                  <a:gd name="connsiteX218" fmla="*/ 4975 w 10000"/>
                  <a:gd name="connsiteY218" fmla="*/ 192 h 10000"/>
                  <a:gd name="connsiteX219" fmla="*/ 5177 w 10000"/>
                  <a:gd name="connsiteY219" fmla="*/ 340 h 10000"/>
                  <a:gd name="connsiteX220" fmla="*/ 5329 w 10000"/>
                  <a:gd name="connsiteY220" fmla="*/ 473 h 10000"/>
                  <a:gd name="connsiteX221" fmla="*/ 5532 w 10000"/>
                  <a:gd name="connsiteY221" fmla="*/ 591 h 10000"/>
                  <a:gd name="connsiteX222" fmla="*/ 5660 w 10000"/>
                  <a:gd name="connsiteY222" fmla="*/ 650 h 10000"/>
                  <a:gd name="connsiteX223" fmla="*/ 5812 w 10000"/>
                  <a:gd name="connsiteY223" fmla="*/ 679 h 10000"/>
                  <a:gd name="connsiteX224" fmla="*/ 5965 w 10000"/>
                  <a:gd name="connsiteY224" fmla="*/ 709 h 10000"/>
                  <a:gd name="connsiteX225" fmla="*/ 6168 w 10000"/>
                  <a:gd name="connsiteY225" fmla="*/ 709 h 10000"/>
                  <a:gd name="connsiteX226" fmla="*/ 6168 w 10000"/>
                  <a:gd name="connsiteY226" fmla="*/ 768 h 10000"/>
                  <a:gd name="connsiteX227" fmla="*/ 6193 w 10000"/>
                  <a:gd name="connsiteY227" fmla="*/ 842 h 10000"/>
                  <a:gd name="connsiteX228" fmla="*/ 6243 w 10000"/>
                  <a:gd name="connsiteY228" fmla="*/ 916 h 10000"/>
                  <a:gd name="connsiteX229" fmla="*/ 6294 w 10000"/>
                  <a:gd name="connsiteY229" fmla="*/ 990 h 10000"/>
                  <a:gd name="connsiteX230" fmla="*/ 6369 w 10000"/>
                  <a:gd name="connsiteY230" fmla="*/ 1049 h 10000"/>
                  <a:gd name="connsiteX231" fmla="*/ 6471 w 10000"/>
                  <a:gd name="connsiteY231" fmla="*/ 1108 h 10000"/>
                  <a:gd name="connsiteX232" fmla="*/ 6598 w 10000"/>
                  <a:gd name="connsiteY232" fmla="*/ 1182 h 10000"/>
                  <a:gd name="connsiteX233" fmla="*/ 6700 w 10000"/>
                  <a:gd name="connsiteY233" fmla="*/ 1226 h 10000"/>
                  <a:gd name="connsiteX234" fmla="*/ 6802 w 10000"/>
                  <a:gd name="connsiteY234" fmla="*/ 1270 h 10000"/>
                  <a:gd name="connsiteX235" fmla="*/ 6903 w 10000"/>
                  <a:gd name="connsiteY235" fmla="*/ 1300 h 10000"/>
                  <a:gd name="connsiteX236" fmla="*/ 7005 w 10000"/>
                  <a:gd name="connsiteY236" fmla="*/ 1315 h 10000"/>
                  <a:gd name="connsiteX237" fmla="*/ 7132 w 10000"/>
                  <a:gd name="connsiteY237" fmla="*/ 1300 h 10000"/>
                  <a:gd name="connsiteX238" fmla="*/ 7234 w 10000"/>
                  <a:gd name="connsiteY238" fmla="*/ 1285 h 10000"/>
                  <a:gd name="connsiteX239" fmla="*/ 7309 w 10000"/>
                  <a:gd name="connsiteY239" fmla="*/ 1241 h 10000"/>
                  <a:gd name="connsiteX240" fmla="*/ 7361 w 10000"/>
                  <a:gd name="connsiteY240" fmla="*/ 1167 h 10000"/>
                  <a:gd name="connsiteX241" fmla="*/ 7385 w 10000"/>
                  <a:gd name="connsiteY241" fmla="*/ 1064 h 10000"/>
                  <a:gd name="connsiteX242" fmla="*/ 7766 w 10000"/>
                  <a:gd name="connsiteY242" fmla="*/ 1034 h 10000"/>
                  <a:gd name="connsiteX243" fmla="*/ 8121 w 10000"/>
                  <a:gd name="connsiteY243" fmla="*/ 1004 h 10000"/>
                  <a:gd name="connsiteX244" fmla="*/ 8427 w 10000"/>
                  <a:gd name="connsiteY244" fmla="*/ 990 h 10000"/>
                  <a:gd name="connsiteX245" fmla="*/ 8706 w 10000"/>
                  <a:gd name="connsiteY245" fmla="*/ 1004 h 10000"/>
                  <a:gd name="connsiteX246" fmla="*/ 8833 w 10000"/>
                  <a:gd name="connsiteY246" fmla="*/ 1019 h 10000"/>
                  <a:gd name="connsiteX247" fmla="*/ 8958 w 10000"/>
                  <a:gd name="connsiteY247" fmla="*/ 1034 h 10000"/>
                  <a:gd name="connsiteX248" fmla="*/ 9061 w 10000"/>
                  <a:gd name="connsiteY248" fmla="*/ 1064 h 10000"/>
                  <a:gd name="connsiteX249" fmla="*/ 9188 w 10000"/>
                  <a:gd name="connsiteY249" fmla="*/ 1108 h 10000"/>
                  <a:gd name="connsiteX250" fmla="*/ 9264 w 10000"/>
                  <a:gd name="connsiteY250" fmla="*/ 1182 h 10000"/>
                  <a:gd name="connsiteX251" fmla="*/ 9339 w 10000"/>
                  <a:gd name="connsiteY251" fmla="*/ 1241 h 10000"/>
                  <a:gd name="connsiteX252" fmla="*/ 9391 w 10000"/>
                  <a:gd name="connsiteY252" fmla="*/ 1329 h 10000"/>
                  <a:gd name="connsiteX253" fmla="*/ 9442 w 10000"/>
                  <a:gd name="connsiteY253" fmla="*/ 1433 h 10000"/>
                  <a:gd name="connsiteX254" fmla="*/ 9492 w 10000"/>
                  <a:gd name="connsiteY254" fmla="*/ 1551 h 10000"/>
                  <a:gd name="connsiteX255" fmla="*/ 9466 w 10000"/>
                  <a:gd name="connsiteY255" fmla="*/ 1625 h 10000"/>
                  <a:gd name="connsiteX256" fmla="*/ 9442 w 10000"/>
                  <a:gd name="connsiteY256" fmla="*/ 1684 h 10000"/>
                  <a:gd name="connsiteX257" fmla="*/ 9391 w 10000"/>
                  <a:gd name="connsiteY257" fmla="*/ 1758 h 10000"/>
                  <a:gd name="connsiteX258" fmla="*/ 9315 w 10000"/>
                  <a:gd name="connsiteY258" fmla="*/ 1802 h 10000"/>
                  <a:gd name="connsiteX259" fmla="*/ 9264 w 10000"/>
                  <a:gd name="connsiteY259" fmla="*/ 1861 h 10000"/>
                  <a:gd name="connsiteX260" fmla="*/ 9240 w 10000"/>
                  <a:gd name="connsiteY260" fmla="*/ 1935 h 10000"/>
                  <a:gd name="connsiteX261" fmla="*/ 9264 w 10000"/>
                  <a:gd name="connsiteY261" fmla="*/ 2024 h 10000"/>
                  <a:gd name="connsiteX262" fmla="*/ 9543 w 10000"/>
                  <a:gd name="connsiteY262" fmla="*/ 2157 h 10000"/>
                  <a:gd name="connsiteX263" fmla="*/ 9873 w 10000"/>
                  <a:gd name="connsiteY263" fmla="*/ 2275 h 10000"/>
                  <a:gd name="connsiteX264" fmla="*/ 10000 w 10000"/>
                  <a:gd name="connsiteY264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369 w 10000"/>
                  <a:gd name="connsiteY9" fmla="*/ 4313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776 w 10000"/>
                  <a:gd name="connsiteY22" fmla="*/ 3840 h 10000"/>
                  <a:gd name="connsiteX23" fmla="*/ 6548 w 10000"/>
                  <a:gd name="connsiteY23" fmla="*/ 3914 h 10000"/>
                  <a:gd name="connsiteX24" fmla="*/ 6345 w 10000"/>
                  <a:gd name="connsiteY24" fmla="*/ 4003 h 10000"/>
                  <a:gd name="connsiteX25" fmla="*/ 6143 w 10000"/>
                  <a:gd name="connsiteY25" fmla="*/ 4106 h 10000"/>
                  <a:gd name="connsiteX26" fmla="*/ 5938 w 10000"/>
                  <a:gd name="connsiteY26" fmla="*/ 4195 h 10000"/>
                  <a:gd name="connsiteX27" fmla="*/ 6091 w 10000"/>
                  <a:gd name="connsiteY27" fmla="*/ 4417 h 10000"/>
                  <a:gd name="connsiteX28" fmla="*/ 6193 w 10000"/>
                  <a:gd name="connsiteY28" fmla="*/ 4623 h 10000"/>
                  <a:gd name="connsiteX29" fmla="*/ 6294 w 10000"/>
                  <a:gd name="connsiteY29" fmla="*/ 4845 h 10000"/>
                  <a:gd name="connsiteX30" fmla="*/ 6369 w 10000"/>
                  <a:gd name="connsiteY30" fmla="*/ 5081 h 10000"/>
                  <a:gd name="connsiteX31" fmla="*/ 6421 w 10000"/>
                  <a:gd name="connsiteY31" fmla="*/ 5318 h 10000"/>
                  <a:gd name="connsiteX32" fmla="*/ 6447 w 10000"/>
                  <a:gd name="connsiteY32" fmla="*/ 5539 h 10000"/>
                  <a:gd name="connsiteX33" fmla="*/ 6471 w 10000"/>
                  <a:gd name="connsiteY33" fmla="*/ 5775 h 10000"/>
                  <a:gd name="connsiteX34" fmla="*/ 6471 w 10000"/>
                  <a:gd name="connsiteY34" fmla="*/ 5997 h 10000"/>
                  <a:gd name="connsiteX35" fmla="*/ 6447 w 10000"/>
                  <a:gd name="connsiteY35" fmla="*/ 6233 h 10000"/>
                  <a:gd name="connsiteX36" fmla="*/ 6396 w 10000"/>
                  <a:gd name="connsiteY36" fmla="*/ 6470 h 10000"/>
                  <a:gd name="connsiteX37" fmla="*/ 6345 w 10000"/>
                  <a:gd name="connsiteY37" fmla="*/ 6677 h 10000"/>
                  <a:gd name="connsiteX38" fmla="*/ 6269 w 10000"/>
                  <a:gd name="connsiteY38" fmla="*/ 6898 h 10000"/>
                  <a:gd name="connsiteX39" fmla="*/ 6168 w 10000"/>
                  <a:gd name="connsiteY39" fmla="*/ 7105 h 10000"/>
                  <a:gd name="connsiteX40" fmla="*/ 6041 w 10000"/>
                  <a:gd name="connsiteY40" fmla="*/ 7297 h 10000"/>
                  <a:gd name="connsiteX41" fmla="*/ 5888 w 10000"/>
                  <a:gd name="connsiteY41" fmla="*/ 7489 h 10000"/>
                  <a:gd name="connsiteX42" fmla="*/ 5735 w 10000"/>
                  <a:gd name="connsiteY42" fmla="*/ 7681 h 10000"/>
                  <a:gd name="connsiteX43" fmla="*/ 6471 w 10000"/>
                  <a:gd name="connsiteY43" fmla="*/ 7799 h 10000"/>
                  <a:gd name="connsiteX44" fmla="*/ 7234 w 10000"/>
                  <a:gd name="connsiteY44" fmla="*/ 7962 h 10000"/>
                  <a:gd name="connsiteX45" fmla="*/ 7385 w 10000"/>
                  <a:gd name="connsiteY45" fmla="*/ 8021 h 10000"/>
                  <a:gd name="connsiteX46" fmla="*/ 7512 w 10000"/>
                  <a:gd name="connsiteY46" fmla="*/ 8080 h 10000"/>
                  <a:gd name="connsiteX47" fmla="*/ 7639 w 10000"/>
                  <a:gd name="connsiteY47" fmla="*/ 8139 h 10000"/>
                  <a:gd name="connsiteX48" fmla="*/ 7716 w 10000"/>
                  <a:gd name="connsiteY48" fmla="*/ 8227 h 10000"/>
                  <a:gd name="connsiteX49" fmla="*/ 7741 w 10000"/>
                  <a:gd name="connsiteY49" fmla="*/ 8301 h 10000"/>
                  <a:gd name="connsiteX50" fmla="*/ 7741 w 10000"/>
                  <a:gd name="connsiteY50" fmla="*/ 8405 h 10000"/>
                  <a:gd name="connsiteX51" fmla="*/ 7691 w 10000"/>
                  <a:gd name="connsiteY51" fmla="*/ 8523 h 10000"/>
                  <a:gd name="connsiteX52" fmla="*/ 7614 w 10000"/>
                  <a:gd name="connsiteY52" fmla="*/ 8641 h 10000"/>
                  <a:gd name="connsiteX53" fmla="*/ 7284 w 10000"/>
                  <a:gd name="connsiteY53" fmla="*/ 8552 h 10000"/>
                  <a:gd name="connsiteX54" fmla="*/ 6979 w 10000"/>
                  <a:gd name="connsiteY54" fmla="*/ 8449 h 10000"/>
                  <a:gd name="connsiteX55" fmla="*/ 6674 w 10000"/>
                  <a:gd name="connsiteY55" fmla="*/ 8360 h 10000"/>
                  <a:gd name="connsiteX56" fmla="*/ 6369 w 10000"/>
                  <a:gd name="connsiteY56" fmla="*/ 8287 h 10000"/>
                  <a:gd name="connsiteX57" fmla="*/ 6243 w 10000"/>
                  <a:gd name="connsiteY57" fmla="*/ 8449 h 10000"/>
                  <a:gd name="connsiteX58" fmla="*/ 6143 w 10000"/>
                  <a:gd name="connsiteY58" fmla="*/ 8597 h 10000"/>
                  <a:gd name="connsiteX59" fmla="*/ 6091 w 10000"/>
                  <a:gd name="connsiteY59" fmla="*/ 8656 h 10000"/>
                  <a:gd name="connsiteX60" fmla="*/ 5989 w 10000"/>
                  <a:gd name="connsiteY60" fmla="*/ 8700 h 10000"/>
                  <a:gd name="connsiteX61" fmla="*/ 5914 w 10000"/>
                  <a:gd name="connsiteY61" fmla="*/ 8744 h 10000"/>
                  <a:gd name="connsiteX62" fmla="*/ 5838 w 10000"/>
                  <a:gd name="connsiteY62" fmla="*/ 8774 h 10000"/>
                  <a:gd name="connsiteX63" fmla="*/ 5761 w 10000"/>
                  <a:gd name="connsiteY63" fmla="*/ 8804 h 10000"/>
                  <a:gd name="connsiteX64" fmla="*/ 5660 w 10000"/>
                  <a:gd name="connsiteY64" fmla="*/ 8818 h 10000"/>
                  <a:gd name="connsiteX65" fmla="*/ 5532 w 10000"/>
                  <a:gd name="connsiteY65" fmla="*/ 8833 h 10000"/>
                  <a:gd name="connsiteX66" fmla="*/ 5406 w 10000"/>
                  <a:gd name="connsiteY66" fmla="*/ 8833 h 10000"/>
                  <a:gd name="connsiteX67" fmla="*/ 5102 w 10000"/>
                  <a:gd name="connsiteY67" fmla="*/ 8818 h 10000"/>
                  <a:gd name="connsiteX68" fmla="*/ 4720 w 10000"/>
                  <a:gd name="connsiteY68" fmla="*/ 8744 h 10000"/>
                  <a:gd name="connsiteX69" fmla="*/ 4720 w 10000"/>
                  <a:gd name="connsiteY69" fmla="*/ 8922 h 10000"/>
                  <a:gd name="connsiteX70" fmla="*/ 4695 w 10000"/>
                  <a:gd name="connsiteY70" fmla="*/ 9069 h 10000"/>
                  <a:gd name="connsiteX71" fmla="*/ 4671 w 10000"/>
                  <a:gd name="connsiteY71" fmla="*/ 9232 h 10000"/>
                  <a:gd name="connsiteX72" fmla="*/ 4644 w 10000"/>
                  <a:gd name="connsiteY72" fmla="*/ 9365 h 10000"/>
                  <a:gd name="connsiteX73" fmla="*/ 4593 w 10000"/>
                  <a:gd name="connsiteY73" fmla="*/ 9498 h 10000"/>
                  <a:gd name="connsiteX74" fmla="*/ 4493 w 10000"/>
                  <a:gd name="connsiteY74" fmla="*/ 9616 h 10000"/>
                  <a:gd name="connsiteX75" fmla="*/ 4416 w 10000"/>
                  <a:gd name="connsiteY75" fmla="*/ 9734 h 10000"/>
                  <a:gd name="connsiteX76" fmla="*/ 4289 w 10000"/>
                  <a:gd name="connsiteY76" fmla="*/ 9838 h 10000"/>
                  <a:gd name="connsiteX77" fmla="*/ 3983 w 10000"/>
                  <a:gd name="connsiteY77" fmla="*/ 9897 h 10000"/>
                  <a:gd name="connsiteX78" fmla="*/ 3731 w 10000"/>
                  <a:gd name="connsiteY78" fmla="*/ 9941 h 10000"/>
                  <a:gd name="connsiteX79" fmla="*/ 3426 w 10000"/>
                  <a:gd name="connsiteY79" fmla="*/ 9985 h 10000"/>
                  <a:gd name="connsiteX80" fmla="*/ 3198 w 10000"/>
                  <a:gd name="connsiteY80" fmla="*/ 10000 h 10000"/>
                  <a:gd name="connsiteX81" fmla="*/ 2690 w 10000"/>
                  <a:gd name="connsiteY81" fmla="*/ 10000 h 10000"/>
                  <a:gd name="connsiteX82" fmla="*/ 2208 w 10000"/>
                  <a:gd name="connsiteY82" fmla="*/ 9985 h 10000"/>
                  <a:gd name="connsiteX83" fmla="*/ 1752 w 10000"/>
                  <a:gd name="connsiteY83" fmla="*/ 9941 h 10000"/>
                  <a:gd name="connsiteX84" fmla="*/ 1270 w 10000"/>
                  <a:gd name="connsiteY84" fmla="*/ 9911 h 10000"/>
                  <a:gd name="connsiteX85" fmla="*/ 990 w 10000"/>
                  <a:gd name="connsiteY85" fmla="*/ 9911 h 10000"/>
                  <a:gd name="connsiteX86" fmla="*/ 736 w 10000"/>
                  <a:gd name="connsiteY86" fmla="*/ 9911 h 10000"/>
                  <a:gd name="connsiteX87" fmla="*/ 457 w 10000"/>
                  <a:gd name="connsiteY87" fmla="*/ 9926 h 10000"/>
                  <a:gd name="connsiteX88" fmla="*/ 178 w 10000"/>
                  <a:gd name="connsiteY88" fmla="*/ 9970 h 10000"/>
                  <a:gd name="connsiteX89" fmla="*/ 102 w 10000"/>
                  <a:gd name="connsiteY89" fmla="*/ 9867 h 10000"/>
                  <a:gd name="connsiteX90" fmla="*/ 51 w 10000"/>
                  <a:gd name="connsiteY90" fmla="*/ 9793 h 10000"/>
                  <a:gd name="connsiteX91" fmla="*/ 0 w 10000"/>
                  <a:gd name="connsiteY91" fmla="*/ 9705 h 10000"/>
                  <a:gd name="connsiteX92" fmla="*/ 0 w 10000"/>
                  <a:gd name="connsiteY92" fmla="*/ 9601 h 10000"/>
                  <a:gd name="connsiteX93" fmla="*/ 51 w 10000"/>
                  <a:gd name="connsiteY93" fmla="*/ 9424 h 10000"/>
                  <a:gd name="connsiteX94" fmla="*/ 102 w 10000"/>
                  <a:gd name="connsiteY94" fmla="*/ 9202 h 10000"/>
                  <a:gd name="connsiteX95" fmla="*/ 151 w 10000"/>
                  <a:gd name="connsiteY95" fmla="*/ 8996 h 10000"/>
                  <a:gd name="connsiteX96" fmla="*/ 203 w 10000"/>
                  <a:gd name="connsiteY96" fmla="*/ 8759 h 10000"/>
                  <a:gd name="connsiteX97" fmla="*/ 228 w 10000"/>
                  <a:gd name="connsiteY97" fmla="*/ 8641 h 10000"/>
                  <a:gd name="connsiteX98" fmla="*/ 228 w 10000"/>
                  <a:gd name="connsiteY98" fmla="*/ 8538 h 10000"/>
                  <a:gd name="connsiteX99" fmla="*/ 203 w 10000"/>
                  <a:gd name="connsiteY99" fmla="*/ 8405 h 10000"/>
                  <a:gd name="connsiteX100" fmla="*/ 178 w 10000"/>
                  <a:gd name="connsiteY100" fmla="*/ 8287 h 10000"/>
                  <a:gd name="connsiteX101" fmla="*/ 431 w 10000"/>
                  <a:gd name="connsiteY101" fmla="*/ 8213 h 10000"/>
                  <a:gd name="connsiteX102" fmla="*/ 685 w 10000"/>
                  <a:gd name="connsiteY102" fmla="*/ 8139 h 10000"/>
                  <a:gd name="connsiteX103" fmla="*/ 939 w 10000"/>
                  <a:gd name="connsiteY103" fmla="*/ 8095 h 10000"/>
                  <a:gd name="connsiteX104" fmla="*/ 1218 w 10000"/>
                  <a:gd name="connsiteY104" fmla="*/ 8065 h 10000"/>
                  <a:gd name="connsiteX105" fmla="*/ 1725 w 10000"/>
                  <a:gd name="connsiteY105" fmla="*/ 8021 h 10000"/>
                  <a:gd name="connsiteX106" fmla="*/ 2234 w 10000"/>
                  <a:gd name="connsiteY106" fmla="*/ 7976 h 10000"/>
                  <a:gd name="connsiteX107" fmla="*/ 2462 w 10000"/>
                  <a:gd name="connsiteY107" fmla="*/ 7947 h 10000"/>
                  <a:gd name="connsiteX108" fmla="*/ 2690 w 10000"/>
                  <a:gd name="connsiteY108" fmla="*/ 7917 h 10000"/>
                  <a:gd name="connsiteX109" fmla="*/ 2892 w 10000"/>
                  <a:gd name="connsiteY109" fmla="*/ 7843 h 10000"/>
                  <a:gd name="connsiteX110" fmla="*/ 3096 w 10000"/>
                  <a:gd name="connsiteY110" fmla="*/ 7784 h 10000"/>
                  <a:gd name="connsiteX111" fmla="*/ 3274 w 10000"/>
                  <a:gd name="connsiteY111" fmla="*/ 7710 h 10000"/>
                  <a:gd name="connsiteX112" fmla="*/ 3426 w 10000"/>
                  <a:gd name="connsiteY112" fmla="*/ 7592 h 10000"/>
                  <a:gd name="connsiteX113" fmla="*/ 3579 w 10000"/>
                  <a:gd name="connsiteY113" fmla="*/ 7474 h 10000"/>
                  <a:gd name="connsiteX114" fmla="*/ 3680 w 10000"/>
                  <a:gd name="connsiteY114" fmla="*/ 7312 h 10000"/>
                  <a:gd name="connsiteX115" fmla="*/ 3477 w 10000"/>
                  <a:gd name="connsiteY115" fmla="*/ 7238 h 10000"/>
                  <a:gd name="connsiteX116" fmla="*/ 3299 w 10000"/>
                  <a:gd name="connsiteY116" fmla="*/ 7179 h 10000"/>
                  <a:gd name="connsiteX117" fmla="*/ 3147 w 10000"/>
                  <a:gd name="connsiteY117" fmla="*/ 7090 h 10000"/>
                  <a:gd name="connsiteX118" fmla="*/ 2995 w 10000"/>
                  <a:gd name="connsiteY118" fmla="*/ 6987 h 10000"/>
                  <a:gd name="connsiteX119" fmla="*/ 2892 w 10000"/>
                  <a:gd name="connsiteY119" fmla="*/ 6869 h 10000"/>
                  <a:gd name="connsiteX120" fmla="*/ 2843 w 10000"/>
                  <a:gd name="connsiteY120" fmla="*/ 6721 h 10000"/>
                  <a:gd name="connsiteX121" fmla="*/ 2817 w 10000"/>
                  <a:gd name="connsiteY121" fmla="*/ 6558 h 10000"/>
                  <a:gd name="connsiteX122" fmla="*/ 2843 w 10000"/>
                  <a:gd name="connsiteY122" fmla="*/ 6352 h 10000"/>
                  <a:gd name="connsiteX123" fmla="*/ 2716 w 10000"/>
                  <a:gd name="connsiteY123" fmla="*/ 6322 h 10000"/>
                  <a:gd name="connsiteX124" fmla="*/ 2564 w 10000"/>
                  <a:gd name="connsiteY124" fmla="*/ 6292 h 10000"/>
                  <a:gd name="connsiteX125" fmla="*/ 2386 w 10000"/>
                  <a:gd name="connsiteY125" fmla="*/ 6278 h 10000"/>
                  <a:gd name="connsiteX126" fmla="*/ 2208 w 10000"/>
                  <a:gd name="connsiteY126" fmla="*/ 6263 h 10000"/>
                  <a:gd name="connsiteX127" fmla="*/ 1853 w 10000"/>
                  <a:gd name="connsiteY127" fmla="*/ 6248 h 10000"/>
                  <a:gd name="connsiteX128" fmla="*/ 1472 w 10000"/>
                  <a:gd name="connsiteY128" fmla="*/ 6263 h 10000"/>
                  <a:gd name="connsiteX129" fmla="*/ 1143 w 10000"/>
                  <a:gd name="connsiteY129" fmla="*/ 6278 h 10000"/>
                  <a:gd name="connsiteX130" fmla="*/ 837 w 10000"/>
                  <a:gd name="connsiteY130" fmla="*/ 6278 h 10000"/>
                  <a:gd name="connsiteX131" fmla="*/ 585 w 10000"/>
                  <a:gd name="connsiteY131" fmla="*/ 6263 h 10000"/>
                  <a:gd name="connsiteX132" fmla="*/ 381 w 10000"/>
                  <a:gd name="connsiteY132" fmla="*/ 6233 h 10000"/>
                  <a:gd name="connsiteX133" fmla="*/ 633 w 10000"/>
                  <a:gd name="connsiteY133" fmla="*/ 5805 h 10000"/>
                  <a:gd name="connsiteX134" fmla="*/ 914 w 10000"/>
                  <a:gd name="connsiteY134" fmla="*/ 5391 h 10000"/>
                  <a:gd name="connsiteX135" fmla="*/ 1016 w 10000"/>
                  <a:gd name="connsiteY135" fmla="*/ 5170 h 10000"/>
                  <a:gd name="connsiteX136" fmla="*/ 1091 w 10000"/>
                  <a:gd name="connsiteY136" fmla="*/ 4963 h 10000"/>
                  <a:gd name="connsiteX137" fmla="*/ 1116 w 10000"/>
                  <a:gd name="connsiteY137" fmla="*/ 4860 h 10000"/>
                  <a:gd name="connsiteX138" fmla="*/ 1091 w 10000"/>
                  <a:gd name="connsiteY138" fmla="*/ 4756 h 10000"/>
                  <a:gd name="connsiteX139" fmla="*/ 1066 w 10000"/>
                  <a:gd name="connsiteY139" fmla="*/ 4653 h 10000"/>
                  <a:gd name="connsiteX140" fmla="*/ 990 w 10000"/>
                  <a:gd name="connsiteY140" fmla="*/ 4549 h 10000"/>
                  <a:gd name="connsiteX141" fmla="*/ 1270 w 10000"/>
                  <a:gd name="connsiteY141" fmla="*/ 4520 h 10000"/>
                  <a:gd name="connsiteX142" fmla="*/ 1472 w 10000"/>
                  <a:gd name="connsiteY142" fmla="*/ 4505 h 10000"/>
                  <a:gd name="connsiteX143" fmla="*/ 1650 w 10000"/>
                  <a:gd name="connsiteY143" fmla="*/ 4505 h 10000"/>
                  <a:gd name="connsiteX144" fmla="*/ 1802 w 10000"/>
                  <a:gd name="connsiteY144" fmla="*/ 4520 h 10000"/>
                  <a:gd name="connsiteX145" fmla="*/ 1929 w 10000"/>
                  <a:gd name="connsiteY145" fmla="*/ 4520 h 10000"/>
                  <a:gd name="connsiteX146" fmla="*/ 2081 w 10000"/>
                  <a:gd name="connsiteY146" fmla="*/ 4520 h 10000"/>
                  <a:gd name="connsiteX147" fmla="*/ 2234 w 10000"/>
                  <a:gd name="connsiteY147" fmla="*/ 4490 h 10000"/>
                  <a:gd name="connsiteX148" fmla="*/ 2436 w 10000"/>
                  <a:gd name="connsiteY148" fmla="*/ 4446 h 10000"/>
                  <a:gd name="connsiteX149" fmla="*/ 2436 w 10000"/>
                  <a:gd name="connsiteY149" fmla="*/ 4579 h 10000"/>
                  <a:gd name="connsiteX150" fmla="*/ 2436 w 10000"/>
                  <a:gd name="connsiteY150" fmla="*/ 4742 h 10000"/>
                  <a:gd name="connsiteX151" fmla="*/ 2436 w 10000"/>
                  <a:gd name="connsiteY151" fmla="*/ 4874 h 10000"/>
                  <a:gd name="connsiteX152" fmla="*/ 2436 w 10000"/>
                  <a:gd name="connsiteY152" fmla="*/ 5037 h 10000"/>
                  <a:gd name="connsiteX153" fmla="*/ 2665 w 10000"/>
                  <a:gd name="connsiteY153" fmla="*/ 5022 h 10000"/>
                  <a:gd name="connsiteX154" fmla="*/ 2817 w 10000"/>
                  <a:gd name="connsiteY154" fmla="*/ 5037 h 10000"/>
                  <a:gd name="connsiteX155" fmla="*/ 2944 w 10000"/>
                  <a:gd name="connsiteY155" fmla="*/ 5066 h 10000"/>
                  <a:gd name="connsiteX156" fmla="*/ 3071 w 10000"/>
                  <a:gd name="connsiteY156" fmla="*/ 5096 h 10000"/>
                  <a:gd name="connsiteX157" fmla="*/ 3173 w 10000"/>
                  <a:gd name="connsiteY157" fmla="*/ 5126 h 10000"/>
                  <a:gd name="connsiteX158" fmla="*/ 3299 w 10000"/>
                  <a:gd name="connsiteY158" fmla="*/ 5155 h 10000"/>
                  <a:gd name="connsiteX159" fmla="*/ 3452 w 10000"/>
                  <a:gd name="connsiteY159" fmla="*/ 5170 h 10000"/>
                  <a:gd name="connsiteX160" fmla="*/ 3680 w 10000"/>
                  <a:gd name="connsiteY160" fmla="*/ 5155 h 10000"/>
                  <a:gd name="connsiteX161" fmla="*/ 3757 w 10000"/>
                  <a:gd name="connsiteY161" fmla="*/ 5096 h 10000"/>
                  <a:gd name="connsiteX162" fmla="*/ 3832 w 10000"/>
                  <a:gd name="connsiteY162" fmla="*/ 5022 h 10000"/>
                  <a:gd name="connsiteX163" fmla="*/ 3857 w 10000"/>
                  <a:gd name="connsiteY163" fmla="*/ 4934 h 10000"/>
                  <a:gd name="connsiteX164" fmla="*/ 3884 w 10000"/>
                  <a:gd name="connsiteY164" fmla="*/ 4860 h 10000"/>
                  <a:gd name="connsiteX165" fmla="*/ 3908 w 10000"/>
                  <a:gd name="connsiteY165" fmla="*/ 4697 h 10000"/>
                  <a:gd name="connsiteX166" fmla="*/ 3884 w 10000"/>
                  <a:gd name="connsiteY166" fmla="*/ 4520 h 10000"/>
                  <a:gd name="connsiteX167" fmla="*/ 3807 w 10000"/>
                  <a:gd name="connsiteY167" fmla="*/ 4343 h 10000"/>
                  <a:gd name="connsiteX168" fmla="*/ 3731 w 10000"/>
                  <a:gd name="connsiteY168" fmla="*/ 4195 h 10000"/>
                  <a:gd name="connsiteX169" fmla="*/ 3604 w 10000"/>
                  <a:gd name="connsiteY169" fmla="*/ 4047 h 10000"/>
                  <a:gd name="connsiteX170" fmla="*/ 3477 w 10000"/>
                  <a:gd name="connsiteY170" fmla="*/ 3959 h 10000"/>
                  <a:gd name="connsiteX171" fmla="*/ 3629 w 10000"/>
                  <a:gd name="connsiteY171" fmla="*/ 3944 h 10000"/>
                  <a:gd name="connsiteX172" fmla="*/ 3757 w 10000"/>
                  <a:gd name="connsiteY172" fmla="*/ 3914 h 10000"/>
                  <a:gd name="connsiteX173" fmla="*/ 3857 w 10000"/>
                  <a:gd name="connsiteY173" fmla="*/ 3855 h 10000"/>
                  <a:gd name="connsiteX174" fmla="*/ 3983 w 10000"/>
                  <a:gd name="connsiteY174" fmla="*/ 3752 h 10000"/>
                  <a:gd name="connsiteX175" fmla="*/ 4111 w 10000"/>
                  <a:gd name="connsiteY175" fmla="*/ 3663 h 10000"/>
                  <a:gd name="connsiteX176" fmla="*/ 4213 w 10000"/>
                  <a:gd name="connsiteY176" fmla="*/ 3560 h 10000"/>
                  <a:gd name="connsiteX177" fmla="*/ 4289 w 10000"/>
                  <a:gd name="connsiteY177" fmla="*/ 3442 h 10000"/>
                  <a:gd name="connsiteX178" fmla="*/ 4366 w 10000"/>
                  <a:gd name="connsiteY178" fmla="*/ 3323 h 10000"/>
                  <a:gd name="connsiteX179" fmla="*/ 4416 w 10000"/>
                  <a:gd name="connsiteY179" fmla="*/ 3220 h 10000"/>
                  <a:gd name="connsiteX180" fmla="*/ 4441 w 10000"/>
                  <a:gd name="connsiteY180" fmla="*/ 3102 h 10000"/>
                  <a:gd name="connsiteX181" fmla="*/ 4468 w 10000"/>
                  <a:gd name="connsiteY181" fmla="*/ 3013 h 10000"/>
                  <a:gd name="connsiteX182" fmla="*/ 4441 w 10000"/>
                  <a:gd name="connsiteY182" fmla="*/ 2939 h 10000"/>
                  <a:gd name="connsiteX183" fmla="*/ 4416 w 10000"/>
                  <a:gd name="connsiteY183" fmla="*/ 2866 h 10000"/>
                  <a:gd name="connsiteX184" fmla="*/ 4340 w 10000"/>
                  <a:gd name="connsiteY184" fmla="*/ 2836 h 10000"/>
                  <a:gd name="connsiteX185" fmla="*/ 4239 w 10000"/>
                  <a:gd name="connsiteY185" fmla="*/ 2836 h 10000"/>
                  <a:gd name="connsiteX186" fmla="*/ 4111 w 10000"/>
                  <a:gd name="connsiteY186" fmla="*/ 2866 h 10000"/>
                  <a:gd name="connsiteX187" fmla="*/ 4213 w 10000"/>
                  <a:gd name="connsiteY187" fmla="*/ 2777 h 10000"/>
                  <a:gd name="connsiteX188" fmla="*/ 4265 w 10000"/>
                  <a:gd name="connsiteY188" fmla="*/ 2674 h 10000"/>
                  <a:gd name="connsiteX189" fmla="*/ 4289 w 10000"/>
                  <a:gd name="connsiteY189" fmla="*/ 2541 h 10000"/>
                  <a:gd name="connsiteX190" fmla="*/ 4289 w 10000"/>
                  <a:gd name="connsiteY190" fmla="*/ 2393 h 10000"/>
                  <a:gd name="connsiteX191" fmla="*/ 4314 w 10000"/>
                  <a:gd name="connsiteY191" fmla="*/ 2349 h 10000"/>
                  <a:gd name="connsiteX192" fmla="*/ 4366 w 10000"/>
                  <a:gd name="connsiteY192" fmla="*/ 2304 h 10000"/>
                  <a:gd name="connsiteX193" fmla="*/ 4416 w 10000"/>
                  <a:gd name="connsiteY193" fmla="*/ 2290 h 10000"/>
                  <a:gd name="connsiteX194" fmla="*/ 4493 w 10000"/>
                  <a:gd name="connsiteY194" fmla="*/ 2275 h 10000"/>
                  <a:gd name="connsiteX195" fmla="*/ 4720 w 10000"/>
                  <a:gd name="connsiteY195" fmla="*/ 2260 h 10000"/>
                  <a:gd name="connsiteX196" fmla="*/ 4923 w 10000"/>
                  <a:gd name="connsiteY196" fmla="*/ 2275 h 10000"/>
                  <a:gd name="connsiteX197" fmla="*/ 4898 w 10000"/>
                  <a:gd name="connsiteY197" fmla="*/ 2112 h 10000"/>
                  <a:gd name="connsiteX198" fmla="*/ 4848 w 10000"/>
                  <a:gd name="connsiteY198" fmla="*/ 1950 h 10000"/>
                  <a:gd name="connsiteX199" fmla="*/ 4771 w 10000"/>
                  <a:gd name="connsiteY199" fmla="*/ 1802 h 10000"/>
                  <a:gd name="connsiteX200" fmla="*/ 4671 w 10000"/>
                  <a:gd name="connsiteY200" fmla="*/ 1640 h 10000"/>
                  <a:gd name="connsiteX201" fmla="*/ 4416 w 10000"/>
                  <a:gd name="connsiteY201" fmla="*/ 1329 h 10000"/>
                  <a:gd name="connsiteX202" fmla="*/ 4162 w 10000"/>
                  <a:gd name="connsiteY202" fmla="*/ 1034 h 10000"/>
                  <a:gd name="connsiteX203" fmla="*/ 4035 w 10000"/>
                  <a:gd name="connsiteY203" fmla="*/ 901 h 10000"/>
                  <a:gd name="connsiteX204" fmla="*/ 3935 w 10000"/>
                  <a:gd name="connsiteY204" fmla="*/ 753 h 10000"/>
                  <a:gd name="connsiteX205" fmla="*/ 3857 w 10000"/>
                  <a:gd name="connsiteY205" fmla="*/ 620 h 10000"/>
                  <a:gd name="connsiteX206" fmla="*/ 3832 w 10000"/>
                  <a:gd name="connsiteY206" fmla="*/ 487 h 10000"/>
                  <a:gd name="connsiteX207" fmla="*/ 3807 w 10000"/>
                  <a:gd name="connsiteY207" fmla="*/ 355 h 10000"/>
                  <a:gd name="connsiteX208" fmla="*/ 3857 w 10000"/>
                  <a:gd name="connsiteY208" fmla="*/ 222 h 10000"/>
                  <a:gd name="connsiteX209" fmla="*/ 3884 w 10000"/>
                  <a:gd name="connsiteY209" fmla="*/ 162 h 10000"/>
                  <a:gd name="connsiteX210" fmla="*/ 3935 w 10000"/>
                  <a:gd name="connsiteY210" fmla="*/ 103 h 10000"/>
                  <a:gd name="connsiteX211" fmla="*/ 4011 w 10000"/>
                  <a:gd name="connsiteY211" fmla="*/ 59 h 10000"/>
                  <a:gd name="connsiteX212" fmla="*/ 4111 w 10000"/>
                  <a:gd name="connsiteY212" fmla="*/ 0 h 10000"/>
                  <a:gd name="connsiteX213" fmla="*/ 4289 w 10000"/>
                  <a:gd name="connsiteY213" fmla="*/ 0 h 10000"/>
                  <a:gd name="connsiteX214" fmla="*/ 4468 w 10000"/>
                  <a:gd name="connsiteY214" fmla="*/ 15 h 10000"/>
                  <a:gd name="connsiteX215" fmla="*/ 4644 w 10000"/>
                  <a:gd name="connsiteY215" fmla="*/ 44 h 10000"/>
                  <a:gd name="connsiteX216" fmla="*/ 4771 w 10000"/>
                  <a:gd name="connsiteY216" fmla="*/ 89 h 10000"/>
                  <a:gd name="connsiteX217" fmla="*/ 4975 w 10000"/>
                  <a:gd name="connsiteY217" fmla="*/ 192 h 10000"/>
                  <a:gd name="connsiteX218" fmla="*/ 5177 w 10000"/>
                  <a:gd name="connsiteY218" fmla="*/ 340 h 10000"/>
                  <a:gd name="connsiteX219" fmla="*/ 5329 w 10000"/>
                  <a:gd name="connsiteY219" fmla="*/ 473 h 10000"/>
                  <a:gd name="connsiteX220" fmla="*/ 5532 w 10000"/>
                  <a:gd name="connsiteY220" fmla="*/ 591 h 10000"/>
                  <a:gd name="connsiteX221" fmla="*/ 5660 w 10000"/>
                  <a:gd name="connsiteY221" fmla="*/ 650 h 10000"/>
                  <a:gd name="connsiteX222" fmla="*/ 5812 w 10000"/>
                  <a:gd name="connsiteY222" fmla="*/ 679 h 10000"/>
                  <a:gd name="connsiteX223" fmla="*/ 5965 w 10000"/>
                  <a:gd name="connsiteY223" fmla="*/ 709 h 10000"/>
                  <a:gd name="connsiteX224" fmla="*/ 6168 w 10000"/>
                  <a:gd name="connsiteY224" fmla="*/ 709 h 10000"/>
                  <a:gd name="connsiteX225" fmla="*/ 6168 w 10000"/>
                  <a:gd name="connsiteY225" fmla="*/ 768 h 10000"/>
                  <a:gd name="connsiteX226" fmla="*/ 6193 w 10000"/>
                  <a:gd name="connsiteY226" fmla="*/ 842 h 10000"/>
                  <a:gd name="connsiteX227" fmla="*/ 6243 w 10000"/>
                  <a:gd name="connsiteY227" fmla="*/ 916 h 10000"/>
                  <a:gd name="connsiteX228" fmla="*/ 6294 w 10000"/>
                  <a:gd name="connsiteY228" fmla="*/ 990 h 10000"/>
                  <a:gd name="connsiteX229" fmla="*/ 6369 w 10000"/>
                  <a:gd name="connsiteY229" fmla="*/ 1049 h 10000"/>
                  <a:gd name="connsiteX230" fmla="*/ 6471 w 10000"/>
                  <a:gd name="connsiteY230" fmla="*/ 1108 h 10000"/>
                  <a:gd name="connsiteX231" fmla="*/ 6598 w 10000"/>
                  <a:gd name="connsiteY231" fmla="*/ 1182 h 10000"/>
                  <a:gd name="connsiteX232" fmla="*/ 6700 w 10000"/>
                  <a:gd name="connsiteY232" fmla="*/ 1226 h 10000"/>
                  <a:gd name="connsiteX233" fmla="*/ 6802 w 10000"/>
                  <a:gd name="connsiteY233" fmla="*/ 1270 h 10000"/>
                  <a:gd name="connsiteX234" fmla="*/ 6903 w 10000"/>
                  <a:gd name="connsiteY234" fmla="*/ 1300 h 10000"/>
                  <a:gd name="connsiteX235" fmla="*/ 7005 w 10000"/>
                  <a:gd name="connsiteY235" fmla="*/ 1315 h 10000"/>
                  <a:gd name="connsiteX236" fmla="*/ 7132 w 10000"/>
                  <a:gd name="connsiteY236" fmla="*/ 1300 h 10000"/>
                  <a:gd name="connsiteX237" fmla="*/ 7234 w 10000"/>
                  <a:gd name="connsiteY237" fmla="*/ 1285 h 10000"/>
                  <a:gd name="connsiteX238" fmla="*/ 7309 w 10000"/>
                  <a:gd name="connsiteY238" fmla="*/ 1241 h 10000"/>
                  <a:gd name="connsiteX239" fmla="*/ 7361 w 10000"/>
                  <a:gd name="connsiteY239" fmla="*/ 1167 h 10000"/>
                  <a:gd name="connsiteX240" fmla="*/ 7385 w 10000"/>
                  <a:gd name="connsiteY240" fmla="*/ 1064 h 10000"/>
                  <a:gd name="connsiteX241" fmla="*/ 7766 w 10000"/>
                  <a:gd name="connsiteY241" fmla="*/ 1034 h 10000"/>
                  <a:gd name="connsiteX242" fmla="*/ 8121 w 10000"/>
                  <a:gd name="connsiteY242" fmla="*/ 1004 h 10000"/>
                  <a:gd name="connsiteX243" fmla="*/ 8427 w 10000"/>
                  <a:gd name="connsiteY243" fmla="*/ 990 h 10000"/>
                  <a:gd name="connsiteX244" fmla="*/ 8706 w 10000"/>
                  <a:gd name="connsiteY244" fmla="*/ 1004 h 10000"/>
                  <a:gd name="connsiteX245" fmla="*/ 8833 w 10000"/>
                  <a:gd name="connsiteY245" fmla="*/ 1019 h 10000"/>
                  <a:gd name="connsiteX246" fmla="*/ 8958 w 10000"/>
                  <a:gd name="connsiteY246" fmla="*/ 1034 h 10000"/>
                  <a:gd name="connsiteX247" fmla="*/ 9061 w 10000"/>
                  <a:gd name="connsiteY247" fmla="*/ 1064 h 10000"/>
                  <a:gd name="connsiteX248" fmla="*/ 9188 w 10000"/>
                  <a:gd name="connsiteY248" fmla="*/ 1108 h 10000"/>
                  <a:gd name="connsiteX249" fmla="*/ 9264 w 10000"/>
                  <a:gd name="connsiteY249" fmla="*/ 1182 h 10000"/>
                  <a:gd name="connsiteX250" fmla="*/ 9339 w 10000"/>
                  <a:gd name="connsiteY250" fmla="*/ 1241 h 10000"/>
                  <a:gd name="connsiteX251" fmla="*/ 9391 w 10000"/>
                  <a:gd name="connsiteY251" fmla="*/ 1329 h 10000"/>
                  <a:gd name="connsiteX252" fmla="*/ 9442 w 10000"/>
                  <a:gd name="connsiteY252" fmla="*/ 1433 h 10000"/>
                  <a:gd name="connsiteX253" fmla="*/ 9492 w 10000"/>
                  <a:gd name="connsiteY253" fmla="*/ 1551 h 10000"/>
                  <a:gd name="connsiteX254" fmla="*/ 9466 w 10000"/>
                  <a:gd name="connsiteY254" fmla="*/ 1625 h 10000"/>
                  <a:gd name="connsiteX255" fmla="*/ 9442 w 10000"/>
                  <a:gd name="connsiteY255" fmla="*/ 1684 h 10000"/>
                  <a:gd name="connsiteX256" fmla="*/ 9391 w 10000"/>
                  <a:gd name="connsiteY256" fmla="*/ 1758 h 10000"/>
                  <a:gd name="connsiteX257" fmla="*/ 9315 w 10000"/>
                  <a:gd name="connsiteY257" fmla="*/ 1802 h 10000"/>
                  <a:gd name="connsiteX258" fmla="*/ 9264 w 10000"/>
                  <a:gd name="connsiteY258" fmla="*/ 1861 h 10000"/>
                  <a:gd name="connsiteX259" fmla="*/ 9240 w 10000"/>
                  <a:gd name="connsiteY259" fmla="*/ 1935 h 10000"/>
                  <a:gd name="connsiteX260" fmla="*/ 9264 w 10000"/>
                  <a:gd name="connsiteY260" fmla="*/ 2024 h 10000"/>
                  <a:gd name="connsiteX261" fmla="*/ 9543 w 10000"/>
                  <a:gd name="connsiteY261" fmla="*/ 2157 h 10000"/>
                  <a:gd name="connsiteX262" fmla="*/ 9873 w 10000"/>
                  <a:gd name="connsiteY262" fmla="*/ 2275 h 10000"/>
                  <a:gd name="connsiteX263" fmla="*/ 10000 w 10000"/>
                  <a:gd name="connsiteY263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369 w 10000"/>
                  <a:gd name="connsiteY9" fmla="*/ 4313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776 w 10000"/>
                  <a:gd name="connsiteY22" fmla="*/ 3840 h 10000"/>
                  <a:gd name="connsiteX23" fmla="*/ 6548 w 10000"/>
                  <a:gd name="connsiteY23" fmla="*/ 3914 h 10000"/>
                  <a:gd name="connsiteX24" fmla="*/ 6345 w 10000"/>
                  <a:gd name="connsiteY24" fmla="*/ 4003 h 10000"/>
                  <a:gd name="connsiteX25" fmla="*/ 6143 w 10000"/>
                  <a:gd name="connsiteY25" fmla="*/ 4106 h 10000"/>
                  <a:gd name="connsiteX26" fmla="*/ 5938 w 10000"/>
                  <a:gd name="connsiteY26" fmla="*/ 4195 h 10000"/>
                  <a:gd name="connsiteX27" fmla="*/ 6091 w 10000"/>
                  <a:gd name="connsiteY27" fmla="*/ 4417 h 10000"/>
                  <a:gd name="connsiteX28" fmla="*/ 6294 w 10000"/>
                  <a:gd name="connsiteY28" fmla="*/ 4845 h 10000"/>
                  <a:gd name="connsiteX29" fmla="*/ 6369 w 10000"/>
                  <a:gd name="connsiteY29" fmla="*/ 5081 h 10000"/>
                  <a:gd name="connsiteX30" fmla="*/ 6421 w 10000"/>
                  <a:gd name="connsiteY30" fmla="*/ 5318 h 10000"/>
                  <a:gd name="connsiteX31" fmla="*/ 6447 w 10000"/>
                  <a:gd name="connsiteY31" fmla="*/ 5539 h 10000"/>
                  <a:gd name="connsiteX32" fmla="*/ 6471 w 10000"/>
                  <a:gd name="connsiteY32" fmla="*/ 5775 h 10000"/>
                  <a:gd name="connsiteX33" fmla="*/ 6471 w 10000"/>
                  <a:gd name="connsiteY33" fmla="*/ 5997 h 10000"/>
                  <a:gd name="connsiteX34" fmla="*/ 6447 w 10000"/>
                  <a:gd name="connsiteY34" fmla="*/ 6233 h 10000"/>
                  <a:gd name="connsiteX35" fmla="*/ 6396 w 10000"/>
                  <a:gd name="connsiteY35" fmla="*/ 6470 h 10000"/>
                  <a:gd name="connsiteX36" fmla="*/ 6345 w 10000"/>
                  <a:gd name="connsiteY36" fmla="*/ 6677 h 10000"/>
                  <a:gd name="connsiteX37" fmla="*/ 6269 w 10000"/>
                  <a:gd name="connsiteY37" fmla="*/ 6898 h 10000"/>
                  <a:gd name="connsiteX38" fmla="*/ 6168 w 10000"/>
                  <a:gd name="connsiteY38" fmla="*/ 7105 h 10000"/>
                  <a:gd name="connsiteX39" fmla="*/ 6041 w 10000"/>
                  <a:gd name="connsiteY39" fmla="*/ 7297 h 10000"/>
                  <a:gd name="connsiteX40" fmla="*/ 5888 w 10000"/>
                  <a:gd name="connsiteY40" fmla="*/ 7489 h 10000"/>
                  <a:gd name="connsiteX41" fmla="*/ 5735 w 10000"/>
                  <a:gd name="connsiteY41" fmla="*/ 7681 h 10000"/>
                  <a:gd name="connsiteX42" fmla="*/ 6471 w 10000"/>
                  <a:gd name="connsiteY42" fmla="*/ 7799 h 10000"/>
                  <a:gd name="connsiteX43" fmla="*/ 7234 w 10000"/>
                  <a:gd name="connsiteY43" fmla="*/ 7962 h 10000"/>
                  <a:gd name="connsiteX44" fmla="*/ 7385 w 10000"/>
                  <a:gd name="connsiteY44" fmla="*/ 8021 h 10000"/>
                  <a:gd name="connsiteX45" fmla="*/ 7512 w 10000"/>
                  <a:gd name="connsiteY45" fmla="*/ 8080 h 10000"/>
                  <a:gd name="connsiteX46" fmla="*/ 7639 w 10000"/>
                  <a:gd name="connsiteY46" fmla="*/ 8139 h 10000"/>
                  <a:gd name="connsiteX47" fmla="*/ 7716 w 10000"/>
                  <a:gd name="connsiteY47" fmla="*/ 8227 h 10000"/>
                  <a:gd name="connsiteX48" fmla="*/ 7741 w 10000"/>
                  <a:gd name="connsiteY48" fmla="*/ 8301 h 10000"/>
                  <a:gd name="connsiteX49" fmla="*/ 7741 w 10000"/>
                  <a:gd name="connsiteY49" fmla="*/ 8405 h 10000"/>
                  <a:gd name="connsiteX50" fmla="*/ 7691 w 10000"/>
                  <a:gd name="connsiteY50" fmla="*/ 8523 h 10000"/>
                  <a:gd name="connsiteX51" fmla="*/ 7614 w 10000"/>
                  <a:gd name="connsiteY51" fmla="*/ 8641 h 10000"/>
                  <a:gd name="connsiteX52" fmla="*/ 7284 w 10000"/>
                  <a:gd name="connsiteY52" fmla="*/ 8552 h 10000"/>
                  <a:gd name="connsiteX53" fmla="*/ 6979 w 10000"/>
                  <a:gd name="connsiteY53" fmla="*/ 8449 h 10000"/>
                  <a:gd name="connsiteX54" fmla="*/ 6674 w 10000"/>
                  <a:gd name="connsiteY54" fmla="*/ 8360 h 10000"/>
                  <a:gd name="connsiteX55" fmla="*/ 6369 w 10000"/>
                  <a:gd name="connsiteY55" fmla="*/ 8287 h 10000"/>
                  <a:gd name="connsiteX56" fmla="*/ 6243 w 10000"/>
                  <a:gd name="connsiteY56" fmla="*/ 8449 h 10000"/>
                  <a:gd name="connsiteX57" fmla="*/ 6143 w 10000"/>
                  <a:gd name="connsiteY57" fmla="*/ 8597 h 10000"/>
                  <a:gd name="connsiteX58" fmla="*/ 6091 w 10000"/>
                  <a:gd name="connsiteY58" fmla="*/ 8656 h 10000"/>
                  <a:gd name="connsiteX59" fmla="*/ 5989 w 10000"/>
                  <a:gd name="connsiteY59" fmla="*/ 8700 h 10000"/>
                  <a:gd name="connsiteX60" fmla="*/ 5914 w 10000"/>
                  <a:gd name="connsiteY60" fmla="*/ 8744 h 10000"/>
                  <a:gd name="connsiteX61" fmla="*/ 5838 w 10000"/>
                  <a:gd name="connsiteY61" fmla="*/ 8774 h 10000"/>
                  <a:gd name="connsiteX62" fmla="*/ 5761 w 10000"/>
                  <a:gd name="connsiteY62" fmla="*/ 8804 h 10000"/>
                  <a:gd name="connsiteX63" fmla="*/ 5660 w 10000"/>
                  <a:gd name="connsiteY63" fmla="*/ 8818 h 10000"/>
                  <a:gd name="connsiteX64" fmla="*/ 5532 w 10000"/>
                  <a:gd name="connsiteY64" fmla="*/ 8833 h 10000"/>
                  <a:gd name="connsiteX65" fmla="*/ 5406 w 10000"/>
                  <a:gd name="connsiteY65" fmla="*/ 8833 h 10000"/>
                  <a:gd name="connsiteX66" fmla="*/ 5102 w 10000"/>
                  <a:gd name="connsiteY66" fmla="*/ 8818 h 10000"/>
                  <a:gd name="connsiteX67" fmla="*/ 4720 w 10000"/>
                  <a:gd name="connsiteY67" fmla="*/ 8744 h 10000"/>
                  <a:gd name="connsiteX68" fmla="*/ 4720 w 10000"/>
                  <a:gd name="connsiteY68" fmla="*/ 8922 h 10000"/>
                  <a:gd name="connsiteX69" fmla="*/ 4695 w 10000"/>
                  <a:gd name="connsiteY69" fmla="*/ 9069 h 10000"/>
                  <a:gd name="connsiteX70" fmla="*/ 4671 w 10000"/>
                  <a:gd name="connsiteY70" fmla="*/ 9232 h 10000"/>
                  <a:gd name="connsiteX71" fmla="*/ 4644 w 10000"/>
                  <a:gd name="connsiteY71" fmla="*/ 9365 h 10000"/>
                  <a:gd name="connsiteX72" fmla="*/ 4593 w 10000"/>
                  <a:gd name="connsiteY72" fmla="*/ 9498 h 10000"/>
                  <a:gd name="connsiteX73" fmla="*/ 4493 w 10000"/>
                  <a:gd name="connsiteY73" fmla="*/ 9616 h 10000"/>
                  <a:gd name="connsiteX74" fmla="*/ 4416 w 10000"/>
                  <a:gd name="connsiteY74" fmla="*/ 9734 h 10000"/>
                  <a:gd name="connsiteX75" fmla="*/ 4289 w 10000"/>
                  <a:gd name="connsiteY75" fmla="*/ 9838 h 10000"/>
                  <a:gd name="connsiteX76" fmla="*/ 3983 w 10000"/>
                  <a:gd name="connsiteY76" fmla="*/ 9897 h 10000"/>
                  <a:gd name="connsiteX77" fmla="*/ 3731 w 10000"/>
                  <a:gd name="connsiteY77" fmla="*/ 9941 h 10000"/>
                  <a:gd name="connsiteX78" fmla="*/ 3426 w 10000"/>
                  <a:gd name="connsiteY78" fmla="*/ 9985 h 10000"/>
                  <a:gd name="connsiteX79" fmla="*/ 3198 w 10000"/>
                  <a:gd name="connsiteY79" fmla="*/ 10000 h 10000"/>
                  <a:gd name="connsiteX80" fmla="*/ 2690 w 10000"/>
                  <a:gd name="connsiteY80" fmla="*/ 10000 h 10000"/>
                  <a:gd name="connsiteX81" fmla="*/ 2208 w 10000"/>
                  <a:gd name="connsiteY81" fmla="*/ 9985 h 10000"/>
                  <a:gd name="connsiteX82" fmla="*/ 1752 w 10000"/>
                  <a:gd name="connsiteY82" fmla="*/ 9941 h 10000"/>
                  <a:gd name="connsiteX83" fmla="*/ 1270 w 10000"/>
                  <a:gd name="connsiteY83" fmla="*/ 9911 h 10000"/>
                  <a:gd name="connsiteX84" fmla="*/ 990 w 10000"/>
                  <a:gd name="connsiteY84" fmla="*/ 9911 h 10000"/>
                  <a:gd name="connsiteX85" fmla="*/ 736 w 10000"/>
                  <a:gd name="connsiteY85" fmla="*/ 9911 h 10000"/>
                  <a:gd name="connsiteX86" fmla="*/ 457 w 10000"/>
                  <a:gd name="connsiteY86" fmla="*/ 9926 h 10000"/>
                  <a:gd name="connsiteX87" fmla="*/ 178 w 10000"/>
                  <a:gd name="connsiteY87" fmla="*/ 9970 h 10000"/>
                  <a:gd name="connsiteX88" fmla="*/ 102 w 10000"/>
                  <a:gd name="connsiteY88" fmla="*/ 9867 h 10000"/>
                  <a:gd name="connsiteX89" fmla="*/ 51 w 10000"/>
                  <a:gd name="connsiteY89" fmla="*/ 9793 h 10000"/>
                  <a:gd name="connsiteX90" fmla="*/ 0 w 10000"/>
                  <a:gd name="connsiteY90" fmla="*/ 9705 h 10000"/>
                  <a:gd name="connsiteX91" fmla="*/ 0 w 10000"/>
                  <a:gd name="connsiteY91" fmla="*/ 9601 h 10000"/>
                  <a:gd name="connsiteX92" fmla="*/ 51 w 10000"/>
                  <a:gd name="connsiteY92" fmla="*/ 9424 h 10000"/>
                  <a:gd name="connsiteX93" fmla="*/ 102 w 10000"/>
                  <a:gd name="connsiteY93" fmla="*/ 9202 h 10000"/>
                  <a:gd name="connsiteX94" fmla="*/ 151 w 10000"/>
                  <a:gd name="connsiteY94" fmla="*/ 8996 h 10000"/>
                  <a:gd name="connsiteX95" fmla="*/ 203 w 10000"/>
                  <a:gd name="connsiteY95" fmla="*/ 8759 h 10000"/>
                  <a:gd name="connsiteX96" fmla="*/ 228 w 10000"/>
                  <a:gd name="connsiteY96" fmla="*/ 8641 h 10000"/>
                  <a:gd name="connsiteX97" fmla="*/ 228 w 10000"/>
                  <a:gd name="connsiteY97" fmla="*/ 8538 h 10000"/>
                  <a:gd name="connsiteX98" fmla="*/ 203 w 10000"/>
                  <a:gd name="connsiteY98" fmla="*/ 8405 h 10000"/>
                  <a:gd name="connsiteX99" fmla="*/ 178 w 10000"/>
                  <a:gd name="connsiteY99" fmla="*/ 8287 h 10000"/>
                  <a:gd name="connsiteX100" fmla="*/ 431 w 10000"/>
                  <a:gd name="connsiteY100" fmla="*/ 8213 h 10000"/>
                  <a:gd name="connsiteX101" fmla="*/ 685 w 10000"/>
                  <a:gd name="connsiteY101" fmla="*/ 8139 h 10000"/>
                  <a:gd name="connsiteX102" fmla="*/ 939 w 10000"/>
                  <a:gd name="connsiteY102" fmla="*/ 8095 h 10000"/>
                  <a:gd name="connsiteX103" fmla="*/ 1218 w 10000"/>
                  <a:gd name="connsiteY103" fmla="*/ 8065 h 10000"/>
                  <a:gd name="connsiteX104" fmla="*/ 1725 w 10000"/>
                  <a:gd name="connsiteY104" fmla="*/ 8021 h 10000"/>
                  <a:gd name="connsiteX105" fmla="*/ 2234 w 10000"/>
                  <a:gd name="connsiteY105" fmla="*/ 7976 h 10000"/>
                  <a:gd name="connsiteX106" fmla="*/ 2462 w 10000"/>
                  <a:gd name="connsiteY106" fmla="*/ 7947 h 10000"/>
                  <a:gd name="connsiteX107" fmla="*/ 2690 w 10000"/>
                  <a:gd name="connsiteY107" fmla="*/ 7917 h 10000"/>
                  <a:gd name="connsiteX108" fmla="*/ 2892 w 10000"/>
                  <a:gd name="connsiteY108" fmla="*/ 7843 h 10000"/>
                  <a:gd name="connsiteX109" fmla="*/ 3096 w 10000"/>
                  <a:gd name="connsiteY109" fmla="*/ 7784 h 10000"/>
                  <a:gd name="connsiteX110" fmla="*/ 3274 w 10000"/>
                  <a:gd name="connsiteY110" fmla="*/ 7710 h 10000"/>
                  <a:gd name="connsiteX111" fmla="*/ 3426 w 10000"/>
                  <a:gd name="connsiteY111" fmla="*/ 7592 h 10000"/>
                  <a:gd name="connsiteX112" fmla="*/ 3579 w 10000"/>
                  <a:gd name="connsiteY112" fmla="*/ 7474 h 10000"/>
                  <a:gd name="connsiteX113" fmla="*/ 3680 w 10000"/>
                  <a:gd name="connsiteY113" fmla="*/ 7312 h 10000"/>
                  <a:gd name="connsiteX114" fmla="*/ 3477 w 10000"/>
                  <a:gd name="connsiteY114" fmla="*/ 7238 h 10000"/>
                  <a:gd name="connsiteX115" fmla="*/ 3299 w 10000"/>
                  <a:gd name="connsiteY115" fmla="*/ 7179 h 10000"/>
                  <a:gd name="connsiteX116" fmla="*/ 3147 w 10000"/>
                  <a:gd name="connsiteY116" fmla="*/ 7090 h 10000"/>
                  <a:gd name="connsiteX117" fmla="*/ 2995 w 10000"/>
                  <a:gd name="connsiteY117" fmla="*/ 6987 h 10000"/>
                  <a:gd name="connsiteX118" fmla="*/ 2892 w 10000"/>
                  <a:gd name="connsiteY118" fmla="*/ 6869 h 10000"/>
                  <a:gd name="connsiteX119" fmla="*/ 2843 w 10000"/>
                  <a:gd name="connsiteY119" fmla="*/ 6721 h 10000"/>
                  <a:gd name="connsiteX120" fmla="*/ 2817 w 10000"/>
                  <a:gd name="connsiteY120" fmla="*/ 6558 h 10000"/>
                  <a:gd name="connsiteX121" fmla="*/ 2843 w 10000"/>
                  <a:gd name="connsiteY121" fmla="*/ 6352 h 10000"/>
                  <a:gd name="connsiteX122" fmla="*/ 2716 w 10000"/>
                  <a:gd name="connsiteY122" fmla="*/ 6322 h 10000"/>
                  <a:gd name="connsiteX123" fmla="*/ 2564 w 10000"/>
                  <a:gd name="connsiteY123" fmla="*/ 6292 h 10000"/>
                  <a:gd name="connsiteX124" fmla="*/ 2386 w 10000"/>
                  <a:gd name="connsiteY124" fmla="*/ 6278 h 10000"/>
                  <a:gd name="connsiteX125" fmla="*/ 2208 w 10000"/>
                  <a:gd name="connsiteY125" fmla="*/ 6263 h 10000"/>
                  <a:gd name="connsiteX126" fmla="*/ 1853 w 10000"/>
                  <a:gd name="connsiteY126" fmla="*/ 6248 h 10000"/>
                  <a:gd name="connsiteX127" fmla="*/ 1472 w 10000"/>
                  <a:gd name="connsiteY127" fmla="*/ 6263 h 10000"/>
                  <a:gd name="connsiteX128" fmla="*/ 1143 w 10000"/>
                  <a:gd name="connsiteY128" fmla="*/ 6278 h 10000"/>
                  <a:gd name="connsiteX129" fmla="*/ 837 w 10000"/>
                  <a:gd name="connsiteY129" fmla="*/ 6278 h 10000"/>
                  <a:gd name="connsiteX130" fmla="*/ 585 w 10000"/>
                  <a:gd name="connsiteY130" fmla="*/ 6263 h 10000"/>
                  <a:gd name="connsiteX131" fmla="*/ 381 w 10000"/>
                  <a:gd name="connsiteY131" fmla="*/ 6233 h 10000"/>
                  <a:gd name="connsiteX132" fmla="*/ 633 w 10000"/>
                  <a:gd name="connsiteY132" fmla="*/ 5805 h 10000"/>
                  <a:gd name="connsiteX133" fmla="*/ 914 w 10000"/>
                  <a:gd name="connsiteY133" fmla="*/ 5391 h 10000"/>
                  <a:gd name="connsiteX134" fmla="*/ 1016 w 10000"/>
                  <a:gd name="connsiteY134" fmla="*/ 5170 h 10000"/>
                  <a:gd name="connsiteX135" fmla="*/ 1091 w 10000"/>
                  <a:gd name="connsiteY135" fmla="*/ 4963 h 10000"/>
                  <a:gd name="connsiteX136" fmla="*/ 1116 w 10000"/>
                  <a:gd name="connsiteY136" fmla="*/ 4860 h 10000"/>
                  <a:gd name="connsiteX137" fmla="*/ 1091 w 10000"/>
                  <a:gd name="connsiteY137" fmla="*/ 4756 h 10000"/>
                  <a:gd name="connsiteX138" fmla="*/ 1066 w 10000"/>
                  <a:gd name="connsiteY138" fmla="*/ 4653 h 10000"/>
                  <a:gd name="connsiteX139" fmla="*/ 990 w 10000"/>
                  <a:gd name="connsiteY139" fmla="*/ 4549 h 10000"/>
                  <a:gd name="connsiteX140" fmla="*/ 1270 w 10000"/>
                  <a:gd name="connsiteY140" fmla="*/ 4520 h 10000"/>
                  <a:gd name="connsiteX141" fmla="*/ 1472 w 10000"/>
                  <a:gd name="connsiteY141" fmla="*/ 4505 h 10000"/>
                  <a:gd name="connsiteX142" fmla="*/ 1650 w 10000"/>
                  <a:gd name="connsiteY142" fmla="*/ 4505 h 10000"/>
                  <a:gd name="connsiteX143" fmla="*/ 1802 w 10000"/>
                  <a:gd name="connsiteY143" fmla="*/ 4520 h 10000"/>
                  <a:gd name="connsiteX144" fmla="*/ 1929 w 10000"/>
                  <a:gd name="connsiteY144" fmla="*/ 4520 h 10000"/>
                  <a:gd name="connsiteX145" fmla="*/ 2081 w 10000"/>
                  <a:gd name="connsiteY145" fmla="*/ 4520 h 10000"/>
                  <a:gd name="connsiteX146" fmla="*/ 2234 w 10000"/>
                  <a:gd name="connsiteY146" fmla="*/ 4490 h 10000"/>
                  <a:gd name="connsiteX147" fmla="*/ 2436 w 10000"/>
                  <a:gd name="connsiteY147" fmla="*/ 4446 h 10000"/>
                  <a:gd name="connsiteX148" fmla="*/ 2436 w 10000"/>
                  <a:gd name="connsiteY148" fmla="*/ 4579 h 10000"/>
                  <a:gd name="connsiteX149" fmla="*/ 2436 w 10000"/>
                  <a:gd name="connsiteY149" fmla="*/ 4742 h 10000"/>
                  <a:gd name="connsiteX150" fmla="*/ 2436 w 10000"/>
                  <a:gd name="connsiteY150" fmla="*/ 4874 h 10000"/>
                  <a:gd name="connsiteX151" fmla="*/ 2436 w 10000"/>
                  <a:gd name="connsiteY151" fmla="*/ 5037 h 10000"/>
                  <a:gd name="connsiteX152" fmla="*/ 2665 w 10000"/>
                  <a:gd name="connsiteY152" fmla="*/ 5022 h 10000"/>
                  <a:gd name="connsiteX153" fmla="*/ 2817 w 10000"/>
                  <a:gd name="connsiteY153" fmla="*/ 5037 h 10000"/>
                  <a:gd name="connsiteX154" fmla="*/ 2944 w 10000"/>
                  <a:gd name="connsiteY154" fmla="*/ 5066 h 10000"/>
                  <a:gd name="connsiteX155" fmla="*/ 3071 w 10000"/>
                  <a:gd name="connsiteY155" fmla="*/ 5096 h 10000"/>
                  <a:gd name="connsiteX156" fmla="*/ 3173 w 10000"/>
                  <a:gd name="connsiteY156" fmla="*/ 5126 h 10000"/>
                  <a:gd name="connsiteX157" fmla="*/ 3299 w 10000"/>
                  <a:gd name="connsiteY157" fmla="*/ 5155 h 10000"/>
                  <a:gd name="connsiteX158" fmla="*/ 3452 w 10000"/>
                  <a:gd name="connsiteY158" fmla="*/ 5170 h 10000"/>
                  <a:gd name="connsiteX159" fmla="*/ 3680 w 10000"/>
                  <a:gd name="connsiteY159" fmla="*/ 5155 h 10000"/>
                  <a:gd name="connsiteX160" fmla="*/ 3757 w 10000"/>
                  <a:gd name="connsiteY160" fmla="*/ 5096 h 10000"/>
                  <a:gd name="connsiteX161" fmla="*/ 3832 w 10000"/>
                  <a:gd name="connsiteY161" fmla="*/ 5022 h 10000"/>
                  <a:gd name="connsiteX162" fmla="*/ 3857 w 10000"/>
                  <a:gd name="connsiteY162" fmla="*/ 4934 h 10000"/>
                  <a:gd name="connsiteX163" fmla="*/ 3884 w 10000"/>
                  <a:gd name="connsiteY163" fmla="*/ 4860 h 10000"/>
                  <a:gd name="connsiteX164" fmla="*/ 3908 w 10000"/>
                  <a:gd name="connsiteY164" fmla="*/ 4697 h 10000"/>
                  <a:gd name="connsiteX165" fmla="*/ 3884 w 10000"/>
                  <a:gd name="connsiteY165" fmla="*/ 4520 h 10000"/>
                  <a:gd name="connsiteX166" fmla="*/ 3807 w 10000"/>
                  <a:gd name="connsiteY166" fmla="*/ 4343 h 10000"/>
                  <a:gd name="connsiteX167" fmla="*/ 3731 w 10000"/>
                  <a:gd name="connsiteY167" fmla="*/ 4195 h 10000"/>
                  <a:gd name="connsiteX168" fmla="*/ 3604 w 10000"/>
                  <a:gd name="connsiteY168" fmla="*/ 4047 h 10000"/>
                  <a:gd name="connsiteX169" fmla="*/ 3477 w 10000"/>
                  <a:gd name="connsiteY169" fmla="*/ 3959 h 10000"/>
                  <a:gd name="connsiteX170" fmla="*/ 3629 w 10000"/>
                  <a:gd name="connsiteY170" fmla="*/ 3944 h 10000"/>
                  <a:gd name="connsiteX171" fmla="*/ 3757 w 10000"/>
                  <a:gd name="connsiteY171" fmla="*/ 3914 h 10000"/>
                  <a:gd name="connsiteX172" fmla="*/ 3857 w 10000"/>
                  <a:gd name="connsiteY172" fmla="*/ 3855 h 10000"/>
                  <a:gd name="connsiteX173" fmla="*/ 3983 w 10000"/>
                  <a:gd name="connsiteY173" fmla="*/ 3752 h 10000"/>
                  <a:gd name="connsiteX174" fmla="*/ 4111 w 10000"/>
                  <a:gd name="connsiteY174" fmla="*/ 3663 h 10000"/>
                  <a:gd name="connsiteX175" fmla="*/ 4213 w 10000"/>
                  <a:gd name="connsiteY175" fmla="*/ 3560 h 10000"/>
                  <a:gd name="connsiteX176" fmla="*/ 4289 w 10000"/>
                  <a:gd name="connsiteY176" fmla="*/ 3442 h 10000"/>
                  <a:gd name="connsiteX177" fmla="*/ 4366 w 10000"/>
                  <a:gd name="connsiteY177" fmla="*/ 3323 h 10000"/>
                  <a:gd name="connsiteX178" fmla="*/ 4416 w 10000"/>
                  <a:gd name="connsiteY178" fmla="*/ 3220 h 10000"/>
                  <a:gd name="connsiteX179" fmla="*/ 4441 w 10000"/>
                  <a:gd name="connsiteY179" fmla="*/ 3102 h 10000"/>
                  <a:gd name="connsiteX180" fmla="*/ 4468 w 10000"/>
                  <a:gd name="connsiteY180" fmla="*/ 3013 h 10000"/>
                  <a:gd name="connsiteX181" fmla="*/ 4441 w 10000"/>
                  <a:gd name="connsiteY181" fmla="*/ 2939 h 10000"/>
                  <a:gd name="connsiteX182" fmla="*/ 4416 w 10000"/>
                  <a:gd name="connsiteY182" fmla="*/ 2866 h 10000"/>
                  <a:gd name="connsiteX183" fmla="*/ 4340 w 10000"/>
                  <a:gd name="connsiteY183" fmla="*/ 2836 h 10000"/>
                  <a:gd name="connsiteX184" fmla="*/ 4239 w 10000"/>
                  <a:gd name="connsiteY184" fmla="*/ 2836 h 10000"/>
                  <a:gd name="connsiteX185" fmla="*/ 4111 w 10000"/>
                  <a:gd name="connsiteY185" fmla="*/ 2866 h 10000"/>
                  <a:gd name="connsiteX186" fmla="*/ 4213 w 10000"/>
                  <a:gd name="connsiteY186" fmla="*/ 2777 h 10000"/>
                  <a:gd name="connsiteX187" fmla="*/ 4265 w 10000"/>
                  <a:gd name="connsiteY187" fmla="*/ 2674 h 10000"/>
                  <a:gd name="connsiteX188" fmla="*/ 4289 w 10000"/>
                  <a:gd name="connsiteY188" fmla="*/ 2541 h 10000"/>
                  <a:gd name="connsiteX189" fmla="*/ 4289 w 10000"/>
                  <a:gd name="connsiteY189" fmla="*/ 2393 h 10000"/>
                  <a:gd name="connsiteX190" fmla="*/ 4314 w 10000"/>
                  <a:gd name="connsiteY190" fmla="*/ 2349 h 10000"/>
                  <a:gd name="connsiteX191" fmla="*/ 4366 w 10000"/>
                  <a:gd name="connsiteY191" fmla="*/ 2304 h 10000"/>
                  <a:gd name="connsiteX192" fmla="*/ 4416 w 10000"/>
                  <a:gd name="connsiteY192" fmla="*/ 2290 h 10000"/>
                  <a:gd name="connsiteX193" fmla="*/ 4493 w 10000"/>
                  <a:gd name="connsiteY193" fmla="*/ 2275 h 10000"/>
                  <a:gd name="connsiteX194" fmla="*/ 4720 w 10000"/>
                  <a:gd name="connsiteY194" fmla="*/ 2260 h 10000"/>
                  <a:gd name="connsiteX195" fmla="*/ 4923 w 10000"/>
                  <a:gd name="connsiteY195" fmla="*/ 2275 h 10000"/>
                  <a:gd name="connsiteX196" fmla="*/ 4898 w 10000"/>
                  <a:gd name="connsiteY196" fmla="*/ 2112 h 10000"/>
                  <a:gd name="connsiteX197" fmla="*/ 4848 w 10000"/>
                  <a:gd name="connsiteY197" fmla="*/ 1950 h 10000"/>
                  <a:gd name="connsiteX198" fmla="*/ 4771 w 10000"/>
                  <a:gd name="connsiteY198" fmla="*/ 1802 h 10000"/>
                  <a:gd name="connsiteX199" fmla="*/ 4671 w 10000"/>
                  <a:gd name="connsiteY199" fmla="*/ 1640 h 10000"/>
                  <a:gd name="connsiteX200" fmla="*/ 4416 w 10000"/>
                  <a:gd name="connsiteY200" fmla="*/ 1329 h 10000"/>
                  <a:gd name="connsiteX201" fmla="*/ 4162 w 10000"/>
                  <a:gd name="connsiteY201" fmla="*/ 1034 h 10000"/>
                  <a:gd name="connsiteX202" fmla="*/ 4035 w 10000"/>
                  <a:gd name="connsiteY202" fmla="*/ 901 h 10000"/>
                  <a:gd name="connsiteX203" fmla="*/ 3935 w 10000"/>
                  <a:gd name="connsiteY203" fmla="*/ 753 h 10000"/>
                  <a:gd name="connsiteX204" fmla="*/ 3857 w 10000"/>
                  <a:gd name="connsiteY204" fmla="*/ 620 h 10000"/>
                  <a:gd name="connsiteX205" fmla="*/ 3832 w 10000"/>
                  <a:gd name="connsiteY205" fmla="*/ 487 h 10000"/>
                  <a:gd name="connsiteX206" fmla="*/ 3807 w 10000"/>
                  <a:gd name="connsiteY206" fmla="*/ 355 h 10000"/>
                  <a:gd name="connsiteX207" fmla="*/ 3857 w 10000"/>
                  <a:gd name="connsiteY207" fmla="*/ 222 h 10000"/>
                  <a:gd name="connsiteX208" fmla="*/ 3884 w 10000"/>
                  <a:gd name="connsiteY208" fmla="*/ 162 h 10000"/>
                  <a:gd name="connsiteX209" fmla="*/ 3935 w 10000"/>
                  <a:gd name="connsiteY209" fmla="*/ 103 h 10000"/>
                  <a:gd name="connsiteX210" fmla="*/ 4011 w 10000"/>
                  <a:gd name="connsiteY210" fmla="*/ 59 h 10000"/>
                  <a:gd name="connsiteX211" fmla="*/ 4111 w 10000"/>
                  <a:gd name="connsiteY211" fmla="*/ 0 h 10000"/>
                  <a:gd name="connsiteX212" fmla="*/ 4289 w 10000"/>
                  <a:gd name="connsiteY212" fmla="*/ 0 h 10000"/>
                  <a:gd name="connsiteX213" fmla="*/ 4468 w 10000"/>
                  <a:gd name="connsiteY213" fmla="*/ 15 h 10000"/>
                  <a:gd name="connsiteX214" fmla="*/ 4644 w 10000"/>
                  <a:gd name="connsiteY214" fmla="*/ 44 h 10000"/>
                  <a:gd name="connsiteX215" fmla="*/ 4771 w 10000"/>
                  <a:gd name="connsiteY215" fmla="*/ 89 h 10000"/>
                  <a:gd name="connsiteX216" fmla="*/ 4975 w 10000"/>
                  <a:gd name="connsiteY216" fmla="*/ 192 h 10000"/>
                  <a:gd name="connsiteX217" fmla="*/ 5177 w 10000"/>
                  <a:gd name="connsiteY217" fmla="*/ 340 h 10000"/>
                  <a:gd name="connsiteX218" fmla="*/ 5329 w 10000"/>
                  <a:gd name="connsiteY218" fmla="*/ 473 h 10000"/>
                  <a:gd name="connsiteX219" fmla="*/ 5532 w 10000"/>
                  <a:gd name="connsiteY219" fmla="*/ 591 h 10000"/>
                  <a:gd name="connsiteX220" fmla="*/ 5660 w 10000"/>
                  <a:gd name="connsiteY220" fmla="*/ 650 h 10000"/>
                  <a:gd name="connsiteX221" fmla="*/ 5812 w 10000"/>
                  <a:gd name="connsiteY221" fmla="*/ 679 h 10000"/>
                  <a:gd name="connsiteX222" fmla="*/ 5965 w 10000"/>
                  <a:gd name="connsiteY222" fmla="*/ 709 h 10000"/>
                  <a:gd name="connsiteX223" fmla="*/ 6168 w 10000"/>
                  <a:gd name="connsiteY223" fmla="*/ 709 h 10000"/>
                  <a:gd name="connsiteX224" fmla="*/ 6168 w 10000"/>
                  <a:gd name="connsiteY224" fmla="*/ 768 h 10000"/>
                  <a:gd name="connsiteX225" fmla="*/ 6193 w 10000"/>
                  <a:gd name="connsiteY225" fmla="*/ 842 h 10000"/>
                  <a:gd name="connsiteX226" fmla="*/ 6243 w 10000"/>
                  <a:gd name="connsiteY226" fmla="*/ 916 h 10000"/>
                  <a:gd name="connsiteX227" fmla="*/ 6294 w 10000"/>
                  <a:gd name="connsiteY227" fmla="*/ 990 h 10000"/>
                  <a:gd name="connsiteX228" fmla="*/ 6369 w 10000"/>
                  <a:gd name="connsiteY228" fmla="*/ 1049 h 10000"/>
                  <a:gd name="connsiteX229" fmla="*/ 6471 w 10000"/>
                  <a:gd name="connsiteY229" fmla="*/ 1108 h 10000"/>
                  <a:gd name="connsiteX230" fmla="*/ 6598 w 10000"/>
                  <a:gd name="connsiteY230" fmla="*/ 1182 h 10000"/>
                  <a:gd name="connsiteX231" fmla="*/ 6700 w 10000"/>
                  <a:gd name="connsiteY231" fmla="*/ 1226 h 10000"/>
                  <a:gd name="connsiteX232" fmla="*/ 6802 w 10000"/>
                  <a:gd name="connsiteY232" fmla="*/ 1270 h 10000"/>
                  <a:gd name="connsiteX233" fmla="*/ 6903 w 10000"/>
                  <a:gd name="connsiteY233" fmla="*/ 1300 h 10000"/>
                  <a:gd name="connsiteX234" fmla="*/ 7005 w 10000"/>
                  <a:gd name="connsiteY234" fmla="*/ 1315 h 10000"/>
                  <a:gd name="connsiteX235" fmla="*/ 7132 w 10000"/>
                  <a:gd name="connsiteY235" fmla="*/ 1300 h 10000"/>
                  <a:gd name="connsiteX236" fmla="*/ 7234 w 10000"/>
                  <a:gd name="connsiteY236" fmla="*/ 1285 h 10000"/>
                  <a:gd name="connsiteX237" fmla="*/ 7309 w 10000"/>
                  <a:gd name="connsiteY237" fmla="*/ 1241 h 10000"/>
                  <a:gd name="connsiteX238" fmla="*/ 7361 w 10000"/>
                  <a:gd name="connsiteY238" fmla="*/ 1167 h 10000"/>
                  <a:gd name="connsiteX239" fmla="*/ 7385 w 10000"/>
                  <a:gd name="connsiteY239" fmla="*/ 1064 h 10000"/>
                  <a:gd name="connsiteX240" fmla="*/ 7766 w 10000"/>
                  <a:gd name="connsiteY240" fmla="*/ 1034 h 10000"/>
                  <a:gd name="connsiteX241" fmla="*/ 8121 w 10000"/>
                  <a:gd name="connsiteY241" fmla="*/ 1004 h 10000"/>
                  <a:gd name="connsiteX242" fmla="*/ 8427 w 10000"/>
                  <a:gd name="connsiteY242" fmla="*/ 990 h 10000"/>
                  <a:gd name="connsiteX243" fmla="*/ 8706 w 10000"/>
                  <a:gd name="connsiteY243" fmla="*/ 1004 h 10000"/>
                  <a:gd name="connsiteX244" fmla="*/ 8833 w 10000"/>
                  <a:gd name="connsiteY244" fmla="*/ 1019 h 10000"/>
                  <a:gd name="connsiteX245" fmla="*/ 8958 w 10000"/>
                  <a:gd name="connsiteY245" fmla="*/ 1034 h 10000"/>
                  <a:gd name="connsiteX246" fmla="*/ 9061 w 10000"/>
                  <a:gd name="connsiteY246" fmla="*/ 1064 h 10000"/>
                  <a:gd name="connsiteX247" fmla="*/ 9188 w 10000"/>
                  <a:gd name="connsiteY247" fmla="*/ 1108 h 10000"/>
                  <a:gd name="connsiteX248" fmla="*/ 9264 w 10000"/>
                  <a:gd name="connsiteY248" fmla="*/ 1182 h 10000"/>
                  <a:gd name="connsiteX249" fmla="*/ 9339 w 10000"/>
                  <a:gd name="connsiteY249" fmla="*/ 1241 h 10000"/>
                  <a:gd name="connsiteX250" fmla="*/ 9391 w 10000"/>
                  <a:gd name="connsiteY250" fmla="*/ 1329 h 10000"/>
                  <a:gd name="connsiteX251" fmla="*/ 9442 w 10000"/>
                  <a:gd name="connsiteY251" fmla="*/ 1433 h 10000"/>
                  <a:gd name="connsiteX252" fmla="*/ 9492 w 10000"/>
                  <a:gd name="connsiteY252" fmla="*/ 1551 h 10000"/>
                  <a:gd name="connsiteX253" fmla="*/ 9466 w 10000"/>
                  <a:gd name="connsiteY253" fmla="*/ 1625 h 10000"/>
                  <a:gd name="connsiteX254" fmla="*/ 9442 w 10000"/>
                  <a:gd name="connsiteY254" fmla="*/ 1684 h 10000"/>
                  <a:gd name="connsiteX255" fmla="*/ 9391 w 10000"/>
                  <a:gd name="connsiteY255" fmla="*/ 1758 h 10000"/>
                  <a:gd name="connsiteX256" fmla="*/ 9315 w 10000"/>
                  <a:gd name="connsiteY256" fmla="*/ 1802 h 10000"/>
                  <a:gd name="connsiteX257" fmla="*/ 9264 w 10000"/>
                  <a:gd name="connsiteY257" fmla="*/ 1861 h 10000"/>
                  <a:gd name="connsiteX258" fmla="*/ 9240 w 10000"/>
                  <a:gd name="connsiteY258" fmla="*/ 1935 h 10000"/>
                  <a:gd name="connsiteX259" fmla="*/ 9264 w 10000"/>
                  <a:gd name="connsiteY259" fmla="*/ 2024 h 10000"/>
                  <a:gd name="connsiteX260" fmla="*/ 9543 w 10000"/>
                  <a:gd name="connsiteY260" fmla="*/ 2157 h 10000"/>
                  <a:gd name="connsiteX261" fmla="*/ 9873 w 10000"/>
                  <a:gd name="connsiteY261" fmla="*/ 2275 h 10000"/>
                  <a:gd name="connsiteX262" fmla="*/ 10000 w 10000"/>
                  <a:gd name="connsiteY262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625 w 10000"/>
                  <a:gd name="connsiteY8" fmla="*/ 4638 h 10000"/>
                  <a:gd name="connsiteX9" fmla="*/ 6369 w 10000"/>
                  <a:gd name="connsiteY9" fmla="*/ 4313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776 w 10000"/>
                  <a:gd name="connsiteY22" fmla="*/ 3840 h 10000"/>
                  <a:gd name="connsiteX23" fmla="*/ 6548 w 10000"/>
                  <a:gd name="connsiteY23" fmla="*/ 3914 h 10000"/>
                  <a:gd name="connsiteX24" fmla="*/ 6345 w 10000"/>
                  <a:gd name="connsiteY24" fmla="*/ 4003 h 10000"/>
                  <a:gd name="connsiteX25" fmla="*/ 6143 w 10000"/>
                  <a:gd name="connsiteY25" fmla="*/ 4106 h 10000"/>
                  <a:gd name="connsiteX26" fmla="*/ 5938 w 10000"/>
                  <a:gd name="connsiteY26" fmla="*/ 4195 h 10000"/>
                  <a:gd name="connsiteX27" fmla="*/ 6091 w 10000"/>
                  <a:gd name="connsiteY27" fmla="*/ 4417 h 10000"/>
                  <a:gd name="connsiteX28" fmla="*/ 6369 w 10000"/>
                  <a:gd name="connsiteY28" fmla="*/ 5081 h 10000"/>
                  <a:gd name="connsiteX29" fmla="*/ 6421 w 10000"/>
                  <a:gd name="connsiteY29" fmla="*/ 5318 h 10000"/>
                  <a:gd name="connsiteX30" fmla="*/ 6447 w 10000"/>
                  <a:gd name="connsiteY30" fmla="*/ 5539 h 10000"/>
                  <a:gd name="connsiteX31" fmla="*/ 6471 w 10000"/>
                  <a:gd name="connsiteY31" fmla="*/ 5775 h 10000"/>
                  <a:gd name="connsiteX32" fmla="*/ 6471 w 10000"/>
                  <a:gd name="connsiteY32" fmla="*/ 5997 h 10000"/>
                  <a:gd name="connsiteX33" fmla="*/ 6447 w 10000"/>
                  <a:gd name="connsiteY33" fmla="*/ 6233 h 10000"/>
                  <a:gd name="connsiteX34" fmla="*/ 6396 w 10000"/>
                  <a:gd name="connsiteY34" fmla="*/ 6470 h 10000"/>
                  <a:gd name="connsiteX35" fmla="*/ 6345 w 10000"/>
                  <a:gd name="connsiteY35" fmla="*/ 6677 h 10000"/>
                  <a:gd name="connsiteX36" fmla="*/ 6269 w 10000"/>
                  <a:gd name="connsiteY36" fmla="*/ 6898 h 10000"/>
                  <a:gd name="connsiteX37" fmla="*/ 6168 w 10000"/>
                  <a:gd name="connsiteY37" fmla="*/ 7105 h 10000"/>
                  <a:gd name="connsiteX38" fmla="*/ 6041 w 10000"/>
                  <a:gd name="connsiteY38" fmla="*/ 7297 h 10000"/>
                  <a:gd name="connsiteX39" fmla="*/ 5888 w 10000"/>
                  <a:gd name="connsiteY39" fmla="*/ 7489 h 10000"/>
                  <a:gd name="connsiteX40" fmla="*/ 5735 w 10000"/>
                  <a:gd name="connsiteY40" fmla="*/ 7681 h 10000"/>
                  <a:gd name="connsiteX41" fmla="*/ 6471 w 10000"/>
                  <a:gd name="connsiteY41" fmla="*/ 7799 h 10000"/>
                  <a:gd name="connsiteX42" fmla="*/ 7234 w 10000"/>
                  <a:gd name="connsiteY42" fmla="*/ 7962 h 10000"/>
                  <a:gd name="connsiteX43" fmla="*/ 7385 w 10000"/>
                  <a:gd name="connsiteY43" fmla="*/ 8021 h 10000"/>
                  <a:gd name="connsiteX44" fmla="*/ 7512 w 10000"/>
                  <a:gd name="connsiteY44" fmla="*/ 8080 h 10000"/>
                  <a:gd name="connsiteX45" fmla="*/ 7639 w 10000"/>
                  <a:gd name="connsiteY45" fmla="*/ 8139 h 10000"/>
                  <a:gd name="connsiteX46" fmla="*/ 7716 w 10000"/>
                  <a:gd name="connsiteY46" fmla="*/ 8227 h 10000"/>
                  <a:gd name="connsiteX47" fmla="*/ 7741 w 10000"/>
                  <a:gd name="connsiteY47" fmla="*/ 8301 h 10000"/>
                  <a:gd name="connsiteX48" fmla="*/ 7741 w 10000"/>
                  <a:gd name="connsiteY48" fmla="*/ 8405 h 10000"/>
                  <a:gd name="connsiteX49" fmla="*/ 7691 w 10000"/>
                  <a:gd name="connsiteY49" fmla="*/ 8523 h 10000"/>
                  <a:gd name="connsiteX50" fmla="*/ 7614 w 10000"/>
                  <a:gd name="connsiteY50" fmla="*/ 8641 h 10000"/>
                  <a:gd name="connsiteX51" fmla="*/ 7284 w 10000"/>
                  <a:gd name="connsiteY51" fmla="*/ 8552 h 10000"/>
                  <a:gd name="connsiteX52" fmla="*/ 6979 w 10000"/>
                  <a:gd name="connsiteY52" fmla="*/ 8449 h 10000"/>
                  <a:gd name="connsiteX53" fmla="*/ 6674 w 10000"/>
                  <a:gd name="connsiteY53" fmla="*/ 8360 h 10000"/>
                  <a:gd name="connsiteX54" fmla="*/ 6369 w 10000"/>
                  <a:gd name="connsiteY54" fmla="*/ 8287 h 10000"/>
                  <a:gd name="connsiteX55" fmla="*/ 6243 w 10000"/>
                  <a:gd name="connsiteY55" fmla="*/ 8449 h 10000"/>
                  <a:gd name="connsiteX56" fmla="*/ 6143 w 10000"/>
                  <a:gd name="connsiteY56" fmla="*/ 8597 h 10000"/>
                  <a:gd name="connsiteX57" fmla="*/ 6091 w 10000"/>
                  <a:gd name="connsiteY57" fmla="*/ 8656 h 10000"/>
                  <a:gd name="connsiteX58" fmla="*/ 5989 w 10000"/>
                  <a:gd name="connsiteY58" fmla="*/ 8700 h 10000"/>
                  <a:gd name="connsiteX59" fmla="*/ 5914 w 10000"/>
                  <a:gd name="connsiteY59" fmla="*/ 8744 h 10000"/>
                  <a:gd name="connsiteX60" fmla="*/ 5838 w 10000"/>
                  <a:gd name="connsiteY60" fmla="*/ 8774 h 10000"/>
                  <a:gd name="connsiteX61" fmla="*/ 5761 w 10000"/>
                  <a:gd name="connsiteY61" fmla="*/ 8804 h 10000"/>
                  <a:gd name="connsiteX62" fmla="*/ 5660 w 10000"/>
                  <a:gd name="connsiteY62" fmla="*/ 8818 h 10000"/>
                  <a:gd name="connsiteX63" fmla="*/ 5532 w 10000"/>
                  <a:gd name="connsiteY63" fmla="*/ 8833 h 10000"/>
                  <a:gd name="connsiteX64" fmla="*/ 5406 w 10000"/>
                  <a:gd name="connsiteY64" fmla="*/ 8833 h 10000"/>
                  <a:gd name="connsiteX65" fmla="*/ 5102 w 10000"/>
                  <a:gd name="connsiteY65" fmla="*/ 8818 h 10000"/>
                  <a:gd name="connsiteX66" fmla="*/ 4720 w 10000"/>
                  <a:gd name="connsiteY66" fmla="*/ 8744 h 10000"/>
                  <a:gd name="connsiteX67" fmla="*/ 4720 w 10000"/>
                  <a:gd name="connsiteY67" fmla="*/ 8922 h 10000"/>
                  <a:gd name="connsiteX68" fmla="*/ 4695 w 10000"/>
                  <a:gd name="connsiteY68" fmla="*/ 9069 h 10000"/>
                  <a:gd name="connsiteX69" fmla="*/ 4671 w 10000"/>
                  <a:gd name="connsiteY69" fmla="*/ 9232 h 10000"/>
                  <a:gd name="connsiteX70" fmla="*/ 4644 w 10000"/>
                  <a:gd name="connsiteY70" fmla="*/ 9365 h 10000"/>
                  <a:gd name="connsiteX71" fmla="*/ 4593 w 10000"/>
                  <a:gd name="connsiteY71" fmla="*/ 9498 h 10000"/>
                  <a:gd name="connsiteX72" fmla="*/ 4493 w 10000"/>
                  <a:gd name="connsiteY72" fmla="*/ 9616 h 10000"/>
                  <a:gd name="connsiteX73" fmla="*/ 4416 w 10000"/>
                  <a:gd name="connsiteY73" fmla="*/ 9734 h 10000"/>
                  <a:gd name="connsiteX74" fmla="*/ 4289 w 10000"/>
                  <a:gd name="connsiteY74" fmla="*/ 9838 h 10000"/>
                  <a:gd name="connsiteX75" fmla="*/ 3983 w 10000"/>
                  <a:gd name="connsiteY75" fmla="*/ 9897 h 10000"/>
                  <a:gd name="connsiteX76" fmla="*/ 3731 w 10000"/>
                  <a:gd name="connsiteY76" fmla="*/ 9941 h 10000"/>
                  <a:gd name="connsiteX77" fmla="*/ 3426 w 10000"/>
                  <a:gd name="connsiteY77" fmla="*/ 9985 h 10000"/>
                  <a:gd name="connsiteX78" fmla="*/ 3198 w 10000"/>
                  <a:gd name="connsiteY78" fmla="*/ 10000 h 10000"/>
                  <a:gd name="connsiteX79" fmla="*/ 2690 w 10000"/>
                  <a:gd name="connsiteY79" fmla="*/ 10000 h 10000"/>
                  <a:gd name="connsiteX80" fmla="*/ 2208 w 10000"/>
                  <a:gd name="connsiteY80" fmla="*/ 9985 h 10000"/>
                  <a:gd name="connsiteX81" fmla="*/ 1752 w 10000"/>
                  <a:gd name="connsiteY81" fmla="*/ 9941 h 10000"/>
                  <a:gd name="connsiteX82" fmla="*/ 1270 w 10000"/>
                  <a:gd name="connsiteY82" fmla="*/ 9911 h 10000"/>
                  <a:gd name="connsiteX83" fmla="*/ 990 w 10000"/>
                  <a:gd name="connsiteY83" fmla="*/ 9911 h 10000"/>
                  <a:gd name="connsiteX84" fmla="*/ 736 w 10000"/>
                  <a:gd name="connsiteY84" fmla="*/ 9911 h 10000"/>
                  <a:gd name="connsiteX85" fmla="*/ 457 w 10000"/>
                  <a:gd name="connsiteY85" fmla="*/ 9926 h 10000"/>
                  <a:gd name="connsiteX86" fmla="*/ 178 w 10000"/>
                  <a:gd name="connsiteY86" fmla="*/ 9970 h 10000"/>
                  <a:gd name="connsiteX87" fmla="*/ 102 w 10000"/>
                  <a:gd name="connsiteY87" fmla="*/ 9867 h 10000"/>
                  <a:gd name="connsiteX88" fmla="*/ 51 w 10000"/>
                  <a:gd name="connsiteY88" fmla="*/ 9793 h 10000"/>
                  <a:gd name="connsiteX89" fmla="*/ 0 w 10000"/>
                  <a:gd name="connsiteY89" fmla="*/ 9705 h 10000"/>
                  <a:gd name="connsiteX90" fmla="*/ 0 w 10000"/>
                  <a:gd name="connsiteY90" fmla="*/ 9601 h 10000"/>
                  <a:gd name="connsiteX91" fmla="*/ 51 w 10000"/>
                  <a:gd name="connsiteY91" fmla="*/ 9424 h 10000"/>
                  <a:gd name="connsiteX92" fmla="*/ 102 w 10000"/>
                  <a:gd name="connsiteY92" fmla="*/ 9202 h 10000"/>
                  <a:gd name="connsiteX93" fmla="*/ 151 w 10000"/>
                  <a:gd name="connsiteY93" fmla="*/ 8996 h 10000"/>
                  <a:gd name="connsiteX94" fmla="*/ 203 w 10000"/>
                  <a:gd name="connsiteY94" fmla="*/ 8759 h 10000"/>
                  <a:gd name="connsiteX95" fmla="*/ 228 w 10000"/>
                  <a:gd name="connsiteY95" fmla="*/ 8641 h 10000"/>
                  <a:gd name="connsiteX96" fmla="*/ 228 w 10000"/>
                  <a:gd name="connsiteY96" fmla="*/ 8538 h 10000"/>
                  <a:gd name="connsiteX97" fmla="*/ 203 w 10000"/>
                  <a:gd name="connsiteY97" fmla="*/ 8405 h 10000"/>
                  <a:gd name="connsiteX98" fmla="*/ 178 w 10000"/>
                  <a:gd name="connsiteY98" fmla="*/ 8287 h 10000"/>
                  <a:gd name="connsiteX99" fmla="*/ 431 w 10000"/>
                  <a:gd name="connsiteY99" fmla="*/ 8213 h 10000"/>
                  <a:gd name="connsiteX100" fmla="*/ 685 w 10000"/>
                  <a:gd name="connsiteY100" fmla="*/ 8139 h 10000"/>
                  <a:gd name="connsiteX101" fmla="*/ 939 w 10000"/>
                  <a:gd name="connsiteY101" fmla="*/ 8095 h 10000"/>
                  <a:gd name="connsiteX102" fmla="*/ 1218 w 10000"/>
                  <a:gd name="connsiteY102" fmla="*/ 8065 h 10000"/>
                  <a:gd name="connsiteX103" fmla="*/ 1725 w 10000"/>
                  <a:gd name="connsiteY103" fmla="*/ 8021 h 10000"/>
                  <a:gd name="connsiteX104" fmla="*/ 2234 w 10000"/>
                  <a:gd name="connsiteY104" fmla="*/ 7976 h 10000"/>
                  <a:gd name="connsiteX105" fmla="*/ 2462 w 10000"/>
                  <a:gd name="connsiteY105" fmla="*/ 7947 h 10000"/>
                  <a:gd name="connsiteX106" fmla="*/ 2690 w 10000"/>
                  <a:gd name="connsiteY106" fmla="*/ 7917 h 10000"/>
                  <a:gd name="connsiteX107" fmla="*/ 2892 w 10000"/>
                  <a:gd name="connsiteY107" fmla="*/ 7843 h 10000"/>
                  <a:gd name="connsiteX108" fmla="*/ 3096 w 10000"/>
                  <a:gd name="connsiteY108" fmla="*/ 7784 h 10000"/>
                  <a:gd name="connsiteX109" fmla="*/ 3274 w 10000"/>
                  <a:gd name="connsiteY109" fmla="*/ 7710 h 10000"/>
                  <a:gd name="connsiteX110" fmla="*/ 3426 w 10000"/>
                  <a:gd name="connsiteY110" fmla="*/ 7592 h 10000"/>
                  <a:gd name="connsiteX111" fmla="*/ 3579 w 10000"/>
                  <a:gd name="connsiteY111" fmla="*/ 7474 h 10000"/>
                  <a:gd name="connsiteX112" fmla="*/ 3680 w 10000"/>
                  <a:gd name="connsiteY112" fmla="*/ 7312 h 10000"/>
                  <a:gd name="connsiteX113" fmla="*/ 3477 w 10000"/>
                  <a:gd name="connsiteY113" fmla="*/ 7238 h 10000"/>
                  <a:gd name="connsiteX114" fmla="*/ 3299 w 10000"/>
                  <a:gd name="connsiteY114" fmla="*/ 7179 h 10000"/>
                  <a:gd name="connsiteX115" fmla="*/ 3147 w 10000"/>
                  <a:gd name="connsiteY115" fmla="*/ 7090 h 10000"/>
                  <a:gd name="connsiteX116" fmla="*/ 2995 w 10000"/>
                  <a:gd name="connsiteY116" fmla="*/ 6987 h 10000"/>
                  <a:gd name="connsiteX117" fmla="*/ 2892 w 10000"/>
                  <a:gd name="connsiteY117" fmla="*/ 6869 h 10000"/>
                  <a:gd name="connsiteX118" fmla="*/ 2843 w 10000"/>
                  <a:gd name="connsiteY118" fmla="*/ 6721 h 10000"/>
                  <a:gd name="connsiteX119" fmla="*/ 2817 w 10000"/>
                  <a:gd name="connsiteY119" fmla="*/ 6558 h 10000"/>
                  <a:gd name="connsiteX120" fmla="*/ 2843 w 10000"/>
                  <a:gd name="connsiteY120" fmla="*/ 6352 h 10000"/>
                  <a:gd name="connsiteX121" fmla="*/ 2716 w 10000"/>
                  <a:gd name="connsiteY121" fmla="*/ 6322 h 10000"/>
                  <a:gd name="connsiteX122" fmla="*/ 2564 w 10000"/>
                  <a:gd name="connsiteY122" fmla="*/ 6292 h 10000"/>
                  <a:gd name="connsiteX123" fmla="*/ 2386 w 10000"/>
                  <a:gd name="connsiteY123" fmla="*/ 6278 h 10000"/>
                  <a:gd name="connsiteX124" fmla="*/ 2208 w 10000"/>
                  <a:gd name="connsiteY124" fmla="*/ 6263 h 10000"/>
                  <a:gd name="connsiteX125" fmla="*/ 1853 w 10000"/>
                  <a:gd name="connsiteY125" fmla="*/ 6248 h 10000"/>
                  <a:gd name="connsiteX126" fmla="*/ 1472 w 10000"/>
                  <a:gd name="connsiteY126" fmla="*/ 6263 h 10000"/>
                  <a:gd name="connsiteX127" fmla="*/ 1143 w 10000"/>
                  <a:gd name="connsiteY127" fmla="*/ 6278 h 10000"/>
                  <a:gd name="connsiteX128" fmla="*/ 837 w 10000"/>
                  <a:gd name="connsiteY128" fmla="*/ 6278 h 10000"/>
                  <a:gd name="connsiteX129" fmla="*/ 585 w 10000"/>
                  <a:gd name="connsiteY129" fmla="*/ 6263 h 10000"/>
                  <a:gd name="connsiteX130" fmla="*/ 381 w 10000"/>
                  <a:gd name="connsiteY130" fmla="*/ 6233 h 10000"/>
                  <a:gd name="connsiteX131" fmla="*/ 633 w 10000"/>
                  <a:gd name="connsiteY131" fmla="*/ 5805 h 10000"/>
                  <a:gd name="connsiteX132" fmla="*/ 914 w 10000"/>
                  <a:gd name="connsiteY132" fmla="*/ 5391 h 10000"/>
                  <a:gd name="connsiteX133" fmla="*/ 1016 w 10000"/>
                  <a:gd name="connsiteY133" fmla="*/ 5170 h 10000"/>
                  <a:gd name="connsiteX134" fmla="*/ 1091 w 10000"/>
                  <a:gd name="connsiteY134" fmla="*/ 4963 h 10000"/>
                  <a:gd name="connsiteX135" fmla="*/ 1116 w 10000"/>
                  <a:gd name="connsiteY135" fmla="*/ 4860 h 10000"/>
                  <a:gd name="connsiteX136" fmla="*/ 1091 w 10000"/>
                  <a:gd name="connsiteY136" fmla="*/ 4756 h 10000"/>
                  <a:gd name="connsiteX137" fmla="*/ 1066 w 10000"/>
                  <a:gd name="connsiteY137" fmla="*/ 4653 h 10000"/>
                  <a:gd name="connsiteX138" fmla="*/ 990 w 10000"/>
                  <a:gd name="connsiteY138" fmla="*/ 4549 h 10000"/>
                  <a:gd name="connsiteX139" fmla="*/ 1270 w 10000"/>
                  <a:gd name="connsiteY139" fmla="*/ 4520 h 10000"/>
                  <a:gd name="connsiteX140" fmla="*/ 1472 w 10000"/>
                  <a:gd name="connsiteY140" fmla="*/ 4505 h 10000"/>
                  <a:gd name="connsiteX141" fmla="*/ 1650 w 10000"/>
                  <a:gd name="connsiteY141" fmla="*/ 4505 h 10000"/>
                  <a:gd name="connsiteX142" fmla="*/ 1802 w 10000"/>
                  <a:gd name="connsiteY142" fmla="*/ 4520 h 10000"/>
                  <a:gd name="connsiteX143" fmla="*/ 1929 w 10000"/>
                  <a:gd name="connsiteY143" fmla="*/ 4520 h 10000"/>
                  <a:gd name="connsiteX144" fmla="*/ 2081 w 10000"/>
                  <a:gd name="connsiteY144" fmla="*/ 4520 h 10000"/>
                  <a:gd name="connsiteX145" fmla="*/ 2234 w 10000"/>
                  <a:gd name="connsiteY145" fmla="*/ 4490 h 10000"/>
                  <a:gd name="connsiteX146" fmla="*/ 2436 w 10000"/>
                  <a:gd name="connsiteY146" fmla="*/ 4446 h 10000"/>
                  <a:gd name="connsiteX147" fmla="*/ 2436 w 10000"/>
                  <a:gd name="connsiteY147" fmla="*/ 4579 h 10000"/>
                  <a:gd name="connsiteX148" fmla="*/ 2436 w 10000"/>
                  <a:gd name="connsiteY148" fmla="*/ 4742 h 10000"/>
                  <a:gd name="connsiteX149" fmla="*/ 2436 w 10000"/>
                  <a:gd name="connsiteY149" fmla="*/ 4874 h 10000"/>
                  <a:gd name="connsiteX150" fmla="*/ 2436 w 10000"/>
                  <a:gd name="connsiteY150" fmla="*/ 5037 h 10000"/>
                  <a:gd name="connsiteX151" fmla="*/ 2665 w 10000"/>
                  <a:gd name="connsiteY151" fmla="*/ 5022 h 10000"/>
                  <a:gd name="connsiteX152" fmla="*/ 2817 w 10000"/>
                  <a:gd name="connsiteY152" fmla="*/ 5037 h 10000"/>
                  <a:gd name="connsiteX153" fmla="*/ 2944 w 10000"/>
                  <a:gd name="connsiteY153" fmla="*/ 5066 h 10000"/>
                  <a:gd name="connsiteX154" fmla="*/ 3071 w 10000"/>
                  <a:gd name="connsiteY154" fmla="*/ 5096 h 10000"/>
                  <a:gd name="connsiteX155" fmla="*/ 3173 w 10000"/>
                  <a:gd name="connsiteY155" fmla="*/ 5126 h 10000"/>
                  <a:gd name="connsiteX156" fmla="*/ 3299 w 10000"/>
                  <a:gd name="connsiteY156" fmla="*/ 5155 h 10000"/>
                  <a:gd name="connsiteX157" fmla="*/ 3452 w 10000"/>
                  <a:gd name="connsiteY157" fmla="*/ 5170 h 10000"/>
                  <a:gd name="connsiteX158" fmla="*/ 3680 w 10000"/>
                  <a:gd name="connsiteY158" fmla="*/ 5155 h 10000"/>
                  <a:gd name="connsiteX159" fmla="*/ 3757 w 10000"/>
                  <a:gd name="connsiteY159" fmla="*/ 5096 h 10000"/>
                  <a:gd name="connsiteX160" fmla="*/ 3832 w 10000"/>
                  <a:gd name="connsiteY160" fmla="*/ 5022 h 10000"/>
                  <a:gd name="connsiteX161" fmla="*/ 3857 w 10000"/>
                  <a:gd name="connsiteY161" fmla="*/ 4934 h 10000"/>
                  <a:gd name="connsiteX162" fmla="*/ 3884 w 10000"/>
                  <a:gd name="connsiteY162" fmla="*/ 4860 h 10000"/>
                  <a:gd name="connsiteX163" fmla="*/ 3908 w 10000"/>
                  <a:gd name="connsiteY163" fmla="*/ 4697 h 10000"/>
                  <a:gd name="connsiteX164" fmla="*/ 3884 w 10000"/>
                  <a:gd name="connsiteY164" fmla="*/ 4520 h 10000"/>
                  <a:gd name="connsiteX165" fmla="*/ 3807 w 10000"/>
                  <a:gd name="connsiteY165" fmla="*/ 4343 h 10000"/>
                  <a:gd name="connsiteX166" fmla="*/ 3731 w 10000"/>
                  <a:gd name="connsiteY166" fmla="*/ 4195 h 10000"/>
                  <a:gd name="connsiteX167" fmla="*/ 3604 w 10000"/>
                  <a:gd name="connsiteY167" fmla="*/ 4047 h 10000"/>
                  <a:gd name="connsiteX168" fmla="*/ 3477 w 10000"/>
                  <a:gd name="connsiteY168" fmla="*/ 3959 h 10000"/>
                  <a:gd name="connsiteX169" fmla="*/ 3629 w 10000"/>
                  <a:gd name="connsiteY169" fmla="*/ 3944 h 10000"/>
                  <a:gd name="connsiteX170" fmla="*/ 3757 w 10000"/>
                  <a:gd name="connsiteY170" fmla="*/ 3914 h 10000"/>
                  <a:gd name="connsiteX171" fmla="*/ 3857 w 10000"/>
                  <a:gd name="connsiteY171" fmla="*/ 3855 h 10000"/>
                  <a:gd name="connsiteX172" fmla="*/ 3983 w 10000"/>
                  <a:gd name="connsiteY172" fmla="*/ 3752 h 10000"/>
                  <a:gd name="connsiteX173" fmla="*/ 4111 w 10000"/>
                  <a:gd name="connsiteY173" fmla="*/ 3663 h 10000"/>
                  <a:gd name="connsiteX174" fmla="*/ 4213 w 10000"/>
                  <a:gd name="connsiteY174" fmla="*/ 3560 h 10000"/>
                  <a:gd name="connsiteX175" fmla="*/ 4289 w 10000"/>
                  <a:gd name="connsiteY175" fmla="*/ 3442 h 10000"/>
                  <a:gd name="connsiteX176" fmla="*/ 4366 w 10000"/>
                  <a:gd name="connsiteY176" fmla="*/ 3323 h 10000"/>
                  <a:gd name="connsiteX177" fmla="*/ 4416 w 10000"/>
                  <a:gd name="connsiteY177" fmla="*/ 3220 h 10000"/>
                  <a:gd name="connsiteX178" fmla="*/ 4441 w 10000"/>
                  <a:gd name="connsiteY178" fmla="*/ 3102 h 10000"/>
                  <a:gd name="connsiteX179" fmla="*/ 4468 w 10000"/>
                  <a:gd name="connsiteY179" fmla="*/ 3013 h 10000"/>
                  <a:gd name="connsiteX180" fmla="*/ 4441 w 10000"/>
                  <a:gd name="connsiteY180" fmla="*/ 2939 h 10000"/>
                  <a:gd name="connsiteX181" fmla="*/ 4416 w 10000"/>
                  <a:gd name="connsiteY181" fmla="*/ 2866 h 10000"/>
                  <a:gd name="connsiteX182" fmla="*/ 4340 w 10000"/>
                  <a:gd name="connsiteY182" fmla="*/ 2836 h 10000"/>
                  <a:gd name="connsiteX183" fmla="*/ 4239 w 10000"/>
                  <a:gd name="connsiteY183" fmla="*/ 2836 h 10000"/>
                  <a:gd name="connsiteX184" fmla="*/ 4111 w 10000"/>
                  <a:gd name="connsiteY184" fmla="*/ 2866 h 10000"/>
                  <a:gd name="connsiteX185" fmla="*/ 4213 w 10000"/>
                  <a:gd name="connsiteY185" fmla="*/ 2777 h 10000"/>
                  <a:gd name="connsiteX186" fmla="*/ 4265 w 10000"/>
                  <a:gd name="connsiteY186" fmla="*/ 2674 h 10000"/>
                  <a:gd name="connsiteX187" fmla="*/ 4289 w 10000"/>
                  <a:gd name="connsiteY187" fmla="*/ 2541 h 10000"/>
                  <a:gd name="connsiteX188" fmla="*/ 4289 w 10000"/>
                  <a:gd name="connsiteY188" fmla="*/ 2393 h 10000"/>
                  <a:gd name="connsiteX189" fmla="*/ 4314 w 10000"/>
                  <a:gd name="connsiteY189" fmla="*/ 2349 h 10000"/>
                  <a:gd name="connsiteX190" fmla="*/ 4366 w 10000"/>
                  <a:gd name="connsiteY190" fmla="*/ 2304 h 10000"/>
                  <a:gd name="connsiteX191" fmla="*/ 4416 w 10000"/>
                  <a:gd name="connsiteY191" fmla="*/ 2290 h 10000"/>
                  <a:gd name="connsiteX192" fmla="*/ 4493 w 10000"/>
                  <a:gd name="connsiteY192" fmla="*/ 2275 h 10000"/>
                  <a:gd name="connsiteX193" fmla="*/ 4720 w 10000"/>
                  <a:gd name="connsiteY193" fmla="*/ 2260 h 10000"/>
                  <a:gd name="connsiteX194" fmla="*/ 4923 w 10000"/>
                  <a:gd name="connsiteY194" fmla="*/ 2275 h 10000"/>
                  <a:gd name="connsiteX195" fmla="*/ 4898 w 10000"/>
                  <a:gd name="connsiteY195" fmla="*/ 2112 h 10000"/>
                  <a:gd name="connsiteX196" fmla="*/ 4848 w 10000"/>
                  <a:gd name="connsiteY196" fmla="*/ 1950 h 10000"/>
                  <a:gd name="connsiteX197" fmla="*/ 4771 w 10000"/>
                  <a:gd name="connsiteY197" fmla="*/ 1802 h 10000"/>
                  <a:gd name="connsiteX198" fmla="*/ 4671 w 10000"/>
                  <a:gd name="connsiteY198" fmla="*/ 1640 h 10000"/>
                  <a:gd name="connsiteX199" fmla="*/ 4416 w 10000"/>
                  <a:gd name="connsiteY199" fmla="*/ 1329 h 10000"/>
                  <a:gd name="connsiteX200" fmla="*/ 4162 w 10000"/>
                  <a:gd name="connsiteY200" fmla="*/ 1034 h 10000"/>
                  <a:gd name="connsiteX201" fmla="*/ 4035 w 10000"/>
                  <a:gd name="connsiteY201" fmla="*/ 901 h 10000"/>
                  <a:gd name="connsiteX202" fmla="*/ 3935 w 10000"/>
                  <a:gd name="connsiteY202" fmla="*/ 753 h 10000"/>
                  <a:gd name="connsiteX203" fmla="*/ 3857 w 10000"/>
                  <a:gd name="connsiteY203" fmla="*/ 620 h 10000"/>
                  <a:gd name="connsiteX204" fmla="*/ 3832 w 10000"/>
                  <a:gd name="connsiteY204" fmla="*/ 487 h 10000"/>
                  <a:gd name="connsiteX205" fmla="*/ 3807 w 10000"/>
                  <a:gd name="connsiteY205" fmla="*/ 355 h 10000"/>
                  <a:gd name="connsiteX206" fmla="*/ 3857 w 10000"/>
                  <a:gd name="connsiteY206" fmla="*/ 222 h 10000"/>
                  <a:gd name="connsiteX207" fmla="*/ 3884 w 10000"/>
                  <a:gd name="connsiteY207" fmla="*/ 162 h 10000"/>
                  <a:gd name="connsiteX208" fmla="*/ 3935 w 10000"/>
                  <a:gd name="connsiteY208" fmla="*/ 103 h 10000"/>
                  <a:gd name="connsiteX209" fmla="*/ 4011 w 10000"/>
                  <a:gd name="connsiteY209" fmla="*/ 59 h 10000"/>
                  <a:gd name="connsiteX210" fmla="*/ 4111 w 10000"/>
                  <a:gd name="connsiteY210" fmla="*/ 0 h 10000"/>
                  <a:gd name="connsiteX211" fmla="*/ 4289 w 10000"/>
                  <a:gd name="connsiteY211" fmla="*/ 0 h 10000"/>
                  <a:gd name="connsiteX212" fmla="*/ 4468 w 10000"/>
                  <a:gd name="connsiteY212" fmla="*/ 15 h 10000"/>
                  <a:gd name="connsiteX213" fmla="*/ 4644 w 10000"/>
                  <a:gd name="connsiteY213" fmla="*/ 44 h 10000"/>
                  <a:gd name="connsiteX214" fmla="*/ 4771 w 10000"/>
                  <a:gd name="connsiteY214" fmla="*/ 89 h 10000"/>
                  <a:gd name="connsiteX215" fmla="*/ 4975 w 10000"/>
                  <a:gd name="connsiteY215" fmla="*/ 192 h 10000"/>
                  <a:gd name="connsiteX216" fmla="*/ 5177 w 10000"/>
                  <a:gd name="connsiteY216" fmla="*/ 340 h 10000"/>
                  <a:gd name="connsiteX217" fmla="*/ 5329 w 10000"/>
                  <a:gd name="connsiteY217" fmla="*/ 473 h 10000"/>
                  <a:gd name="connsiteX218" fmla="*/ 5532 w 10000"/>
                  <a:gd name="connsiteY218" fmla="*/ 591 h 10000"/>
                  <a:gd name="connsiteX219" fmla="*/ 5660 w 10000"/>
                  <a:gd name="connsiteY219" fmla="*/ 650 h 10000"/>
                  <a:gd name="connsiteX220" fmla="*/ 5812 w 10000"/>
                  <a:gd name="connsiteY220" fmla="*/ 679 h 10000"/>
                  <a:gd name="connsiteX221" fmla="*/ 5965 w 10000"/>
                  <a:gd name="connsiteY221" fmla="*/ 709 h 10000"/>
                  <a:gd name="connsiteX222" fmla="*/ 6168 w 10000"/>
                  <a:gd name="connsiteY222" fmla="*/ 709 h 10000"/>
                  <a:gd name="connsiteX223" fmla="*/ 6168 w 10000"/>
                  <a:gd name="connsiteY223" fmla="*/ 768 h 10000"/>
                  <a:gd name="connsiteX224" fmla="*/ 6193 w 10000"/>
                  <a:gd name="connsiteY224" fmla="*/ 842 h 10000"/>
                  <a:gd name="connsiteX225" fmla="*/ 6243 w 10000"/>
                  <a:gd name="connsiteY225" fmla="*/ 916 h 10000"/>
                  <a:gd name="connsiteX226" fmla="*/ 6294 w 10000"/>
                  <a:gd name="connsiteY226" fmla="*/ 990 h 10000"/>
                  <a:gd name="connsiteX227" fmla="*/ 6369 w 10000"/>
                  <a:gd name="connsiteY227" fmla="*/ 1049 h 10000"/>
                  <a:gd name="connsiteX228" fmla="*/ 6471 w 10000"/>
                  <a:gd name="connsiteY228" fmla="*/ 1108 h 10000"/>
                  <a:gd name="connsiteX229" fmla="*/ 6598 w 10000"/>
                  <a:gd name="connsiteY229" fmla="*/ 1182 h 10000"/>
                  <a:gd name="connsiteX230" fmla="*/ 6700 w 10000"/>
                  <a:gd name="connsiteY230" fmla="*/ 1226 h 10000"/>
                  <a:gd name="connsiteX231" fmla="*/ 6802 w 10000"/>
                  <a:gd name="connsiteY231" fmla="*/ 1270 h 10000"/>
                  <a:gd name="connsiteX232" fmla="*/ 6903 w 10000"/>
                  <a:gd name="connsiteY232" fmla="*/ 1300 h 10000"/>
                  <a:gd name="connsiteX233" fmla="*/ 7005 w 10000"/>
                  <a:gd name="connsiteY233" fmla="*/ 1315 h 10000"/>
                  <a:gd name="connsiteX234" fmla="*/ 7132 w 10000"/>
                  <a:gd name="connsiteY234" fmla="*/ 1300 h 10000"/>
                  <a:gd name="connsiteX235" fmla="*/ 7234 w 10000"/>
                  <a:gd name="connsiteY235" fmla="*/ 1285 h 10000"/>
                  <a:gd name="connsiteX236" fmla="*/ 7309 w 10000"/>
                  <a:gd name="connsiteY236" fmla="*/ 1241 h 10000"/>
                  <a:gd name="connsiteX237" fmla="*/ 7361 w 10000"/>
                  <a:gd name="connsiteY237" fmla="*/ 1167 h 10000"/>
                  <a:gd name="connsiteX238" fmla="*/ 7385 w 10000"/>
                  <a:gd name="connsiteY238" fmla="*/ 1064 h 10000"/>
                  <a:gd name="connsiteX239" fmla="*/ 7766 w 10000"/>
                  <a:gd name="connsiteY239" fmla="*/ 1034 h 10000"/>
                  <a:gd name="connsiteX240" fmla="*/ 8121 w 10000"/>
                  <a:gd name="connsiteY240" fmla="*/ 1004 h 10000"/>
                  <a:gd name="connsiteX241" fmla="*/ 8427 w 10000"/>
                  <a:gd name="connsiteY241" fmla="*/ 990 h 10000"/>
                  <a:gd name="connsiteX242" fmla="*/ 8706 w 10000"/>
                  <a:gd name="connsiteY242" fmla="*/ 1004 h 10000"/>
                  <a:gd name="connsiteX243" fmla="*/ 8833 w 10000"/>
                  <a:gd name="connsiteY243" fmla="*/ 1019 h 10000"/>
                  <a:gd name="connsiteX244" fmla="*/ 8958 w 10000"/>
                  <a:gd name="connsiteY244" fmla="*/ 1034 h 10000"/>
                  <a:gd name="connsiteX245" fmla="*/ 9061 w 10000"/>
                  <a:gd name="connsiteY245" fmla="*/ 1064 h 10000"/>
                  <a:gd name="connsiteX246" fmla="*/ 9188 w 10000"/>
                  <a:gd name="connsiteY246" fmla="*/ 1108 h 10000"/>
                  <a:gd name="connsiteX247" fmla="*/ 9264 w 10000"/>
                  <a:gd name="connsiteY247" fmla="*/ 1182 h 10000"/>
                  <a:gd name="connsiteX248" fmla="*/ 9339 w 10000"/>
                  <a:gd name="connsiteY248" fmla="*/ 1241 h 10000"/>
                  <a:gd name="connsiteX249" fmla="*/ 9391 w 10000"/>
                  <a:gd name="connsiteY249" fmla="*/ 1329 h 10000"/>
                  <a:gd name="connsiteX250" fmla="*/ 9442 w 10000"/>
                  <a:gd name="connsiteY250" fmla="*/ 1433 h 10000"/>
                  <a:gd name="connsiteX251" fmla="*/ 9492 w 10000"/>
                  <a:gd name="connsiteY251" fmla="*/ 1551 h 10000"/>
                  <a:gd name="connsiteX252" fmla="*/ 9466 w 10000"/>
                  <a:gd name="connsiteY252" fmla="*/ 1625 h 10000"/>
                  <a:gd name="connsiteX253" fmla="*/ 9442 w 10000"/>
                  <a:gd name="connsiteY253" fmla="*/ 1684 h 10000"/>
                  <a:gd name="connsiteX254" fmla="*/ 9391 w 10000"/>
                  <a:gd name="connsiteY254" fmla="*/ 1758 h 10000"/>
                  <a:gd name="connsiteX255" fmla="*/ 9315 w 10000"/>
                  <a:gd name="connsiteY255" fmla="*/ 1802 h 10000"/>
                  <a:gd name="connsiteX256" fmla="*/ 9264 w 10000"/>
                  <a:gd name="connsiteY256" fmla="*/ 1861 h 10000"/>
                  <a:gd name="connsiteX257" fmla="*/ 9240 w 10000"/>
                  <a:gd name="connsiteY257" fmla="*/ 1935 h 10000"/>
                  <a:gd name="connsiteX258" fmla="*/ 9264 w 10000"/>
                  <a:gd name="connsiteY258" fmla="*/ 2024 h 10000"/>
                  <a:gd name="connsiteX259" fmla="*/ 9543 w 10000"/>
                  <a:gd name="connsiteY259" fmla="*/ 2157 h 10000"/>
                  <a:gd name="connsiteX260" fmla="*/ 9873 w 10000"/>
                  <a:gd name="connsiteY260" fmla="*/ 2275 h 10000"/>
                  <a:gd name="connsiteX261" fmla="*/ 10000 w 10000"/>
                  <a:gd name="connsiteY261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700 w 10000"/>
                  <a:gd name="connsiteY7" fmla="*/ 4727 h 10000"/>
                  <a:gd name="connsiteX8" fmla="*/ 6369 w 10000"/>
                  <a:gd name="connsiteY8" fmla="*/ 4313 h 10000"/>
                  <a:gd name="connsiteX9" fmla="*/ 8984 w 10000"/>
                  <a:gd name="connsiteY9" fmla="*/ 3412 h 10000"/>
                  <a:gd name="connsiteX10" fmla="*/ 9188 w 10000"/>
                  <a:gd name="connsiteY10" fmla="*/ 3338 h 10000"/>
                  <a:gd name="connsiteX11" fmla="*/ 9415 w 10000"/>
                  <a:gd name="connsiteY11" fmla="*/ 3117 h 10000"/>
                  <a:gd name="connsiteX12" fmla="*/ 9442 w 10000"/>
                  <a:gd name="connsiteY12" fmla="*/ 3072 h 10000"/>
                  <a:gd name="connsiteX13" fmla="*/ 9466 w 10000"/>
                  <a:gd name="connsiteY13" fmla="*/ 3013 h 10000"/>
                  <a:gd name="connsiteX14" fmla="*/ 9466 w 10000"/>
                  <a:gd name="connsiteY14" fmla="*/ 2954 h 10000"/>
                  <a:gd name="connsiteX15" fmla="*/ 9442 w 10000"/>
                  <a:gd name="connsiteY15" fmla="*/ 2866 h 10000"/>
                  <a:gd name="connsiteX16" fmla="*/ 9264 w 10000"/>
                  <a:gd name="connsiteY16" fmla="*/ 2984 h 10000"/>
                  <a:gd name="connsiteX17" fmla="*/ 9061 w 10000"/>
                  <a:gd name="connsiteY17" fmla="*/ 3072 h 10000"/>
                  <a:gd name="connsiteX18" fmla="*/ 8197 w 10000"/>
                  <a:gd name="connsiteY18" fmla="*/ 3397 h 10000"/>
                  <a:gd name="connsiteX19" fmla="*/ 7716 w 10000"/>
                  <a:gd name="connsiteY19" fmla="*/ 3545 h 10000"/>
                  <a:gd name="connsiteX20" fmla="*/ 7234 w 10000"/>
                  <a:gd name="connsiteY20" fmla="*/ 3678 h 10000"/>
                  <a:gd name="connsiteX21" fmla="*/ 6776 w 10000"/>
                  <a:gd name="connsiteY21" fmla="*/ 3840 h 10000"/>
                  <a:gd name="connsiteX22" fmla="*/ 6548 w 10000"/>
                  <a:gd name="connsiteY22" fmla="*/ 3914 h 10000"/>
                  <a:gd name="connsiteX23" fmla="*/ 6345 w 10000"/>
                  <a:gd name="connsiteY23" fmla="*/ 4003 h 10000"/>
                  <a:gd name="connsiteX24" fmla="*/ 6143 w 10000"/>
                  <a:gd name="connsiteY24" fmla="*/ 4106 h 10000"/>
                  <a:gd name="connsiteX25" fmla="*/ 5938 w 10000"/>
                  <a:gd name="connsiteY25" fmla="*/ 4195 h 10000"/>
                  <a:gd name="connsiteX26" fmla="*/ 6091 w 10000"/>
                  <a:gd name="connsiteY26" fmla="*/ 4417 h 10000"/>
                  <a:gd name="connsiteX27" fmla="*/ 6369 w 10000"/>
                  <a:gd name="connsiteY27" fmla="*/ 5081 h 10000"/>
                  <a:gd name="connsiteX28" fmla="*/ 6421 w 10000"/>
                  <a:gd name="connsiteY28" fmla="*/ 5318 h 10000"/>
                  <a:gd name="connsiteX29" fmla="*/ 6447 w 10000"/>
                  <a:gd name="connsiteY29" fmla="*/ 5539 h 10000"/>
                  <a:gd name="connsiteX30" fmla="*/ 6471 w 10000"/>
                  <a:gd name="connsiteY30" fmla="*/ 5775 h 10000"/>
                  <a:gd name="connsiteX31" fmla="*/ 6471 w 10000"/>
                  <a:gd name="connsiteY31" fmla="*/ 5997 h 10000"/>
                  <a:gd name="connsiteX32" fmla="*/ 6447 w 10000"/>
                  <a:gd name="connsiteY32" fmla="*/ 6233 h 10000"/>
                  <a:gd name="connsiteX33" fmla="*/ 6396 w 10000"/>
                  <a:gd name="connsiteY33" fmla="*/ 6470 h 10000"/>
                  <a:gd name="connsiteX34" fmla="*/ 6345 w 10000"/>
                  <a:gd name="connsiteY34" fmla="*/ 6677 h 10000"/>
                  <a:gd name="connsiteX35" fmla="*/ 6269 w 10000"/>
                  <a:gd name="connsiteY35" fmla="*/ 6898 h 10000"/>
                  <a:gd name="connsiteX36" fmla="*/ 6168 w 10000"/>
                  <a:gd name="connsiteY36" fmla="*/ 7105 h 10000"/>
                  <a:gd name="connsiteX37" fmla="*/ 6041 w 10000"/>
                  <a:gd name="connsiteY37" fmla="*/ 7297 h 10000"/>
                  <a:gd name="connsiteX38" fmla="*/ 5888 w 10000"/>
                  <a:gd name="connsiteY38" fmla="*/ 7489 h 10000"/>
                  <a:gd name="connsiteX39" fmla="*/ 5735 w 10000"/>
                  <a:gd name="connsiteY39" fmla="*/ 7681 h 10000"/>
                  <a:gd name="connsiteX40" fmla="*/ 6471 w 10000"/>
                  <a:gd name="connsiteY40" fmla="*/ 7799 h 10000"/>
                  <a:gd name="connsiteX41" fmla="*/ 7234 w 10000"/>
                  <a:gd name="connsiteY41" fmla="*/ 7962 h 10000"/>
                  <a:gd name="connsiteX42" fmla="*/ 7385 w 10000"/>
                  <a:gd name="connsiteY42" fmla="*/ 8021 h 10000"/>
                  <a:gd name="connsiteX43" fmla="*/ 7512 w 10000"/>
                  <a:gd name="connsiteY43" fmla="*/ 8080 h 10000"/>
                  <a:gd name="connsiteX44" fmla="*/ 7639 w 10000"/>
                  <a:gd name="connsiteY44" fmla="*/ 8139 h 10000"/>
                  <a:gd name="connsiteX45" fmla="*/ 7716 w 10000"/>
                  <a:gd name="connsiteY45" fmla="*/ 8227 h 10000"/>
                  <a:gd name="connsiteX46" fmla="*/ 7741 w 10000"/>
                  <a:gd name="connsiteY46" fmla="*/ 8301 h 10000"/>
                  <a:gd name="connsiteX47" fmla="*/ 7741 w 10000"/>
                  <a:gd name="connsiteY47" fmla="*/ 8405 h 10000"/>
                  <a:gd name="connsiteX48" fmla="*/ 7691 w 10000"/>
                  <a:gd name="connsiteY48" fmla="*/ 8523 h 10000"/>
                  <a:gd name="connsiteX49" fmla="*/ 7614 w 10000"/>
                  <a:gd name="connsiteY49" fmla="*/ 8641 h 10000"/>
                  <a:gd name="connsiteX50" fmla="*/ 7284 w 10000"/>
                  <a:gd name="connsiteY50" fmla="*/ 8552 h 10000"/>
                  <a:gd name="connsiteX51" fmla="*/ 6979 w 10000"/>
                  <a:gd name="connsiteY51" fmla="*/ 8449 h 10000"/>
                  <a:gd name="connsiteX52" fmla="*/ 6674 w 10000"/>
                  <a:gd name="connsiteY52" fmla="*/ 8360 h 10000"/>
                  <a:gd name="connsiteX53" fmla="*/ 6369 w 10000"/>
                  <a:gd name="connsiteY53" fmla="*/ 8287 h 10000"/>
                  <a:gd name="connsiteX54" fmla="*/ 6243 w 10000"/>
                  <a:gd name="connsiteY54" fmla="*/ 8449 h 10000"/>
                  <a:gd name="connsiteX55" fmla="*/ 6143 w 10000"/>
                  <a:gd name="connsiteY55" fmla="*/ 8597 h 10000"/>
                  <a:gd name="connsiteX56" fmla="*/ 6091 w 10000"/>
                  <a:gd name="connsiteY56" fmla="*/ 8656 h 10000"/>
                  <a:gd name="connsiteX57" fmla="*/ 5989 w 10000"/>
                  <a:gd name="connsiteY57" fmla="*/ 8700 h 10000"/>
                  <a:gd name="connsiteX58" fmla="*/ 5914 w 10000"/>
                  <a:gd name="connsiteY58" fmla="*/ 8744 h 10000"/>
                  <a:gd name="connsiteX59" fmla="*/ 5838 w 10000"/>
                  <a:gd name="connsiteY59" fmla="*/ 8774 h 10000"/>
                  <a:gd name="connsiteX60" fmla="*/ 5761 w 10000"/>
                  <a:gd name="connsiteY60" fmla="*/ 8804 h 10000"/>
                  <a:gd name="connsiteX61" fmla="*/ 5660 w 10000"/>
                  <a:gd name="connsiteY61" fmla="*/ 8818 h 10000"/>
                  <a:gd name="connsiteX62" fmla="*/ 5532 w 10000"/>
                  <a:gd name="connsiteY62" fmla="*/ 8833 h 10000"/>
                  <a:gd name="connsiteX63" fmla="*/ 5406 w 10000"/>
                  <a:gd name="connsiteY63" fmla="*/ 8833 h 10000"/>
                  <a:gd name="connsiteX64" fmla="*/ 5102 w 10000"/>
                  <a:gd name="connsiteY64" fmla="*/ 8818 h 10000"/>
                  <a:gd name="connsiteX65" fmla="*/ 4720 w 10000"/>
                  <a:gd name="connsiteY65" fmla="*/ 8744 h 10000"/>
                  <a:gd name="connsiteX66" fmla="*/ 4720 w 10000"/>
                  <a:gd name="connsiteY66" fmla="*/ 8922 h 10000"/>
                  <a:gd name="connsiteX67" fmla="*/ 4695 w 10000"/>
                  <a:gd name="connsiteY67" fmla="*/ 9069 h 10000"/>
                  <a:gd name="connsiteX68" fmla="*/ 4671 w 10000"/>
                  <a:gd name="connsiteY68" fmla="*/ 9232 h 10000"/>
                  <a:gd name="connsiteX69" fmla="*/ 4644 w 10000"/>
                  <a:gd name="connsiteY69" fmla="*/ 9365 h 10000"/>
                  <a:gd name="connsiteX70" fmla="*/ 4593 w 10000"/>
                  <a:gd name="connsiteY70" fmla="*/ 9498 h 10000"/>
                  <a:gd name="connsiteX71" fmla="*/ 4493 w 10000"/>
                  <a:gd name="connsiteY71" fmla="*/ 9616 h 10000"/>
                  <a:gd name="connsiteX72" fmla="*/ 4416 w 10000"/>
                  <a:gd name="connsiteY72" fmla="*/ 9734 h 10000"/>
                  <a:gd name="connsiteX73" fmla="*/ 4289 w 10000"/>
                  <a:gd name="connsiteY73" fmla="*/ 9838 h 10000"/>
                  <a:gd name="connsiteX74" fmla="*/ 3983 w 10000"/>
                  <a:gd name="connsiteY74" fmla="*/ 9897 h 10000"/>
                  <a:gd name="connsiteX75" fmla="*/ 3731 w 10000"/>
                  <a:gd name="connsiteY75" fmla="*/ 9941 h 10000"/>
                  <a:gd name="connsiteX76" fmla="*/ 3426 w 10000"/>
                  <a:gd name="connsiteY76" fmla="*/ 9985 h 10000"/>
                  <a:gd name="connsiteX77" fmla="*/ 3198 w 10000"/>
                  <a:gd name="connsiteY77" fmla="*/ 10000 h 10000"/>
                  <a:gd name="connsiteX78" fmla="*/ 2690 w 10000"/>
                  <a:gd name="connsiteY78" fmla="*/ 10000 h 10000"/>
                  <a:gd name="connsiteX79" fmla="*/ 2208 w 10000"/>
                  <a:gd name="connsiteY79" fmla="*/ 9985 h 10000"/>
                  <a:gd name="connsiteX80" fmla="*/ 1752 w 10000"/>
                  <a:gd name="connsiteY80" fmla="*/ 9941 h 10000"/>
                  <a:gd name="connsiteX81" fmla="*/ 1270 w 10000"/>
                  <a:gd name="connsiteY81" fmla="*/ 9911 h 10000"/>
                  <a:gd name="connsiteX82" fmla="*/ 990 w 10000"/>
                  <a:gd name="connsiteY82" fmla="*/ 9911 h 10000"/>
                  <a:gd name="connsiteX83" fmla="*/ 736 w 10000"/>
                  <a:gd name="connsiteY83" fmla="*/ 9911 h 10000"/>
                  <a:gd name="connsiteX84" fmla="*/ 457 w 10000"/>
                  <a:gd name="connsiteY84" fmla="*/ 9926 h 10000"/>
                  <a:gd name="connsiteX85" fmla="*/ 178 w 10000"/>
                  <a:gd name="connsiteY85" fmla="*/ 9970 h 10000"/>
                  <a:gd name="connsiteX86" fmla="*/ 102 w 10000"/>
                  <a:gd name="connsiteY86" fmla="*/ 9867 h 10000"/>
                  <a:gd name="connsiteX87" fmla="*/ 51 w 10000"/>
                  <a:gd name="connsiteY87" fmla="*/ 9793 h 10000"/>
                  <a:gd name="connsiteX88" fmla="*/ 0 w 10000"/>
                  <a:gd name="connsiteY88" fmla="*/ 9705 h 10000"/>
                  <a:gd name="connsiteX89" fmla="*/ 0 w 10000"/>
                  <a:gd name="connsiteY89" fmla="*/ 9601 h 10000"/>
                  <a:gd name="connsiteX90" fmla="*/ 51 w 10000"/>
                  <a:gd name="connsiteY90" fmla="*/ 9424 h 10000"/>
                  <a:gd name="connsiteX91" fmla="*/ 102 w 10000"/>
                  <a:gd name="connsiteY91" fmla="*/ 9202 h 10000"/>
                  <a:gd name="connsiteX92" fmla="*/ 151 w 10000"/>
                  <a:gd name="connsiteY92" fmla="*/ 8996 h 10000"/>
                  <a:gd name="connsiteX93" fmla="*/ 203 w 10000"/>
                  <a:gd name="connsiteY93" fmla="*/ 8759 h 10000"/>
                  <a:gd name="connsiteX94" fmla="*/ 228 w 10000"/>
                  <a:gd name="connsiteY94" fmla="*/ 8641 h 10000"/>
                  <a:gd name="connsiteX95" fmla="*/ 228 w 10000"/>
                  <a:gd name="connsiteY95" fmla="*/ 8538 h 10000"/>
                  <a:gd name="connsiteX96" fmla="*/ 203 w 10000"/>
                  <a:gd name="connsiteY96" fmla="*/ 8405 h 10000"/>
                  <a:gd name="connsiteX97" fmla="*/ 178 w 10000"/>
                  <a:gd name="connsiteY97" fmla="*/ 8287 h 10000"/>
                  <a:gd name="connsiteX98" fmla="*/ 431 w 10000"/>
                  <a:gd name="connsiteY98" fmla="*/ 8213 h 10000"/>
                  <a:gd name="connsiteX99" fmla="*/ 685 w 10000"/>
                  <a:gd name="connsiteY99" fmla="*/ 8139 h 10000"/>
                  <a:gd name="connsiteX100" fmla="*/ 939 w 10000"/>
                  <a:gd name="connsiteY100" fmla="*/ 8095 h 10000"/>
                  <a:gd name="connsiteX101" fmla="*/ 1218 w 10000"/>
                  <a:gd name="connsiteY101" fmla="*/ 8065 h 10000"/>
                  <a:gd name="connsiteX102" fmla="*/ 1725 w 10000"/>
                  <a:gd name="connsiteY102" fmla="*/ 8021 h 10000"/>
                  <a:gd name="connsiteX103" fmla="*/ 2234 w 10000"/>
                  <a:gd name="connsiteY103" fmla="*/ 7976 h 10000"/>
                  <a:gd name="connsiteX104" fmla="*/ 2462 w 10000"/>
                  <a:gd name="connsiteY104" fmla="*/ 7947 h 10000"/>
                  <a:gd name="connsiteX105" fmla="*/ 2690 w 10000"/>
                  <a:gd name="connsiteY105" fmla="*/ 7917 h 10000"/>
                  <a:gd name="connsiteX106" fmla="*/ 2892 w 10000"/>
                  <a:gd name="connsiteY106" fmla="*/ 7843 h 10000"/>
                  <a:gd name="connsiteX107" fmla="*/ 3096 w 10000"/>
                  <a:gd name="connsiteY107" fmla="*/ 7784 h 10000"/>
                  <a:gd name="connsiteX108" fmla="*/ 3274 w 10000"/>
                  <a:gd name="connsiteY108" fmla="*/ 7710 h 10000"/>
                  <a:gd name="connsiteX109" fmla="*/ 3426 w 10000"/>
                  <a:gd name="connsiteY109" fmla="*/ 7592 h 10000"/>
                  <a:gd name="connsiteX110" fmla="*/ 3579 w 10000"/>
                  <a:gd name="connsiteY110" fmla="*/ 7474 h 10000"/>
                  <a:gd name="connsiteX111" fmla="*/ 3680 w 10000"/>
                  <a:gd name="connsiteY111" fmla="*/ 7312 h 10000"/>
                  <a:gd name="connsiteX112" fmla="*/ 3477 w 10000"/>
                  <a:gd name="connsiteY112" fmla="*/ 7238 h 10000"/>
                  <a:gd name="connsiteX113" fmla="*/ 3299 w 10000"/>
                  <a:gd name="connsiteY113" fmla="*/ 7179 h 10000"/>
                  <a:gd name="connsiteX114" fmla="*/ 3147 w 10000"/>
                  <a:gd name="connsiteY114" fmla="*/ 7090 h 10000"/>
                  <a:gd name="connsiteX115" fmla="*/ 2995 w 10000"/>
                  <a:gd name="connsiteY115" fmla="*/ 6987 h 10000"/>
                  <a:gd name="connsiteX116" fmla="*/ 2892 w 10000"/>
                  <a:gd name="connsiteY116" fmla="*/ 6869 h 10000"/>
                  <a:gd name="connsiteX117" fmla="*/ 2843 w 10000"/>
                  <a:gd name="connsiteY117" fmla="*/ 6721 h 10000"/>
                  <a:gd name="connsiteX118" fmla="*/ 2817 w 10000"/>
                  <a:gd name="connsiteY118" fmla="*/ 6558 h 10000"/>
                  <a:gd name="connsiteX119" fmla="*/ 2843 w 10000"/>
                  <a:gd name="connsiteY119" fmla="*/ 6352 h 10000"/>
                  <a:gd name="connsiteX120" fmla="*/ 2716 w 10000"/>
                  <a:gd name="connsiteY120" fmla="*/ 6322 h 10000"/>
                  <a:gd name="connsiteX121" fmla="*/ 2564 w 10000"/>
                  <a:gd name="connsiteY121" fmla="*/ 6292 h 10000"/>
                  <a:gd name="connsiteX122" fmla="*/ 2386 w 10000"/>
                  <a:gd name="connsiteY122" fmla="*/ 6278 h 10000"/>
                  <a:gd name="connsiteX123" fmla="*/ 2208 w 10000"/>
                  <a:gd name="connsiteY123" fmla="*/ 6263 h 10000"/>
                  <a:gd name="connsiteX124" fmla="*/ 1853 w 10000"/>
                  <a:gd name="connsiteY124" fmla="*/ 6248 h 10000"/>
                  <a:gd name="connsiteX125" fmla="*/ 1472 w 10000"/>
                  <a:gd name="connsiteY125" fmla="*/ 6263 h 10000"/>
                  <a:gd name="connsiteX126" fmla="*/ 1143 w 10000"/>
                  <a:gd name="connsiteY126" fmla="*/ 6278 h 10000"/>
                  <a:gd name="connsiteX127" fmla="*/ 837 w 10000"/>
                  <a:gd name="connsiteY127" fmla="*/ 6278 h 10000"/>
                  <a:gd name="connsiteX128" fmla="*/ 585 w 10000"/>
                  <a:gd name="connsiteY128" fmla="*/ 6263 h 10000"/>
                  <a:gd name="connsiteX129" fmla="*/ 381 w 10000"/>
                  <a:gd name="connsiteY129" fmla="*/ 6233 h 10000"/>
                  <a:gd name="connsiteX130" fmla="*/ 633 w 10000"/>
                  <a:gd name="connsiteY130" fmla="*/ 5805 h 10000"/>
                  <a:gd name="connsiteX131" fmla="*/ 914 w 10000"/>
                  <a:gd name="connsiteY131" fmla="*/ 5391 h 10000"/>
                  <a:gd name="connsiteX132" fmla="*/ 1016 w 10000"/>
                  <a:gd name="connsiteY132" fmla="*/ 5170 h 10000"/>
                  <a:gd name="connsiteX133" fmla="*/ 1091 w 10000"/>
                  <a:gd name="connsiteY133" fmla="*/ 4963 h 10000"/>
                  <a:gd name="connsiteX134" fmla="*/ 1116 w 10000"/>
                  <a:gd name="connsiteY134" fmla="*/ 4860 h 10000"/>
                  <a:gd name="connsiteX135" fmla="*/ 1091 w 10000"/>
                  <a:gd name="connsiteY135" fmla="*/ 4756 h 10000"/>
                  <a:gd name="connsiteX136" fmla="*/ 1066 w 10000"/>
                  <a:gd name="connsiteY136" fmla="*/ 4653 h 10000"/>
                  <a:gd name="connsiteX137" fmla="*/ 990 w 10000"/>
                  <a:gd name="connsiteY137" fmla="*/ 4549 h 10000"/>
                  <a:gd name="connsiteX138" fmla="*/ 1270 w 10000"/>
                  <a:gd name="connsiteY138" fmla="*/ 4520 h 10000"/>
                  <a:gd name="connsiteX139" fmla="*/ 1472 w 10000"/>
                  <a:gd name="connsiteY139" fmla="*/ 4505 h 10000"/>
                  <a:gd name="connsiteX140" fmla="*/ 1650 w 10000"/>
                  <a:gd name="connsiteY140" fmla="*/ 4505 h 10000"/>
                  <a:gd name="connsiteX141" fmla="*/ 1802 w 10000"/>
                  <a:gd name="connsiteY141" fmla="*/ 4520 h 10000"/>
                  <a:gd name="connsiteX142" fmla="*/ 1929 w 10000"/>
                  <a:gd name="connsiteY142" fmla="*/ 4520 h 10000"/>
                  <a:gd name="connsiteX143" fmla="*/ 2081 w 10000"/>
                  <a:gd name="connsiteY143" fmla="*/ 4520 h 10000"/>
                  <a:gd name="connsiteX144" fmla="*/ 2234 w 10000"/>
                  <a:gd name="connsiteY144" fmla="*/ 4490 h 10000"/>
                  <a:gd name="connsiteX145" fmla="*/ 2436 w 10000"/>
                  <a:gd name="connsiteY145" fmla="*/ 4446 h 10000"/>
                  <a:gd name="connsiteX146" fmla="*/ 2436 w 10000"/>
                  <a:gd name="connsiteY146" fmla="*/ 4579 h 10000"/>
                  <a:gd name="connsiteX147" fmla="*/ 2436 w 10000"/>
                  <a:gd name="connsiteY147" fmla="*/ 4742 h 10000"/>
                  <a:gd name="connsiteX148" fmla="*/ 2436 w 10000"/>
                  <a:gd name="connsiteY148" fmla="*/ 4874 h 10000"/>
                  <a:gd name="connsiteX149" fmla="*/ 2436 w 10000"/>
                  <a:gd name="connsiteY149" fmla="*/ 5037 h 10000"/>
                  <a:gd name="connsiteX150" fmla="*/ 2665 w 10000"/>
                  <a:gd name="connsiteY150" fmla="*/ 5022 h 10000"/>
                  <a:gd name="connsiteX151" fmla="*/ 2817 w 10000"/>
                  <a:gd name="connsiteY151" fmla="*/ 5037 h 10000"/>
                  <a:gd name="connsiteX152" fmla="*/ 2944 w 10000"/>
                  <a:gd name="connsiteY152" fmla="*/ 5066 h 10000"/>
                  <a:gd name="connsiteX153" fmla="*/ 3071 w 10000"/>
                  <a:gd name="connsiteY153" fmla="*/ 5096 h 10000"/>
                  <a:gd name="connsiteX154" fmla="*/ 3173 w 10000"/>
                  <a:gd name="connsiteY154" fmla="*/ 5126 h 10000"/>
                  <a:gd name="connsiteX155" fmla="*/ 3299 w 10000"/>
                  <a:gd name="connsiteY155" fmla="*/ 5155 h 10000"/>
                  <a:gd name="connsiteX156" fmla="*/ 3452 w 10000"/>
                  <a:gd name="connsiteY156" fmla="*/ 5170 h 10000"/>
                  <a:gd name="connsiteX157" fmla="*/ 3680 w 10000"/>
                  <a:gd name="connsiteY157" fmla="*/ 5155 h 10000"/>
                  <a:gd name="connsiteX158" fmla="*/ 3757 w 10000"/>
                  <a:gd name="connsiteY158" fmla="*/ 5096 h 10000"/>
                  <a:gd name="connsiteX159" fmla="*/ 3832 w 10000"/>
                  <a:gd name="connsiteY159" fmla="*/ 5022 h 10000"/>
                  <a:gd name="connsiteX160" fmla="*/ 3857 w 10000"/>
                  <a:gd name="connsiteY160" fmla="*/ 4934 h 10000"/>
                  <a:gd name="connsiteX161" fmla="*/ 3884 w 10000"/>
                  <a:gd name="connsiteY161" fmla="*/ 4860 h 10000"/>
                  <a:gd name="connsiteX162" fmla="*/ 3908 w 10000"/>
                  <a:gd name="connsiteY162" fmla="*/ 4697 h 10000"/>
                  <a:gd name="connsiteX163" fmla="*/ 3884 w 10000"/>
                  <a:gd name="connsiteY163" fmla="*/ 4520 h 10000"/>
                  <a:gd name="connsiteX164" fmla="*/ 3807 w 10000"/>
                  <a:gd name="connsiteY164" fmla="*/ 4343 h 10000"/>
                  <a:gd name="connsiteX165" fmla="*/ 3731 w 10000"/>
                  <a:gd name="connsiteY165" fmla="*/ 4195 h 10000"/>
                  <a:gd name="connsiteX166" fmla="*/ 3604 w 10000"/>
                  <a:gd name="connsiteY166" fmla="*/ 4047 h 10000"/>
                  <a:gd name="connsiteX167" fmla="*/ 3477 w 10000"/>
                  <a:gd name="connsiteY167" fmla="*/ 3959 h 10000"/>
                  <a:gd name="connsiteX168" fmla="*/ 3629 w 10000"/>
                  <a:gd name="connsiteY168" fmla="*/ 3944 h 10000"/>
                  <a:gd name="connsiteX169" fmla="*/ 3757 w 10000"/>
                  <a:gd name="connsiteY169" fmla="*/ 3914 h 10000"/>
                  <a:gd name="connsiteX170" fmla="*/ 3857 w 10000"/>
                  <a:gd name="connsiteY170" fmla="*/ 3855 h 10000"/>
                  <a:gd name="connsiteX171" fmla="*/ 3983 w 10000"/>
                  <a:gd name="connsiteY171" fmla="*/ 3752 h 10000"/>
                  <a:gd name="connsiteX172" fmla="*/ 4111 w 10000"/>
                  <a:gd name="connsiteY172" fmla="*/ 3663 h 10000"/>
                  <a:gd name="connsiteX173" fmla="*/ 4213 w 10000"/>
                  <a:gd name="connsiteY173" fmla="*/ 3560 h 10000"/>
                  <a:gd name="connsiteX174" fmla="*/ 4289 w 10000"/>
                  <a:gd name="connsiteY174" fmla="*/ 3442 h 10000"/>
                  <a:gd name="connsiteX175" fmla="*/ 4366 w 10000"/>
                  <a:gd name="connsiteY175" fmla="*/ 3323 h 10000"/>
                  <a:gd name="connsiteX176" fmla="*/ 4416 w 10000"/>
                  <a:gd name="connsiteY176" fmla="*/ 3220 h 10000"/>
                  <a:gd name="connsiteX177" fmla="*/ 4441 w 10000"/>
                  <a:gd name="connsiteY177" fmla="*/ 3102 h 10000"/>
                  <a:gd name="connsiteX178" fmla="*/ 4468 w 10000"/>
                  <a:gd name="connsiteY178" fmla="*/ 3013 h 10000"/>
                  <a:gd name="connsiteX179" fmla="*/ 4441 w 10000"/>
                  <a:gd name="connsiteY179" fmla="*/ 2939 h 10000"/>
                  <a:gd name="connsiteX180" fmla="*/ 4416 w 10000"/>
                  <a:gd name="connsiteY180" fmla="*/ 2866 h 10000"/>
                  <a:gd name="connsiteX181" fmla="*/ 4340 w 10000"/>
                  <a:gd name="connsiteY181" fmla="*/ 2836 h 10000"/>
                  <a:gd name="connsiteX182" fmla="*/ 4239 w 10000"/>
                  <a:gd name="connsiteY182" fmla="*/ 2836 h 10000"/>
                  <a:gd name="connsiteX183" fmla="*/ 4111 w 10000"/>
                  <a:gd name="connsiteY183" fmla="*/ 2866 h 10000"/>
                  <a:gd name="connsiteX184" fmla="*/ 4213 w 10000"/>
                  <a:gd name="connsiteY184" fmla="*/ 2777 h 10000"/>
                  <a:gd name="connsiteX185" fmla="*/ 4265 w 10000"/>
                  <a:gd name="connsiteY185" fmla="*/ 2674 h 10000"/>
                  <a:gd name="connsiteX186" fmla="*/ 4289 w 10000"/>
                  <a:gd name="connsiteY186" fmla="*/ 2541 h 10000"/>
                  <a:gd name="connsiteX187" fmla="*/ 4289 w 10000"/>
                  <a:gd name="connsiteY187" fmla="*/ 2393 h 10000"/>
                  <a:gd name="connsiteX188" fmla="*/ 4314 w 10000"/>
                  <a:gd name="connsiteY188" fmla="*/ 2349 h 10000"/>
                  <a:gd name="connsiteX189" fmla="*/ 4366 w 10000"/>
                  <a:gd name="connsiteY189" fmla="*/ 2304 h 10000"/>
                  <a:gd name="connsiteX190" fmla="*/ 4416 w 10000"/>
                  <a:gd name="connsiteY190" fmla="*/ 2290 h 10000"/>
                  <a:gd name="connsiteX191" fmla="*/ 4493 w 10000"/>
                  <a:gd name="connsiteY191" fmla="*/ 2275 h 10000"/>
                  <a:gd name="connsiteX192" fmla="*/ 4720 w 10000"/>
                  <a:gd name="connsiteY192" fmla="*/ 2260 h 10000"/>
                  <a:gd name="connsiteX193" fmla="*/ 4923 w 10000"/>
                  <a:gd name="connsiteY193" fmla="*/ 2275 h 10000"/>
                  <a:gd name="connsiteX194" fmla="*/ 4898 w 10000"/>
                  <a:gd name="connsiteY194" fmla="*/ 2112 h 10000"/>
                  <a:gd name="connsiteX195" fmla="*/ 4848 w 10000"/>
                  <a:gd name="connsiteY195" fmla="*/ 1950 h 10000"/>
                  <a:gd name="connsiteX196" fmla="*/ 4771 w 10000"/>
                  <a:gd name="connsiteY196" fmla="*/ 1802 h 10000"/>
                  <a:gd name="connsiteX197" fmla="*/ 4671 w 10000"/>
                  <a:gd name="connsiteY197" fmla="*/ 1640 h 10000"/>
                  <a:gd name="connsiteX198" fmla="*/ 4416 w 10000"/>
                  <a:gd name="connsiteY198" fmla="*/ 1329 h 10000"/>
                  <a:gd name="connsiteX199" fmla="*/ 4162 w 10000"/>
                  <a:gd name="connsiteY199" fmla="*/ 1034 h 10000"/>
                  <a:gd name="connsiteX200" fmla="*/ 4035 w 10000"/>
                  <a:gd name="connsiteY200" fmla="*/ 901 h 10000"/>
                  <a:gd name="connsiteX201" fmla="*/ 3935 w 10000"/>
                  <a:gd name="connsiteY201" fmla="*/ 753 h 10000"/>
                  <a:gd name="connsiteX202" fmla="*/ 3857 w 10000"/>
                  <a:gd name="connsiteY202" fmla="*/ 620 h 10000"/>
                  <a:gd name="connsiteX203" fmla="*/ 3832 w 10000"/>
                  <a:gd name="connsiteY203" fmla="*/ 487 h 10000"/>
                  <a:gd name="connsiteX204" fmla="*/ 3807 w 10000"/>
                  <a:gd name="connsiteY204" fmla="*/ 355 h 10000"/>
                  <a:gd name="connsiteX205" fmla="*/ 3857 w 10000"/>
                  <a:gd name="connsiteY205" fmla="*/ 222 h 10000"/>
                  <a:gd name="connsiteX206" fmla="*/ 3884 w 10000"/>
                  <a:gd name="connsiteY206" fmla="*/ 162 h 10000"/>
                  <a:gd name="connsiteX207" fmla="*/ 3935 w 10000"/>
                  <a:gd name="connsiteY207" fmla="*/ 103 h 10000"/>
                  <a:gd name="connsiteX208" fmla="*/ 4011 w 10000"/>
                  <a:gd name="connsiteY208" fmla="*/ 59 h 10000"/>
                  <a:gd name="connsiteX209" fmla="*/ 4111 w 10000"/>
                  <a:gd name="connsiteY209" fmla="*/ 0 h 10000"/>
                  <a:gd name="connsiteX210" fmla="*/ 4289 w 10000"/>
                  <a:gd name="connsiteY210" fmla="*/ 0 h 10000"/>
                  <a:gd name="connsiteX211" fmla="*/ 4468 w 10000"/>
                  <a:gd name="connsiteY211" fmla="*/ 15 h 10000"/>
                  <a:gd name="connsiteX212" fmla="*/ 4644 w 10000"/>
                  <a:gd name="connsiteY212" fmla="*/ 44 h 10000"/>
                  <a:gd name="connsiteX213" fmla="*/ 4771 w 10000"/>
                  <a:gd name="connsiteY213" fmla="*/ 89 h 10000"/>
                  <a:gd name="connsiteX214" fmla="*/ 4975 w 10000"/>
                  <a:gd name="connsiteY214" fmla="*/ 192 h 10000"/>
                  <a:gd name="connsiteX215" fmla="*/ 5177 w 10000"/>
                  <a:gd name="connsiteY215" fmla="*/ 340 h 10000"/>
                  <a:gd name="connsiteX216" fmla="*/ 5329 w 10000"/>
                  <a:gd name="connsiteY216" fmla="*/ 473 h 10000"/>
                  <a:gd name="connsiteX217" fmla="*/ 5532 w 10000"/>
                  <a:gd name="connsiteY217" fmla="*/ 591 h 10000"/>
                  <a:gd name="connsiteX218" fmla="*/ 5660 w 10000"/>
                  <a:gd name="connsiteY218" fmla="*/ 650 h 10000"/>
                  <a:gd name="connsiteX219" fmla="*/ 5812 w 10000"/>
                  <a:gd name="connsiteY219" fmla="*/ 679 h 10000"/>
                  <a:gd name="connsiteX220" fmla="*/ 5965 w 10000"/>
                  <a:gd name="connsiteY220" fmla="*/ 709 h 10000"/>
                  <a:gd name="connsiteX221" fmla="*/ 6168 w 10000"/>
                  <a:gd name="connsiteY221" fmla="*/ 709 h 10000"/>
                  <a:gd name="connsiteX222" fmla="*/ 6168 w 10000"/>
                  <a:gd name="connsiteY222" fmla="*/ 768 h 10000"/>
                  <a:gd name="connsiteX223" fmla="*/ 6193 w 10000"/>
                  <a:gd name="connsiteY223" fmla="*/ 842 h 10000"/>
                  <a:gd name="connsiteX224" fmla="*/ 6243 w 10000"/>
                  <a:gd name="connsiteY224" fmla="*/ 916 h 10000"/>
                  <a:gd name="connsiteX225" fmla="*/ 6294 w 10000"/>
                  <a:gd name="connsiteY225" fmla="*/ 990 h 10000"/>
                  <a:gd name="connsiteX226" fmla="*/ 6369 w 10000"/>
                  <a:gd name="connsiteY226" fmla="*/ 1049 h 10000"/>
                  <a:gd name="connsiteX227" fmla="*/ 6471 w 10000"/>
                  <a:gd name="connsiteY227" fmla="*/ 1108 h 10000"/>
                  <a:gd name="connsiteX228" fmla="*/ 6598 w 10000"/>
                  <a:gd name="connsiteY228" fmla="*/ 1182 h 10000"/>
                  <a:gd name="connsiteX229" fmla="*/ 6700 w 10000"/>
                  <a:gd name="connsiteY229" fmla="*/ 1226 h 10000"/>
                  <a:gd name="connsiteX230" fmla="*/ 6802 w 10000"/>
                  <a:gd name="connsiteY230" fmla="*/ 1270 h 10000"/>
                  <a:gd name="connsiteX231" fmla="*/ 6903 w 10000"/>
                  <a:gd name="connsiteY231" fmla="*/ 1300 h 10000"/>
                  <a:gd name="connsiteX232" fmla="*/ 7005 w 10000"/>
                  <a:gd name="connsiteY232" fmla="*/ 1315 h 10000"/>
                  <a:gd name="connsiteX233" fmla="*/ 7132 w 10000"/>
                  <a:gd name="connsiteY233" fmla="*/ 1300 h 10000"/>
                  <a:gd name="connsiteX234" fmla="*/ 7234 w 10000"/>
                  <a:gd name="connsiteY234" fmla="*/ 1285 h 10000"/>
                  <a:gd name="connsiteX235" fmla="*/ 7309 w 10000"/>
                  <a:gd name="connsiteY235" fmla="*/ 1241 h 10000"/>
                  <a:gd name="connsiteX236" fmla="*/ 7361 w 10000"/>
                  <a:gd name="connsiteY236" fmla="*/ 1167 h 10000"/>
                  <a:gd name="connsiteX237" fmla="*/ 7385 w 10000"/>
                  <a:gd name="connsiteY237" fmla="*/ 1064 h 10000"/>
                  <a:gd name="connsiteX238" fmla="*/ 7766 w 10000"/>
                  <a:gd name="connsiteY238" fmla="*/ 1034 h 10000"/>
                  <a:gd name="connsiteX239" fmla="*/ 8121 w 10000"/>
                  <a:gd name="connsiteY239" fmla="*/ 1004 h 10000"/>
                  <a:gd name="connsiteX240" fmla="*/ 8427 w 10000"/>
                  <a:gd name="connsiteY240" fmla="*/ 990 h 10000"/>
                  <a:gd name="connsiteX241" fmla="*/ 8706 w 10000"/>
                  <a:gd name="connsiteY241" fmla="*/ 1004 h 10000"/>
                  <a:gd name="connsiteX242" fmla="*/ 8833 w 10000"/>
                  <a:gd name="connsiteY242" fmla="*/ 1019 h 10000"/>
                  <a:gd name="connsiteX243" fmla="*/ 8958 w 10000"/>
                  <a:gd name="connsiteY243" fmla="*/ 1034 h 10000"/>
                  <a:gd name="connsiteX244" fmla="*/ 9061 w 10000"/>
                  <a:gd name="connsiteY244" fmla="*/ 1064 h 10000"/>
                  <a:gd name="connsiteX245" fmla="*/ 9188 w 10000"/>
                  <a:gd name="connsiteY245" fmla="*/ 1108 h 10000"/>
                  <a:gd name="connsiteX246" fmla="*/ 9264 w 10000"/>
                  <a:gd name="connsiteY246" fmla="*/ 1182 h 10000"/>
                  <a:gd name="connsiteX247" fmla="*/ 9339 w 10000"/>
                  <a:gd name="connsiteY247" fmla="*/ 1241 h 10000"/>
                  <a:gd name="connsiteX248" fmla="*/ 9391 w 10000"/>
                  <a:gd name="connsiteY248" fmla="*/ 1329 h 10000"/>
                  <a:gd name="connsiteX249" fmla="*/ 9442 w 10000"/>
                  <a:gd name="connsiteY249" fmla="*/ 1433 h 10000"/>
                  <a:gd name="connsiteX250" fmla="*/ 9492 w 10000"/>
                  <a:gd name="connsiteY250" fmla="*/ 1551 h 10000"/>
                  <a:gd name="connsiteX251" fmla="*/ 9466 w 10000"/>
                  <a:gd name="connsiteY251" fmla="*/ 1625 h 10000"/>
                  <a:gd name="connsiteX252" fmla="*/ 9442 w 10000"/>
                  <a:gd name="connsiteY252" fmla="*/ 1684 h 10000"/>
                  <a:gd name="connsiteX253" fmla="*/ 9391 w 10000"/>
                  <a:gd name="connsiteY253" fmla="*/ 1758 h 10000"/>
                  <a:gd name="connsiteX254" fmla="*/ 9315 w 10000"/>
                  <a:gd name="connsiteY254" fmla="*/ 1802 h 10000"/>
                  <a:gd name="connsiteX255" fmla="*/ 9264 w 10000"/>
                  <a:gd name="connsiteY255" fmla="*/ 1861 h 10000"/>
                  <a:gd name="connsiteX256" fmla="*/ 9240 w 10000"/>
                  <a:gd name="connsiteY256" fmla="*/ 1935 h 10000"/>
                  <a:gd name="connsiteX257" fmla="*/ 9264 w 10000"/>
                  <a:gd name="connsiteY257" fmla="*/ 2024 h 10000"/>
                  <a:gd name="connsiteX258" fmla="*/ 9543 w 10000"/>
                  <a:gd name="connsiteY258" fmla="*/ 2157 h 10000"/>
                  <a:gd name="connsiteX259" fmla="*/ 9873 w 10000"/>
                  <a:gd name="connsiteY259" fmla="*/ 2275 h 10000"/>
                  <a:gd name="connsiteX260" fmla="*/ 10000 w 10000"/>
                  <a:gd name="connsiteY260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8984 w 10000"/>
                  <a:gd name="connsiteY8" fmla="*/ 3412 h 10000"/>
                  <a:gd name="connsiteX9" fmla="*/ 9188 w 10000"/>
                  <a:gd name="connsiteY9" fmla="*/ 3338 h 10000"/>
                  <a:gd name="connsiteX10" fmla="*/ 9415 w 10000"/>
                  <a:gd name="connsiteY10" fmla="*/ 3117 h 10000"/>
                  <a:gd name="connsiteX11" fmla="*/ 9442 w 10000"/>
                  <a:gd name="connsiteY11" fmla="*/ 3072 h 10000"/>
                  <a:gd name="connsiteX12" fmla="*/ 9466 w 10000"/>
                  <a:gd name="connsiteY12" fmla="*/ 3013 h 10000"/>
                  <a:gd name="connsiteX13" fmla="*/ 9466 w 10000"/>
                  <a:gd name="connsiteY13" fmla="*/ 2954 h 10000"/>
                  <a:gd name="connsiteX14" fmla="*/ 9442 w 10000"/>
                  <a:gd name="connsiteY14" fmla="*/ 2866 h 10000"/>
                  <a:gd name="connsiteX15" fmla="*/ 9264 w 10000"/>
                  <a:gd name="connsiteY15" fmla="*/ 2984 h 10000"/>
                  <a:gd name="connsiteX16" fmla="*/ 9061 w 10000"/>
                  <a:gd name="connsiteY16" fmla="*/ 3072 h 10000"/>
                  <a:gd name="connsiteX17" fmla="*/ 8197 w 10000"/>
                  <a:gd name="connsiteY17" fmla="*/ 3397 h 10000"/>
                  <a:gd name="connsiteX18" fmla="*/ 7716 w 10000"/>
                  <a:gd name="connsiteY18" fmla="*/ 3545 h 10000"/>
                  <a:gd name="connsiteX19" fmla="*/ 7234 w 10000"/>
                  <a:gd name="connsiteY19" fmla="*/ 3678 h 10000"/>
                  <a:gd name="connsiteX20" fmla="*/ 6776 w 10000"/>
                  <a:gd name="connsiteY20" fmla="*/ 3840 h 10000"/>
                  <a:gd name="connsiteX21" fmla="*/ 6548 w 10000"/>
                  <a:gd name="connsiteY21" fmla="*/ 3914 h 10000"/>
                  <a:gd name="connsiteX22" fmla="*/ 6345 w 10000"/>
                  <a:gd name="connsiteY22" fmla="*/ 4003 h 10000"/>
                  <a:gd name="connsiteX23" fmla="*/ 6143 w 10000"/>
                  <a:gd name="connsiteY23" fmla="*/ 4106 h 10000"/>
                  <a:gd name="connsiteX24" fmla="*/ 5938 w 10000"/>
                  <a:gd name="connsiteY24" fmla="*/ 4195 h 10000"/>
                  <a:gd name="connsiteX25" fmla="*/ 6091 w 10000"/>
                  <a:gd name="connsiteY25" fmla="*/ 4417 h 10000"/>
                  <a:gd name="connsiteX26" fmla="*/ 6369 w 10000"/>
                  <a:gd name="connsiteY26" fmla="*/ 5081 h 10000"/>
                  <a:gd name="connsiteX27" fmla="*/ 6421 w 10000"/>
                  <a:gd name="connsiteY27" fmla="*/ 5318 h 10000"/>
                  <a:gd name="connsiteX28" fmla="*/ 6447 w 10000"/>
                  <a:gd name="connsiteY28" fmla="*/ 5539 h 10000"/>
                  <a:gd name="connsiteX29" fmla="*/ 6471 w 10000"/>
                  <a:gd name="connsiteY29" fmla="*/ 5775 h 10000"/>
                  <a:gd name="connsiteX30" fmla="*/ 6471 w 10000"/>
                  <a:gd name="connsiteY30" fmla="*/ 5997 h 10000"/>
                  <a:gd name="connsiteX31" fmla="*/ 6447 w 10000"/>
                  <a:gd name="connsiteY31" fmla="*/ 6233 h 10000"/>
                  <a:gd name="connsiteX32" fmla="*/ 6396 w 10000"/>
                  <a:gd name="connsiteY32" fmla="*/ 6470 h 10000"/>
                  <a:gd name="connsiteX33" fmla="*/ 6345 w 10000"/>
                  <a:gd name="connsiteY33" fmla="*/ 6677 h 10000"/>
                  <a:gd name="connsiteX34" fmla="*/ 6269 w 10000"/>
                  <a:gd name="connsiteY34" fmla="*/ 6898 h 10000"/>
                  <a:gd name="connsiteX35" fmla="*/ 6168 w 10000"/>
                  <a:gd name="connsiteY35" fmla="*/ 7105 h 10000"/>
                  <a:gd name="connsiteX36" fmla="*/ 6041 w 10000"/>
                  <a:gd name="connsiteY36" fmla="*/ 7297 h 10000"/>
                  <a:gd name="connsiteX37" fmla="*/ 5888 w 10000"/>
                  <a:gd name="connsiteY37" fmla="*/ 7489 h 10000"/>
                  <a:gd name="connsiteX38" fmla="*/ 5735 w 10000"/>
                  <a:gd name="connsiteY38" fmla="*/ 7681 h 10000"/>
                  <a:gd name="connsiteX39" fmla="*/ 6471 w 10000"/>
                  <a:gd name="connsiteY39" fmla="*/ 7799 h 10000"/>
                  <a:gd name="connsiteX40" fmla="*/ 7234 w 10000"/>
                  <a:gd name="connsiteY40" fmla="*/ 7962 h 10000"/>
                  <a:gd name="connsiteX41" fmla="*/ 7385 w 10000"/>
                  <a:gd name="connsiteY41" fmla="*/ 8021 h 10000"/>
                  <a:gd name="connsiteX42" fmla="*/ 7512 w 10000"/>
                  <a:gd name="connsiteY42" fmla="*/ 8080 h 10000"/>
                  <a:gd name="connsiteX43" fmla="*/ 7639 w 10000"/>
                  <a:gd name="connsiteY43" fmla="*/ 8139 h 10000"/>
                  <a:gd name="connsiteX44" fmla="*/ 7716 w 10000"/>
                  <a:gd name="connsiteY44" fmla="*/ 8227 h 10000"/>
                  <a:gd name="connsiteX45" fmla="*/ 7741 w 10000"/>
                  <a:gd name="connsiteY45" fmla="*/ 8301 h 10000"/>
                  <a:gd name="connsiteX46" fmla="*/ 7741 w 10000"/>
                  <a:gd name="connsiteY46" fmla="*/ 8405 h 10000"/>
                  <a:gd name="connsiteX47" fmla="*/ 7691 w 10000"/>
                  <a:gd name="connsiteY47" fmla="*/ 8523 h 10000"/>
                  <a:gd name="connsiteX48" fmla="*/ 7614 w 10000"/>
                  <a:gd name="connsiteY48" fmla="*/ 8641 h 10000"/>
                  <a:gd name="connsiteX49" fmla="*/ 7284 w 10000"/>
                  <a:gd name="connsiteY49" fmla="*/ 8552 h 10000"/>
                  <a:gd name="connsiteX50" fmla="*/ 6979 w 10000"/>
                  <a:gd name="connsiteY50" fmla="*/ 8449 h 10000"/>
                  <a:gd name="connsiteX51" fmla="*/ 6674 w 10000"/>
                  <a:gd name="connsiteY51" fmla="*/ 8360 h 10000"/>
                  <a:gd name="connsiteX52" fmla="*/ 6369 w 10000"/>
                  <a:gd name="connsiteY52" fmla="*/ 8287 h 10000"/>
                  <a:gd name="connsiteX53" fmla="*/ 6243 w 10000"/>
                  <a:gd name="connsiteY53" fmla="*/ 8449 h 10000"/>
                  <a:gd name="connsiteX54" fmla="*/ 6143 w 10000"/>
                  <a:gd name="connsiteY54" fmla="*/ 8597 h 10000"/>
                  <a:gd name="connsiteX55" fmla="*/ 6091 w 10000"/>
                  <a:gd name="connsiteY55" fmla="*/ 8656 h 10000"/>
                  <a:gd name="connsiteX56" fmla="*/ 5989 w 10000"/>
                  <a:gd name="connsiteY56" fmla="*/ 8700 h 10000"/>
                  <a:gd name="connsiteX57" fmla="*/ 5914 w 10000"/>
                  <a:gd name="connsiteY57" fmla="*/ 8744 h 10000"/>
                  <a:gd name="connsiteX58" fmla="*/ 5838 w 10000"/>
                  <a:gd name="connsiteY58" fmla="*/ 8774 h 10000"/>
                  <a:gd name="connsiteX59" fmla="*/ 5761 w 10000"/>
                  <a:gd name="connsiteY59" fmla="*/ 8804 h 10000"/>
                  <a:gd name="connsiteX60" fmla="*/ 5660 w 10000"/>
                  <a:gd name="connsiteY60" fmla="*/ 8818 h 10000"/>
                  <a:gd name="connsiteX61" fmla="*/ 5532 w 10000"/>
                  <a:gd name="connsiteY61" fmla="*/ 8833 h 10000"/>
                  <a:gd name="connsiteX62" fmla="*/ 5406 w 10000"/>
                  <a:gd name="connsiteY62" fmla="*/ 8833 h 10000"/>
                  <a:gd name="connsiteX63" fmla="*/ 5102 w 10000"/>
                  <a:gd name="connsiteY63" fmla="*/ 8818 h 10000"/>
                  <a:gd name="connsiteX64" fmla="*/ 4720 w 10000"/>
                  <a:gd name="connsiteY64" fmla="*/ 8744 h 10000"/>
                  <a:gd name="connsiteX65" fmla="*/ 4720 w 10000"/>
                  <a:gd name="connsiteY65" fmla="*/ 8922 h 10000"/>
                  <a:gd name="connsiteX66" fmla="*/ 4695 w 10000"/>
                  <a:gd name="connsiteY66" fmla="*/ 9069 h 10000"/>
                  <a:gd name="connsiteX67" fmla="*/ 4671 w 10000"/>
                  <a:gd name="connsiteY67" fmla="*/ 9232 h 10000"/>
                  <a:gd name="connsiteX68" fmla="*/ 4644 w 10000"/>
                  <a:gd name="connsiteY68" fmla="*/ 9365 h 10000"/>
                  <a:gd name="connsiteX69" fmla="*/ 4593 w 10000"/>
                  <a:gd name="connsiteY69" fmla="*/ 9498 h 10000"/>
                  <a:gd name="connsiteX70" fmla="*/ 4493 w 10000"/>
                  <a:gd name="connsiteY70" fmla="*/ 9616 h 10000"/>
                  <a:gd name="connsiteX71" fmla="*/ 4416 w 10000"/>
                  <a:gd name="connsiteY71" fmla="*/ 9734 h 10000"/>
                  <a:gd name="connsiteX72" fmla="*/ 4289 w 10000"/>
                  <a:gd name="connsiteY72" fmla="*/ 9838 h 10000"/>
                  <a:gd name="connsiteX73" fmla="*/ 3983 w 10000"/>
                  <a:gd name="connsiteY73" fmla="*/ 9897 h 10000"/>
                  <a:gd name="connsiteX74" fmla="*/ 3731 w 10000"/>
                  <a:gd name="connsiteY74" fmla="*/ 9941 h 10000"/>
                  <a:gd name="connsiteX75" fmla="*/ 3426 w 10000"/>
                  <a:gd name="connsiteY75" fmla="*/ 9985 h 10000"/>
                  <a:gd name="connsiteX76" fmla="*/ 3198 w 10000"/>
                  <a:gd name="connsiteY76" fmla="*/ 10000 h 10000"/>
                  <a:gd name="connsiteX77" fmla="*/ 2690 w 10000"/>
                  <a:gd name="connsiteY77" fmla="*/ 10000 h 10000"/>
                  <a:gd name="connsiteX78" fmla="*/ 2208 w 10000"/>
                  <a:gd name="connsiteY78" fmla="*/ 9985 h 10000"/>
                  <a:gd name="connsiteX79" fmla="*/ 1752 w 10000"/>
                  <a:gd name="connsiteY79" fmla="*/ 9941 h 10000"/>
                  <a:gd name="connsiteX80" fmla="*/ 1270 w 10000"/>
                  <a:gd name="connsiteY80" fmla="*/ 9911 h 10000"/>
                  <a:gd name="connsiteX81" fmla="*/ 990 w 10000"/>
                  <a:gd name="connsiteY81" fmla="*/ 9911 h 10000"/>
                  <a:gd name="connsiteX82" fmla="*/ 736 w 10000"/>
                  <a:gd name="connsiteY82" fmla="*/ 9911 h 10000"/>
                  <a:gd name="connsiteX83" fmla="*/ 457 w 10000"/>
                  <a:gd name="connsiteY83" fmla="*/ 9926 h 10000"/>
                  <a:gd name="connsiteX84" fmla="*/ 178 w 10000"/>
                  <a:gd name="connsiteY84" fmla="*/ 9970 h 10000"/>
                  <a:gd name="connsiteX85" fmla="*/ 102 w 10000"/>
                  <a:gd name="connsiteY85" fmla="*/ 9867 h 10000"/>
                  <a:gd name="connsiteX86" fmla="*/ 51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1 w 10000"/>
                  <a:gd name="connsiteY89" fmla="*/ 9424 h 10000"/>
                  <a:gd name="connsiteX90" fmla="*/ 102 w 10000"/>
                  <a:gd name="connsiteY90" fmla="*/ 9202 h 10000"/>
                  <a:gd name="connsiteX91" fmla="*/ 151 w 10000"/>
                  <a:gd name="connsiteY91" fmla="*/ 8996 h 10000"/>
                  <a:gd name="connsiteX92" fmla="*/ 203 w 10000"/>
                  <a:gd name="connsiteY92" fmla="*/ 8759 h 10000"/>
                  <a:gd name="connsiteX93" fmla="*/ 228 w 10000"/>
                  <a:gd name="connsiteY93" fmla="*/ 8641 h 10000"/>
                  <a:gd name="connsiteX94" fmla="*/ 228 w 10000"/>
                  <a:gd name="connsiteY94" fmla="*/ 8538 h 10000"/>
                  <a:gd name="connsiteX95" fmla="*/ 203 w 10000"/>
                  <a:gd name="connsiteY95" fmla="*/ 8405 h 10000"/>
                  <a:gd name="connsiteX96" fmla="*/ 178 w 10000"/>
                  <a:gd name="connsiteY96" fmla="*/ 8287 h 10000"/>
                  <a:gd name="connsiteX97" fmla="*/ 431 w 10000"/>
                  <a:gd name="connsiteY97" fmla="*/ 8213 h 10000"/>
                  <a:gd name="connsiteX98" fmla="*/ 685 w 10000"/>
                  <a:gd name="connsiteY98" fmla="*/ 8139 h 10000"/>
                  <a:gd name="connsiteX99" fmla="*/ 939 w 10000"/>
                  <a:gd name="connsiteY99" fmla="*/ 8095 h 10000"/>
                  <a:gd name="connsiteX100" fmla="*/ 1218 w 10000"/>
                  <a:gd name="connsiteY100" fmla="*/ 8065 h 10000"/>
                  <a:gd name="connsiteX101" fmla="*/ 1725 w 10000"/>
                  <a:gd name="connsiteY101" fmla="*/ 8021 h 10000"/>
                  <a:gd name="connsiteX102" fmla="*/ 2234 w 10000"/>
                  <a:gd name="connsiteY102" fmla="*/ 7976 h 10000"/>
                  <a:gd name="connsiteX103" fmla="*/ 2462 w 10000"/>
                  <a:gd name="connsiteY103" fmla="*/ 7947 h 10000"/>
                  <a:gd name="connsiteX104" fmla="*/ 2690 w 10000"/>
                  <a:gd name="connsiteY104" fmla="*/ 7917 h 10000"/>
                  <a:gd name="connsiteX105" fmla="*/ 2892 w 10000"/>
                  <a:gd name="connsiteY105" fmla="*/ 7843 h 10000"/>
                  <a:gd name="connsiteX106" fmla="*/ 3096 w 10000"/>
                  <a:gd name="connsiteY106" fmla="*/ 7784 h 10000"/>
                  <a:gd name="connsiteX107" fmla="*/ 3274 w 10000"/>
                  <a:gd name="connsiteY107" fmla="*/ 7710 h 10000"/>
                  <a:gd name="connsiteX108" fmla="*/ 3426 w 10000"/>
                  <a:gd name="connsiteY108" fmla="*/ 7592 h 10000"/>
                  <a:gd name="connsiteX109" fmla="*/ 3579 w 10000"/>
                  <a:gd name="connsiteY109" fmla="*/ 7474 h 10000"/>
                  <a:gd name="connsiteX110" fmla="*/ 3680 w 10000"/>
                  <a:gd name="connsiteY110" fmla="*/ 7312 h 10000"/>
                  <a:gd name="connsiteX111" fmla="*/ 3477 w 10000"/>
                  <a:gd name="connsiteY111" fmla="*/ 7238 h 10000"/>
                  <a:gd name="connsiteX112" fmla="*/ 3299 w 10000"/>
                  <a:gd name="connsiteY112" fmla="*/ 7179 h 10000"/>
                  <a:gd name="connsiteX113" fmla="*/ 3147 w 10000"/>
                  <a:gd name="connsiteY113" fmla="*/ 7090 h 10000"/>
                  <a:gd name="connsiteX114" fmla="*/ 2995 w 10000"/>
                  <a:gd name="connsiteY114" fmla="*/ 6987 h 10000"/>
                  <a:gd name="connsiteX115" fmla="*/ 2892 w 10000"/>
                  <a:gd name="connsiteY115" fmla="*/ 6869 h 10000"/>
                  <a:gd name="connsiteX116" fmla="*/ 2843 w 10000"/>
                  <a:gd name="connsiteY116" fmla="*/ 6721 h 10000"/>
                  <a:gd name="connsiteX117" fmla="*/ 2817 w 10000"/>
                  <a:gd name="connsiteY117" fmla="*/ 6558 h 10000"/>
                  <a:gd name="connsiteX118" fmla="*/ 2843 w 10000"/>
                  <a:gd name="connsiteY118" fmla="*/ 6352 h 10000"/>
                  <a:gd name="connsiteX119" fmla="*/ 2716 w 10000"/>
                  <a:gd name="connsiteY119" fmla="*/ 6322 h 10000"/>
                  <a:gd name="connsiteX120" fmla="*/ 2564 w 10000"/>
                  <a:gd name="connsiteY120" fmla="*/ 6292 h 10000"/>
                  <a:gd name="connsiteX121" fmla="*/ 2386 w 10000"/>
                  <a:gd name="connsiteY121" fmla="*/ 6278 h 10000"/>
                  <a:gd name="connsiteX122" fmla="*/ 2208 w 10000"/>
                  <a:gd name="connsiteY122" fmla="*/ 6263 h 10000"/>
                  <a:gd name="connsiteX123" fmla="*/ 1853 w 10000"/>
                  <a:gd name="connsiteY123" fmla="*/ 6248 h 10000"/>
                  <a:gd name="connsiteX124" fmla="*/ 1472 w 10000"/>
                  <a:gd name="connsiteY124" fmla="*/ 6263 h 10000"/>
                  <a:gd name="connsiteX125" fmla="*/ 1143 w 10000"/>
                  <a:gd name="connsiteY125" fmla="*/ 6278 h 10000"/>
                  <a:gd name="connsiteX126" fmla="*/ 837 w 10000"/>
                  <a:gd name="connsiteY126" fmla="*/ 6278 h 10000"/>
                  <a:gd name="connsiteX127" fmla="*/ 585 w 10000"/>
                  <a:gd name="connsiteY127" fmla="*/ 6263 h 10000"/>
                  <a:gd name="connsiteX128" fmla="*/ 381 w 10000"/>
                  <a:gd name="connsiteY128" fmla="*/ 6233 h 10000"/>
                  <a:gd name="connsiteX129" fmla="*/ 633 w 10000"/>
                  <a:gd name="connsiteY129" fmla="*/ 5805 h 10000"/>
                  <a:gd name="connsiteX130" fmla="*/ 914 w 10000"/>
                  <a:gd name="connsiteY130" fmla="*/ 5391 h 10000"/>
                  <a:gd name="connsiteX131" fmla="*/ 1016 w 10000"/>
                  <a:gd name="connsiteY131" fmla="*/ 5170 h 10000"/>
                  <a:gd name="connsiteX132" fmla="*/ 1091 w 10000"/>
                  <a:gd name="connsiteY132" fmla="*/ 4963 h 10000"/>
                  <a:gd name="connsiteX133" fmla="*/ 1116 w 10000"/>
                  <a:gd name="connsiteY133" fmla="*/ 4860 h 10000"/>
                  <a:gd name="connsiteX134" fmla="*/ 1091 w 10000"/>
                  <a:gd name="connsiteY134" fmla="*/ 4756 h 10000"/>
                  <a:gd name="connsiteX135" fmla="*/ 1066 w 10000"/>
                  <a:gd name="connsiteY135" fmla="*/ 4653 h 10000"/>
                  <a:gd name="connsiteX136" fmla="*/ 990 w 10000"/>
                  <a:gd name="connsiteY136" fmla="*/ 4549 h 10000"/>
                  <a:gd name="connsiteX137" fmla="*/ 1270 w 10000"/>
                  <a:gd name="connsiteY137" fmla="*/ 4520 h 10000"/>
                  <a:gd name="connsiteX138" fmla="*/ 1472 w 10000"/>
                  <a:gd name="connsiteY138" fmla="*/ 4505 h 10000"/>
                  <a:gd name="connsiteX139" fmla="*/ 1650 w 10000"/>
                  <a:gd name="connsiteY139" fmla="*/ 4505 h 10000"/>
                  <a:gd name="connsiteX140" fmla="*/ 1802 w 10000"/>
                  <a:gd name="connsiteY140" fmla="*/ 4520 h 10000"/>
                  <a:gd name="connsiteX141" fmla="*/ 1929 w 10000"/>
                  <a:gd name="connsiteY141" fmla="*/ 4520 h 10000"/>
                  <a:gd name="connsiteX142" fmla="*/ 2081 w 10000"/>
                  <a:gd name="connsiteY142" fmla="*/ 4520 h 10000"/>
                  <a:gd name="connsiteX143" fmla="*/ 2234 w 10000"/>
                  <a:gd name="connsiteY143" fmla="*/ 4490 h 10000"/>
                  <a:gd name="connsiteX144" fmla="*/ 2436 w 10000"/>
                  <a:gd name="connsiteY144" fmla="*/ 4446 h 10000"/>
                  <a:gd name="connsiteX145" fmla="*/ 2436 w 10000"/>
                  <a:gd name="connsiteY145" fmla="*/ 4579 h 10000"/>
                  <a:gd name="connsiteX146" fmla="*/ 2436 w 10000"/>
                  <a:gd name="connsiteY146" fmla="*/ 4742 h 10000"/>
                  <a:gd name="connsiteX147" fmla="*/ 2436 w 10000"/>
                  <a:gd name="connsiteY147" fmla="*/ 4874 h 10000"/>
                  <a:gd name="connsiteX148" fmla="*/ 2436 w 10000"/>
                  <a:gd name="connsiteY148" fmla="*/ 5037 h 10000"/>
                  <a:gd name="connsiteX149" fmla="*/ 2665 w 10000"/>
                  <a:gd name="connsiteY149" fmla="*/ 5022 h 10000"/>
                  <a:gd name="connsiteX150" fmla="*/ 2817 w 10000"/>
                  <a:gd name="connsiteY150" fmla="*/ 5037 h 10000"/>
                  <a:gd name="connsiteX151" fmla="*/ 2944 w 10000"/>
                  <a:gd name="connsiteY151" fmla="*/ 5066 h 10000"/>
                  <a:gd name="connsiteX152" fmla="*/ 3071 w 10000"/>
                  <a:gd name="connsiteY152" fmla="*/ 5096 h 10000"/>
                  <a:gd name="connsiteX153" fmla="*/ 3173 w 10000"/>
                  <a:gd name="connsiteY153" fmla="*/ 5126 h 10000"/>
                  <a:gd name="connsiteX154" fmla="*/ 3299 w 10000"/>
                  <a:gd name="connsiteY154" fmla="*/ 5155 h 10000"/>
                  <a:gd name="connsiteX155" fmla="*/ 3452 w 10000"/>
                  <a:gd name="connsiteY155" fmla="*/ 5170 h 10000"/>
                  <a:gd name="connsiteX156" fmla="*/ 3680 w 10000"/>
                  <a:gd name="connsiteY156" fmla="*/ 5155 h 10000"/>
                  <a:gd name="connsiteX157" fmla="*/ 3757 w 10000"/>
                  <a:gd name="connsiteY157" fmla="*/ 5096 h 10000"/>
                  <a:gd name="connsiteX158" fmla="*/ 3832 w 10000"/>
                  <a:gd name="connsiteY158" fmla="*/ 5022 h 10000"/>
                  <a:gd name="connsiteX159" fmla="*/ 3857 w 10000"/>
                  <a:gd name="connsiteY159" fmla="*/ 4934 h 10000"/>
                  <a:gd name="connsiteX160" fmla="*/ 3884 w 10000"/>
                  <a:gd name="connsiteY160" fmla="*/ 4860 h 10000"/>
                  <a:gd name="connsiteX161" fmla="*/ 3908 w 10000"/>
                  <a:gd name="connsiteY161" fmla="*/ 4697 h 10000"/>
                  <a:gd name="connsiteX162" fmla="*/ 3884 w 10000"/>
                  <a:gd name="connsiteY162" fmla="*/ 4520 h 10000"/>
                  <a:gd name="connsiteX163" fmla="*/ 3807 w 10000"/>
                  <a:gd name="connsiteY163" fmla="*/ 4343 h 10000"/>
                  <a:gd name="connsiteX164" fmla="*/ 3731 w 10000"/>
                  <a:gd name="connsiteY164" fmla="*/ 4195 h 10000"/>
                  <a:gd name="connsiteX165" fmla="*/ 3604 w 10000"/>
                  <a:gd name="connsiteY165" fmla="*/ 4047 h 10000"/>
                  <a:gd name="connsiteX166" fmla="*/ 3477 w 10000"/>
                  <a:gd name="connsiteY166" fmla="*/ 3959 h 10000"/>
                  <a:gd name="connsiteX167" fmla="*/ 3629 w 10000"/>
                  <a:gd name="connsiteY167" fmla="*/ 3944 h 10000"/>
                  <a:gd name="connsiteX168" fmla="*/ 3757 w 10000"/>
                  <a:gd name="connsiteY168" fmla="*/ 3914 h 10000"/>
                  <a:gd name="connsiteX169" fmla="*/ 3857 w 10000"/>
                  <a:gd name="connsiteY169" fmla="*/ 3855 h 10000"/>
                  <a:gd name="connsiteX170" fmla="*/ 3983 w 10000"/>
                  <a:gd name="connsiteY170" fmla="*/ 3752 h 10000"/>
                  <a:gd name="connsiteX171" fmla="*/ 4111 w 10000"/>
                  <a:gd name="connsiteY171" fmla="*/ 3663 h 10000"/>
                  <a:gd name="connsiteX172" fmla="*/ 4213 w 10000"/>
                  <a:gd name="connsiteY172" fmla="*/ 3560 h 10000"/>
                  <a:gd name="connsiteX173" fmla="*/ 4289 w 10000"/>
                  <a:gd name="connsiteY173" fmla="*/ 3442 h 10000"/>
                  <a:gd name="connsiteX174" fmla="*/ 4366 w 10000"/>
                  <a:gd name="connsiteY174" fmla="*/ 3323 h 10000"/>
                  <a:gd name="connsiteX175" fmla="*/ 4416 w 10000"/>
                  <a:gd name="connsiteY175" fmla="*/ 3220 h 10000"/>
                  <a:gd name="connsiteX176" fmla="*/ 4441 w 10000"/>
                  <a:gd name="connsiteY176" fmla="*/ 3102 h 10000"/>
                  <a:gd name="connsiteX177" fmla="*/ 4468 w 10000"/>
                  <a:gd name="connsiteY177" fmla="*/ 3013 h 10000"/>
                  <a:gd name="connsiteX178" fmla="*/ 4441 w 10000"/>
                  <a:gd name="connsiteY178" fmla="*/ 2939 h 10000"/>
                  <a:gd name="connsiteX179" fmla="*/ 4416 w 10000"/>
                  <a:gd name="connsiteY179" fmla="*/ 2866 h 10000"/>
                  <a:gd name="connsiteX180" fmla="*/ 4340 w 10000"/>
                  <a:gd name="connsiteY180" fmla="*/ 2836 h 10000"/>
                  <a:gd name="connsiteX181" fmla="*/ 4239 w 10000"/>
                  <a:gd name="connsiteY181" fmla="*/ 2836 h 10000"/>
                  <a:gd name="connsiteX182" fmla="*/ 4111 w 10000"/>
                  <a:gd name="connsiteY182" fmla="*/ 2866 h 10000"/>
                  <a:gd name="connsiteX183" fmla="*/ 4213 w 10000"/>
                  <a:gd name="connsiteY183" fmla="*/ 2777 h 10000"/>
                  <a:gd name="connsiteX184" fmla="*/ 4265 w 10000"/>
                  <a:gd name="connsiteY184" fmla="*/ 2674 h 10000"/>
                  <a:gd name="connsiteX185" fmla="*/ 4289 w 10000"/>
                  <a:gd name="connsiteY185" fmla="*/ 2541 h 10000"/>
                  <a:gd name="connsiteX186" fmla="*/ 4289 w 10000"/>
                  <a:gd name="connsiteY186" fmla="*/ 2393 h 10000"/>
                  <a:gd name="connsiteX187" fmla="*/ 4314 w 10000"/>
                  <a:gd name="connsiteY187" fmla="*/ 2349 h 10000"/>
                  <a:gd name="connsiteX188" fmla="*/ 4366 w 10000"/>
                  <a:gd name="connsiteY188" fmla="*/ 2304 h 10000"/>
                  <a:gd name="connsiteX189" fmla="*/ 4416 w 10000"/>
                  <a:gd name="connsiteY189" fmla="*/ 2290 h 10000"/>
                  <a:gd name="connsiteX190" fmla="*/ 4493 w 10000"/>
                  <a:gd name="connsiteY190" fmla="*/ 2275 h 10000"/>
                  <a:gd name="connsiteX191" fmla="*/ 4720 w 10000"/>
                  <a:gd name="connsiteY191" fmla="*/ 2260 h 10000"/>
                  <a:gd name="connsiteX192" fmla="*/ 4923 w 10000"/>
                  <a:gd name="connsiteY192" fmla="*/ 2275 h 10000"/>
                  <a:gd name="connsiteX193" fmla="*/ 4898 w 10000"/>
                  <a:gd name="connsiteY193" fmla="*/ 2112 h 10000"/>
                  <a:gd name="connsiteX194" fmla="*/ 4848 w 10000"/>
                  <a:gd name="connsiteY194" fmla="*/ 1950 h 10000"/>
                  <a:gd name="connsiteX195" fmla="*/ 4771 w 10000"/>
                  <a:gd name="connsiteY195" fmla="*/ 1802 h 10000"/>
                  <a:gd name="connsiteX196" fmla="*/ 4671 w 10000"/>
                  <a:gd name="connsiteY196" fmla="*/ 1640 h 10000"/>
                  <a:gd name="connsiteX197" fmla="*/ 4416 w 10000"/>
                  <a:gd name="connsiteY197" fmla="*/ 1329 h 10000"/>
                  <a:gd name="connsiteX198" fmla="*/ 4162 w 10000"/>
                  <a:gd name="connsiteY198" fmla="*/ 1034 h 10000"/>
                  <a:gd name="connsiteX199" fmla="*/ 4035 w 10000"/>
                  <a:gd name="connsiteY199" fmla="*/ 901 h 10000"/>
                  <a:gd name="connsiteX200" fmla="*/ 3935 w 10000"/>
                  <a:gd name="connsiteY200" fmla="*/ 753 h 10000"/>
                  <a:gd name="connsiteX201" fmla="*/ 3857 w 10000"/>
                  <a:gd name="connsiteY201" fmla="*/ 620 h 10000"/>
                  <a:gd name="connsiteX202" fmla="*/ 3832 w 10000"/>
                  <a:gd name="connsiteY202" fmla="*/ 487 h 10000"/>
                  <a:gd name="connsiteX203" fmla="*/ 3807 w 10000"/>
                  <a:gd name="connsiteY203" fmla="*/ 355 h 10000"/>
                  <a:gd name="connsiteX204" fmla="*/ 3857 w 10000"/>
                  <a:gd name="connsiteY204" fmla="*/ 222 h 10000"/>
                  <a:gd name="connsiteX205" fmla="*/ 3884 w 10000"/>
                  <a:gd name="connsiteY205" fmla="*/ 162 h 10000"/>
                  <a:gd name="connsiteX206" fmla="*/ 3935 w 10000"/>
                  <a:gd name="connsiteY206" fmla="*/ 103 h 10000"/>
                  <a:gd name="connsiteX207" fmla="*/ 4011 w 10000"/>
                  <a:gd name="connsiteY207" fmla="*/ 59 h 10000"/>
                  <a:gd name="connsiteX208" fmla="*/ 4111 w 10000"/>
                  <a:gd name="connsiteY208" fmla="*/ 0 h 10000"/>
                  <a:gd name="connsiteX209" fmla="*/ 4289 w 10000"/>
                  <a:gd name="connsiteY209" fmla="*/ 0 h 10000"/>
                  <a:gd name="connsiteX210" fmla="*/ 4468 w 10000"/>
                  <a:gd name="connsiteY210" fmla="*/ 15 h 10000"/>
                  <a:gd name="connsiteX211" fmla="*/ 4644 w 10000"/>
                  <a:gd name="connsiteY211" fmla="*/ 44 h 10000"/>
                  <a:gd name="connsiteX212" fmla="*/ 4771 w 10000"/>
                  <a:gd name="connsiteY212" fmla="*/ 89 h 10000"/>
                  <a:gd name="connsiteX213" fmla="*/ 4975 w 10000"/>
                  <a:gd name="connsiteY213" fmla="*/ 192 h 10000"/>
                  <a:gd name="connsiteX214" fmla="*/ 5177 w 10000"/>
                  <a:gd name="connsiteY214" fmla="*/ 340 h 10000"/>
                  <a:gd name="connsiteX215" fmla="*/ 5329 w 10000"/>
                  <a:gd name="connsiteY215" fmla="*/ 473 h 10000"/>
                  <a:gd name="connsiteX216" fmla="*/ 5532 w 10000"/>
                  <a:gd name="connsiteY216" fmla="*/ 591 h 10000"/>
                  <a:gd name="connsiteX217" fmla="*/ 5660 w 10000"/>
                  <a:gd name="connsiteY217" fmla="*/ 650 h 10000"/>
                  <a:gd name="connsiteX218" fmla="*/ 5812 w 10000"/>
                  <a:gd name="connsiteY218" fmla="*/ 679 h 10000"/>
                  <a:gd name="connsiteX219" fmla="*/ 5965 w 10000"/>
                  <a:gd name="connsiteY219" fmla="*/ 709 h 10000"/>
                  <a:gd name="connsiteX220" fmla="*/ 6168 w 10000"/>
                  <a:gd name="connsiteY220" fmla="*/ 709 h 10000"/>
                  <a:gd name="connsiteX221" fmla="*/ 6168 w 10000"/>
                  <a:gd name="connsiteY221" fmla="*/ 768 h 10000"/>
                  <a:gd name="connsiteX222" fmla="*/ 6193 w 10000"/>
                  <a:gd name="connsiteY222" fmla="*/ 842 h 10000"/>
                  <a:gd name="connsiteX223" fmla="*/ 6243 w 10000"/>
                  <a:gd name="connsiteY223" fmla="*/ 916 h 10000"/>
                  <a:gd name="connsiteX224" fmla="*/ 6294 w 10000"/>
                  <a:gd name="connsiteY224" fmla="*/ 990 h 10000"/>
                  <a:gd name="connsiteX225" fmla="*/ 6369 w 10000"/>
                  <a:gd name="connsiteY225" fmla="*/ 1049 h 10000"/>
                  <a:gd name="connsiteX226" fmla="*/ 6471 w 10000"/>
                  <a:gd name="connsiteY226" fmla="*/ 1108 h 10000"/>
                  <a:gd name="connsiteX227" fmla="*/ 6598 w 10000"/>
                  <a:gd name="connsiteY227" fmla="*/ 1182 h 10000"/>
                  <a:gd name="connsiteX228" fmla="*/ 6700 w 10000"/>
                  <a:gd name="connsiteY228" fmla="*/ 1226 h 10000"/>
                  <a:gd name="connsiteX229" fmla="*/ 6802 w 10000"/>
                  <a:gd name="connsiteY229" fmla="*/ 1270 h 10000"/>
                  <a:gd name="connsiteX230" fmla="*/ 6903 w 10000"/>
                  <a:gd name="connsiteY230" fmla="*/ 1300 h 10000"/>
                  <a:gd name="connsiteX231" fmla="*/ 7005 w 10000"/>
                  <a:gd name="connsiteY231" fmla="*/ 1315 h 10000"/>
                  <a:gd name="connsiteX232" fmla="*/ 7132 w 10000"/>
                  <a:gd name="connsiteY232" fmla="*/ 1300 h 10000"/>
                  <a:gd name="connsiteX233" fmla="*/ 7234 w 10000"/>
                  <a:gd name="connsiteY233" fmla="*/ 1285 h 10000"/>
                  <a:gd name="connsiteX234" fmla="*/ 7309 w 10000"/>
                  <a:gd name="connsiteY234" fmla="*/ 1241 h 10000"/>
                  <a:gd name="connsiteX235" fmla="*/ 7361 w 10000"/>
                  <a:gd name="connsiteY235" fmla="*/ 1167 h 10000"/>
                  <a:gd name="connsiteX236" fmla="*/ 7385 w 10000"/>
                  <a:gd name="connsiteY236" fmla="*/ 1064 h 10000"/>
                  <a:gd name="connsiteX237" fmla="*/ 7766 w 10000"/>
                  <a:gd name="connsiteY237" fmla="*/ 1034 h 10000"/>
                  <a:gd name="connsiteX238" fmla="*/ 8121 w 10000"/>
                  <a:gd name="connsiteY238" fmla="*/ 1004 h 10000"/>
                  <a:gd name="connsiteX239" fmla="*/ 8427 w 10000"/>
                  <a:gd name="connsiteY239" fmla="*/ 990 h 10000"/>
                  <a:gd name="connsiteX240" fmla="*/ 8706 w 10000"/>
                  <a:gd name="connsiteY240" fmla="*/ 1004 h 10000"/>
                  <a:gd name="connsiteX241" fmla="*/ 8833 w 10000"/>
                  <a:gd name="connsiteY241" fmla="*/ 1019 h 10000"/>
                  <a:gd name="connsiteX242" fmla="*/ 8958 w 10000"/>
                  <a:gd name="connsiteY242" fmla="*/ 1034 h 10000"/>
                  <a:gd name="connsiteX243" fmla="*/ 9061 w 10000"/>
                  <a:gd name="connsiteY243" fmla="*/ 1064 h 10000"/>
                  <a:gd name="connsiteX244" fmla="*/ 9188 w 10000"/>
                  <a:gd name="connsiteY244" fmla="*/ 1108 h 10000"/>
                  <a:gd name="connsiteX245" fmla="*/ 9264 w 10000"/>
                  <a:gd name="connsiteY245" fmla="*/ 1182 h 10000"/>
                  <a:gd name="connsiteX246" fmla="*/ 9339 w 10000"/>
                  <a:gd name="connsiteY246" fmla="*/ 1241 h 10000"/>
                  <a:gd name="connsiteX247" fmla="*/ 9391 w 10000"/>
                  <a:gd name="connsiteY247" fmla="*/ 1329 h 10000"/>
                  <a:gd name="connsiteX248" fmla="*/ 9442 w 10000"/>
                  <a:gd name="connsiteY248" fmla="*/ 1433 h 10000"/>
                  <a:gd name="connsiteX249" fmla="*/ 9492 w 10000"/>
                  <a:gd name="connsiteY249" fmla="*/ 1551 h 10000"/>
                  <a:gd name="connsiteX250" fmla="*/ 9466 w 10000"/>
                  <a:gd name="connsiteY250" fmla="*/ 1625 h 10000"/>
                  <a:gd name="connsiteX251" fmla="*/ 9442 w 10000"/>
                  <a:gd name="connsiteY251" fmla="*/ 1684 h 10000"/>
                  <a:gd name="connsiteX252" fmla="*/ 9391 w 10000"/>
                  <a:gd name="connsiteY252" fmla="*/ 1758 h 10000"/>
                  <a:gd name="connsiteX253" fmla="*/ 9315 w 10000"/>
                  <a:gd name="connsiteY253" fmla="*/ 1802 h 10000"/>
                  <a:gd name="connsiteX254" fmla="*/ 9264 w 10000"/>
                  <a:gd name="connsiteY254" fmla="*/ 1861 h 10000"/>
                  <a:gd name="connsiteX255" fmla="*/ 9240 w 10000"/>
                  <a:gd name="connsiteY255" fmla="*/ 1935 h 10000"/>
                  <a:gd name="connsiteX256" fmla="*/ 9264 w 10000"/>
                  <a:gd name="connsiteY256" fmla="*/ 2024 h 10000"/>
                  <a:gd name="connsiteX257" fmla="*/ 9543 w 10000"/>
                  <a:gd name="connsiteY257" fmla="*/ 2157 h 10000"/>
                  <a:gd name="connsiteX258" fmla="*/ 9873 w 10000"/>
                  <a:gd name="connsiteY258" fmla="*/ 2275 h 10000"/>
                  <a:gd name="connsiteX259" fmla="*/ 10000 w 10000"/>
                  <a:gd name="connsiteY25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8984 w 10000"/>
                  <a:gd name="connsiteY9" fmla="*/ 3412 h 10000"/>
                  <a:gd name="connsiteX10" fmla="*/ 9188 w 10000"/>
                  <a:gd name="connsiteY10" fmla="*/ 3338 h 10000"/>
                  <a:gd name="connsiteX11" fmla="*/ 9415 w 10000"/>
                  <a:gd name="connsiteY11" fmla="*/ 3117 h 10000"/>
                  <a:gd name="connsiteX12" fmla="*/ 9442 w 10000"/>
                  <a:gd name="connsiteY12" fmla="*/ 3072 h 10000"/>
                  <a:gd name="connsiteX13" fmla="*/ 9466 w 10000"/>
                  <a:gd name="connsiteY13" fmla="*/ 3013 h 10000"/>
                  <a:gd name="connsiteX14" fmla="*/ 9466 w 10000"/>
                  <a:gd name="connsiteY14" fmla="*/ 2954 h 10000"/>
                  <a:gd name="connsiteX15" fmla="*/ 9442 w 10000"/>
                  <a:gd name="connsiteY15" fmla="*/ 2866 h 10000"/>
                  <a:gd name="connsiteX16" fmla="*/ 9264 w 10000"/>
                  <a:gd name="connsiteY16" fmla="*/ 2984 h 10000"/>
                  <a:gd name="connsiteX17" fmla="*/ 9061 w 10000"/>
                  <a:gd name="connsiteY17" fmla="*/ 3072 h 10000"/>
                  <a:gd name="connsiteX18" fmla="*/ 8197 w 10000"/>
                  <a:gd name="connsiteY18" fmla="*/ 3397 h 10000"/>
                  <a:gd name="connsiteX19" fmla="*/ 7716 w 10000"/>
                  <a:gd name="connsiteY19" fmla="*/ 3545 h 10000"/>
                  <a:gd name="connsiteX20" fmla="*/ 7234 w 10000"/>
                  <a:gd name="connsiteY20" fmla="*/ 3678 h 10000"/>
                  <a:gd name="connsiteX21" fmla="*/ 6776 w 10000"/>
                  <a:gd name="connsiteY21" fmla="*/ 3840 h 10000"/>
                  <a:gd name="connsiteX22" fmla="*/ 6548 w 10000"/>
                  <a:gd name="connsiteY22" fmla="*/ 3914 h 10000"/>
                  <a:gd name="connsiteX23" fmla="*/ 6345 w 10000"/>
                  <a:gd name="connsiteY23" fmla="*/ 4003 h 10000"/>
                  <a:gd name="connsiteX24" fmla="*/ 6143 w 10000"/>
                  <a:gd name="connsiteY24" fmla="*/ 4106 h 10000"/>
                  <a:gd name="connsiteX25" fmla="*/ 5938 w 10000"/>
                  <a:gd name="connsiteY25" fmla="*/ 4195 h 10000"/>
                  <a:gd name="connsiteX26" fmla="*/ 6091 w 10000"/>
                  <a:gd name="connsiteY26" fmla="*/ 4417 h 10000"/>
                  <a:gd name="connsiteX27" fmla="*/ 6369 w 10000"/>
                  <a:gd name="connsiteY27" fmla="*/ 5081 h 10000"/>
                  <a:gd name="connsiteX28" fmla="*/ 6421 w 10000"/>
                  <a:gd name="connsiteY28" fmla="*/ 5318 h 10000"/>
                  <a:gd name="connsiteX29" fmla="*/ 6447 w 10000"/>
                  <a:gd name="connsiteY29" fmla="*/ 5539 h 10000"/>
                  <a:gd name="connsiteX30" fmla="*/ 6471 w 10000"/>
                  <a:gd name="connsiteY30" fmla="*/ 5775 h 10000"/>
                  <a:gd name="connsiteX31" fmla="*/ 6471 w 10000"/>
                  <a:gd name="connsiteY31" fmla="*/ 5997 h 10000"/>
                  <a:gd name="connsiteX32" fmla="*/ 6447 w 10000"/>
                  <a:gd name="connsiteY32" fmla="*/ 6233 h 10000"/>
                  <a:gd name="connsiteX33" fmla="*/ 6396 w 10000"/>
                  <a:gd name="connsiteY33" fmla="*/ 6470 h 10000"/>
                  <a:gd name="connsiteX34" fmla="*/ 6345 w 10000"/>
                  <a:gd name="connsiteY34" fmla="*/ 6677 h 10000"/>
                  <a:gd name="connsiteX35" fmla="*/ 6269 w 10000"/>
                  <a:gd name="connsiteY35" fmla="*/ 6898 h 10000"/>
                  <a:gd name="connsiteX36" fmla="*/ 6168 w 10000"/>
                  <a:gd name="connsiteY36" fmla="*/ 7105 h 10000"/>
                  <a:gd name="connsiteX37" fmla="*/ 6041 w 10000"/>
                  <a:gd name="connsiteY37" fmla="*/ 7297 h 10000"/>
                  <a:gd name="connsiteX38" fmla="*/ 5888 w 10000"/>
                  <a:gd name="connsiteY38" fmla="*/ 7489 h 10000"/>
                  <a:gd name="connsiteX39" fmla="*/ 5735 w 10000"/>
                  <a:gd name="connsiteY39" fmla="*/ 7681 h 10000"/>
                  <a:gd name="connsiteX40" fmla="*/ 6471 w 10000"/>
                  <a:gd name="connsiteY40" fmla="*/ 7799 h 10000"/>
                  <a:gd name="connsiteX41" fmla="*/ 7234 w 10000"/>
                  <a:gd name="connsiteY41" fmla="*/ 7962 h 10000"/>
                  <a:gd name="connsiteX42" fmla="*/ 7385 w 10000"/>
                  <a:gd name="connsiteY42" fmla="*/ 8021 h 10000"/>
                  <a:gd name="connsiteX43" fmla="*/ 7512 w 10000"/>
                  <a:gd name="connsiteY43" fmla="*/ 8080 h 10000"/>
                  <a:gd name="connsiteX44" fmla="*/ 7639 w 10000"/>
                  <a:gd name="connsiteY44" fmla="*/ 8139 h 10000"/>
                  <a:gd name="connsiteX45" fmla="*/ 7716 w 10000"/>
                  <a:gd name="connsiteY45" fmla="*/ 8227 h 10000"/>
                  <a:gd name="connsiteX46" fmla="*/ 7741 w 10000"/>
                  <a:gd name="connsiteY46" fmla="*/ 8301 h 10000"/>
                  <a:gd name="connsiteX47" fmla="*/ 7741 w 10000"/>
                  <a:gd name="connsiteY47" fmla="*/ 8405 h 10000"/>
                  <a:gd name="connsiteX48" fmla="*/ 7691 w 10000"/>
                  <a:gd name="connsiteY48" fmla="*/ 8523 h 10000"/>
                  <a:gd name="connsiteX49" fmla="*/ 7614 w 10000"/>
                  <a:gd name="connsiteY49" fmla="*/ 8641 h 10000"/>
                  <a:gd name="connsiteX50" fmla="*/ 7284 w 10000"/>
                  <a:gd name="connsiteY50" fmla="*/ 8552 h 10000"/>
                  <a:gd name="connsiteX51" fmla="*/ 6979 w 10000"/>
                  <a:gd name="connsiteY51" fmla="*/ 8449 h 10000"/>
                  <a:gd name="connsiteX52" fmla="*/ 6674 w 10000"/>
                  <a:gd name="connsiteY52" fmla="*/ 8360 h 10000"/>
                  <a:gd name="connsiteX53" fmla="*/ 6369 w 10000"/>
                  <a:gd name="connsiteY53" fmla="*/ 8287 h 10000"/>
                  <a:gd name="connsiteX54" fmla="*/ 6243 w 10000"/>
                  <a:gd name="connsiteY54" fmla="*/ 8449 h 10000"/>
                  <a:gd name="connsiteX55" fmla="*/ 6143 w 10000"/>
                  <a:gd name="connsiteY55" fmla="*/ 8597 h 10000"/>
                  <a:gd name="connsiteX56" fmla="*/ 6091 w 10000"/>
                  <a:gd name="connsiteY56" fmla="*/ 8656 h 10000"/>
                  <a:gd name="connsiteX57" fmla="*/ 5989 w 10000"/>
                  <a:gd name="connsiteY57" fmla="*/ 8700 h 10000"/>
                  <a:gd name="connsiteX58" fmla="*/ 5914 w 10000"/>
                  <a:gd name="connsiteY58" fmla="*/ 8744 h 10000"/>
                  <a:gd name="connsiteX59" fmla="*/ 5838 w 10000"/>
                  <a:gd name="connsiteY59" fmla="*/ 8774 h 10000"/>
                  <a:gd name="connsiteX60" fmla="*/ 5761 w 10000"/>
                  <a:gd name="connsiteY60" fmla="*/ 8804 h 10000"/>
                  <a:gd name="connsiteX61" fmla="*/ 5660 w 10000"/>
                  <a:gd name="connsiteY61" fmla="*/ 8818 h 10000"/>
                  <a:gd name="connsiteX62" fmla="*/ 5532 w 10000"/>
                  <a:gd name="connsiteY62" fmla="*/ 8833 h 10000"/>
                  <a:gd name="connsiteX63" fmla="*/ 5406 w 10000"/>
                  <a:gd name="connsiteY63" fmla="*/ 8833 h 10000"/>
                  <a:gd name="connsiteX64" fmla="*/ 5102 w 10000"/>
                  <a:gd name="connsiteY64" fmla="*/ 8818 h 10000"/>
                  <a:gd name="connsiteX65" fmla="*/ 4720 w 10000"/>
                  <a:gd name="connsiteY65" fmla="*/ 8744 h 10000"/>
                  <a:gd name="connsiteX66" fmla="*/ 4720 w 10000"/>
                  <a:gd name="connsiteY66" fmla="*/ 8922 h 10000"/>
                  <a:gd name="connsiteX67" fmla="*/ 4695 w 10000"/>
                  <a:gd name="connsiteY67" fmla="*/ 9069 h 10000"/>
                  <a:gd name="connsiteX68" fmla="*/ 4671 w 10000"/>
                  <a:gd name="connsiteY68" fmla="*/ 9232 h 10000"/>
                  <a:gd name="connsiteX69" fmla="*/ 4644 w 10000"/>
                  <a:gd name="connsiteY69" fmla="*/ 9365 h 10000"/>
                  <a:gd name="connsiteX70" fmla="*/ 4593 w 10000"/>
                  <a:gd name="connsiteY70" fmla="*/ 9498 h 10000"/>
                  <a:gd name="connsiteX71" fmla="*/ 4493 w 10000"/>
                  <a:gd name="connsiteY71" fmla="*/ 9616 h 10000"/>
                  <a:gd name="connsiteX72" fmla="*/ 4416 w 10000"/>
                  <a:gd name="connsiteY72" fmla="*/ 9734 h 10000"/>
                  <a:gd name="connsiteX73" fmla="*/ 4289 w 10000"/>
                  <a:gd name="connsiteY73" fmla="*/ 9838 h 10000"/>
                  <a:gd name="connsiteX74" fmla="*/ 3983 w 10000"/>
                  <a:gd name="connsiteY74" fmla="*/ 9897 h 10000"/>
                  <a:gd name="connsiteX75" fmla="*/ 3731 w 10000"/>
                  <a:gd name="connsiteY75" fmla="*/ 9941 h 10000"/>
                  <a:gd name="connsiteX76" fmla="*/ 3426 w 10000"/>
                  <a:gd name="connsiteY76" fmla="*/ 9985 h 10000"/>
                  <a:gd name="connsiteX77" fmla="*/ 3198 w 10000"/>
                  <a:gd name="connsiteY77" fmla="*/ 10000 h 10000"/>
                  <a:gd name="connsiteX78" fmla="*/ 2690 w 10000"/>
                  <a:gd name="connsiteY78" fmla="*/ 10000 h 10000"/>
                  <a:gd name="connsiteX79" fmla="*/ 2208 w 10000"/>
                  <a:gd name="connsiteY79" fmla="*/ 9985 h 10000"/>
                  <a:gd name="connsiteX80" fmla="*/ 1752 w 10000"/>
                  <a:gd name="connsiteY80" fmla="*/ 9941 h 10000"/>
                  <a:gd name="connsiteX81" fmla="*/ 1270 w 10000"/>
                  <a:gd name="connsiteY81" fmla="*/ 9911 h 10000"/>
                  <a:gd name="connsiteX82" fmla="*/ 990 w 10000"/>
                  <a:gd name="connsiteY82" fmla="*/ 9911 h 10000"/>
                  <a:gd name="connsiteX83" fmla="*/ 736 w 10000"/>
                  <a:gd name="connsiteY83" fmla="*/ 9911 h 10000"/>
                  <a:gd name="connsiteX84" fmla="*/ 457 w 10000"/>
                  <a:gd name="connsiteY84" fmla="*/ 9926 h 10000"/>
                  <a:gd name="connsiteX85" fmla="*/ 178 w 10000"/>
                  <a:gd name="connsiteY85" fmla="*/ 9970 h 10000"/>
                  <a:gd name="connsiteX86" fmla="*/ 102 w 10000"/>
                  <a:gd name="connsiteY86" fmla="*/ 9867 h 10000"/>
                  <a:gd name="connsiteX87" fmla="*/ 51 w 10000"/>
                  <a:gd name="connsiteY87" fmla="*/ 9793 h 10000"/>
                  <a:gd name="connsiteX88" fmla="*/ 0 w 10000"/>
                  <a:gd name="connsiteY88" fmla="*/ 9705 h 10000"/>
                  <a:gd name="connsiteX89" fmla="*/ 0 w 10000"/>
                  <a:gd name="connsiteY89" fmla="*/ 9601 h 10000"/>
                  <a:gd name="connsiteX90" fmla="*/ 51 w 10000"/>
                  <a:gd name="connsiteY90" fmla="*/ 9424 h 10000"/>
                  <a:gd name="connsiteX91" fmla="*/ 102 w 10000"/>
                  <a:gd name="connsiteY91" fmla="*/ 9202 h 10000"/>
                  <a:gd name="connsiteX92" fmla="*/ 151 w 10000"/>
                  <a:gd name="connsiteY92" fmla="*/ 8996 h 10000"/>
                  <a:gd name="connsiteX93" fmla="*/ 203 w 10000"/>
                  <a:gd name="connsiteY93" fmla="*/ 8759 h 10000"/>
                  <a:gd name="connsiteX94" fmla="*/ 228 w 10000"/>
                  <a:gd name="connsiteY94" fmla="*/ 8641 h 10000"/>
                  <a:gd name="connsiteX95" fmla="*/ 228 w 10000"/>
                  <a:gd name="connsiteY95" fmla="*/ 8538 h 10000"/>
                  <a:gd name="connsiteX96" fmla="*/ 203 w 10000"/>
                  <a:gd name="connsiteY96" fmla="*/ 8405 h 10000"/>
                  <a:gd name="connsiteX97" fmla="*/ 178 w 10000"/>
                  <a:gd name="connsiteY97" fmla="*/ 8287 h 10000"/>
                  <a:gd name="connsiteX98" fmla="*/ 431 w 10000"/>
                  <a:gd name="connsiteY98" fmla="*/ 8213 h 10000"/>
                  <a:gd name="connsiteX99" fmla="*/ 685 w 10000"/>
                  <a:gd name="connsiteY99" fmla="*/ 8139 h 10000"/>
                  <a:gd name="connsiteX100" fmla="*/ 939 w 10000"/>
                  <a:gd name="connsiteY100" fmla="*/ 8095 h 10000"/>
                  <a:gd name="connsiteX101" fmla="*/ 1218 w 10000"/>
                  <a:gd name="connsiteY101" fmla="*/ 8065 h 10000"/>
                  <a:gd name="connsiteX102" fmla="*/ 1725 w 10000"/>
                  <a:gd name="connsiteY102" fmla="*/ 8021 h 10000"/>
                  <a:gd name="connsiteX103" fmla="*/ 2234 w 10000"/>
                  <a:gd name="connsiteY103" fmla="*/ 7976 h 10000"/>
                  <a:gd name="connsiteX104" fmla="*/ 2462 w 10000"/>
                  <a:gd name="connsiteY104" fmla="*/ 7947 h 10000"/>
                  <a:gd name="connsiteX105" fmla="*/ 2690 w 10000"/>
                  <a:gd name="connsiteY105" fmla="*/ 7917 h 10000"/>
                  <a:gd name="connsiteX106" fmla="*/ 2892 w 10000"/>
                  <a:gd name="connsiteY106" fmla="*/ 7843 h 10000"/>
                  <a:gd name="connsiteX107" fmla="*/ 3096 w 10000"/>
                  <a:gd name="connsiteY107" fmla="*/ 7784 h 10000"/>
                  <a:gd name="connsiteX108" fmla="*/ 3274 w 10000"/>
                  <a:gd name="connsiteY108" fmla="*/ 7710 h 10000"/>
                  <a:gd name="connsiteX109" fmla="*/ 3426 w 10000"/>
                  <a:gd name="connsiteY109" fmla="*/ 7592 h 10000"/>
                  <a:gd name="connsiteX110" fmla="*/ 3579 w 10000"/>
                  <a:gd name="connsiteY110" fmla="*/ 7474 h 10000"/>
                  <a:gd name="connsiteX111" fmla="*/ 3680 w 10000"/>
                  <a:gd name="connsiteY111" fmla="*/ 7312 h 10000"/>
                  <a:gd name="connsiteX112" fmla="*/ 3477 w 10000"/>
                  <a:gd name="connsiteY112" fmla="*/ 7238 h 10000"/>
                  <a:gd name="connsiteX113" fmla="*/ 3299 w 10000"/>
                  <a:gd name="connsiteY113" fmla="*/ 7179 h 10000"/>
                  <a:gd name="connsiteX114" fmla="*/ 3147 w 10000"/>
                  <a:gd name="connsiteY114" fmla="*/ 7090 h 10000"/>
                  <a:gd name="connsiteX115" fmla="*/ 2995 w 10000"/>
                  <a:gd name="connsiteY115" fmla="*/ 6987 h 10000"/>
                  <a:gd name="connsiteX116" fmla="*/ 2892 w 10000"/>
                  <a:gd name="connsiteY116" fmla="*/ 6869 h 10000"/>
                  <a:gd name="connsiteX117" fmla="*/ 2843 w 10000"/>
                  <a:gd name="connsiteY117" fmla="*/ 6721 h 10000"/>
                  <a:gd name="connsiteX118" fmla="*/ 2817 w 10000"/>
                  <a:gd name="connsiteY118" fmla="*/ 6558 h 10000"/>
                  <a:gd name="connsiteX119" fmla="*/ 2843 w 10000"/>
                  <a:gd name="connsiteY119" fmla="*/ 6352 h 10000"/>
                  <a:gd name="connsiteX120" fmla="*/ 2716 w 10000"/>
                  <a:gd name="connsiteY120" fmla="*/ 6322 h 10000"/>
                  <a:gd name="connsiteX121" fmla="*/ 2564 w 10000"/>
                  <a:gd name="connsiteY121" fmla="*/ 6292 h 10000"/>
                  <a:gd name="connsiteX122" fmla="*/ 2386 w 10000"/>
                  <a:gd name="connsiteY122" fmla="*/ 6278 h 10000"/>
                  <a:gd name="connsiteX123" fmla="*/ 2208 w 10000"/>
                  <a:gd name="connsiteY123" fmla="*/ 6263 h 10000"/>
                  <a:gd name="connsiteX124" fmla="*/ 1853 w 10000"/>
                  <a:gd name="connsiteY124" fmla="*/ 6248 h 10000"/>
                  <a:gd name="connsiteX125" fmla="*/ 1472 w 10000"/>
                  <a:gd name="connsiteY125" fmla="*/ 6263 h 10000"/>
                  <a:gd name="connsiteX126" fmla="*/ 1143 w 10000"/>
                  <a:gd name="connsiteY126" fmla="*/ 6278 h 10000"/>
                  <a:gd name="connsiteX127" fmla="*/ 837 w 10000"/>
                  <a:gd name="connsiteY127" fmla="*/ 6278 h 10000"/>
                  <a:gd name="connsiteX128" fmla="*/ 585 w 10000"/>
                  <a:gd name="connsiteY128" fmla="*/ 6263 h 10000"/>
                  <a:gd name="connsiteX129" fmla="*/ 381 w 10000"/>
                  <a:gd name="connsiteY129" fmla="*/ 6233 h 10000"/>
                  <a:gd name="connsiteX130" fmla="*/ 633 w 10000"/>
                  <a:gd name="connsiteY130" fmla="*/ 5805 h 10000"/>
                  <a:gd name="connsiteX131" fmla="*/ 914 w 10000"/>
                  <a:gd name="connsiteY131" fmla="*/ 5391 h 10000"/>
                  <a:gd name="connsiteX132" fmla="*/ 1016 w 10000"/>
                  <a:gd name="connsiteY132" fmla="*/ 5170 h 10000"/>
                  <a:gd name="connsiteX133" fmla="*/ 1091 w 10000"/>
                  <a:gd name="connsiteY133" fmla="*/ 4963 h 10000"/>
                  <a:gd name="connsiteX134" fmla="*/ 1116 w 10000"/>
                  <a:gd name="connsiteY134" fmla="*/ 4860 h 10000"/>
                  <a:gd name="connsiteX135" fmla="*/ 1091 w 10000"/>
                  <a:gd name="connsiteY135" fmla="*/ 4756 h 10000"/>
                  <a:gd name="connsiteX136" fmla="*/ 1066 w 10000"/>
                  <a:gd name="connsiteY136" fmla="*/ 4653 h 10000"/>
                  <a:gd name="connsiteX137" fmla="*/ 990 w 10000"/>
                  <a:gd name="connsiteY137" fmla="*/ 4549 h 10000"/>
                  <a:gd name="connsiteX138" fmla="*/ 1270 w 10000"/>
                  <a:gd name="connsiteY138" fmla="*/ 4520 h 10000"/>
                  <a:gd name="connsiteX139" fmla="*/ 1472 w 10000"/>
                  <a:gd name="connsiteY139" fmla="*/ 4505 h 10000"/>
                  <a:gd name="connsiteX140" fmla="*/ 1650 w 10000"/>
                  <a:gd name="connsiteY140" fmla="*/ 4505 h 10000"/>
                  <a:gd name="connsiteX141" fmla="*/ 1802 w 10000"/>
                  <a:gd name="connsiteY141" fmla="*/ 4520 h 10000"/>
                  <a:gd name="connsiteX142" fmla="*/ 1929 w 10000"/>
                  <a:gd name="connsiteY142" fmla="*/ 4520 h 10000"/>
                  <a:gd name="connsiteX143" fmla="*/ 2081 w 10000"/>
                  <a:gd name="connsiteY143" fmla="*/ 4520 h 10000"/>
                  <a:gd name="connsiteX144" fmla="*/ 2234 w 10000"/>
                  <a:gd name="connsiteY144" fmla="*/ 4490 h 10000"/>
                  <a:gd name="connsiteX145" fmla="*/ 2436 w 10000"/>
                  <a:gd name="connsiteY145" fmla="*/ 4446 h 10000"/>
                  <a:gd name="connsiteX146" fmla="*/ 2436 w 10000"/>
                  <a:gd name="connsiteY146" fmla="*/ 4579 h 10000"/>
                  <a:gd name="connsiteX147" fmla="*/ 2436 w 10000"/>
                  <a:gd name="connsiteY147" fmla="*/ 4742 h 10000"/>
                  <a:gd name="connsiteX148" fmla="*/ 2436 w 10000"/>
                  <a:gd name="connsiteY148" fmla="*/ 4874 h 10000"/>
                  <a:gd name="connsiteX149" fmla="*/ 2436 w 10000"/>
                  <a:gd name="connsiteY149" fmla="*/ 5037 h 10000"/>
                  <a:gd name="connsiteX150" fmla="*/ 2665 w 10000"/>
                  <a:gd name="connsiteY150" fmla="*/ 5022 h 10000"/>
                  <a:gd name="connsiteX151" fmla="*/ 2817 w 10000"/>
                  <a:gd name="connsiteY151" fmla="*/ 5037 h 10000"/>
                  <a:gd name="connsiteX152" fmla="*/ 2944 w 10000"/>
                  <a:gd name="connsiteY152" fmla="*/ 5066 h 10000"/>
                  <a:gd name="connsiteX153" fmla="*/ 3071 w 10000"/>
                  <a:gd name="connsiteY153" fmla="*/ 5096 h 10000"/>
                  <a:gd name="connsiteX154" fmla="*/ 3173 w 10000"/>
                  <a:gd name="connsiteY154" fmla="*/ 5126 h 10000"/>
                  <a:gd name="connsiteX155" fmla="*/ 3299 w 10000"/>
                  <a:gd name="connsiteY155" fmla="*/ 5155 h 10000"/>
                  <a:gd name="connsiteX156" fmla="*/ 3452 w 10000"/>
                  <a:gd name="connsiteY156" fmla="*/ 5170 h 10000"/>
                  <a:gd name="connsiteX157" fmla="*/ 3680 w 10000"/>
                  <a:gd name="connsiteY157" fmla="*/ 5155 h 10000"/>
                  <a:gd name="connsiteX158" fmla="*/ 3757 w 10000"/>
                  <a:gd name="connsiteY158" fmla="*/ 5096 h 10000"/>
                  <a:gd name="connsiteX159" fmla="*/ 3832 w 10000"/>
                  <a:gd name="connsiteY159" fmla="*/ 5022 h 10000"/>
                  <a:gd name="connsiteX160" fmla="*/ 3857 w 10000"/>
                  <a:gd name="connsiteY160" fmla="*/ 4934 h 10000"/>
                  <a:gd name="connsiteX161" fmla="*/ 3884 w 10000"/>
                  <a:gd name="connsiteY161" fmla="*/ 4860 h 10000"/>
                  <a:gd name="connsiteX162" fmla="*/ 3908 w 10000"/>
                  <a:gd name="connsiteY162" fmla="*/ 4697 h 10000"/>
                  <a:gd name="connsiteX163" fmla="*/ 3884 w 10000"/>
                  <a:gd name="connsiteY163" fmla="*/ 4520 h 10000"/>
                  <a:gd name="connsiteX164" fmla="*/ 3807 w 10000"/>
                  <a:gd name="connsiteY164" fmla="*/ 4343 h 10000"/>
                  <a:gd name="connsiteX165" fmla="*/ 3731 w 10000"/>
                  <a:gd name="connsiteY165" fmla="*/ 4195 h 10000"/>
                  <a:gd name="connsiteX166" fmla="*/ 3604 w 10000"/>
                  <a:gd name="connsiteY166" fmla="*/ 4047 h 10000"/>
                  <a:gd name="connsiteX167" fmla="*/ 3477 w 10000"/>
                  <a:gd name="connsiteY167" fmla="*/ 3959 h 10000"/>
                  <a:gd name="connsiteX168" fmla="*/ 3629 w 10000"/>
                  <a:gd name="connsiteY168" fmla="*/ 3944 h 10000"/>
                  <a:gd name="connsiteX169" fmla="*/ 3757 w 10000"/>
                  <a:gd name="connsiteY169" fmla="*/ 3914 h 10000"/>
                  <a:gd name="connsiteX170" fmla="*/ 3857 w 10000"/>
                  <a:gd name="connsiteY170" fmla="*/ 3855 h 10000"/>
                  <a:gd name="connsiteX171" fmla="*/ 3983 w 10000"/>
                  <a:gd name="connsiteY171" fmla="*/ 3752 h 10000"/>
                  <a:gd name="connsiteX172" fmla="*/ 4111 w 10000"/>
                  <a:gd name="connsiteY172" fmla="*/ 3663 h 10000"/>
                  <a:gd name="connsiteX173" fmla="*/ 4213 w 10000"/>
                  <a:gd name="connsiteY173" fmla="*/ 3560 h 10000"/>
                  <a:gd name="connsiteX174" fmla="*/ 4289 w 10000"/>
                  <a:gd name="connsiteY174" fmla="*/ 3442 h 10000"/>
                  <a:gd name="connsiteX175" fmla="*/ 4366 w 10000"/>
                  <a:gd name="connsiteY175" fmla="*/ 3323 h 10000"/>
                  <a:gd name="connsiteX176" fmla="*/ 4416 w 10000"/>
                  <a:gd name="connsiteY176" fmla="*/ 3220 h 10000"/>
                  <a:gd name="connsiteX177" fmla="*/ 4441 w 10000"/>
                  <a:gd name="connsiteY177" fmla="*/ 3102 h 10000"/>
                  <a:gd name="connsiteX178" fmla="*/ 4468 w 10000"/>
                  <a:gd name="connsiteY178" fmla="*/ 3013 h 10000"/>
                  <a:gd name="connsiteX179" fmla="*/ 4441 w 10000"/>
                  <a:gd name="connsiteY179" fmla="*/ 2939 h 10000"/>
                  <a:gd name="connsiteX180" fmla="*/ 4416 w 10000"/>
                  <a:gd name="connsiteY180" fmla="*/ 2866 h 10000"/>
                  <a:gd name="connsiteX181" fmla="*/ 4340 w 10000"/>
                  <a:gd name="connsiteY181" fmla="*/ 2836 h 10000"/>
                  <a:gd name="connsiteX182" fmla="*/ 4239 w 10000"/>
                  <a:gd name="connsiteY182" fmla="*/ 2836 h 10000"/>
                  <a:gd name="connsiteX183" fmla="*/ 4111 w 10000"/>
                  <a:gd name="connsiteY183" fmla="*/ 2866 h 10000"/>
                  <a:gd name="connsiteX184" fmla="*/ 4213 w 10000"/>
                  <a:gd name="connsiteY184" fmla="*/ 2777 h 10000"/>
                  <a:gd name="connsiteX185" fmla="*/ 4265 w 10000"/>
                  <a:gd name="connsiteY185" fmla="*/ 2674 h 10000"/>
                  <a:gd name="connsiteX186" fmla="*/ 4289 w 10000"/>
                  <a:gd name="connsiteY186" fmla="*/ 2541 h 10000"/>
                  <a:gd name="connsiteX187" fmla="*/ 4289 w 10000"/>
                  <a:gd name="connsiteY187" fmla="*/ 2393 h 10000"/>
                  <a:gd name="connsiteX188" fmla="*/ 4314 w 10000"/>
                  <a:gd name="connsiteY188" fmla="*/ 2349 h 10000"/>
                  <a:gd name="connsiteX189" fmla="*/ 4366 w 10000"/>
                  <a:gd name="connsiteY189" fmla="*/ 2304 h 10000"/>
                  <a:gd name="connsiteX190" fmla="*/ 4416 w 10000"/>
                  <a:gd name="connsiteY190" fmla="*/ 2290 h 10000"/>
                  <a:gd name="connsiteX191" fmla="*/ 4493 w 10000"/>
                  <a:gd name="connsiteY191" fmla="*/ 2275 h 10000"/>
                  <a:gd name="connsiteX192" fmla="*/ 4720 w 10000"/>
                  <a:gd name="connsiteY192" fmla="*/ 2260 h 10000"/>
                  <a:gd name="connsiteX193" fmla="*/ 4923 w 10000"/>
                  <a:gd name="connsiteY193" fmla="*/ 2275 h 10000"/>
                  <a:gd name="connsiteX194" fmla="*/ 4898 w 10000"/>
                  <a:gd name="connsiteY194" fmla="*/ 2112 h 10000"/>
                  <a:gd name="connsiteX195" fmla="*/ 4848 w 10000"/>
                  <a:gd name="connsiteY195" fmla="*/ 1950 h 10000"/>
                  <a:gd name="connsiteX196" fmla="*/ 4771 w 10000"/>
                  <a:gd name="connsiteY196" fmla="*/ 1802 h 10000"/>
                  <a:gd name="connsiteX197" fmla="*/ 4671 w 10000"/>
                  <a:gd name="connsiteY197" fmla="*/ 1640 h 10000"/>
                  <a:gd name="connsiteX198" fmla="*/ 4416 w 10000"/>
                  <a:gd name="connsiteY198" fmla="*/ 1329 h 10000"/>
                  <a:gd name="connsiteX199" fmla="*/ 4162 w 10000"/>
                  <a:gd name="connsiteY199" fmla="*/ 1034 h 10000"/>
                  <a:gd name="connsiteX200" fmla="*/ 4035 w 10000"/>
                  <a:gd name="connsiteY200" fmla="*/ 901 h 10000"/>
                  <a:gd name="connsiteX201" fmla="*/ 3935 w 10000"/>
                  <a:gd name="connsiteY201" fmla="*/ 753 h 10000"/>
                  <a:gd name="connsiteX202" fmla="*/ 3857 w 10000"/>
                  <a:gd name="connsiteY202" fmla="*/ 620 h 10000"/>
                  <a:gd name="connsiteX203" fmla="*/ 3832 w 10000"/>
                  <a:gd name="connsiteY203" fmla="*/ 487 h 10000"/>
                  <a:gd name="connsiteX204" fmla="*/ 3807 w 10000"/>
                  <a:gd name="connsiteY204" fmla="*/ 355 h 10000"/>
                  <a:gd name="connsiteX205" fmla="*/ 3857 w 10000"/>
                  <a:gd name="connsiteY205" fmla="*/ 222 h 10000"/>
                  <a:gd name="connsiteX206" fmla="*/ 3884 w 10000"/>
                  <a:gd name="connsiteY206" fmla="*/ 162 h 10000"/>
                  <a:gd name="connsiteX207" fmla="*/ 3935 w 10000"/>
                  <a:gd name="connsiteY207" fmla="*/ 103 h 10000"/>
                  <a:gd name="connsiteX208" fmla="*/ 4011 w 10000"/>
                  <a:gd name="connsiteY208" fmla="*/ 59 h 10000"/>
                  <a:gd name="connsiteX209" fmla="*/ 4111 w 10000"/>
                  <a:gd name="connsiteY209" fmla="*/ 0 h 10000"/>
                  <a:gd name="connsiteX210" fmla="*/ 4289 w 10000"/>
                  <a:gd name="connsiteY210" fmla="*/ 0 h 10000"/>
                  <a:gd name="connsiteX211" fmla="*/ 4468 w 10000"/>
                  <a:gd name="connsiteY211" fmla="*/ 15 h 10000"/>
                  <a:gd name="connsiteX212" fmla="*/ 4644 w 10000"/>
                  <a:gd name="connsiteY212" fmla="*/ 44 h 10000"/>
                  <a:gd name="connsiteX213" fmla="*/ 4771 w 10000"/>
                  <a:gd name="connsiteY213" fmla="*/ 89 h 10000"/>
                  <a:gd name="connsiteX214" fmla="*/ 4975 w 10000"/>
                  <a:gd name="connsiteY214" fmla="*/ 192 h 10000"/>
                  <a:gd name="connsiteX215" fmla="*/ 5177 w 10000"/>
                  <a:gd name="connsiteY215" fmla="*/ 340 h 10000"/>
                  <a:gd name="connsiteX216" fmla="*/ 5329 w 10000"/>
                  <a:gd name="connsiteY216" fmla="*/ 473 h 10000"/>
                  <a:gd name="connsiteX217" fmla="*/ 5532 w 10000"/>
                  <a:gd name="connsiteY217" fmla="*/ 591 h 10000"/>
                  <a:gd name="connsiteX218" fmla="*/ 5660 w 10000"/>
                  <a:gd name="connsiteY218" fmla="*/ 650 h 10000"/>
                  <a:gd name="connsiteX219" fmla="*/ 5812 w 10000"/>
                  <a:gd name="connsiteY219" fmla="*/ 679 h 10000"/>
                  <a:gd name="connsiteX220" fmla="*/ 5965 w 10000"/>
                  <a:gd name="connsiteY220" fmla="*/ 709 h 10000"/>
                  <a:gd name="connsiteX221" fmla="*/ 6168 w 10000"/>
                  <a:gd name="connsiteY221" fmla="*/ 709 h 10000"/>
                  <a:gd name="connsiteX222" fmla="*/ 6168 w 10000"/>
                  <a:gd name="connsiteY222" fmla="*/ 768 h 10000"/>
                  <a:gd name="connsiteX223" fmla="*/ 6193 w 10000"/>
                  <a:gd name="connsiteY223" fmla="*/ 842 h 10000"/>
                  <a:gd name="connsiteX224" fmla="*/ 6243 w 10000"/>
                  <a:gd name="connsiteY224" fmla="*/ 916 h 10000"/>
                  <a:gd name="connsiteX225" fmla="*/ 6294 w 10000"/>
                  <a:gd name="connsiteY225" fmla="*/ 990 h 10000"/>
                  <a:gd name="connsiteX226" fmla="*/ 6369 w 10000"/>
                  <a:gd name="connsiteY226" fmla="*/ 1049 h 10000"/>
                  <a:gd name="connsiteX227" fmla="*/ 6471 w 10000"/>
                  <a:gd name="connsiteY227" fmla="*/ 1108 h 10000"/>
                  <a:gd name="connsiteX228" fmla="*/ 6598 w 10000"/>
                  <a:gd name="connsiteY228" fmla="*/ 1182 h 10000"/>
                  <a:gd name="connsiteX229" fmla="*/ 6700 w 10000"/>
                  <a:gd name="connsiteY229" fmla="*/ 1226 h 10000"/>
                  <a:gd name="connsiteX230" fmla="*/ 6802 w 10000"/>
                  <a:gd name="connsiteY230" fmla="*/ 1270 h 10000"/>
                  <a:gd name="connsiteX231" fmla="*/ 6903 w 10000"/>
                  <a:gd name="connsiteY231" fmla="*/ 1300 h 10000"/>
                  <a:gd name="connsiteX232" fmla="*/ 7005 w 10000"/>
                  <a:gd name="connsiteY232" fmla="*/ 1315 h 10000"/>
                  <a:gd name="connsiteX233" fmla="*/ 7132 w 10000"/>
                  <a:gd name="connsiteY233" fmla="*/ 1300 h 10000"/>
                  <a:gd name="connsiteX234" fmla="*/ 7234 w 10000"/>
                  <a:gd name="connsiteY234" fmla="*/ 1285 h 10000"/>
                  <a:gd name="connsiteX235" fmla="*/ 7309 w 10000"/>
                  <a:gd name="connsiteY235" fmla="*/ 1241 h 10000"/>
                  <a:gd name="connsiteX236" fmla="*/ 7361 w 10000"/>
                  <a:gd name="connsiteY236" fmla="*/ 1167 h 10000"/>
                  <a:gd name="connsiteX237" fmla="*/ 7385 w 10000"/>
                  <a:gd name="connsiteY237" fmla="*/ 1064 h 10000"/>
                  <a:gd name="connsiteX238" fmla="*/ 7766 w 10000"/>
                  <a:gd name="connsiteY238" fmla="*/ 1034 h 10000"/>
                  <a:gd name="connsiteX239" fmla="*/ 8121 w 10000"/>
                  <a:gd name="connsiteY239" fmla="*/ 1004 h 10000"/>
                  <a:gd name="connsiteX240" fmla="*/ 8427 w 10000"/>
                  <a:gd name="connsiteY240" fmla="*/ 990 h 10000"/>
                  <a:gd name="connsiteX241" fmla="*/ 8706 w 10000"/>
                  <a:gd name="connsiteY241" fmla="*/ 1004 h 10000"/>
                  <a:gd name="connsiteX242" fmla="*/ 8833 w 10000"/>
                  <a:gd name="connsiteY242" fmla="*/ 1019 h 10000"/>
                  <a:gd name="connsiteX243" fmla="*/ 8958 w 10000"/>
                  <a:gd name="connsiteY243" fmla="*/ 1034 h 10000"/>
                  <a:gd name="connsiteX244" fmla="*/ 9061 w 10000"/>
                  <a:gd name="connsiteY244" fmla="*/ 1064 h 10000"/>
                  <a:gd name="connsiteX245" fmla="*/ 9188 w 10000"/>
                  <a:gd name="connsiteY245" fmla="*/ 1108 h 10000"/>
                  <a:gd name="connsiteX246" fmla="*/ 9264 w 10000"/>
                  <a:gd name="connsiteY246" fmla="*/ 1182 h 10000"/>
                  <a:gd name="connsiteX247" fmla="*/ 9339 w 10000"/>
                  <a:gd name="connsiteY247" fmla="*/ 1241 h 10000"/>
                  <a:gd name="connsiteX248" fmla="*/ 9391 w 10000"/>
                  <a:gd name="connsiteY248" fmla="*/ 1329 h 10000"/>
                  <a:gd name="connsiteX249" fmla="*/ 9442 w 10000"/>
                  <a:gd name="connsiteY249" fmla="*/ 1433 h 10000"/>
                  <a:gd name="connsiteX250" fmla="*/ 9492 w 10000"/>
                  <a:gd name="connsiteY250" fmla="*/ 1551 h 10000"/>
                  <a:gd name="connsiteX251" fmla="*/ 9466 w 10000"/>
                  <a:gd name="connsiteY251" fmla="*/ 1625 h 10000"/>
                  <a:gd name="connsiteX252" fmla="*/ 9442 w 10000"/>
                  <a:gd name="connsiteY252" fmla="*/ 1684 h 10000"/>
                  <a:gd name="connsiteX253" fmla="*/ 9391 w 10000"/>
                  <a:gd name="connsiteY253" fmla="*/ 1758 h 10000"/>
                  <a:gd name="connsiteX254" fmla="*/ 9315 w 10000"/>
                  <a:gd name="connsiteY254" fmla="*/ 1802 h 10000"/>
                  <a:gd name="connsiteX255" fmla="*/ 9264 w 10000"/>
                  <a:gd name="connsiteY255" fmla="*/ 1861 h 10000"/>
                  <a:gd name="connsiteX256" fmla="*/ 9240 w 10000"/>
                  <a:gd name="connsiteY256" fmla="*/ 1935 h 10000"/>
                  <a:gd name="connsiteX257" fmla="*/ 9264 w 10000"/>
                  <a:gd name="connsiteY257" fmla="*/ 2024 h 10000"/>
                  <a:gd name="connsiteX258" fmla="*/ 9543 w 10000"/>
                  <a:gd name="connsiteY258" fmla="*/ 2157 h 10000"/>
                  <a:gd name="connsiteX259" fmla="*/ 9873 w 10000"/>
                  <a:gd name="connsiteY259" fmla="*/ 2275 h 10000"/>
                  <a:gd name="connsiteX260" fmla="*/ 10000 w 10000"/>
                  <a:gd name="connsiteY260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8984 w 10000"/>
                  <a:gd name="connsiteY9" fmla="*/ 3412 h 10000"/>
                  <a:gd name="connsiteX10" fmla="*/ 9188 w 10000"/>
                  <a:gd name="connsiteY10" fmla="*/ 3338 h 10000"/>
                  <a:gd name="connsiteX11" fmla="*/ 9415 w 10000"/>
                  <a:gd name="connsiteY11" fmla="*/ 3117 h 10000"/>
                  <a:gd name="connsiteX12" fmla="*/ 9442 w 10000"/>
                  <a:gd name="connsiteY12" fmla="*/ 3072 h 10000"/>
                  <a:gd name="connsiteX13" fmla="*/ 9466 w 10000"/>
                  <a:gd name="connsiteY13" fmla="*/ 3013 h 10000"/>
                  <a:gd name="connsiteX14" fmla="*/ 9466 w 10000"/>
                  <a:gd name="connsiteY14" fmla="*/ 2954 h 10000"/>
                  <a:gd name="connsiteX15" fmla="*/ 9442 w 10000"/>
                  <a:gd name="connsiteY15" fmla="*/ 2866 h 10000"/>
                  <a:gd name="connsiteX16" fmla="*/ 9264 w 10000"/>
                  <a:gd name="connsiteY16" fmla="*/ 2984 h 10000"/>
                  <a:gd name="connsiteX17" fmla="*/ 9061 w 10000"/>
                  <a:gd name="connsiteY17" fmla="*/ 3072 h 10000"/>
                  <a:gd name="connsiteX18" fmla="*/ 8197 w 10000"/>
                  <a:gd name="connsiteY18" fmla="*/ 3397 h 10000"/>
                  <a:gd name="connsiteX19" fmla="*/ 7716 w 10000"/>
                  <a:gd name="connsiteY19" fmla="*/ 3545 h 10000"/>
                  <a:gd name="connsiteX20" fmla="*/ 7234 w 10000"/>
                  <a:gd name="connsiteY20" fmla="*/ 3678 h 10000"/>
                  <a:gd name="connsiteX21" fmla="*/ 6548 w 10000"/>
                  <a:gd name="connsiteY21" fmla="*/ 3914 h 10000"/>
                  <a:gd name="connsiteX22" fmla="*/ 6345 w 10000"/>
                  <a:gd name="connsiteY22" fmla="*/ 4003 h 10000"/>
                  <a:gd name="connsiteX23" fmla="*/ 6143 w 10000"/>
                  <a:gd name="connsiteY23" fmla="*/ 4106 h 10000"/>
                  <a:gd name="connsiteX24" fmla="*/ 5938 w 10000"/>
                  <a:gd name="connsiteY24" fmla="*/ 4195 h 10000"/>
                  <a:gd name="connsiteX25" fmla="*/ 6091 w 10000"/>
                  <a:gd name="connsiteY25" fmla="*/ 4417 h 10000"/>
                  <a:gd name="connsiteX26" fmla="*/ 6369 w 10000"/>
                  <a:gd name="connsiteY26" fmla="*/ 5081 h 10000"/>
                  <a:gd name="connsiteX27" fmla="*/ 6421 w 10000"/>
                  <a:gd name="connsiteY27" fmla="*/ 5318 h 10000"/>
                  <a:gd name="connsiteX28" fmla="*/ 6447 w 10000"/>
                  <a:gd name="connsiteY28" fmla="*/ 5539 h 10000"/>
                  <a:gd name="connsiteX29" fmla="*/ 6471 w 10000"/>
                  <a:gd name="connsiteY29" fmla="*/ 5775 h 10000"/>
                  <a:gd name="connsiteX30" fmla="*/ 6471 w 10000"/>
                  <a:gd name="connsiteY30" fmla="*/ 5997 h 10000"/>
                  <a:gd name="connsiteX31" fmla="*/ 6447 w 10000"/>
                  <a:gd name="connsiteY31" fmla="*/ 6233 h 10000"/>
                  <a:gd name="connsiteX32" fmla="*/ 6396 w 10000"/>
                  <a:gd name="connsiteY32" fmla="*/ 6470 h 10000"/>
                  <a:gd name="connsiteX33" fmla="*/ 6345 w 10000"/>
                  <a:gd name="connsiteY33" fmla="*/ 6677 h 10000"/>
                  <a:gd name="connsiteX34" fmla="*/ 6269 w 10000"/>
                  <a:gd name="connsiteY34" fmla="*/ 6898 h 10000"/>
                  <a:gd name="connsiteX35" fmla="*/ 6168 w 10000"/>
                  <a:gd name="connsiteY35" fmla="*/ 7105 h 10000"/>
                  <a:gd name="connsiteX36" fmla="*/ 6041 w 10000"/>
                  <a:gd name="connsiteY36" fmla="*/ 7297 h 10000"/>
                  <a:gd name="connsiteX37" fmla="*/ 5888 w 10000"/>
                  <a:gd name="connsiteY37" fmla="*/ 7489 h 10000"/>
                  <a:gd name="connsiteX38" fmla="*/ 5735 w 10000"/>
                  <a:gd name="connsiteY38" fmla="*/ 7681 h 10000"/>
                  <a:gd name="connsiteX39" fmla="*/ 6471 w 10000"/>
                  <a:gd name="connsiteY39" fmla="*/ 7799 h 10000"/>
                  <a:gd name="connsiteX40" fmla="*/ 7234 w 10000"/>
                  <a:gd name="connsiteY40" fmla="*/ 7962 h 10000"/>
                  <a:gd name="connsiteX41" fmla="*/ 7385 w 10000"/>
                  <a:gd name="connsiteY41" fmla="*/ 8021 h 10000"/>
                  <a:gd name="connsiteX42" fmla="*/ 7512 w 10000"/>
                  <a:gd name="connsiteY42" fmla="*/ 8080 h 10000"/>
                  <a:gd name="connsiteX43" fmla="*/ 7639 w 10000"/>
                  <a:gd name="connsiteY43" fmla="*/ 8139 h 10000"/>
                  <a:gd name="connsiteX44" fmla="*/ 7716 w 10000"/>
                  <a:gd name="connsiteY44" fmla="*/ 8227 h 10000"/>
                  <a:gd name="connsiteX45" fmla="*/ 7741 w 10000"/>
                  <a:gd name="connsiteY45" fmla="*/ 8301 h 10000"/>
                  <a:gd name="connsiteX46" fmla="*/ 7741 w 10000"/>
                  <a:gd name="connsiteY46" fmla="*/ 8405 h 10000"/>
                  <a:gd name="connsiteX47" fmla="*/ 7691 w 10000"/>
                  <a:gd name="connsiteY47" fmla="*/ 8523 h 10000"/>
                  <a:gd name="connsiteX48" fmla="*/ 7614 w 10000"/>
                  <a:gd name="connsiteY48" fmla="*/ 8641 h 10000"/>
                  <a:gd name="connsiteX49" fmla="*/ 7284 w 10000"/>
                  <a:gd name="connsiteY49" fmla="*/ 8552 h 10000"/>
                  <a:gd name="connsiteX50" fmla="*/ 6979 w 10000"/>
                  <a:gd name="connsiteY50" fmla="*/ 8449 h 10000"/>
                  <a:gd name="connsiteX51" fmla="*/ 6674 w 10000"/>
                  <a:gd name="connsiteY51" fmla="*/ 8360 h 10000"/>
                  <a:gd name="connsiteX52" fmla="*/ 6369 w 10000"/>
                  <a:gd name="connsiteY52" fmla="*/ 8287 h 10000"/>
                  <a:gd name="connsiteX53" fmla="*/ 6243 w 10000"/>
                  <a:gd name="connsiteY53" fmla="*/ 8449 h 10000"/>
                  <a:gd name="connsiteX54" fmla="*/ 6143 w 10000"/>
                  <a:gd name="connsiteY54" fmla="*/ 8597 h 10000"/>
                  <a:gd name="connsiteX55" fmla="*/ 6091 w 10000"/>
                  <a:gd name="connsiteY55" fmla="*/ 8656 h 10000"/>
                  <a:gd name="connsiteX56" fmla="*/ 5989 w 10000"/>
                  <a:gd name="connsiteY56" fmla="*/ 8700 h 10000"/>
                  <a:gd name="connsiteX57" fmla="*/ 5914 w 10000"/>
                  <a:gd name="connsiteY57" fmla="*/ 8744 h 10000"/>
                  <a:gd name="connsiteX58" fmla="*/ 5838 w 10000"/>
                  <a:gd name="connsiteY58" fmla="*/ 8774 h 10000"/>
                  <a:gd name="connsiteX59" fmla="*/ 5761 w 10000"/>
                  <a:gd name="connsiteY59" fmla="*/ 8804 h 10000"/>
                  <a:gd name="connsiteX60" fmla="*/ 5660 w 10000"/>
                  <a:gd name="connsiteY60" fmla="*/ 8818 h 10000"/>
                  <a:gd name="connsiteX61" fmla="*/ 5532 w 10000"/>
                  <a:gd name="connsiteY61" fmla="*/ 8833 h 10000"/>
                  <a:gd name="connsiteX62" fmla="*/ 5406 w 10000"/>
                  <a:gd name="connsiteY62" fmla="*/ 8833 h 10000"/>
                  <a:gd name="connsiteX63" fmla="*/ 5102 w 10000"/>
                  <a:gd name="connsiteY63" fmla="*/ 8818 h 10000"/>
                  <a:gd name="connsiteX64" fmla="*/ 4720 w 10000"/>
                  <a:gd name="connsiteY64" fmla="*/ 8744 h 10000"/>
                  <a:gd name="connsiteX65" fmla="*/ 4720 w 10000"/>
                  <a:gd name="connsiteY65" fmla="*/ 8922 h 10000"/>
                  <a:gd name="connsiteX66" fmla="*/ 4695 w 10000"/>
                  <a:gd name="connsiteY66" fmla="*/ 9069 h 10000"/>
                  <a:gd name="connsiteX67" fmla="*/ 4671 w 10000"/>
                  <a:gd name="connsiteY67" fmla="*/ 9232 h 10000"/>
                  <a:gd name="connsiteX68" fmla="*/ 4644 w 10000"/>
                  <a:gd name="connsiteY68" fmla="*/ 9365 h 10000"/>
                  <a:gd name="connsiteX69" fmla="*/ 4593 w 10000"/>
                  <a:gd name="connsiteY69" fmla="*/ 9498 h 10000"/>
                  <a:gd name="connsiteX70" fmla="*/ 4493 w 10000"/>
                  <a:gd name="connsiteY70" fmla="*/ 9616 h 10000"/>
                  <a:gd name="connsiteX71" fmla="*/ 4416 w 10000"/>
                  <a:gd name="connsiteY71" fmla="*/ 9734 h 10000"/>
                  <a:gd name="connsiteX72" fmla="*/ 4289 w 10000"/>
                  <a:gd name="connsiteY72" fmla="*/ 9838 h 10000"/>
                  <a:gd name="connsiteX73" fmla="*/ 3983 w 10000"/>
                  <a:gd name="connsiteY73" fmla="*/ 9897 h 10000"/>
                  <a:gd name="connsiteX74" fmla="*/ 3731 w 10000"/>
                  <a:gd name="connsiteY74" fmla="*/ 9941 h 10000"/>
                  <a:gd name="connsiteX75" fmla="*/ 3426 w 10000"/>
                  <a:gd name="connsiteY75" fmla="*/ 9985 h 10000"/>
                  <a:gd name="connsiteX76" fmla="*/ 3198 w 10000"/>
                  <a:gd name="connsiteY76" fmla="*/ 10000 h 10000"/>
                  <a:gd name="connsiteX77" fmla="*/ 2690 w 10000"/>
                  <a:gd name="connsiteY77" fmla="*/ 10000 h 10000"/>
                  <a:gd name="connsiteX78" fmla="*/ 2208 w 10000"/>
                  <a:gd name="connsiteY78" fmla="*/ 9985 h 10000"/>
                  <a:gd name="connsiteX79" fmla="*/ 1752 w 10000"/>
                  <a:gd name="connsiteY79" fmla="*/ 9941 h 10000"/>
                  <a:gd name="connsiteX80" fmla="*/ 1270 w 10000"/>
                  <a:gd name="connsiteY80" fmla="*/ 9911 h 10000"/>
                  <a:gd name="connsiteX81" fmla="*/ 990 w 10000"/>
                  <a:gd name="connsiteY81" fmla="*/ 9911 h 10000"/>
                  <a:gd name="connsiteX82" fmla="*/ 736 w 10000"/>
                  <a:gd name="connsiteY82" fmla="*/ 9911 h 10000"/>
                  <a:gd name="connsiteX83" fmla="*/ 457 w 10000"/>
                  <a:gd name="connsiteY83" fmla="*/ 9926 h 10000"/>
                  <a:gd name="connsiteX84" fmla="*/ 178 w 10000"/>
                  <a:gd name="connsiteY84" fmla="*/ 9970 h 10000"/>
                  <a:gd name="connsiteX85" fmla="*/ 102 w 10000"/>
                  <a:gd name="connsiteY85" fmla="*/ 9867 h 10000"/>
                  <a:gd name="connsiteX86" fmla="*/ 51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1 w 10000"/>
                  <a:gd name="connsiteY89" fmla="*/ 9424 h 10000"/>
                  <a:gd name="connsiteX90" fmla="*/ 102 w 10000"/>
                  <a:gd name="connsiteY90" fmla="*/ 9202 h 10000"/>
                  <a:gd name="connsiteX91" fmla="*/ 151 w 10000"/>
                  <a:gd name="connsiteY91" fmla="*/ 8996 h 10000"/>
                  <a:gd name="connsiteX92" fmla="*/ 203 w 10000"/>
                  <a:gd name="connsiteY92" fmla="*/ 8759 h 10000"/>
                  <a:gd name="connsiteX93" fmla="*/ 228 w 10000"/>
                  <a:gd name="connsiteY93" fmla="*/ 8641 h 10000"/>
                  <a:gd name="connsiteX94" fmla="*/ 228 w 10000"/>
                  <a:gd name="connsiteY94" fmla="*/ 8538 h 10000"/>
                  <a:gd name="connsiteX95" fmla="*/ 203 w 10000"/>
                  <a:gd name="connsiteY95" fmla="*/ 8405 h 10000"/>
                  <a:gd name="connsiteX96" fmla="*/ 178 w 10000"/>
                  <a:gd name="connsiteY96" fmla="*/ 8287 h 10000"/>
                  <a:gd name="connsiteX97" fmla="*/ 431 w 10000"/>
                  <a:gd name="connsiteY97" fmla="*/ 8213 h 10000"/>
                  <a:gd name="connsiteX98" fmla="*/ 685 w 10000"/>
                  <a:gd name="connsiteY98" fmla="*/ 8139 h 10000"/>
                  <a:gd name="connsiteX99" fmla="*/ 939 w 10000"/>
                  <a:gd name="connsiteY99" fmla="*/ 8095 h 10000"/>
                  <a:gd name="connsiteX100" fmla="*/ 1218 w 10000"/>
                  <a:gd name="connsiteY100" fmla="*/ 8065 h 10000"/>
                  <a:gd name="connsiteX101" fmla="*/ 1725 w 10000"/>
                  <a:gd name="connsiteY101" fmla="*/ 8021 h 10000"/>
                  <a:gd name="connsiteX102" fmla="*/ 2234 w 10000"/>
                  <a:gd name="connsiteY102" fmla="*/ 7976 h 10000"/>
                  <a:gd name="connsiteX103" fmla="*/ 2462 w 10000"/>
                  <a:gd name="connsiteY103" fmla="*/ 7947 h 10000"/>
                  <a:gd name="connsiteX104" fmla="*/ 2690 w 10000"/>
                  <a:gd name="connsiteY104" fmla="*/ 7917 h 10000"/>
                  <a:gd name="connsiteX105" fmla="*/ 2892 w 10000"/>
                  <a:gd name="connsiteY105" fmla="*/ 7843 h 10000"/>
                  <a:gd name="connsiteX106" fmla="*/ 3096 w 10000"/>
                  <a:gd name="connsiteY106" fmla="*/ 7784 h 10000"/>
                  <a:gd name="connsiteX107" fmla="*/ 3274 w 10000"/>
                  <a:gd name="connsiteY107" fmla="*/ 7710 h 10000"/>
                  <a:gd name="connsiteX108" fmla="*/ 3426 w 10000"/>
                  <a:gd name="connsiteY108" fmla="*/ 7592 h 10000"/>
                  <a:gd name="connsiteX109" fmla="*/ 3579 w 10000"/>
                  <a:gd name="connsiteY109" fmla="*/ 7474 h 10000"/>
                  <a:gd name="connsiteX110" fmla="*/ 3680 w 10000"/>
                  <a:gd name="connsiteY110" fmla="*/ 7312 h 10000"/>
                  <a:gd name="connsiteX111" fmla="*/ 3477 w 10000"/>
                  <a:gd name="connsiteY111" fmla="*/ 7238 h 10000"/>
                  <a:gd name="connsiteX112" fmla="*/ 3299 w 10000"/>
                  <a:gd name="connsiteY112" fmla="*/ 7179 h 10000"/>
                  <a:gd name="connsiteX113" fmla="*/ 3147 w 10000"/>
                  <a:gd name="connsiteY113" fmla="*/ 7090 h 10000"/>
                  <a:gd name="connsiteX114" fmla="*/ 2995 w 10000"/>
                  <a:gd name="connsiteY114" fmla="*/ 6987 h 10000"/>
                  <a:gd name="connsiteX115" fmla="*/ 2892 w 10000"/>
                  <a:gd name="connsiteY115" fmla="*/ 6869 h 10000"/>
                  <a:gd name="connsiteX116" fmla="*/ 2843 w 10000"/>
                  <a:gd name="connsiteY116" fmla="*/ 6721 h 10000"/>
                  <a:gd name="connsiteX117" fmla="*/ 2817 w 10000"/>
                  <a:gd name="connsiteY117" fmla="*/ 6558 h 10000"/>
                  <a:gd name="connsiteX118" fmla="*/ 2843 w 10000"/>
                  <a:gd name="connsiteY118" fmla="*/ 6352 h 10000"/>
                  <a:gd name="connsiteX119" fmla="*/ 2716 w 10000"/>
                  <a:gd name="connsiteY119" fmla="*/ 6322 h 10000"/>
                  <a:gd name="connsiteX120" fmla="*/ 2564 w 10000"/>
                  <a:gd name="connsiteY120" fmla="*/ 6292 h 10000"/>
                  <a:gd name="connsiteX121" fmla="*/ 2386 w 10000"/>
                  <a:gd name="connsiteY121" fmla="*/ 6278 h 10000"/>
                  <a:gd name="connsiteX122" fmla="*/ 2208 w 10000"/>
                  <a:gd name="connsiteY122" fmla="*/ 6263 h 10000"/>
                  <a:gd name="connsiteX123" fmla="*/ 1853 w 10000"/>
                  <a:gd name="connsiteY123" fmla="*/ 6248 h 10000"/>
                  <a:gd name="connsiteX124" fmla="*/ 1472 w 10000"/>
                  <a:gd name="connsiteY124" fmla="*/ 6263 h 10000"/>
                  <a:gd name="connsiteX125" fmla="*/ 1143 w 10000"/>
                  <a:gd name="connsiteY125" fmla="*/ 6278 h 10000"/>
                  <a:gd name="connsiteX126" fmla="*/ 837 w 10000"/>
                  <a:gd name="connsiteY126" fmla="*/ 6278 h 10000"/>
                  <a:gd name="connsiteX127" fmla="*/ 585 w 10000"/>
                  <a:gd name="connsiteY127" fmla="*/ 6263 h 10000"/>
                  <a:gd name="connsiteX128" fmla="*/ 381 w 10000"/>
                  <a:gd name="connsiteY128" fmla="*/ 6233 h 10000"/>
                  <a:gd name="connsiteX129" fmla="*/ 633 w 10000"/>
                  <a:gd name="connsiteY129" fmla="*/ 5805 h 10000"/>
                  <a:gd name="connsiteX130" fmla="*/ 914 w 10000"/>
                  <a:gd name="connsiteY130" fmla="*/ 5391 h 10000"/>
                  <a:gd name="connsiteX131" fmla="*/ 1016 w 10000"/>
                  <a:gd name="connsiteY131" fmla="*/ 5170 h 10000"/>
                  <a:gd name="connsiteX132" fmla="*/ 1091 w 10000"/>
                  <a:gd name="connsiteY132" fmla="*/ 4963 h 10000"/>
                  <a:gd name="connsiteX133" fmla="*/ 1116 w 10000"/>
                  <a:gd name="connsiteY133" fmla="*/ 4860 h 10000"/>
                  <a:gd name="connsiteX134" fmla="*/ 1091 w 10000"/>
                  <a:gd name="connsiteY134" fmla="*/ 4756 h 10000"/>
                  <a:gd name="connsiteX135" fmla="*/ 1066 w 10000"/>
                  <a:gd name="connsiteY135" fmla="*/ 4653 h 10000"/>
                  <a:gd name="connsiteX136" fmla="*/ 990 w 10000"/>
                  <a:gd name="connsiteY136" fmla="*/ 4549 h 10000"/>
                  <a:gd name="connsiteX137" fmla="*/ 1270 w 10000"/>
                  <a:gd name="connsiteY137" fmla="*/ 4520 h 10000"/>
                  <a:gd name="connsiteX138" fmla="*/ 1472 w 10000"/>
                  <a:gd name="connsiteY138" fmla="*/ 4505 h 10000"/>
                  <a:gd name="connsiteX139" fmla="*/ 1650 w 10000"/>
                  <a:gd name="connsiteY139" fmla="*/ 4505 h 10000"/>
                  <a:gd name="connsiteX140" fmla="*/ 1802 w 10000"/>
                  <a:gd name="connsiteY140" fmla="*/ 4520 h 10000"/>
                  <a:gd name="connsiteX141" fmla="*/ 1929 w 10000"/>
                  <a:gd name="connsiteY141" fmla="*/ 4520 h 10000"/>
                  <a:gd name="connsiteX142" fmla="*/ 2081 w 10000"/>
                  <a:gd name="connsiteY142" fmla="*/ 4520 h 10000"/>
                  <a:gd name="connsiteX143" fmla="*/ 2234 w 10000"/>
                  <a:gd name="connsiteY143" fmla="*/ 4490 h 10000"/>
                  <a:gd name="connsiteX144" fmla="*/ 2436 w 10000"/>
                  <a:gd name="connsiteY144" fmla="*/ 4446 h 10000"/>
                  <a:gd name="connsiteX145" fmla="*/ 2436 w 10000"/>
                  <a:gd name="connsiteY145" fmla="*/ 4579 h 10000"/>
                  <a:gd name="connsiteX146" fmla="*/ 2436 w 10000"/>
                  <a:gd name="connsiteY146" fmla="*/ 4742 h 10000"/>
                  <a:gd name="connsiteX147" fmla="*/ 2436 w 10000"/>
                  <a:gd name="connsiteY147" fmla="*/ 4874 h 10000"/>
                  <a:gd name="connsiteX148" fmla="*/ 2436 w 10000"/>
                  <a:gd name="connsiteY148" fmla="*/ 5037 h 10000"/>
                  <a:gd name="connsiteX149" fmla="*/ 2665 w 10000"/>
                  <a:gd name="connsiteY149" fmla="*/ 5022 h 10000"/>
                  <a:gd name="connsiteX150" fmla="*/ 2817 w 10000"/>
                  <a:gd name="connsiteY150" fmla="*/ 5037 h 10000"/>
                  <a:gd name="connsiteX151" fmla="*/ 2944 w 10000"/>
                  <a:gd name="connsiteY151" fmla="*/ 5066 h 10000"/>
                  <a:gd name="connsiteX152" fmla="*/ 3071 w 10000"/>
                  <a:gd name="connsiteY152" fmla="*/ 5096 h 10000"/>
                  <a:gd name="connsiteX153" fmla="*/ 3173 w 10000"/>
                  <a:gd name="connsiteY153" fmla="*/ 5126 h 10000"/>
                  <a:gd name="connsiteX154" fmla="*/ 3299 w 10000"/>
                  <a:gd name="connsiteY154" fmla="*/ 5155 h 10000"/>
                  <a:gd name="connsiteX155" fmla="*/ 3452 w 10000"/>
                  <a:gd name="connsiteY155" fmla="*/ 5170 h 10000"/>
                  <a:gd name="connsiteX156" fmla="*/ 3680 w 10000"/>
                  <a:gd name="connsiteY156" fmla="*/ 5155 h 10000"/>
                  <a:gd name="connsiteX157" fmla="*/ 3757 w 10000"/>
                  <a:gd name="connsiteY157" fmla="*/ 5096 h 10000"/>
                  <a:gd name="connsiteX158" fmla="*/ 3832 w 10000"/>
                  <a:gd name="connsiteY158" fmla="*/ 5022 h 10000"/>
                  <a:gd name="connsiteX159" fmla="*/ 3857 w 10000"/>
                  <a:gd name="connsiteY159" fmla="*/ 4934 h 10000"/>
                  <a:gd name="connsiteX160" fmla="*/ 3884 w 10000"/>
                  <a:gd name="connsiteY160" fmla="*/ 4860 h 10000"/>
                  <a:gd name="connsiteX161" fmla="*/ 3908 w 10000"/>
                  <a:gd name="connsiteY161" fmla="*/ 4697 h 10000"/>
                  <a:gd name="connsiteX162" fmla="*/ 3884 w 10000"/>
                  <a:gd name="connsiteY162" fmla="*/ 4520 h 10000"/>
                  <a:gd name="connsiteX163" fmla="*/ 3807 w 10000"/>
                  <a:gd name="connsiteY163" fmla="*/ 4343 h 10000"/>
                  <a:gd name="connsiteX164" fmla="*/ 3731 w 10000"/>
                  <a:gd name="connsiteY164" fmla="*/ 4195 h 10000"/>
                  <a:gd name="connsiteX165" fmla="*/ 3604 w 10000"/>
                  <a:gd name="connsiteY165" fmla="*/ 4047 h 10000"/>
                  <a:gd name="connsiteX166" fmla="*/ 3477 w 10000"/>
                  <a:gd name="connsiteY166" fmla="*/ 3959 h 10000"/>
                  <a:gd name="connsiteX167" fmla="*/ 3629 w 10000"/>
                  <a:gd name="connsiteY167" fmla="*/ 3944 h 10000"/>
                  <a:gd name="connsiteX168" fmla="*/ 3757 w 10000"/>
                  <a:gd name="connsiteY168" fmla="*/ 3914 h 10000"/>
                  <a:gd name="connsiteX169" fmla="*/ 3857 w 10000"/>
                  <a:gd name="connsiteY169" fmla="*/ 3855 h 10000"/>
                  <a:gd name="connsiteX170" fmla="*/ 3983 w 10000"/>
                  <a:gd name="connsiteY170" fmla="*/ 3752 h 10000"/>
                  <a:gd name="connsiteX171" fmla="*/ 4111 w 10000"/>
                  <a:gd name="connsiteY171" fmla="*/ 3663 h 10000"/>
                  <a:gd name="connsiteX172" fmla="*/ 4213 w 10000"/>
                  <a:gd name="connsiteY172" fmla="*/ 3560 h 10000"/>
                  <a:gd name="connsiteX173" fmla="*/ 4289 w 10000"/>
                  <a:gd name="connsiteY173" fmla="*/ 3442 h 10000"/>
                  <a:gd name="connsiteX174" fmla="*/ 4366 w 10000"/>
                  <a:gd name="connsiteY174" fmla="*/ 3323 h 10000"/>
                  <a:gd name="connsiteX175" fmla="*/ 4416 w 10000"/>
                  <a:gd name="connsiteY175" fmla="*/ 3220 h 10000"/>
                  <a:gd name="connsiteX176" fmla="*/ 4441 w 10000"/>
                  <a:gd name="connsiteY176" fmla="*/ 3102 h 10000"/>
                  <a:gd name="connsiteX177" fmla="*/ 4468 w 10000"/>
                  <a:gd name="connsiteY177" fmla="*/ 3013 h 10000"/>
                  <a:gd name="connsiteX178" fmla="*/ 4441 w 10000"/>
                  <a:gd name="connsiteY178" fmla="*/ 2939 h 10000"/>
                  <a:gd name="connsiteX179" fmla="*/ 4416 w 10000"/>
                  <a:gd name="connsiteY179" fmla="*/ 2866 h 10000"/>
                  <a:gd name="connsiteX180" fmla="*/ 4340 w 10000"/>
                  <a:gd name="connsiteY180" fmla="*/ 2836 h 10000"/>
                  <a:gd name="connsiteX181" fmla="*/ 4239 w 10000"/>
                  <a:gd name="connsiteY181" fmla="*/ 2836 h 10000"/>
                  <a:gd name="connsiteX182" fmla="*/ 4111 w 10000"/>
                  <a:gd name="connsiteY182" fmla="*/ 2866 h 10000"/>
                  <a:gd name="connsiteX183" fmla="*/ 4213 w 10000"/>
                  <a:gd name="connsiteY183" fmla="*/ 2777 h 10000"/>
                  <a:gd name="connsiteX184" fmla="*/ 4265 w 10000"/>
                  <a:gd name="connsiteY184" fmla="*/ 2674 h 10000"/>
                  <a:gd name="connsiteX185" fmla="*/ 4289 w 10000"/>
                  <a:gd name="connsiteY185" fmla="*/ 2541 h 10000"/>
                  <a:gd name="connsiteX186" fmla="*/ 4289 w 10000"/>
                  <a:gd name="connsiteY186" fmla="*/ 2393 h 10000"/>
                  <a:gd name="connsiteX187" fmla="*/ 4314 w 10000"/>
                  <a:gd name="connsiteY187" fmla="*/ 2349 h 10000"/>
                  <a:gd name="connsiteX188" fmla="*/ 4366 w 10000"/>
                  <a:gd name="connsiteY188" fmla="*/ 2304 h 10000"/>
                  <a:gd name="connsiteX189" fmla="*/ 4416 w 10000"/>
                  <a:gd name="connsiteY189" fmla="*/ 2290 h 10000"/>
                  <a:gd name="connsiteX190" fmla="*/ 4493 w 10000"/>
                  <a:gd name="connsiteY190" fmla="*/ 2275 h 10000"/>
                  <a:gd name="connsiteX191" fmla="*/ 4720 w 10000"/>
                  <a:gd name="connsiteY191" fmla="*/ 2260 h 10000"/>
                  <a:gd name="connsiteX192" fmla="*/ 4923 w 10000"/>
                  <a:gd name="connsiteY192" fmla="*/ 2275 h 10000"/>
                  <a:gd name="connsiteX193" fmla="*/ 4898 w 10000"/>
                  <a:gd name="connsiteY193" fmla="*/ 2112 h 10000"/>
                  <a:gd name="connsiteX194" fmla="*/ 4848 w 10000"/>
                  <a:gd name="connsiteY194" fmla="*/ 1950 h 10000"/>
                  <a:gd name="connsiteX195" fmla="*/ 4771 w 10000"/>
                  <a:gd name="connsiteY195" fmla="*/ 1802 h 10000"/>
                  <a:gd name="connsiteX196" fmla="*/ 4671 w 10000"/>
                  <a:gd name="connsiteY196" fmla="*/ 1640 h 10000"/>
                  <a:gd name="connsiteX197" fmla="*/ 4416 w 10000"/>
                  <a:gd name="connsiteY197" fmla="*/ 1329 h 10000"/>
                  <a:gd name="connsiteX198" fmla="*/ 4162 w 10000"/>
                  <a:gd name="connsiteY198" fmla="*/ 1034 h 10000"/>
                  <a:gd name="connsiteX199" fmla="*/ 4035 w 10000"/>
                  <a:gd name="connsiteY199" fmla="*/ 901 h 10000"/>
                  <a:gd name="connsiteX200" fmla="*/ 3935 w 10000"/>
                  <a:gd name="connsiteY200" fmla="*/ 753 h 10000"/>
                  <a:gd name="connsiteX201" fmla="*/ 3857 w 10000"/>
                  <a:gd name="connsiteY201" fmla="*/ 620 h 10000"/>
                  <a:gd name="connsiteX202" fmla="*/ 3832 w 10000"/>
                  <a:gd name="connsiteY202" fmla="*/ 487 h 10000"/>
                  <a:gd name="connsiteX203" fmla="*/ 3807 w 10000"/>
                  <a:gd name="connsiteY203" fmla="*/ 355 h 10000"/>
                  <a:gd name="connsiteX204" fmla="*/ 3857 w 10000"/>
                  <a:gd name="connsiteY204" fmla="*/ 222 h 10000"/>
                  <a:gd name="connsiteX205" fmla="*/ 3884 w 10000"/>
                  <a:gd name="connsiteY205" fmla="*/ 162 h 10000"/>
                  <a:gd name="connsiteX206" fmla="*/ 3935 w 10000"/>
                  <a:gd name="connsiteY206" fmla="*/ 103 h 10000"/>
                  <a:gd name="connsiteX207" fmla="*/ 4011 w 10000"/>
                  <a:gd name="connsiteY207" fmla="*/ 59 h 10000"/>
                  <a:gd name="connsiteX208" fmla="*/ 4111 w 10000"/>
                  <a:gd name="connsiteY208" fmla="*/ 0 h 10000"/>
                  <a:gd name="connsiteX209" fmla="*/ 4289 w 10000"/>
                  <a:gd name="connsiteY209" fmla="*/ 0 h 10000"/>
                  <a:gd name="connsiteX210" fmla="*/ 4468 w 10000"/>
                  <a:gd name="connsiteY210" fmla="*/ 15 h 10000"/>
                  <a:gd name="connsiteX211" fmla="*/ 4644 w 10000"/>
                  <a:gd name="connsiteY211" fmla="*/ 44 h 10000"/>
                  <a:gd name="connsiteX212" fmla="*/ 4771 w 10000"/>
                  <a:gd name="connsiteY212" fmla="*/ 89 h 10000"/>
                  <a:gd name="connsiteX213" fmla="*/ 4975 w 10000"/>
                  <a:gd name="connsiteY213" fmla="*/ 192 h 10000"/>
                  <a:gd name="connsiteX214" fmla="*/ 5177 w 10000"/>
                  <a:gd name="connsiteY214" fmla="*/ 340 h 10000"/>
                  <a:gd name="connsiteX215" fmla="*/ 5329 w 10000"/>
                  <a:gd name="connsiteY215" fmla="*/ 473 h 10000"/>
                  <a:gd name="connsiteX216" fmla="*/ 5532 w 10000"/>
                  <a:gd name="connsiteY216" fmla="*/ 591 h 10000"/>
                  <a:gd name="connsiteX217" fmla="*/ 5660 w 10000"/>
                  <a:gd name="connsiteY217" fmla="*/ 650 h 10000"/>
                  <a:gd name="connsiteX218" fmla="*/ 5812 w 10000"/>
                  <a:gd name="connsiteY218" fmla="*/ 679 h 10000"/>
                  <a:gd name="connsiteX219" fmla="*/ 5965 w 10000"/>
                  <a:gd name="connsiteY219" fmla="*/ 709 h 10000"/>
                  <a:gd name="connsiteX220" fmla="*/ 6168 w 10000"/>
                  <a:gd name="connsiteY220" fmla="*/ 709 h 10000"/>
                  <a:gd name="connsiteX221" fmla="*/ 6168 w 10000"/>
                  <a:gd name="connsiteY221" fmla="*/ 768 h 10000"/>
                  <a:gd name="connsiteX222" fmla="*/ 6193 w 10000"/>
                  <a:gd name="connsiteY222" fmla="*/ 842 h 10000"/>
                  <a:gd name="connsiteX223" fmla="*/ 6243 w 10000"/>
                  <a:gd name="connsiteY223" fmla="*/ 916 h 10000"/>
                  <a:gd name="connsiteX224" fmla="*/ 6294 w 10000"/>
                  <a:gd name="connsiteY224" fmla="*/ 990 h 10000"/>
                  <a:gd name="connsiteX225" fmla="*/ 6369 w 10000"/>
                  <a:gd name="connsiteY225" fmla="*/ 1049 h 10000"/>
                  <a:gd name="connsiteX226" fmla="*/ 6471 w 10000"/>
                  <a:gd name="connsiteY226" fmla="*/ 1108 h 10000"/>
                  <a:gd name="connsiteX227" fmla="*/ 6598 w 10000"/>
                  <a:gd name="connsiteY227" fmla="*/ 1182 h 10000"/>
                  <a:gd name="connsiteX228" fmla="*/ 6700 w 10000"/>
                  <a:gd name="connsiteY228" fmla="*/ 1226 h 10000"/>
                  <a:gd name="connsiteX229" fmla="*/ 6802 w 10000"/>
                  <a:gd name="connsiteY229" fmla="*/ 1270 h 10000"/>
                  <a:gd name="connsiteX230" fmla="*/ 6903 w 10000"/>
                  <a:gd name="connsiteY230" fmla="*/ 1300 h 10000"/>
                  <a:gd name="connsiteX231" fmla="*/ 7005 w 10000"/>
                  <a:gd name="connsiteY231" fmla="*/ 1315 h 10000"/>
                  <a:gd name="connsiteX232" fmla="*/ 7132 w 10000"/>
                  <a:gd name="connsiteY232" fmla="*/ 1300 h 10000"/>
                  <a:gd name="connsiteX233" fmla="*/ 7234 w 10000"/>
                  <a:gd name="connsiteY233" fmla="*/ 1285 h 10000"/>
                  <a:gd name="connsiteX234" fmla="*/ 7309 w 10000"/>
                  <a:gd name="connsiteY234" fmla="*/ 1241 h 10000"/>
                  <a:gd name="connsiteX235" fmla="*/ 7361 w 10000"/>
                  <a:gd name="connsiteY235" fmla="*/ 1167 h 10000"/>
                  <a:gd name="connsiteX236" fmla="*/ 7385 w 10000"/>
                  <a:gd name="connsiteY236" fmla="*/ 1064 h 10000"/>
                  <a:gd name="connsiteX237" fmla="*/ 7766 w 10000"/>
                  <a:gd name="connsiteY237" fmla="*/ 1034 h 10000"/>
                  <a:gd name="connsiteX238" fmla="*/ 8121 w 10000"/>
                  <a:gd name="connsiteY238" fmla="*/ 1004 h 10000"/>
                  <a:gd name="connsiteX239" fmla="*/ 8427 w 10000"/>
                  <a:gd name="connsiteY239" fmla="*/ 990 h 10000"/>
                  <a:gd name="connsiteX240" fmla="*/ 8706 w 10000"/>
                  <a:gd name="connsiteY240" fmla="*/ 1004 h 10000"/>
                  <a:gd name="connsiteX241" fmla="*/ 8833 w 10000"/>
                  <a:gd name="connsiteY241" fmla="*/ 1019 h 10000"/>
                  <a:gd name="connsiteX242" fmla="*/ 8958 w 10000"/>
                  <a:gd name="connsiteY242" fmla="*/ 1034 h 10000"/>
                  <a:gd name="connsiteX243" fmla="*/ 9061 w 10000"/>
                  <a:gd name="connsiteY243" fmla="*/ 1064 h 10000"/>
                  <a:gd name="connsiteX244" fmla="*/ 9188 w 10000"/>
                  <a:gd name="connsiteY244" fmla="*/ 1108 h 10000"/>
                  <a:gd name="connsiteX245" fmla="*/ 9264 w 10000"/>
                  <a:gd name="connsiteY245" fmla="*/ 1182 h 10000"/>
                  <a:gd name="connsiteX246" fmla="*/ 9339 w 10000"/>
                  <a:gd name="connsiteY246" fmla="*/ 1241 h 10000"/>
                  <a:gd name="connsiteX247" fmla="*/ 9391 w 10000"/>
                  <a:gd name="connsiteY247" fmla="*/ 1329 h 10000"/>
                  <a:gd name="connsiteX248" fmla="*/ 9442 w 10000"/>
                  <a:gd name="connsiteY248" fmla="*/ 1433 h 10000"/>
                  <a:gd name="connsiteX249" fmla="*/ 9492 w 10000"/>
                  <a:gd name="connsiteY249" fmla="*/ 1551 h 10000"/>
                  <a:gd name="connsiteX250" fmla="*/ 9466 w 10000"/>
                  <a:gd name="connsiteY250" fmla="*/ 1625 h 10000"/>
                  <a:gd name="connsiteX251" fmla="*/ 9442 w 10000"/>
                  <a:gd name="connsiteY251" fmla="*/ 1684 h 10000"/>
                  <a:gd name="connsiteX252" fmla="*/ 9391 w 10000"/>
                  <a:gd name="connsiteY252" fmla="*/ 1758 h 10000"/>
                  <a:gd name="connsiteX253" fmla="*/ 9315 w 10000"/>
                  <a:gd name="connsiteY253" fmla="*/ 1802 h 10000"/>
                  <a:gd name="connsiteX254" fmla="*/ 9264 w 10000"/>
                  <a:gd name="connsiteY254" fmla="*/ 1861 h 10000"/>
                  <a:gd name="connsiteX255" fmla="*/ 9240 w 10000"/>
                  <a:gd name="connsiteY255" fmla="*/ 1935 h 10000"/>
                  <a:gd name="connsiteX256" fmla="*/ 9264 w 10000"/>
                  <a:gd name="connsiteY256" fmla="*/ 2024 h 10000"/>
                  <a:gd name="connsiteX257" fmla="*/ 9543 w 10000"/>
                  <a:gd name="connsiteY257" fmla="*/ 2157 h 10000"/>
                  <a:gd name="connsiteX258" fmla="*/ 9873 w 10000"/>
                  <a:gd name="connsiteY258" fmla="*/ 2275 h 10000"/>
                  <a:gd name="connsiteX259" fmla="*/ 10000 w 10000"/>
                  <a:gd name="connsiteY25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548 w 10000"/>
                  <a:gd name="connsiteY22" fmla="*/ 3914 h 10000"/>
                  <a:gd name="connsiteX23" fmla="*/ 6345 w 10000"/>
                  <a:gd name="connsiteY23" fmla="*/ 4003 h 10000"/>
                  <a:gd name="connsiteX24" fmla="*/ 6143 w 10000"/>
                  <a:gd name="connsiteY24" fmla="*/ 4106 h 10000"/>
                  <a:gd name="connsiteX25" fmla="*/ 5938 w 10000"/>
                  <a:gd name="connsiteY25" fmla="*/ 4195 h 10000"/>
                  <a:gd name="connsiteX26" fmla="*/ 6091 w 10000"/>
                  <a:gd name="connsiteY26" fmla="*/ 4417 h 10000"/>
                  <a:gd name="connsiteX27" fmla="*/ 6369 w 10000"/>
                  <a:gd name="connsiteY27" fmla="*/ 5081 h 10000"/>
                  <a:gd name="connsiteX28" fmla="*/ 6421 w 10000"/>
                  <a:gd name="connsiteY28" fmla="*/ 5318 h 10000"/>
                  <a:gd name="connsiteX29" fmla="*/ 6447 w 10000"/>
                  <a:gd name="connsiteY29" fmla="*/ 5539 h 10000"/>
                  <a:gd name="connsiteX30" fmla="*/ 6471 w 10000"/>
                  <a:gd name="connsiteY30" fmla="*/ 5775 h 10000"/>
                  <a:gd name="connsiteX31" fmla="*/ 6471 w 10000"/>
                  <a:gd name="connsiteY31" fmla="*/ 5997 h 10000"/>
                  <a:gd name="connsiteX32" fmla="*/ 6447 w 10000"/>
                  <a:gd name="connsiteY32" fmla="*/ 6233 h 10000"/>
                  <a:gd name="connsiteX33" fmla="*/ 6396 w 10000"/>
                  <a:gd name="connsiteY33" fmla="*/ 6470 h 10000"/>
                  <a:gd name="connsiteX34" fmla="*/ 6345 w 10000"/>
                  <a:gd name="connsiteY34" fmla="*/ 6677 h 10000"/>
                  <a:gd name="connsiteX35" fmla="*/ 6269 w 10000"/>
                  <a:gd name="connsiteY35" fmla="*/ 6898 h 10000"/>
                  <a:gd name="connsiteX36" fmla="*/ 6168 w 10000"/>
                  <a:gd name="connsiteY36" fmla="*/ 7105 h 10000"/>
                  <a:gd name="connsiteX37" fmla="*/ 6041 w 10000"/>
                  <a:gd name="connsiteY37" fmla="*/ 7297 h 10000"/>
                  <a:gd name="connsiteX38" fmla="*/ 5888 w 10000"/>
                  <a:gd name="connsiteY38" fmla="*/ 7489 h 10000"/>
                  <a:gd name="connsiteX39" fmla="*/ 5735 w 10000"/>
                  <a:gd name="connsiteY39" fmla="*/ 7681 h 10000"/>
                  <a:gd name="connsiteX40" fmla="*/ 6471 w 10000"/>
                  <a:gd name="connsiteY40" fmla="*/ 7799 h 10000"/>
                  <a:gd name="connsiteX41" fmla="*/ 7234 w 10000"/>
                  <a:gd name="connsiteY41" fmla="*/ 7962 h 10000"/>
                  <a:gd name="connsiteX42" fmla="*/ 7385 w 10000"/>
                  <a:gd name="connsiteY42" fmla="*/ 8021 h 10000"/>
                  <a:gd name="connsiteX43" fmla="*/ 7512 w 10000"/>
                  <a:gd name="connsiteY43" fmla="*/ 8080 h 10000"/>
                  <a:gd name="connsiteX44" fmla="*/ 7639 w 10000"/>
                  <a:gd name="connsiteY44" fmla="*/ 8139 h 10000"/>
                  <a:gd name="connsiteX45" fmla="*/ 7716 w 10000"/>
                  <a:gd name="connsiteY45" fmla="*/ 8227 h 10000"/>
                  <a:gd name="connsiteX46" fmla="*/ 7741 w 10000"/>
                  <a:gd name="connsiteY46" fmla="*/ 8301 h 10000"/>
                  <a:gd name="connsiteX47" fmla="*/ 7741 w 10000"/>
                  <a:gd name="connsiteY47" fmla="*/ 8405 h 10000"/>
                  <a:gd name="connsiteX48" fmla="*/ 7691 w 10000"/>
                  <a:gd name="connsiteY48" fmla="*/ 8523 h 10000"/>
                  <a:gd name="connsiteX49" fmla="*/ 7614 w 10000"/>
                  <a:gd name="connsiteY49" fmla="*/ 8641 h 10000"/>
                  <a:gd name="connsiteX50" fmla="*/ 7284 w 10000"/>
                  <a:gd name="connsiteY50" fmla="*/ 8552 h 10000"/>
                  <a:gd name="connsiteX51" fmla="*/ 6979 w 10000"/>
                  <a:gd name="connsiteY51" fmla="*/ 8449 h 10000"/>
                  <a:gd name="connsiteX52" fmla="*/ 6674 w 10000"/>
                  <a:gd name="connsiteY52" fmla="*/ 8360 h 10000"/>
                  <a:gd name="connsiteX53" fmla="*/ 6369 w 10000"/>
                  <a:gd name="connsiteY53" fmla="*/ 8287 h 10000"/>
                  <a:gd name="connsiteX54" fmla="*/ 6243 w 10000"/>
                  <a:gd name="connsiteY54" fmla="*/ 8449 h 10000"/>
                  <a:gd name="connsiteX55" fmla="*/ 6143 w 10000"/>
                  <a:gd name="connsiteY55" fmla="*/ 8597 h 10000"/>
                  <a:gd name="connsiteX56" fmla="*/ 6091 w 10000"/>
                  <a:gd name="connsiteY56" fmla="*/ 8656 h 10000"/>
                  <a:gd name="connsiteX57" fmla="*/ 5989 w 10000"/>
                  <a:gd name="connsiteY57" fmla="*/ 8700 h 10000"/>
                  <a:gd name="connsiteX58" fmla="*/ 5914 w 10000"/>
                  <a:gd name="connsiteY58" fmla="*/ 8744 h 10000"/>
                  <a:gd name="connsiteX59" fmla="*/ 5838 w 10000"/>
                  <a:gd name="connsiteY59" fmla="*/ 8774 h 10000"/>
                  <a:gd name="connsiteX60" fmla="*/ 5761 w 10000"/>
                  <a:gd name="connsiteY60" fmla="*/ 8804 h 10000"/>
                  <a:gd name="connsiteX61" fmla="*/ 5660 w 10000"/>
                  <a:gd name="connsiteY61" fmla="*/ 8818 h 10000"/>
                  <a:gd name="connsiteX62" fmla="*/ 5532 w 10000"/>
                  <a:gd name="connsiteY62" fmla="*/ 8833 h 10000"/>
                  <a:gd name="connsiteX63" fmla="*/ 5406 w 10000"/>
                  <a:gd name="connsiteY63" fmla="*/ 8833 h 10000"/>
                  <a:gd name="connsiteX64" fmla="*/ 5102 w 10000"/>
                  <a:gd name="connsiteY64" fmla="*/ 8818 h 10000"/>
                  <a:gd name="connsiteX65" fmla="*/ 4720 w 10000"/>
                  <a:gd name="connsiteY65" fmla="*/ 8744 h 10000"/>
                  <a:gd name="connsiteX66" fmla="*/ 4720 w 10000"/>
                  <a:gd name="connsiteY66" fmla="*/ 8922 h 10000"/>
                  <a:gd name="connsiteX67" fmla="*/ 4695 w 10000"/>
                  <a:gd name="connsiteY67" fmla="*/ 9069 h 10000"/>
                  <a:gd name="connsiteX68" fmla="*/ 4671 w 10000"/>
                  <a:gd name="connsiteY68" fmla="*/ 9232 h 10000"/>
                  <a:gd name="connsiteX69" fmla="*/ 4644 w 10000"/>
                  <a:gd name="connsiteY69" fmla="*/ 9365 h 10000"/>
                  <a:gd name="connsiteX70" fmla="*/ 4593 w 10000"/>
                  <a:gd name="connsiteY70" fmla="*/ 9498 h 10000"/>
                  <a:gd name="connsiteX71" fmla="*/ 4493 w 10000"/>
                  <a:gd name="connsiteY71" fmla="*/ 9616 h 10000"/>
                  <a:gd name="connsiteX72" fmla="*/ 4416 w 10000"/>
                  <a:gd name="connsiteY72" fmla="*/ 9734 h 10000"/>
                  <a:gd name="connsiteX73" fmla="*/ 4289 w 10000"/>
                  <a:gd name="connsiteY73" fmla="*/ 9838 h 10000"/>
                  <a:gd name="connsiteX74" fmla="*/ 3983 w 10000"/>
                  <a:gd name="connsiteY74" fmla="*/ 9897 h 10000"/>
                  <a:gd name="connsiteX75" fmla="*/ 3731 w 10000"/>
                  <a:gd name="connsiteY75" fmla="*/ 9941 h 10000"/>
                  <a:gd name="connsiteX76" fmla="*/ 3426 w 10000"/>
                  <a:gd name="connsiteY76" fmla="*/ 9985 h 10000"/>
                  <a:gd name="connsiteX77" fmla="*/ 3198 w 10000"/>
                  <a:gd name="connsiteY77" fmla="*/ 10000 h 10000"/>
                  <a:gd name="connsiteX78" fmla="*/ 2690 w 10000"/>
                  <a:gd name="connsiteY78" fmla="*/ 10000 h 10000"/>
                  <a:gd name="connsiteX79" fmla="*/ 2208 w 10000"/>
                  <a:gd name="connsiteY79" fmla="*/ 9985 h 10000"/>
                  <a:gd name="connsiteX80" fmla="*/ 1752 w 10000"/>
                  <a:gd name="connsiteY80" fmla="*/ 9941 h 10000"/>
                  <a:gd name="connsiteX81" fmla="*/ 1270 w 10000"/>
                  <a:gd name="connsiteY81" fmla="*/ 9911 h 10000"/>
                  <a:gd name="connsiteX82" fmla="*/ 990 w 10000"/>
                  <a:gd name="connsiteY82" fmla="*/ 9911 h 10000"/>
                  <a:gd name="connsiteX83" fmla="*/ 736 w 10000"/>
                  <a:gd name="connsiteY83" fmla="*/ 9911 h 10000"/>
                  <a:gd name="connsiteX84" fmla="*/ 457 w 10000"/>
                  <a:gd name="connsiteY84" fmla="*/ 9926 h 10000"/>
                  <a:gd name="connsiteX85" fmla="*/ 178 w 10000"/>
                  <a:gd name="connsiteY85" fmla="*/ 9970 h 10000"/>
                  <a:gd name="connsiteX86" fmla="*/ 102 w 10000"/>
                  <a:gd name="connsiteY86" fmla="*/ 9867 h 10000"/>
                  <a:gd name="connsiteX87" fmla="*/ 51 w 10000"/>
                  <a:gd name="connsiteY87" fmla="*/ 9793 h 10000"/>
                  <a:gd name="connsiteX88" fmla="*/ 0 w 10000"/>
                  <a:gd name="connsiteY88" fmla="*/ 9705 h 10000"/>
                  <a:gd name="connsiteX89" fmla="*/ 0 w 10000"/>
                  <a:gd name="connsiteY89" fmla="*/ 9601 h 10000"/>
                  <a:gd name="connsiteX90" fmla="*/ 51 w 10000"/>
                  <a:gd name="connsiteY90" fmla="*/ 9424 h 10000"/>
                  <a:gd name="connsiteX91" fmla="*/ 102 w 10000"/>
                  <a:gd name="connsiteY91" fmla="*/ 9202 h 10000"/>
                  <a:gd name="connsiteX92" fmla="*/ 151 w 10000"/>
                  <a:gd name="connsiteY92" fmla="*/ 8996 h 10000"/>
                  <a:gd name="connsiteX93" fmla="*/ 203 w 10000"/>
                  <a:gd name="connsiteY93" fmla="*/ 8759 h 10000"/>
                  <a:gd name="connsiteX94" fmla="*/ 228 w 10000"/>
                  <a:gd name="connsiteY94" fmla="*/ 8641 h 10000"/>
                  <a:gd name="connsiteX95" fmla="*/ 228 w 10000"/>
                  <a:gd name="connsiteY95" fmla="*/ 8538 h 10000"/>
                  <a:gd name="connsiteX96" fmla="*/ 203 w 10000"/>
                  <a:gd name="connsiteY96" fmla="*/ 8405 h 10000"/>
                  <a:gd name="connsiteX97" fmla="*/ 178 w 10000"/>
                  <a:gd name="connsiteY97" fmla="*/ 8287 h 10000"/>
                  <a:gd name="connsiteX98" fmla="*/ 431 w 10000"/>
                  <a:gd name="connsiteY98" fmla="*/ 8213 h 10000"/>
                  <a:gd name="connsiteX99" fmla="*/ 685 w 10000"/>
                  <a:gd name="connsiteY99" fmla="*/ 8139 h 10000"/>
                  <a:gd name="connsiteX100" fmla="*/ 939 w 10000"/>
                  <a:gd name="connsiteY100" fmla="*/ 8095 h 10000"/>
                  <a:gd name="connsiteX101" fmla="*/ 1218 w 10000"/>
                  <a:gd name="connsiteY101" fmla="*/ 8065 h 10000"/>
                  <a:gd name="connsiteX102" fmla="*/ 1725 w 10000"/>
                  <a:gd name="connsiteY102" fmla="*/ 8021 h 10000"/>
                  <a:gd name="connsiteX103" fmla="*/ 2234 w 10000"/>
                  <a:gd name="connsiteY103" fmla="*/ 7976 h 10000"/>
                  <a:gd name="connsiteX104" fmla="*/ 2462 w 10000"/>
                  <a:gd name="connsiteY104" fmla="*/ 7947 h 10000"/>
                  <a:gd name="connsiteX105" fmla="*/ 2690 w 10000"/>
                  <a:gd name="connsiteY105" fmla="*/ 7917 h 10000"/>
                  <a:gd name="connsiteX106" fmla="*/ 2892 w 10000"/>
                  <a:gd name="connsiteY106" fmla="*/ 7843 h 10000"/>
                  <a:gd name="connsiteX107" fmla="*/ 3096 w 10000"/>
                  <a:gd name="connsiteY107" fmla="*/ 7784 h 10000"/>
                  <a:gd name="connsiteX108" fmla="*/ 3274 w 10000"/>
                  <a:gd name="connsiteY108" fmla="*/ 7710 h 10000"/>
                  <a:gd name="connsiteX109" fmla="*/ 3426 w 10000"/>
                  <a:gd name="connsiteY109" fmla="*/ 7592 h 10000"/>
                  <a:gd name="connsiteX110" fmla="*/ 3579 w 10000"/>
                  <a:gd name="connsiteY110" fmla="*/ 7474 h 10000"/>
                  <a:gd name="connsiteX111" fmla="*/ 3680 w 10000"/>
                  <a:gd name="connsiteY111" fmla="*/ 7312 h 10000"/>
                  <a:gd name="connsiteX112" fmla="*/ 3477 w 10000"/>
                  <a:gd name="connsiteY112" fmla="*/ 7238 h 10000"/>
                  <a:gd name="connsiteX113" fmla="*/ 3299 w 10000"/>
                  <a:gd name="connsiteY113" fmla="*/ 7179 h 10000"/>
                  <a:gd name="connsiteX114" fmla="*/ 3147 w 10000"/>
                  <a:gd name="connsiteY114" fmla="*/ 7090 h 10000"/>
                  <a:gd name="connsiteX115" fmla="*/ 2995 w 10000"/>
                  <a:gd name="connsiteY115" fmla="*/ 6987 h 10000"/>
                  <a:gd name="connsiteX116" fmla="*/ 2892 w 10000"/>
                  <a:gd name="connsiteY116" fmla="*/ 6869 h 10000"/>
                  <a:gd name="connsiteX117" fmla="*/ 2843 w 10000"/>
                  <a:gd name="connsiteY117" fmla="*/ 6721 h 10000"/>
                  <a:gd name="connsiteX118" fmla="*/ 2817 w 10000"/>
                  <a:gd name="connsiteY118" fmla="*/ 6558 h 10000"/>
                  <a:gd name="connsiteX119" fmla="*/ 2843 w 10000"/>
                  <a:gd name="connsiteY119" fmla="*/ 6352 h 10000"/>
                  <a:gd name="connsiteX120" fmla="*/ 2716 w 10000"/>
                  <a:gd name="connsiteY120" fmla="*/ 6322 h 10000"/>
                  <a:gd name="connsiteX121" fmla="*/ 2564 w 10000"/>
                  <a:gd name="connsiteY121" fmla="*/ 6292 h 10000"/>
                  <a:gd name="connsiteX122" fmla="*/ 2386 w 10000"/>
                  <a:gd name="connsiteY122" fmla="*/ 6278 h 10000"/>
                  <a:gd name="connsiteX123" fmla="*/ 2208 w 10000"/>
                  <a:gd name="connsiteY123" fmla="*/ 6263 h 10000"/>
                  <a:gd name="connsiteX124" fmla="*/ 1853 w 10000"/>
                  <a:gd name="connsiteY124" fmla="*/ 6248 h 10000"/>
                  <a:gd name="connsiteX125" fmla="*/ 1472 w 10000"/>
                  <a:gd name="connsiteY125" fmla="*/ 6263 h 10000"/>
                  <a:gd name="connsiteX126" fmla="*/ 1143 w 10000"/>
                  <a:gd name="connsiteY126" fmla="*/ 6278 h 10000"/>
                  <a:gd name="connsiteX127" fmla="*/ 837 w 10000"/>
                  <a:gd name="connsiteY127" fmla="*/ 6278 h 10000"/>
                  <a:gd name="connsiteX128" fmla="*/ 585 w 10000"/>
                  <a:gd name="connsiteY128" fmla="*/ 6263 h 10000"/>
                  <a:gd name="connsiteX129" fmla="*/ 381 w 10000"/>
                  <a:gd name="connsiteY129" fmla="*/ 6233 h 10000"/>
                  <a:gd name="connsiteX130" fmla="*/ 633 w 10000"/>
                  <a:gd name="connsiteY130" fmla="*/ 5805 h 10000"/>
                  <a:gd name="connsiteX131" fmla="*/ 914 w 10000"/>
                  <a:gd name="connsiteY131" fmla="*/ 5391 h 10000"/>
                  <a:gd name="connsiteX132" fmla="*/ 1016 w 10000"/>
                  <a:gd name="connsiteY132" fmla="*/ 5170 h 10000"/>
                  <a:gd name="connsiteX133" fmla="*/ 1091 w 10000"/>
                  <a:gd name="connsiteY133" fmla="*/ 4963 h 10000"/>
                  <a:gd name="connsiteX134" fmla="*/ 1116 w 10000"/>
                  <a:gd name="connsiteY134" fmla="*/ 4860 h 10000"/>
                  <a:gd name="connsiteX135" fmla="*/ 1091 w 10000"/>
                  <a:gd name="connsiteY135" fmla="*/ 4756 h 10000"/>
                  <a:gd name="connsiteX136" fmla="*/ 1066 w 10000"/>
                  <a:gd name="connsiteY136" fmla="*/ 4653 h 10000"/>
                  <a:gd name="connsiteX137" fmla="*/ 990 w 10000"/>
                  <a:gd name="connsiteY137" fmla="*/ 4549 h 10000"/>
                  <a:gd name="connsiteX138" fmla="*/ 1270 w 10000"/>
                  <a:gd name="connsiteY138" fmla="*/ 4520 h 10000"/>
                  <a:gd name="connsiteX139" fmla="*/ 1472 w 10000"/>
                  <a:gd name="connsiteY139" fmla="*/ 4505 h 10000"/>
                  <a:gd name="connsiteX140" fmla="*/ 1650 w 10000"/>
                  <a:gd name="connsiteY140" fmla="*/ 4505 h 10000"/>
                  <a:gd name="connsiteX141" fmla="*/ 1802 w 10000"/>
                  <a:gd name="connsiteY141" fmla="*/ 4520 h 10000"/>
                  <a:gd name="connsiteX142" fmla="*/ 1929 w 10000"/>
                  <a:gd name="connsiteY142" fmla="*/ 4520 h 10000"/>
                  <a:gd name="connsiteX143" fmla="*/ 2081 w 10000"/>
                  <a:gd name="connsiteY143" fmla="*/ 4520 h 10000"/>
                  <a:gd name="connsiteX144" fmla="*/ 2234 w 10000"/>
                  <a:gd name="connsiteY144" fmla="*/ 4490 h 10000"/>
                  <a:gd name="connsiteX145" fmla="*/ 2436 w 10000"/>
                  <a:gd name="connsiteY145" fmla="*/ 4446 h 10000"/>
                  <a:gd name="connsiteX146" fmla="*/ 2436 w 10000"/>
                  <a:gd name="connsiteY146" fmla="*/ 4579 h 10000"/>
                  <a:gd name="connsiteX147" fmla="*/ 2436 w 10000"/>
                  <a:gd name="connsiteY147" fmla="*/ 4742 h 10000"/>
                  <a:gd name="connsiteX148" fmla="*/ 2436 w 10000"/>
                  <a:gd name="connsiteY148" fmla="*/ 4874 h 10000"/>
                  <a:gd name="connsiteX149" fmla="*/ 2436 w 10000"/>
                  <a:gd name="connsiteY149" fmla="*/ 5037 h 10000"/>
                  <a:gd name="connsiteX150" fmla="*/ 2665 w 10000"/>
                  <a:gd name="connsiteY150" fmla="*/ 5022 h 10000"/>
                  <a:gd name="connsiteX151" fmla="*/ 2817 w 10000"/>
                  <a:gd name="connsiteY151" fmla="*/ 5037 h 10000"/>
                  <a:gd name="connsiteX152" fmla="*/ 2944 w 10000"/>
                  <a:gd name="connsiteY152" fmla="*/ 5066 h 10000"/>
                  <a:gd name="connsiteX153" fmla="*/ 3071 w 10000"/>
                  <a:gd name="connsiteY153" fmla="*/ 5096 h 10000"/>
                  <a:gd name="connsiteX154" fmla="*/ 3173 w 10000"/>
                  <a:gd name="connsiteY154" fmla="*/ 5126 h 10000"/>
                  <a:gd name="connsiteX155" fmla="*/ 3299 w 10000"/>
                  <a:gd name="connsiteY155" fmla="*/ 5155 h 10000"/>
                  <a:gd name="connsiteX156" fmla="*/ 3452 w 10000"/>
                  <a:gd name="connsiteY156" fmla="*/ 5170 h 10000"/>
                  <a:gd name="connsiteX157" fmla="*/ 3680 w 10000"/>
                  <a:gd name="connsiteY157" fmla="*/ 5155 h 10000"/>
                  <a:gd name="connsiteX158" fmla="*/ 3757 w 10000"/>
                  <a:gd name="connsiteY158" fmla="*/ 5096 h 10000"/>
                  <a:gd name="connsiteX159" fmla="*/ 3832 w 10000"/>
                  <a:gd name="connsiteY159" fmla="*/ 5022 h 10000"/>
                  <a:gd name="connsiteX160" fmla="*/ 3857 w 10000"/>
                  <a:gd name="connsiteY160" fmla="*/ 4934 h 10000"/>
                  <a:gd name="connsiteX161" fmla="*/ 3884 w 10000"/>
                  <a:gd name="connsiteY161" fmla="*/ 4860 h 10000"/>
                  <a:gd name="connsiteX162" fmla="*/ 3908 w 10000"/>
                  <a:gd name="connsiteY162" fmla="*/ 4697 h 10000"/>
                  <a:gd name="connsiteX163" fmla="*/ 3884 w 10000"/>
                  <a:gd name="connsiteY163" fmla="*/ 4520 h 10000"/>
                  <a:gd name="connsiteX164" fmla="*/ 3807 w 10000"/>
                  <a:gd name="connsiteY164" fmla="*/ 4343 h 10000"/>
                  <a:gd name="connsiteX165" fmla="*/ 3731 w 10000"/>
                  <a:gd name="connsiteY165" fmla="*/ 4195 h 10000"/>
                  <a:gd name="connsiteX166" fmla="*/ 3604 w 10000"/>
                  <a:gd name="connsiteY166" fmla="*/ 4047 h 10000"/>
                  <a:gd name="connsiteX167" fmla="*/ 3477 w 10000"/>
                  <a:gd name="connsiteY167" fmla="*/ 3959 h 10000"/>
                  <a:gd name="connsiteX168" fmla="*/ 3629 w 10000"/>
                  <a:gd name="connsiteY168" fmla="*/ 3944 h 10000"/>
                  <a:gd name="connsiteX169" fmla="*/ 3757 w 10000"/>
                  <a:gd name="connsiteY169" fmla="*/ 3914 h 10000"/>
                  <a:gd name="connsiteX170" fmla="*/ 3857 w 10000"/>
                  <a:gd name="connsiteY170" fmla="*/ 3855 h 10000"/>
                  <a:gd name="connsiteX171" fmla="*/ 3983 w 10000"/>
                  <a:gd name="connsiteY171" fmla="*/ 3752 h 10000"/>
                  <a:gd name="connsiteX172" fmla="*/ 4111 w 10000"/>
                  <a:gd name="connsiteY172" fmla="*/ 3663 h 10000"/>
                  <a:gd name="connsiteX173" fmla="*/ 4213 w 10000"/>
                  <a:gd name="connsiteY173" fmla="*/ 3560 h 10000"/>
                  <a:gd name="connsiteX174" fmla="*/ 4289 w 10000"/>
                  <a:gd name="connsiteY174" fmla="*/ 3442 h 10000"/>
                  <a:gd name="connsiteX175" fmla="*/ 4366 w 10000"/>
                  <a:gd name="connsiteY175" fmla="*/ 3323 h 10000"/>
                  <a:gd name="connsiteX176" fmla="*/ 4416 w 10000"/>
                  <a:gd name="connsiteY176" fmla="*/ 3220 h 10000"/>
                  <a:gd name="connsiteX177" fmla="*/ 4441 w 10000"/>
                  <a:gd name="connsiteY177" fmla="*/ 3102 h 10000"/>
                  <a:gd name="connsiteX178" fmla="*/ 4468 w 10000"/>
                  <a:gd name="connsiteY178" fmla="*/ 3013 h 10000"/>
                  <a:gd name="connsiteX179" fmla="*/ 4441 w 10000"/>
                  <a:gd name="connsiteY179" fmla="*/ 2939 h 10000"/>
                  <a:gd name="connsiteX180" fmla="*/ 4416 w 10000"/>
                  <a:gd name="connsiteY180" fmla="*/ 2866 h 10000"/>
                  <a:gd name="connsiteX181" fmla="*/ 4340 w 10000"/>
                  <a:gd name="connsiteY181" fmla="*/ 2836 h 10000"/>
                  <a:gd name="connsiteX182" fmla="*/ 4239 w 10000"/>
                  <a:gd name="connsiteY182" fmla="*/ 2836 h 10000"/>
                  <a:gd name="connsiteX183" fmla="*/ 4111 w 10000"/>
                  <a:gd name="connsiteY183" fmla="*/ 2866 h 10000"/>
                  <a:gd name="connsiteX184" fmla="*/ 4213 w 10000"/>
                  <a:gd name="connsiteY184" fmla="*/ 2777 h 10000"/>
                  <a:gd name="connsiteX185" fmla="*/ 4265 w 10000"/>
                  <a:gd name="connsiteY185" fmla="*/ 2674 h 10000"/>
                  <a:gd name="connsiteX186" fmla="*/ 4289 w 10000"/>
                  <a:gd name="connsiteY186" fmla="*/ 2541 h 10000"/>
                  <a:gd name="connsiteX187" fmla="*/ 4289 w 10000"/>
                  <a:gd name="connsiteY187" fmla="*/ 2393 h 10000"/>
                  <a:gd name="connsiteX188" fmla="*/ 4314 w 10000"/>
                  <a:gd name="connsiteY188" fmla="*/ 2349 h 10000"/>
                  <a:gd name="connsiteX189" fmla="*/ 4366 w 10000"/>
                  <a:gd name="connsiteY189" fmla="*/ 2304 h 10000"/>
                  <a:gd name="connsiteX190" fmla="*/ 4416 w 10000"/>
                  <a:gd name="connsiteY190" fmla="*/ 2290 h 10000"/>
                  <a:gd name="connsiteX191" fmla="*/ 4493 w 10000"/>
                  <a:gd name="connsiteY191" fmla="*/ 2275 h 10000"/>
                  <a:gd name="connsiteX192" fmla="*/ 4720 w 10000"/>
                  <a:gd name="connsiteY192" fmla="*/ 2260 h 10000"/>
                  <a:gd name="connsiteX193" fmla="*/ 4923 w 10000"/>
                  <a:gd name="connsiteY193" fmla="*/ 2275 h 10000"/>
                  <a:gd name="connsiteX194" fmla="*/ 4898 w 10000"/>
                  <a:gd name="connsiteY194" fmla="*/ 2112 h 10000"/>
                  <a:gd name="connsiteX195" fmla="*/ 4848 w 10000"/>
                  <a:gd name="connsiteY195" fmla="*/ 1950 h 10000"/>
                  <a:gd name="connsiteX196" fmla="*/ 4771 w 10000"/>
                  <a:gd name="connsiteY196" fmla="*/ 1802 h 10000"/>
                  <a:gd name="connsiteX197" fmla="*/ 4671 w 10000"/>
                  <a:gd name="connsiteY197" fmla="*/ 1640 h 10000"/>
                  <a:gd name="connsiteX198" fmla="*/ 4416 w 10000"/>
                  <a:gd name="connsiteY198" fmla="*/ 1329 h 10000"/>
                  <a:gd name="connsiteX199" fmla="*/ 4162 w 10000"/>
                  <a:gd name="connsiteY199" fmla="*/ 1034 h 10000"/>
                  <a:gd name="connsiteX200" fmla="*/ 4035 w 10000"/>
                  <a:gd name="connsiteY200" fmla="*/ 901 h 10000"/>
                  <a:gd name="connsiteX201" fmla="*/ 3935 w 10000"/>
                  <a:gd name="connsiteY201" fmla="*/ 753 h 10000"/>
                  <a:gd name="connsiteX202" fmla="*/ 3857 w 10000"/>
                  <a:gd name="connsiteY202" fmla="*/ 620 h 10000"/>
                  <a:gd name="connsiteX203" fmla="*/ 3832 w 10000"/>
                  <a:gd name="connsiteY203" fmla="*/ 487 h 10000"/>
                  <a:gd name="connsiteX204" fmla="*/ 3807 w 10000"/>
                  <a:gd name="connsiteY204" fmla="*/ 355 h 10000"/>
                  <a:gd name="connsiteX205" fmla="*/ 3857 w 10000"/>
                  <a:gd name="connsiteY205" fmla="*/ 222 h 10000"/>
                  <a:gd name="connsiteX206" fmla="*/ 3884 w 10000"/>
                  <a:gd name="connsiteY206" fmla="*/ 162 h 10000"/>
                  <a:gd name="connsiteX207" fmla="*/ 3935 w 10000"/>
                  <a:gd name="connsiteY207" fmla="*/ 103 h 10000"/>
                  <a:gd name="connsiteX208" fmla="*/ 4011 w 10000"/>
                  <a:gd name="connsiteY208" fmla="*/ 59 h 10000"/>
                  <a:gd name="connsiteX209" fmla="*/ 4111 w 10000"/>
                  <a:gd name="connsiteY209" fmla="*/ 0 h 10000"/>
                  <a:gd name="connsiteX210" fmla="*/ 4289 w 10000"/>
                  <a:gd name="connsiteY210" fmla="*/ 0 h 10000"/>
                  <a:gd name="connsiteX211" fmla="*/ 4468 w 10000"/>
                  <a:gd name="connsiteY211" fmla="*/ 15 h 10000"/>
                  <a:gd name="connsiteX212" fmla="*/ 4644 w 10000"/>
                  <a:gd name="connsiteY212" fmla="*/ 44 h 10000"/>
                  <a:gd name="connsiteX213" fmla="*/ 4771 w 10000"/>
                  <a:gd name="connsiteY213" fmla="*/ 89 h 10000"/>
                  <a:gd name="connsiteX214" fmla="*/ 4975 w 10000"/>
                  <a:gd name="connsiteY214" fmla="*/ 192 h 10000"/>
                  <a:gd name="connsiteX215" fmla="*/ 5177 w 10000"/>
                  <a:gd name="connsiteY215" fmla="*/ 340 h 10000"/>
                  <a:gd name="connsiteX216" fmla="*/ 5329 w 10000"/>
                  <a:gd name="connsiteY216" fmla="*/ 473 h 10000"/>
                  <a:gd name="connsiteX217" fmla="*/ 5532 w 10000"/>
                  <a:gd name="connsiteY217" fmla="*/ 591 h 10000"/>
                  <a:gd name="connsiteX218" fmla="*/ 5660 w 10000"/>
                  <a:gd name="connsiteY218" fmla="*/ 650 h 10000"/>
                  <a:gd name="connsiteX219" fmla="*/ 5812 w 10000"/>
                  <a:gd name="connsiteY219" fmla="*/ 679 h 10000"/>
                  <a:gd name="connsiteX220" fmla="*/ 5965 w 10000"/>
                  <a:gd name="connsiteY220" fmla="*/ 709 h 10000"/>
                  <a:gd name="connsiteX221" fmla="*/ 6168 w 10000"/>
                  <a:gd name="connsiteY221" fmla="*/ 709 h 10000"/>
                  <a:gd name="connsiteX222" fmla="*/ 6168 w 10000"/>
                  <a:gd name="connsiteY222" fmla="*/ 768 h 10000"/>
                  <a:gd name="connsiteX223" fmla="*/ 6193 w 10000"/>
                  <a:gd name="connsiteY223" fmla="*/ 842 h 10000"/>
                  <a:gd name="connsiteX224" fmla="*/ 6243 w 10000"/>
                  <a:gd name="connsiteY224" fmla="*/ 916 h 10000"/>
                  <a:gd name="connsiteX225" fmla="*/ 6294 w 10000"/>
                  <a:gd name="connsiteY225" fmla="*/ 990 h 10000"/>
                  <a:gd name="connsiteX226" fmla="*/ 6369 w 10000"/>
                  <a:gd name="connsiteY226" fmla="*/ 1049 h 10000"/>
                  <a:gd name="connsiteX227" fmla="*/ 6471 w 10000"/>
                  <a:gd name="connsiteY227" fmla="*/ 1108 h 10000"/>
                  <a:gd name="connsiteX228" fmla="*/ 6598 w 10000"/>
                  <a:gd name="connsiteY228" fmla="*/ 1182 h 10000"/>
                  <a:gd name="connsiteX229" fmla="*/ 6700 w 10000"/>
                  <a:gd name="connsiteY229" fmla="*/ 1226 h 10000"/>
                  <a:gd name="connsiteX230" fmla="*/ 6802 w 10000"/>
                  <a:gd name="connsiteY230" fmla="*/ 1270 h 10000"/>
                  <a:gd name="connsiteX231" fmla="*/ 6903 w 10000"/>
                  <a:gd name="connsiteY231" fmla="*/ 1300 h 10000"/>
                  <a:gd name="connsiteX232" fmla="*/ 7005 w 10000"/>
                  <a:gd name="connsiteY232" fmla="*/ 1315 h 10000"/>
                  <a:gd name="connsiteX233" fmla="*/ 7132 w 10000"/>
                  <a:gd name="connsiteY233" fmla="*/ 1300 h 10000"/>
                  <a:gd name="connsiteX234" fmla="*/ 7234 w 10000"/>
                  <a:gd name="connsiteY234" fmla="*/ 1285 h 10000"/>
                  <a:gd name="connsiteX235" fmla="*/ 7309 w 10000"/>
                  <a:gd name="connsiteY235" fmla="*/ 1241 h 10000"/>
                  <a:gd name="connsiteX236" fmla="*/ 7361 w 10000"/>
                  <a:gd name="connsiteY236" fmla="*/ 1167 h 10000"/>
                  <a:gd name="connsiteX237" fmla="*/ 7385 w 10000"/>
                  <a:gd name="connsiteY237" fmla="*/ 1064 h 10000"/>
                  <a:gd name="connsiteX238" fmla="*/ 7766 w 10000"/>
                  <a:gd name="connsiteY238" fmla="*/ 1034 h 10000"/>
                  <a:gd name="connsiteX239" fmla="*/ 8121 w 10000"/>
                  <a:gd name="connsiteY239" fmla="*/ 1004 h 10000"/>
                  <a:gd name="connsiteX240" fmla="*/ 8427 w 10000"/>
                  <a:gd name="connsiteY240" fmla="*/ 990 h 10000"/>
                  <a:gd name="connsiteX241" fmla="*/ 8706 w 10000"/>
                  <a:gd name="connsiteY241" fmla="*/ 1004 h 10000"/>
                  <a:gd name="connsiteX242" fmla="*/ 8833 w 10000"/>
                  <a:gd name="connsiteY242" fmla="*/ 1019 h 10000"/>
                  <a:gd name="connsiteX243" fmla="*/ 8958 w 10000"/>
                  <a:gd name="connsiteY243" fmla="*/ 1034 h 10000"/>
                  <a:gd name="connsiteX244" fmla="*/ 9061 w 10000"/>
                  <a:gd name="connsiteY244" fmla="*/ 1064 h 10000"/>
                  <a:gd name="connsiteX245" fmla="*/ 9188 w 10000"/>
                  <a:gd name="connsiteY245" fmla="*/ 1108 h 10000"/>
                  <a:gd name="connsiteX246" fmla="*/ 9264 w 10000"/>
                  <a:gd name="connsiteY246" fmla="*/ 1182 h 10000"/>
                  <a:gd name="connsiteX247" fmla="*/ 9339 w 10000"/>
                  <a:gd name="connsiteY247" fmla="*/ 1241 h 10000"/>
                  <a:gd name="connsiteX248" fmla="*/ 9391 w 10000"/>
                  <a:gd name="connsiteY248" fmla="*/ 1329 h 10000"/>
                  <a:gd name="connsiteX249" fmla="*/ 9442 w 10000"/>
                  <a:gd name="connsiteY249" fmla="*/ 1433 h 10000"/>
                  <a:gd name="connsiteX250" fmla="*/ 9492 w 10000"/>
                  <a:gd name="connsiteY250" fmla="*/ 1551 h 10000"/>
                  <a:gd name="connsiteX251" fmla="*/ 9466 w 10000"/>
                  <a:gd name="connsiteY251" fmla="*/ 1625 h 10000"/>
                  <a:gd name="connsiteX252" fmla="*/ 9442 w 10000"/>
                  <a:gd name="connsiteY252" fmla="*/ 1684 h 10000"/>
                  <a:gd name="connsiteX253" fmla="*/ 9391 w 10000"/>
                  <a:gd name="connsiteY253" fmla="*/ 1758 h 10000"/>
                  <a:gd name="connsiteX254" fmla="*/ 9315 w 10000"/>
                  <a:gd name="connsiteY254" fmla="*/ 1802 h 10000"/>
                  <a:gd name="connsiteX255" fmla="*/ 9264 w 10000"/>
                  <a:gd name="connsiteY255" fmla="*/ 1861 h 10000"/>
                  <a:gd name="connsiteX256" fmla="*/ 9240 w 10000"/>
                  <a:gd name="connsiteY256" fmla="*/ 1935 h 10000"/>
                  <a:gd name="connsiteX257" fmla="*/ 9264 w 10000"/>
                  <a:gd name="connsiteY257" fmla="*/ 2024 h 10000"/>
                  <a:gd name="connsiteX258" fmla="*/ 9543 w 10000"/>
                  <a:gd name="connsiteY258" fmla="*/ 2157 h 10000"/>
                  <a:gd name="connsiteX259" fmla="*/ 9873 w 10000"/>
                  <a:gd name="connsiteY259" fmla="*/ 2275 h 10000"/>
                  <a:gd name="connsiteX260" fmla="*/ 10000 w 10000"/>
                  <a:gd name="connsiteY260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548 w 10000"/>
                  <a:gd name="connsiteY22" fmla="*/ 3914 h 10000"/>
                  <a:gd name="connsiteX23" fmla="*/ 6345 w 10000"/>
                  <a:gd name="connsiteY23" fmla="*/ 4003 h 10000"/>
                  <a:gd name="connsiteX24" fmla="*/ 6143 w 10000"/>
                  <a:gd name="connsiteY24" fmla="*/ 4106 h 10000"/>
                  <a:gd name="connsiteX25" fmla="*/ 5938 w 10000"/>
                  <a:gd name="connsiteY25" fmla="*/ 4195 h 10000"/>
                  <a:gd name="connsiteX26" fmla="*/ 6091 w 10000"/>
                  <a:gd name="connsiteY26" fmla="*/ 4417 h 10000"/>
                  <a:gd name="connsiteX27" fmla="*/ 6369 w 10000"/>
                  <a:gd name="connsiteY27" fmla="*/ 5081 h 10000"/>
                  <a:gd name="connsiteX28" fmla="*/ 6421 w 10000"/>
                  <a:gd name="connsiteY28" fmla="*/ 5318 h 10000"/>
                  <a:gd name="connsiteX29" fmla="*/ 6447 w 10000"/>
                  <a:gd name="connsiteY29" fmla="*/ 5539 h 10000"/>
                  <a:gd name="connsiteX30" fmla="*/ 6471 w 10000"/>
                  <a:gd name="connsiteY30" fmla="*/ 5775 h 10000"/>
                  <a:gd name="connsiteX31" fmla="*/ 6471 w 10000"/>
                  <a:gd name="connsiteY31" fmla="*/ 5997 h 10000"/>
                  <a:gd name="connsiteX32" fmla="*/ 6447 w 10000"/>
                  <a:gd name="connsiteY32" fmla="*/ 6233 h 10000"/>
                  <a:gd name="connsiteX33" fmla="*/ 6396 w 10000"/>
                  <a:gd name="connsiteY33" fmla="*/ 6470 h 10000"/>
                  <a:gd name="connsiteX34" fmla="*/ 6345 w 10000"/>
                  <a:gd name="connsiteY34" fmla="*/ 6677 h 10000"/>
                  <a:gd name="connsiteX35" fmla="*/ 6269 w 10000"/>
                  <a:gd name="connsiteY35" fmla="*/ 6898 h 10000"/>
                  <a:gd name="connsiteX36" fmla="*/ 6168 w 10000"/>
                  <a:gd name="connsiteY36" fmla="*/ 7105 h 10000"/>
                  <a:gd name="connsiteX37" fmla="*/ 6041 w 10000"/>
                  <a:gd name="connsiteY37" fmla="*/ 7297 h 10000"/>
                  <a:gd name="connsiteX38" fmla="*/ 5888 w 10000"/>
                  <a:gd name="connsiteY38" fmla="*/ 7489 h 10000"/>
                  <a:gd name="connsiteX39" fmla="*/ 5735 w 10000"/>
                  <a:gd name="connsiteY39" fmla="*/ 7681 h 10000"/>
                  <a:gd name="connsiteX40" fmla="*/ 6471 w 10000"/>
                  <a:gd name="connsiteY40" fmla="*/ 7799 h 10000"/>
                  <a:gd name="connsiteX41" fmla="*/ 7234 w 10000"/>
                  <a:gd name="connsiteY41" fmla="*/ 7962 h 10000"/>
                  <a:gd name="connsiteX42" fmla="*/ 7385 w 10000"/>
                  <a:gd name="connsiteY42" fmla="*/ 8021 h 10000"/>
                  <a:gd name="connsiteX43" fmla="*/ 7512 w 10000"/>
                  <a:gd name="connsiteY43" fmla="*/ 8080 h 10000"/>
                  <a:gd name="connsiteX44" fmla="*/ 7639 w 10000"/>
                  <a:gd name="connsiteY44" fmla="*/ 8139 h 10000"/>
                  <a:gd name="connsiteX45" fmla="*/ 7716 w 10000"/>
                  <a:gd name="connsiteY45" fmla="*/ 8227 h 10000"/>
                  <a:gd name="connsiteX46" fmla="*/ 7741 w 10000"/>
                  <a:gd name="connsiteY46" fmla="*/ 8301 h 10000"/>
                  <a:gd name="connsiteX47" fmla="*/ 7741 w 10000"/>
                  <a:gd name="connsiteY47" fmla="*/ 8405 h 10000"/>
                  <a:gd name="connsiteX48" fmla="*/ 7691 w 10000"/>
                  <a:gd name="connsiteY48" fmla="*/ 8523 h 10000"/>
                  <a:gd name="connsiteX49" fmla="*/ 7614 w 10000"/>
                  <a:gd name="connsiteY49" fmla="*/ 8641 h 10000"/>
                  <a:gd name="connsiteX50" fmla="*/ 7284 w 10000"/>
                  <a:gd name="connsiteY50" fmla="*/ 8552 h 10000"/>
                  <a:gd name="connsiteX51" fmla="*/ 6979 w 10000"/>
                  <a:gd name="connsiteY51" fmla="*/ 8449 h 10000"/>
                  <a:gd name="connsiteX52" fmla="*/ 6674 w 10000"/>
                  <a:gd name="connsiteY52" fmla="*/ 8360 h 10000"/>
                  <a:gd name="connsiteX53" fmla="*/ 6369 w 10000"/>
                  <a:gd name="connsiteY53" fmla="*/ 8287 h 10000"/>
                  <a:gd name="connsiteX54" fmla="*/ 6243 w 10000"/>
                  <a:gd name="connsiteY54" fmla="*/ 8449 h 10000"/>
                  <a:gd name="connsiteX55" fmla="*/ 6143 w 10000"/>
                  <a:gd name="connsiteY55" fmla="*/ 8597 h 10000"/>
                  <a:gd name="connsiteX56" fmla="*/ 6091 w 10000"/>
                  <a:gd name="connsiteY56" fmla="*/ 8656 h 10000"/>
                  <a:gd name="connsiteX57" fmla="*/ 5989 w 10000"/>
                  <a:gd name="connsiteY57" fmla="*/ 8700 h 10000"/>
                  <a:gd name="connsiteX58" fmla="*/ 5914 w 10000"/>
                  <a:gd name="connsiteY58" fmla="*/ 8744 h 10000"/>
                  <a:gd name="connsiteX59" fmla="*/ 5838 w 10000"/>
                  <a:gd name="connsiteY59" fmla="*/ 8774 h 10000"/>
                  <a:gd name="connsiteX60" fmla="*/ 5761 w 10000"/>
                  <a:gd name="connsiteY60" fmla="*/ 8804 h 10000"/>
                  <a:gd name="connsiteX61" fmla="*/ 5660 w 10000"/>
                  <a:gd name="connsiteY61" fmla="*/ 8818 h 10000"/>
                  <a:gd name="connsiteX62" fmla="*/ 5532 w 10000"/>
                  <a:gd name="connsiteY62" fmla="*/ 8833 h 10000"/>
                  <a:gd name="connsiteX63" fmla="*/ 5406 w 10000"/>
                  <a:gd name="connsiteY63" fmla="*/ 8833 h 10000"/>
                  <a:gd name="connsiteX64" fmla="*/ 5102 w 10000"/>
                  <a:gd name="connsiteY64" fmla="*/ 8818 h 10000"/>
                  <a:gd name="connsiteX65" fmla="*/ 4720 w 10000"/>
                  <a:gd name="connsiteY65" fmla="*/ 8744 h 10000"/>
                  <a:gd name="connsiteX66" fmla="*/ 4720 w 10000"/>
                  <a:gd name="connsiteY66" fmla="*/ 8922 h 10000"/>
                  <a:gd name="connsiteX67" fmla="*/ 4695 w 10000"/>
                  <a:gd name="connsiteY67" fmla="*/ 9069 h 10000"/>
                  <a:gd name="connsiteX68" fmla="*/ 4671 w 10000"/>
                  <a:gd name="connsiteY68" fmla="*/ 9232 h 10000"/>
                  <a:gd name="connsiteX69" fmla="*/ 4644 w 10000"/>
                  <a:gd name="connsiteY69" fmla="*/ 9365 h 10000"/>
                  <a:gd name="connsiteX70" fmla="*/ 4593 w 10000"/>
                  <a:gd name="connsiteY70" fmla="*/ 9498 h 10000"/>
                  <a:gd name="connsiteX71" fmla="*/ 4493 w 10000"/>
                  <a:gd name="connsiteY71" fmla="*/ 9616 h 10000"/>
                  <a:gd name="connsiteX72" fmla="*/ 4416 w 10000"/>
                  <a:gd name="connsiteY72" fmla="*/ 9734 h 10000"/>
                  <a:gd name="connsiteX73" fmla="*/ 4289 w 10000"/>
                  <a:gd name="connsiteY73" fmla="*/ 9838 h 10000"/>
                  <a:gd name="connsiteX74" fmla="*/ 3983 w 10000"/>
                  <a:gd name="connsiteY74" fmla="*/ 9897 h 10000"/>
                  <a:gd name="connsiteX75" fmla="*/ 3731 w 10000"/>
                  <a:gd name="connsiteY75" fmla="*/ 9941 h 10000"/>
                  <a:gd name="connsiteX76" fmla="*/ 3426 w 10000"/>
                  <a:gd name="connsiteY76" fmla="*/ 9985 h 10000"/>
                  <a:gd name="connsiteX77" fmla="*/ 3198 w 10000"/>
                  <a:gd name="connsiteY77" fmla="*/ 10000 h 10000"/>
                  <a:gd name="connsiteX78" fmla="*/ 2690 w 10000"/>
                  <a:gd name="connsiteY78" fmla="*/ 10000 h 10000"/>
                  <a:gd name="connsiteX79" fmla="*/ 2208 w 10000"/>
                  <a:gd name="connsiteY79" fmla="*/ 9985 h 10000"/>
                  <a:gd name="connsiteX80" fmla="*/ 1752 w 10000"/>
                  <a:gd name="connsiteY80" fmla="*/ 9941 h 10000"/>
                  <a:gd name="connsiteX81" fmla="*/ 1270 w 10000"/>
                  <a:gd name="connsiteY81" fmla="*/ 9911 h 10000"/>
                  <a:gd name="connsiteX82" fmla="*/ 990 w 10000"/>
                  <a:gd name="connsiteY82" fmla="*/ 9911 h 10000"/>
                  <a:gd name="connsiteX83" fmla="*/ 736 w 10000"/>
                  <a:gd name="connsiteY83" fmla="*/ 9911 h 10000"/>
                  <a:gd name="connsiteX84" fmla="*/ 457 w 10000"/>
                  <a:gd name="connsiteY84" fmla="*/ 9926 h 10000"/>
                  <a:gd name="connsiteX85" fmla="*/ 178 w 10000"/>
                  <a:gd name="connsiteY85" fmla="*/ 9970 h 10000"/>
                  <a:gd name="connsiteX86" fmla="*/ 102 w 10000"/>
                  <a:gd name="connsiteY86" fmla="*/ 9867 h 10000"/>
                  <a:gd name="connsiteX87" fmla="*/ 51 w 10000"/>
                  <a:gd name="connsiteY87" fmla="*/ 9793 h 10000"/>
                  <a:gd name="connsiteX88" fmla="*/ 0 w 10000"/>
                  <a:gd name="connsiteY88" fmla="*/ 9705 h 10000"/>
                  <a:gd name="connsiteX89" fmla="*/ 0 w 10000"/>
                  <a:gd name="connsiteY89" fmla="*/ 9601 h 10000"/>
                  <a:gd name="connsiteX90" fmla="*/ 51 w 10000"/>
                  <a:gd name="connsiteY90" fmla="*/ 9424 h 10000"/>
                  <a:gd name="connsiteX91" fmla="*/ 102 w 10000"/>
                  <a:gd name="connsiteY91" fmla="*/ 9202 h 10000"/>
                  <a:gd name="connsiteX92" fmla="*/ 151 w 10000"/>
                  <a:gd name="connsiteY92" fmla="*/ 8996 h 10000"/>
                  <a:gd name="connsiteX93" fmla="*/ 203 w 10000"/>
                  <a:gd name="connsiteY93" fmla="*/ 8759 h 10000"/>
                  <a:gd name="connsiteX94" fmla="*/ 228 w 10000"/>
                  <a:gd name="connsiteY94" fmla="*/ 8641 h 10000"/>
                  <a:gd name="connsiteX95" fmla="*/ 228 w 10000"/>
                  <a:gd name="connsiteY95" fmla="*/ 8538 h 10000"/>
                  <a:gd name="connsiteX96" fmla="*/ 203 w 10000"/>
                  <a:gd name="connsiteY96" fmla="*/ 8405 h 10000"/>
                  <a:gd name="connsiteX97" fmla="*/ 178 w 10000"/>
                  <a:gd name="connsiteY97" fmla="*/ 8287 h 10000"/>
                  <a:gd name="connsiteX98" fmla="*/ 431 w 10000"/>
                  <a:gd name="connsiteY98" fmla="*/ 8213 h 10000"/>
                  <a:gd name="connsiteX99" fmla="*/ 685 w 10000"/>
                  <a:gd name="connsiteY99" fmla="*/ 8139 h 10000"/>
                  <a:gd name="connsiteX100" fmla="*/ 939 w 10000"/>
                  <a:gd name="connsiteY100" fmla="*/ 8095 h 10000"/>
                  <a:gd name="connsiteX101" fmla="*/ 1218 w 10000"/>
                  <a:gd name="connsiteY101" fmla="*/ 8065 h 10000"/>
                  <a:gd name="connsiteX102" fmla="*/ 1725 w 10000"/>
                  <a:gd name="connsiteY102" fmla="*/ 8021 h 10000"/>
                  <a:gd name="connsiteX103" fmla="*/ 2234 w 10000"/>
                  <a:gd name="connsiteY103" fmla="*/ 7976 h 10000"/>
                  <a:gd name="connsiteX104" fmla="*/ 2462 w 10000"/>
                  <a:gd name="connsiteY104" fmla="*/ 7947 h 10000"/>
                  <a:gd name="connsiteX105" fmla="*/ 2690 w 10000"/>
                  <a:gd name="connsiteY105" fmla="*/ 7917 h 10000"/>
                  <a:gd name="connsiteX106" fmla="*/ 2892 w 10000"/>
                  <a:gd name="connsiteY106" fmla="*/ 7843 h 10000"/>
                  <a:gd name="connsiteX107" fmla="*/ 3096 w 10000"/>
                  <a:gd name="connsiteY107" fmla="*/ 7784 h 10000"/>
                  <a:gd name="connsiteX108" fmla="*/ 3274 w 10000"/>
                  <a:gd name="connsiteY108" fmla="*/ 7710 h 10000"/>
                  <a:gd name="connsiteX109" fmla="*/ 3426 w 10000"/>
                  <a:gd name="connsiteY109" fmla="*/ 7592 h 10000"/>
                  <a:gd name="connsiteX110" fmla="*/ 3579 w 10000"/>
                  <a:gd name="connsiteY110" fmla="*/ 7474 h 10000"/>
                  <a:gd name="connsiteX111" fmla="*/ 3680 w 10000"/>
                  <a:gd name="connsiteY111" fmla="*/ 7312 h 10000"/>
                  <a:gd name="connsiteX112" fmla="*/ 3477 w 10000"/>
                  <a:gd name="connsiteY112" fmla="*/ 7238 h 10000"/>
                  <a:gd name="connsiteX113" fmla="*/ 3299 w 10000"/>
                  <a:gd name="connsiteY113" fmla="*/ 7179 h 10000"/>
                  <a:gd name="connsiteX114" fmla="*/ 3147 w 10000"/>
                  <a:gd name="connsiteY114" fmla="*/ 7090 h 10000"/>
                  <a:gd name="connsiteX115" fmla="*/ 2995 w 10000"/>
                  <a:gd name="connsiteY115" fmla="*/ 6987 h 10000"/>
                  <a:gd name="connsiteX116" fmla="*/ 2892 w 10000"/>
                  <a:gd name="connsiteY116" fmla="*/ 6869 h 10000"/>
                  <a:gd name="connsiteX117" fmla="*/ 2843 w 10000"/>
                  <a:gd name="connsiteY117" fmla="*/ 6721 h 10000"/>
                  <a:gd name="connsiteX118" fmla="*/ 2817 w 10000"/>
                  <a:gd name="connsiteY118" fmla="*/ 6558 h 10000"/>
                  <a:gd name="connsiteX119" fmla="*/ 2843 w 10000"/>
                  <a:gd name="connsiteY119" fmla="*/ 6352 h 10000"/>
                  <a:gd name="connsiteX120" fmla="*/ 2716 w 10000"/>
                  <a:gd name="connsiteY120" fmla="*/ 6322 h 10000"/>
                  <a:gd name="connsiteX121" fmla="*/ 2564 w 10000"/>
                  <a:gd name="connsiteY121" fmla="*/ 6292 h 10000"/>
                  <a:gd name="connsiteX122" fmla="*/ 2386 w 10000"/>
                  <a:gd name="connsiteY122" fmla="*/ 6278 h 10000"/>
                  <a:gd name="connsiteX123" fmla="*/ 2208 w 10000"/>
                  <a:gd name="connsiteY123" fmla="*/ 6263 h 10000"/>
                  <a:gd name="connsiteX124" fmla="*/ 1853 w 10000"/>
                  <a:gd name="connsiteY124" fmla="*/ 6248 h 10000"/>
                  <a:gd name="connsiteX125" fmla="*/ 1472 w 10000"/>
                  <a:gd name="connsiteY125" fmla="*/ 6263 h 10000"/>
                  <a:gd name="connsiteX126" fmla="*/ 1143 w 10000"/>
                  <a:gd name="connsiteY126" fmla="*/ 6278 h 10000"/>
                  <a:gd name="connsiteX127" fmla="*/ 837 w 10000"/>
                  <a:gd name="connsiteY127" fmla="*/ 6278 h 10000"/>
                  <a:gd name="connsiteX128" fmla="*/ 585 w 10000"/>
                  <a:gd name="connsiteY128" fmla="*/ 6263 h 10000"/>
                  <a:gd name="connsiteX129" fmla="*/ 381 w 10000"/>
                  <a:gd name="connsiteY129" fmla="*/ 6233 h 10000"/>
                  <a:gd name="connsiteX130" fmla="*/ 633 w 10000"/>
                  <a:gd name="connsiteY130" fmla="*/ 5805 h 10000"/>
                  <a:gd name="connsiteX131" fmla="*/ 914 w 10000"/>
                  <a:gd name="connsiteY131" fmla="*/ 5391 h 10000"/>
                  <a:gd name="connsiteX132" fmla="*/ 1016 w 10000"/>
                  <a:gd name="connsiteY132" fmla="*/ 5170 h 10000"/>
                  <a:gd name="connsiteX133" fmla="*/ 1091 w 10000"/>
                  <a:gd name="connsiteY133" fmla="*/ 4963 h 10000"/>
                  <a:gd name="connsiteX134" fmla="*/ 1116 w 10000"/>
                  <a:gd name="connsiteY134" fmla="*/ 4860 h 10000"/>
                  <a:gd name="connsiteX135" fmla="*/ 1091 w 10000"/>
                  <a:gd name="connsiteY135" fmla="*/ 4756 h 10000"/>
                  <a:gd name="connsiteX136" fmla="*/ 1066 w 10000"/>
                  <a:gd name="connsiteY136" fmla="*/ 4653 h 10000"/>
                  <a:gd name="connsiteX137" fmla="*/ 990 w 10000"/>
                  <a:gd name="connsiteY137" fmla="*/ 4549 h 10000"/>
                  <a:gd name="connsiteX138" fmla="*/ 1270 w 10000"/>
                  <a:gd name="connsiteY138" fmla="*/ 4520 h 10000"/>
                  <a:gd name="connsiteX139" fmla="*/ 1472 w 10000"/>
                  <a:gd name="connsiteY139" fmla="*/ 4505 h 10000"/>
                  <a:gd name="connsiteX140" fmla="*/ 1650 w 10000"/>
                  <a:gd name="connsiteY140" fmla="*/ 4505 h 10000"/>
                  <a:gd name="connsiteX141" fmla="*/ 1802 w 10000"/>
                  <a:gd name="connsiteY141" fmla="*/ 4520 h 10000"/>
                  <a:gd name="connsiteX142" fmla="*/ 1929 w 10000"/>
                  <a:gd name="connsiteY142" fmla="*/ 4520 h 10000"/>
                  <a:gd name="connsiteX143" fmla="*/ 2081 w 10000"/>
                  <a:gd name="connsiteY143" fmla="*/ 4520 h 10000"/>
                  <a:gd name="connsiteX144" fmla="*/ 2234 w 10000"/>
                  <a:gd name="connsiteY144" fmla="*/ 4490 h 10000"/>
                  <a:gd name="connsiteX145" fmla="*/ 2436 w 10000"/>
                  <a:gd name="connsiteY145" fmla="*/ 4446 h 10000"/>
                  <a:gd name="connsiteX146" fmla="*/ 2436 w 10000"/>
                  <a:gd name="connsiteY146" fmla="*/ 4579 h 10000"/>
                  <a:gd name="connsiteX147" fmla="*/ 2436 w 10000"/>
                  <a:gd name="connsiteY147" fmla="*/ 4742 h 10000"/>
                  <a:gd name="connsiteX148" fmla="*/ 2436 w 10000"/>
                  <a:gd name="connsiteY148" fmla="*/ 4874 h 10000"/>
                  <a:gd name="connsiteX149" fmla="*/ 2436 w 10000"/>
                  <a:gd name="connsiteY149" fmla="*/ 5037 h 10000"/>
                  <a:gd name="connsiteX150" fmla="*/ 2665 w 10000"/>
                  <a:gd name="connsiteY150" fmla="*/ 5022 h 10000"/>
                  <a:gd name="connsiteX151" fmla="*/ 2817 w 10000"/>
                  <a:gd name="connsiteY151" fmla="*/ 5037 h 10000"/>
                  <a:gd name="connsiteX152" fmla="*/ 2944 w 10000"/>
                  <a:gd name="connsiteY152" fmla="*/ 5066 h 10000"/>
                  <a:gd name="connsiteX153" fmla="*/ 3071 w 10000"/>
                  <a:gd name="connsiteY153" fmla="*/ 5096 h 10000"/>
                  <a:gd name="connsiteX154" fmla="*/ 3173 w 10000"/>
                  <a:gd name="connsiteY154" fmla="*/ 5126 h 10000"/>
                  <a:gd name="connsiteX155" fmla="*/ 3299 w 10000"/>
                  <a:gd name="connsiteY155" fmla="*/ 5155 h 10000"/>
                  <a:gd name="connsiteX156" fmla="*/ 3452 w 10000"/>
                  <a:gd name="connsiteY156" fmla="*/ 5170 h 10000"/>
                  <a:gd name="connsiteX157" fmla="*/ 3680 w 10000"/>
                  <a:gd name="connsiteY157" fmla="*/ 5155 h 10000"/>
                  <a:gd name="connsiteX158" fmla="*/ 3757 w 10000"/>
                  <a:gd name="connsiteY158" fmla="*/ 5096 h 10000"/>
                  <a:gd name="connsiteX159" fmla="*/ 3832 w 10000"/>
                  <a:gd name="connsiteY159" fmla="*/ 5022 h 10000"/>
                  <a:gd name="connsiteX160" fmla="*/ 3857 w 10000"/>
                  <a:gd name="connsiteY160" fmla="*/ 4934 h 10000"/>
                  <a:gd name="connsiteX161" fmla="*/ 3884 w 10000"/>
                  <a:gd name="connsiteY161" fmla="*/ 4860 h 10000"/>
                  <a:gd name="connsiteX162" fmla="*/ 3908 w 10000"/>
                  <a:gd name="connsiteY162" fmla="*/ 4697 h 10000"/>
                  <a:gd name="connsiteX163" fmla="*/ 3884 w 10000"/>
                  <a:gd name="connsiteY163" fmla="*/ 4520 h 10000"/>
                  <a:gd name="connsiteX164" fmla="*/ 3807 w 10000"/>
                  <a:gd name="connsiteY164" fmla="*/ 4343 h 10000"/>
                  <a:gd name="connsiteX165" fmla="*/ 3731 w 10000"/>
                  <a:gd name="connsiteY165" fmla="*/ 4195 h 10000"/>
                  <a:gd name="connsiteX166" fmla="*/ 3604 w 10000"/>
                  <a:gd name="connsiteY166" fmla="*/ 4047 h 10000"/>
                  <a:gd name="connsiteX167" fmla="*/ 3477 w 10000"/>
                  <a:gd name="connsiteY167" fmla="*/ 3959 h 10000"/>
                  <a:gd name="connsiteX168" fmla="*/ 3629 w 10000"/>
                  <a:gd name="connsiteY168" fmla="*/ 3944 h 10000"/>
                  <a:gd name="connsiteX169" fmla="*/ 3757 w 10000"/>
                  <a:gd name="connsiteY169" fmla="*/ 3914 h 10000"/>
                  <a:gd name="connsiteX170" fmla="*/ 3857 w 10000"/>
                  <a:gd name="connsiteY170" fmla="*/ 3855 h 10000"/>
                  <a:gd name="connsiteX171" fmla="*/ 3983 w 10000"/>
                  <a:gd name="connsiteY171" fmla="*/ 3752 h 10000"/>
                  <a:gd name="connsiteX172" fmla="*/ 4111 w 10000"/>
                  <a:gd name="connsiteY172" fmla="*/ 3663 h 10000"/>
                  <a:gd name="connsiteX173" fmla="*/ 4213 w 10000"/>
                  <a:gd name="connsiteY173" fmla="*/ 3560 h 10000"/>
                  <a:gd name="connsiteX174" fmla="*/ 4289 w 10000"/>
                  <a:gd name="connsiteY174" fmla="*/ 3442 h 10000"/>
                  <a:gd name="connsiteX175" fmla="*/ 4366 w 10000"/>
                  <a:gd name="connsiteY175" fmla="*/ 3323 h 10000"/>
                  <a:gd name="connsiteX176" fmla="*/ 4416 w 10000"/>
                  <a:gd name="connsiteY176" fmla="*/ 3220 h 10000"/>
                  <a:gd name="connsiteX177" fmla="*/ 4441 w 10000"/>
                  <a:gd name="connsiteY177" fmla="*/ 3102 h 10000"/>
                  <a:gd name="connsiteX178" fmla="*/ 4468 w 10000"/>
                  <a:gd name="connsiteY178" fmla="*/ 3013 h 10000"/>
                  <a:gd name="connsiteX179" fmla="*/ 4441 w 10000"/>
                  <a:gd name="connsiteY179" fmla="*/ 2939 h 10000"/>
                  <a:gd name="connsiteX180" fmla="*/ 4416 w 10000"/>
                  <a:gd name="connsiteY180" fmla="*/ 2866 h 10000"/>
                  <a:gd name="connsiteX181" fmla="*/ 4340 w 10000"/>
                  <a:gd name="connsiteY181" fmla="*/ 2836 h 10000"/>
                  <a:gd name="connsiteX182" fmla="*/ 4239 w 10000"/>
                  <a:gd name="connsiteY182" fmla="*/ 2836 h 10000"/>
                  <a:gd name="connsiteX183" fmla="*/ 4111 w 10000"/>
                  <a:gd name="connsiteY183" fmla="*/ 2866 h 10000"/>
                  <a:gd name="connsiteX184" fmla="*/ 4213 w 10000"/>
                  <a:gd name="connsiteY184" fmla="*/ 2777 h 10000"/>
                  <a:gd name="connsiteX185" fmla="*/ 4265 w 10000"/>
                  <a:gd name="connsiteY185" fmla="*/ 2674 h 10000"/>
                  <a:gd name="connsiteX186" fmla="*/ 4289 w 10000"/>
                  <a:gd name="connsiteY186" fmla="*/ 2541 h 10000"/>
                  <a:gd name="connsiteX187" fmla="*/ 4289 w 10000"/>
                  <a:gd name="connsiteY187" fmla="*/ 2393 h 10000"/>
                  <a:gd name="connsiteX188" fmla="*/ 4314 w 10000"/>
                  <a:gd name="connsiteY188" fmla="*/ 2349 h 10000"/>
                  <a:gd name="connsiteX189" fmla="*/ 4366 w 10000"/>
                  <a:gd name="connsiteY189" fmla="*/ 2304 h 10000"/>
                  <a:gd name="connsiteX190" fmla="*/ 4416 w 10000"/>
                  <a:gd name="connsiteY190" fmla="*/ 2290 h 10000"/>
                  <a:gd name="connsiteX191" fmla="*/ 4493 w 10000"/>
                  <a:gd name="connsiteY191" fmla="*/ 2275 h 10000"/>
                  <a:gd name="connsiteX192" fmla="*/ 4720 w 10000"/>
                  <a:gd name="connsiteY192" fmla="*/ 2260 h 10000"/>
                  <a:gd name="connsiteX193" fmla="*/ 4923 w 10000"/>
                  <a:gd name="connsiteY193" fmla="*/ 2275 h 10000"/>
                  <a:gd name="connsiteX194" fmla="*/ 4898 w 10000"/>
                  <a:gd name="connsiteY194" fmla="*/ 2112 h 10000"/>
                  <a:gd name="connsiteX195" fmla="*/ 4848 w 10000"/>
                  <a:gd name="connsiteY195" fmla="*/ 1950 h 10000"/>
                  <a:gd name="connsiteX196" fmla="*/ 4771 w 10000"/>
                  <a:gd name="connsiteY196" fmla="*/ 1802 h 10000"/>
                  <a:gd name="connsiteX197" fmla="*/ 4671 w 10000"/>
                  <a:gd name="connsiteY197" fmla="*/ 1640 h 10000"/>
                  <a:gd name="connsiteX198" fmla="*/ 4416 w 10000"/>
                  <a:gd name="connsiteY198" fmla="*/ 1329 h 10000"/>
                  <a:gd name="connsiteX199" fmla="*/ 4162 w 10000"/>
                  <a:gd name="connsiteY199" fmla="*/ 1034 h 10000"/>
                  <a:gd name="connsiteX200" fmla="*/ 4035 w 10000"/>
                  <a:gd name="connsiteY200" fmla="*/ 901 h 10000"/>
                  <a:gd name="connsiteX201" fmla="*/ 3935 w 10000"/>
                  <a:gd name="connsiteY201" fmla="*/ 753 h 10000"/>
                  <a:gd name="connsiteX202" fmla="*/ 3857 w 10000"/>
                  <a:gd name="connsiteY202" fmla="*/ 620 h 10000"/>
                  <a:gd name="connsiteX203" fmla="*/ 3832 w 10000"/>
                  <a:gd name="connsiteY203" fmla="*/ 487 h 10000"/>
                  <a:gd name="connsiteX204" fmla="*/ 3807 w 10000"/>
                  <a:gd name="connsiteY204" fmla="*/ 355 h 10000"/>
                  <a:gd name="connsiteX205" fmla="*/ 3857 w 10000"/>
                  <a:gd name="connsiteY205" fmla="*/ 222 h 10000"/>
                  <a:gd name="connsiteX206" fmla="*/ 3884 w 10000"/>
                  <a:gd name="connsiteY206" fmla="*/ 162 h 10000"/>
                  <a:gd name="connsiteX207" fmla="*/ 3935 w 10000"/>
                  <a:gd name="connsiteY207" fmla="*/ 103 h 10000"/>
                  <a:gd name="connsiteX208" fmla="*/ 4011 w 10000"/>
                  <a:gd name="connsiteY208" fmla="*/ 59 h 10000"/>
                  <a:gd name="connsiteX209" fmla="*/ 4111 w 10000"/>
                  <a:gd name="connsiteY209" fmla="*/ 0 h 10000"/>
                  <a:gd name="connsiteX210" fmla="*/ 4289 w 10000"/>
                  <a:gd name="connsiteY210" fmla="*/ 0 h 10000"/>
                  <a:gd name="connsiteX211" fmla="*/ 4468 w 10000"/>
                  <a:gd name="connsiteY211" fmla="*/ 15 h 10000"/>
                  <a:gd name="connsiteX212" fmla="*/ 4644 w 10000"/>
                  <a:gd name="connsiteY212" fmla="*/ 44 h 10000"/>
                  <a:gd name="connsiteX213" fmla="*/ 4771 w 10000"/>
                  <a:gd name="connsiteY213" fmla="*/ 89 h 10000"/>
                  <a:gd name="connsiteX214" fmla="*/ 4975 w 10000"/>
                  <a:gd name="connsiteY214" fmla="*/ 192 h 10000"/>
                  <a:gd name="connsiteX215" fmla="*/ 5177 w 10000"/>
                  <a:gd name="connsiteY215" fmla="*/ 340 h 10000"/>
                  <a:gd name="connsiteX216" fmla="*/ 5329 w 10000"/>
                  <a:gd name="connsiteY216" fmla="*/ 473 h 10000"/>
                  <a:gd name="connsiteX217" fmla="*/ 5532 w 10000"/>
                  <a:gd name="connsiteY217" fmla="*/ 591 h 10000"/>
                  <a:gd name="connsiteX218" fmla="*/ 5660 w 10000"/>
                  <a:gd name="connsiteY218" fmla="*/ 650 h 10000"/>
                  <a:gd name="connsiteX219" fmla="*/ 5812 w 10000"/>
                  <a:gd name="connsiteY219" fmla="*/ 679 h 10000"/>
                  <a:gd name="connsiteX220" fmla="*/ 5965 w 10000"/>
                  <a:gd name="connsiteY220" fmla="*/ 709 h 10000"/>
                  <a:gd name="connsiteX221" fmla="*/ 6168 w 10000"/>
                  <a:gd name="connsiteY221" fmla="*/ 709 h 10000"/>
                  <a:gd name="connsiteX222" fmla="*/ 6168 w 10000"/>
                  <a:gd name="connsiteY222" fmla="*/ 768 h 10000"/>
                  <a:gd name="connsiteX223" fmla="*/ 6193 w 10000"/>
                  <a:gd name="connsiteY223" fmla="*/ 842 h 10000"/>
                  <a:gd name="connsiteX224" fmla="*/ 6243 w 10000"/>
                  <a:gd name="connsiteY224" fmla="*/ 916 h 10000"/>
                  <a:gd name="connsiteX225" fmla="*/ 6294 w 10000"/>
                  <a:gd name="connsiteY225" fmla="*/ 990 h 10000"/>
                  <a:gd name="connsiteX226" fmla="*/ 6369 w 10000"/>
                  <a:gd name="connsiteY226" fmla="*/ 1049 h 10000"/>
                  <a:gd name="connsiteX227" fmla="*/ 6471 w 10000"/>
                  <a:gd name="connsiteY227" fmla="*/ 1108 h 10000"/>
                  <a:gd name="connsiteX228" fmla="*/ 6598 w 10000"/>
                  <a:gd name="connsiteY228" fmla="*/ 1182 h 10000"/>
                  <a:gd name="connsiteX229" fmla="*/ 6700 w 10000"/>
                  <a:gd name="connsiteY229" fmla="*/ 1226 h 10000"/>
                  <a:gd name="connsiteX230" fmla="*/ 6802 w 10000"/>
                  <a:gd name="connsiteY230" fmla="*/ 1270 h 10000"/>
                  <a:gd name="connsiteX231" fmla="*/ 6903 w 10000"/>
                  <a:gd name="connsiteY231" fmla="*/ 1300 h 10000"/>
                  <a:gd name="connsiteX232" fmla="*/ 7005 w 10000"/>
                  <a:gd name="connsiteY232" fmla="*/ 1315 h 10000"/>
                  <a:gd name="connsiteX233" fmla="*/ 7132 w 10000"/>
                  <a:gd name="connsiteY233" fmla="*/ 1300 h 10000"/>
                  <a:gd name="connsiteX234" fmla="*/ 7234 w 10000"/>
                  <a:gd name="connsiteY234" fmla="*/ 1285 h 10000"/>
                  <a:gd name="connsiteX235" fmla="*/ 7309 w 10000"/>
                  <a:gd name="connsiteY235" fmla="*/ 1241 h 10000"/>
                  <a:gd name="connsiteX236" fmla="*/ 7361 w 10000"/>
                  <a:gd name="connsiteY236" fmla="*/ 1167 h 10000"/>
                  <a:gd name="connsiteX237" fmla="*/ 7385 w 10000"/>
                  <a:gd name="connsiteY237" fmla="*/ 1064 h 10000"/>
                  <a:gd name="connsiteX238" fmla="*/ 7766 w 10000"/>
                  <a:gd name="connsiteY238" fmla="*/ 1034 h 10000"/>
                  <a:gd name="connsiteX239" fmla="*/ 8121 w 10000"/>
                  <a:gd name="connsiteY239" fmla="*/ 1004 h 10000"/>
                  <a:gd name="connsiteX240" fmla="*/ 8427 w 10000"/>
                  <a:gd name="connsiteY240" fmla="*/ 990 h 10000"/>
                  <a:gd name="connsiteX241" fmla="*/ 8706 w 10000"/>
                  <a:gd name="connsiteY241" fmla="*/ 1004 h 10000"/>
                  <a:gd name="connsiteX242" fmla="*/ 8833 w 10000"/>
                  <a:gd name="connsiteY242" fmla="*/ 1019 h 10000"/>
                  <a:gd name="connsiteX243" fmla="*/ 8958 w 10000"/>
                  <a:gd name="connsiteY243" fmla="*/ 1034 h 10000"/>
                  <a:gd name="connsiteX244" fmla="*/ 9061 w 10000"/>
                  <a:gd name="connsiteY244" fmla="*/ 1064 h 10000"/>
                  <a:gd name="connsiteX245" fmla="*/ 9188 w 10000"/>
                  <a:gd name="connsiteY245" fmla="*/ 1108 h 10000"/>
                  <a:gd name="connsiteX246" fmla="*/ 9264 w 10000"/>
                  <a:gd name="connsiteY246" fmla="*/ 1182 h 10000"/>
                  <a:gd name="connsiteX247" fmla="*/ 9339 w 10000"/>
                  <a:gd name="connsiteY247" fmla="*/ 1241 h 10000"/>
                  <a:gd name="connsiteX248" fmla="*/ 9391 w 10000"/>
                  <a:gd name="connsiteY248" fmla="*/ 1329 h 10000"/>
                  <a:gd name="connsiteX249" fmla="*/ 9442 w 10000"/>
                  <a:gd name="connsiteY249" fmla="*/ 1433 h 10000"/>
                  <a:gd name="connsiteX250" fmla="*/ 9492 w 10000"/>
                  <a:gd name="connsiteY250" fmla="*/ 1551 h 10000"/>
                  <a:gd name="connsiteX251" fmla="*/ 9466 w 10000"/>
                  <a:gd name="connsiteY251" fmla="*/ 1625 h 10000"/>
                  <a:gd name="connsiteX252" fmla="*/ 9442 w 10000"/>
                  <a:gd name="connsiteY252" fmla="*/ 1684 h 10000"/>
                  <a:gd name="connsiteX253" fmla="*/ 9391 w 10000"/>
                  <a:gd name="connsiteY253" fmla="*/ 1758 h 10000"/>
                  <a:gd name="connsiteX254" fmla="*/ 9315 w 10000"/>
                  <a:gd name="connsiteY254" fmla="*/ 1802 h 10000"/>
                  <a:gd name="connsiteX255" fmla="*/ 9264 w 10000"/>
                  <a:gd name="connsiteY255" fmla="*/ 1861 h 10000"/>
                  <a:gd name="connsiteX256" fmla="*/ 9240 w 10000"/>
                  <a:gd name="connsiteY256" fmla="*/ 1935 h 10000"/>
                  <a:gd name="connsiteX257" fmla="*/ 9264 w 10000"/>
                  <a:gd name="connsiteY257" fmla="*/ 2024 h 10000"/>
                  <a:gd name="connsiteX258" fmla="*/ 9543 w 10000"/>
                  <a:gd name="connsiteY258" fmla="*/ 2157 h 10000"/>
                  <a:gd name="connsiteX259" fmla="*/ 9873 w 10000"/>
                  <a:gd name="connsiteY259" fmla="*/ 2275 h 10000"/>
                  <a:gd name="connsiteX260" fmla="*/ 10000 w 10000"/>
                  <a:gd name="connsiteY260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345 w 10000"/>
                  <a:gd name="connsiteY22" fmla="*/ 4003 h 10000"/>
                  <a:gd name="connsiteX23" fmla="*/ 6143 w 10000"/>
                  <a:gd name="connsiteY23" fmla="*/ 4106 h 10000"/>
                  <a:gd name="connsiteX24" fmla="*/ 5938 w 10000"/>
                  <a:gd name="connsiteY24" fmla="*/ 4195 h 10000"/>
                  <a:gd name="connsiteX25" fmla="*/ 6091 w 10000"/>
                  <a:gd name="connsiteY25" fmla="*/ 4417 h 10000"/>
                  <a:gd name="connsiteX26" fmla="*/ 6369 w 10000"/>
                  <a:gd name="connsiteY26" fmla="*/ 5081 h 10000"/>
                  <a:gd name="connsiteX27" fmla="*/ 6421 w 10000"/>
                  <a:gd name="connsiteY27" fmla="*/ 5318 h 10000"/>
                  <a:gd name="connsiteX28" fmla="*/ 6447 w 10000"/>
                  <a:gd name="connsiteY28" fmla="*/ 5539 h 10000"/>
                  <a:gd name="connsiteX29" fmla="*/ 6471 w 10000"/>
                  <a:gd name="connsiteY29" fmla="*/ 5775 h 10000"/>
                  <a:gd name="connsiteX30" fmla="*/ 6471 w 10000"/>
                  <a:gd name="connsiteY30" fmla="*/ 5997 h 10000"/>
                  <a:gd name="connsiteX31" fmla="*/ 6447 w 10000"/>
                  <a:gd name="connsiteY31" fmla="*/ 6233 h 10000"/>
                  <a:gd name="connsiteX32" fmla="*/ 6396 w 10000"/>
                  <a:gd name="connsiteY32" fmla="*/ 6470 h 10000"/>
                  <a:gd name="connsiteX33" fmla="*/ 6345 w 10000"/>
                  <a:gd name="connsiteY33" fmla="*/ 6677 h 10000"/>
                  <a:gd name="connsiteX34" fmla="*/ 6269 w 10000"/>
                  <a:gd name="connsiteY34" fmla="*/ 6898 h 10000"/>
                  <a:gd name="connsiteX35" fmla="*/ 6168 w 10000"/>
                  <a:gd name="connsiteY35" fmla="*/ 7105 h 10000"/>
                  <a:gd name="connsiteX36" fmla="*/ 6041 w 10000"/>
                  <a:gd name="connsiteY36" fmla="*/ 7297 h 10000"/>
                  <a:gd name="connsiteX37" fmla="*/ 5888 w 10000"/>
                  <a:gd name="connsiteY37" fmla="*/ 7489 h 10000"/>
                  <a:gd name="connsiteX38" fmla="*/ 5735 w 10000"/>
                  <a:gd name="connsiteY38" fmla="*/ 7681 h 10000"/>
                  <a:gd name="connsiteX39" fmla="*/ 6471 w 10000"/>
                  <a:gd name="connsiteY39" fmla="*/ 7799 h 10000"/>
                  <a:gd name="connsiteX40" fmla="*/ 7234 w 10000"/>
                  <a:gd name="connsiteY40" fmla="*/ 7962 h 10000"/>
                  <a:gd name="connsiteX41" fmla="*/ 7385 w 10000"/>
                  <a:gd name="connsiteY41" fmla="*/ 8021 h 10000"/>
                  <a:gd name="connsiteX42" fmla="*/ 7512 w 10000"/>
                  <a:gd name="connsiteY42" fmla="*/ 8080 h 10000"/>
                  <a:gd name="connsiteX43" fmla="*/ 7639 w 10000"/>
                  <a:gd name="connsiteY43" fmla="*/ 8139 h 10000"/>
                  <a:gd name="connsiteX44" fmla="*/ 7716 w 10000"/>
                  <a:gd name="connsiteY44" fmla="*/ 8227 h 10000"/>
                  <a:gd name="connsiteX45" fmla="*/ 7741 w 10000"/>
                  <a:gd name="connsiteY45" fmla="*/ 8301 h 10000"/>
                  <a:gd name="connsiteX46" fmla="*/ 7741 w 10000"/>
                  <a:gd name="connsiteY46" fmla="*/ 8405 h 10000"/>
                  <a:gd name="connsiteX47" fmla="*/ 7691 w 10000"/>
                  <a:gd name="connsiteY47" fmla="*/ 8523 h 10000"/>
                  <a:gd name="connsiteX48" fmla="*/ 7614 w 10000"/>
                  <a:gd name="connsiteY48" fmla="*/ 8641 h 10000"/>
                  <a:gd name="connsiteX49" fmla="*/ 7284 w 10000"/>
                  <a:gd name="connsiteY49" fmla="*/ 8552 h 10000"/>
                  <a:gd name="connsiteX50" fmla="*/ 6979 w 10000"/>
                  <a:gd name="connsiteY50" fmla="*/ 8449 h 10000"/>
                  <a:gd name="connsiteX51" fmla="*/ 6674 w 10000"/>
                  <a:gd name="connsiteY51" fmla="*/ 8360 h 10000"/>
                  <a:gd name="connsiteX52" fmla="*/ 6369 w 10000"/>
                  <a:gd name="connsiteY52" fmla="*/ 8287 h 10000"/>
                  <a:gd name="connsiteX53" fmla="*/ 6243 w 10000"/>
                  <a:gd name="connsiteY53" fmla="*/ 8449 h 10000"/>
                  <a:gd name="connsiteX54" fmla="*/ 6143 w 10000"/>
                  <a:gd name="connsiteY54" fmla="*/ 8597 h 10000"/>
                  <a:gd name="connsiteX55" fmla="*/ 6091 w 10000"/>
                  <a:gd name="connsiteY55" fmla="*/ 8656 h 10000"/>
                  <a:gd name="connsiteX56" fmla="*/ 5989 w 10000"/>
                  <a:gd name="connsiteY56" fmla="*/ 8700 h 10000"/>
                  <a:gd name="connsiteX57" fmla="*/ 5914 w 10000"/>
                  <a:gd name="connsiteY57" fmla="*/ 8744 h 10000"/>
                  <a:gd name="connsiteX58" fmla="*/ 5838 w 10000"/>
                  <a:gd name="connsiteY58" fmla="*/ 8774 h 10000"/>
                  <a:gd name="connsiteX59" fmla="*/ 5761 w 10000"/>
                  <a:gd name="connsiteY59" fmla="*/ 8804 h 10000"/>
                  <a:gd name="connsiteX60" fmla="*/ 5660 w 10000"/>
                  <a:gd name="connsiteY60" fmla="*/ 8818 h 10000"/>
                  <a:gd name="connsiteX61" fmla="*/ 5532 w 10000"/>
                  <a:gd name="connsiteY61" fmla="*/ 8833 h 10000"/>
                  <a:gd name="connsiteX62" fmla="*/ 5406 w 10000"/>
                  <a:gd name="connsiteY62" fmla="*/ 8833 h 10000"/>
                  <a:gd name="connsiteX63" fmla="*/ 5102 w 10000"/>
                  <a:gd name="connsiteY63" fmla="*/ 8818 h 10000"/>
                  <a:gd name="connsiteX64" fmla="*/ 4720 w 10000"/>
                  <a:gd name="connsiteY64" fmla="*/ 8744 h 10000"/>
                  <a:gd name="connsiteX65" fmla="*/ 4720 w 10000"/>
                  <a:gd name="connsiteY65" fmla="*/ 8922 h 10000"/>
                  <a:gd name="connsiteX66" fmla="*/ 4695 w 10000"/>
                  <a:gd name="connsiteY66" fmla="*/ 9069 h 10000"/>
                  <a:gd name="connsiteX67" fmla="*/ 4671 w 10000"/>
                  <a:gd name="connsiteY67" fmla="*/ 9232 h 10000"/>
                  <a:gd name="connsiteX68" fmla="*/ 4644 w 10000"/>
                  <a:gd name="connsiteY68" fmla="*/ 9365 h 10000"/>
                  <a:gd name="connsiteX69" fmla="*/ 4593 w 10000"/>
                  <a:gd name="connsiteY69" fmla="*/ 9498 h 10000"/>
                  <a:gd name="connsiteX70" fmla="*/ 4493 w 10000"/>
                  <a:gd name="connsiteY70" fmla="*/ 9616 h 10000"/>
                  <a:gd name="connsiteX71" fmla="*/ 4416 w 10000"/>
                  <a:gd name="connsiteY71" fmla="*/ 9734 h 10000"/>
                  <a:gd name="connsiteX72" fmla="*/ 4289 w 10000"/>
                  <a:gd name="connsiteY72" fmla="*/ 9838 h 10000"/>
                  <a:gd name="connsiteX73" fmla="*/ 3983 w 10000"/>
                  <a:gd name="connsiteY73" fmla="*/ 9897 h 10000"/>
                  <a:gd name="connsiteX74" fmla="*/ 3731 w 10000"/>
                  <a:gd name="connsiteY74" fmla="*/ 9941 h 10000"/>
                  <a:gd name="connsiteX75" fmla="*/ 3426 w 10000"/>
                  <a:gd name="connsiteY75" fmla="*/ 9985 h 10000"/>
                  <a:gd name="connsiteX76" fmla="*/ 3198 w 10000"/>
                  <a:gd name="connsiteY76" fmla="*/ 10000 h 10000"/>
                  <a:gd name="connsiteX77" fmla="*/ 2690 w 10000"/>
                  <a:gd name="connsiteY77" fmla="*/ 10000 h 10000"/>
                  <a:gd name="connsiteX78" fmla="*/ 2208 w 10000"/>
                  <a:gd name="connsiteY78" fmla="*/ 9985 h 10000"/>
                  <a:gd name="connsiteX79" fmla="*/ 1752 w 10000"/>
                  <a:gd name="connsiteY79" fmla="*/ 9941 h 10000"/>
                  <a:gd name="connsiteX80" fmla="*/ 1270 w 10000"/>
                  <a:gd name="connsiteY80" fmla="*/ 9911 h 10000"/>
                  <a:gd name="connsiteX81" fmla="*/ 990 w 10000"/>
                  <a:gd name="connsiteY81" fmla="*/ 9911 h 10000"/>
                  <a:gd name="connsiteX82" fmla="*/ 736 w 10000"/>
                  <a:gd name="connsiteY82" fmla="*/ 9911 h 10000"/>
                  <a:gd name="connsiteX83" fmla="*/ 457 w 10000"/>
                  <a:gd name="connsiteY83" fmla="*/ 9926 h 10000"/>
                  <a:gd name="connsiteX84" fmla="*/ 178 w 10000"/>
                  <a:gd name="connsiteY84" fmla="*/ 9970 h 10000"/>
                  <a:gd name="connsiteX85" fmla="*/ 102 w 10000"/>
                  <a:gd name="connsiteY85" fmla="*/ 9867 h 10000"/>
                  <a:gd name="connsiteX86" fmla="*/ 51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1 w 10000"/>
                  <a:gd name="connsiteY89" fmla="*/ 9424 h 10000"/>
                  <a:gd name="connsiteX90" fmla="*/ 102 w 10000"/>
                  <a:gd name="connsiteY90" fmla="*/ 9202 h 10000"/>
                  <a:gd name="connsiteX91" fmla="*/ 151 w 10000"/>
                  <a:gd name="connsiteY91" fmla="*/ 8996 h 10000"/>
                  <a:gd name="connsiteX92" fmla="*/ 203 w 10000"/>
                  <a:gd name="connsiteY92" fmla="*/ 8759 h 10000"/>
                  <a:gd name="connsiteX93" fmla="*/ 228 w 10000"/>
                  <a:gd name="connsiteY93" fmla="*/ 8641 h 10000"/>
                  <a:gd name="connsiteX94" fmla="*/ 228 w 10000"/>
                  <a:gd name="connsiteY94" fmla="*/ 8538 h 10000"/>
                  <a:gd name="connsiteX95" fmla="*/ 203 w 10000"/>
                  <a:gd name="connsiteY95" fmla="*/ 8405 h 10000"/>
                  <a:gd name="connsiteX96" fmla="*/ 178 w 10000"/>
                  <a:gd name="connsiteY96" fmla="*/ 8287 h 10000"/>
                  <a:gd name="connsiteX97" fmla="*/ 431 w 10000"/>
                  <a:gd name="connsiteY97" fmla="*/ 8213 h 10000"/>
                  <a:gd name="connsiteX98" fmla="*/ 685 w 10000"/>
                  <a:gd name="connsiteY98" fmla="*/ 8139 h 10000"/>
                  <a:gd name="connsiteX99" fmla="*/ 939 w 10000"/>
                  <a:gd name="connsiteY99" fmla="*/ 8095 h 10000"/>
                  <a:gd name="connsiteX100" fmla="*/ 1218 w 10000"/>
                  <a:gd name="connsiteY100" fmla="*/ 8065 h 10000"/>
                  <a:gd name="connsiteX101" fmla="*/ 1725 w 10000"/>
                  <a:gd name="connsiteY101" fmla="*/ 8021 h 10000"/>
                  <a:gd name="connsiteX102" fmla="*/ 2234 w 10000"/>
                  <a:gd name="connsiteY102" fmla="*/ 7976 h 10000"/>
                  <a:gd name="connsiteX103" fmla="*/ 2462 w 10000"/>
                  <a:gd name="connsiteY103" fmla="*/ 7947 h 10000"/>
                  <a:gd name="connsiteX104" fmla="*/ 2690 w 10000"/>
                  <a:gd name="connsiteY104" fmla="*/ 7917 h 10000"/>
                  <a:gd name="connsiteX105" fmla="*/ 2892 w 10000"/>
                  <a:gd name="connsiteY105" fmla="*/ 7843 h 10000"/>
                  <a:gd name="connsiteX106" fmla="*/ 3096 w 10000"/>
                  <a:gd name="connsiteY106" fmla="*/ 7784 h 10000"/>
                  <a:gd name="connsiteX107" fmla="*/ 3274 w 10000"/>
                  <a:gd name="connsiteY107" fmla="*/ 7710 h 10000"/>
                  <a:gd name="connsiteX108" fmla="*/ 3426 w 10000"/>
                  <a:gd name="connsiteY108" fmla="*/ 7592 h 10000"/>
                  <a:gd name="connsiteX109" fmla="*/ 3579 w 10000"/>
                  <a:gd name="connsiteY109" fmla="*/ 7474 h 10000"/>
                  <a:gd name="connsiteX110" fmla="*/ 3680 w 10000"/>
                  <a:gd name="connsiteY110" fmla="*/ 7312 h 10000"/>
                  <a:gd name="connsiteX111" fmla="*/ 3477 w 10000"/>
                  <a:gd name="connsiteY111" fmla="*/ 7238 h 10000"/>
                  <a:gd name="connsiteX112" fmla="*/ 3299 w 10000"/>
                  <a:gd name="connsiteY112" fmla="*/ 7179 h 10000"/>
                  <a:gd name="connsiteX113" fmla="*/ 3147 w 10000"/>
                  <a:gd name="connsiteY113" fmla="*/ 7090 h 10000"/>
                  <a:gd name="connsiteX114" fmla="*/ 2995 w 10000"/>
                  <a:gd name="connsiteY114" fmla="*/ 6987 h 10000"/>
                  <a:gd name="connsiteX115" fmla="*/ 2892 w 10000"/>
                  <a:gd name="connsiteY115" fmla="*/ 6869 h 10000"/>
                  <a:gd name="connsiteX116" fmla="*/ 2843 w 10000"/>
                  <a:gd name="connsiteY116" fmla="*/ 6721 h 10000"/>
                  <a:gd name="connsiteX117" fmla="*/ 2817 w 10000"/>
                  <a:gd name="connsiteY117" fmla="*/ 6558 h 10000"/>
                  <a:gd name="connsiteX118" fmla="*/ 2843 w 10000"/>
                  <a:gd name="connsiteY118" fmla="*/ 6352 h 10000"/>
                  <a:gd name="connsiteX119" fmla="*/ 2716 w 10000"/>
                  <a:gd name="connsiteY119" fmla="*/ 6322 h 10000"/>
                  <a:gd name="connsiteX120" fmla="*/ 2564 w 10000"/>
                  <a:gd name="connsiteY120" fmla="*/ 6292 h 10000"/>
                  <a:gd name="connsiteX121" fmla="*/ 2386 w 10000"/>
                  <a:gd name="connsiteY121" fmla="*/ 6278 h 10000"/>
                  <a:gd name="connsiteX122" fmla="*/ 2208 w 10000"/>
                  <a:gd name="connsiteY122" fmla="*/ 6263 h 10000"/>
                  <a:gd name="connsiteX123" fmla="*/ 1853 w 10000"/>
                  <a:gd name="connsiteY123" fmla="*/ 6248 h 10000"/>
                  <a:gd name="connsiteX124" fmla="*/ 1472 w 10000"/>
                  <a:gd name="connsiteY124" fmla="*/ 6263 h 10000"/>
                  <a:gd name="connsiteX125" fmla="*/ 1143 w 10000"/>
                  <a:gd name="connsiteY125" fmla="*/ 6278 h 10000"/>
                  <a:gd name="connsiteX126" fmla="*/ 837 w 10000"/>
                  <a:gd name="connsiteY126" fmla="*/ 6278 h 10000"/>
                  <a:gd name="connsiteX127" fmla="*/ 585 w 10000"/>
                  <a:gd name="connsiteY127" fmla="*/ 6263 h 10000"/>
                  <a:gd name="connsiteX128" fmla="*/ 381 w 10000"/>
                  <a:gd name="connsiteY128" fmla="*/ 6233 h 10000"/>
                  <a:gd name="connsiteX129" fmla="*/ 633 w 10000"/>
                  <a:gd name="connsiteY129" fmla="*/ 5805 h 10000"/>
                  <a:gd name="connsiteX130" fmla="*/ 914 w 10000"/>
                  <a:gd name="connsiteY130" fmla="*/ 5391 h 10000"/>
                  <a:gd name="connsiteX131" fmla="*/ 1016 w 10000"/>
                  <a:gd name="connsiteY131" fmla="*/ 5170 h 10000"/>
                  <a:gd name="connsiteX132" fmla="*/ 1091 w 10000"/>
                  <a:gd name="connsiteY132" fmla="*/ 4963 h 10000"/>
                  <a:gd name="connsiteX133" fmla="*/ 1116 w 10000"/>
                  <a:gd name="connsiteY133" fmla="*/ 4860 h 10000"/>
                  <a:gd name="connsiteX134" fmla="*/ 1091 w 10000"/>
                  <a:gd name="connsiteY134" fmla="*/ 4756 h 10000"/>
                  <a:gd name="connsiteX135" fmla="*/ 1066 w 10000"/>
                  <a:gd name="connsiteY135" fmla="*/ 4653 h 10000"/>
                  <a:gd name="connsiteX136" fmla="*/ 990 w 10000"/>
                  <a:gd name="connsiteY136" fmla="*/ 4549 h 10000"/>
                  <a:gd name="connsiteX137" fmla="*/ 1270 w 10000"/>
                  <a:gd name="connsiteY137" fmla="*/ 4520 h 10000"/>
                  <a:gd name="connsiteX138" fmla="*/ 1472 w 10000"/>
                  <a:gd name="connsiteY138" fmla="*/ 4505 h 10000"/>
                  <a:gd name="connsiteX139" fmla="*/ 1650 w 10000"/>
                  <a:gd name="connsiteY139" fmla="*/ 4505 h 10000"/>
                  <a:gd name="connsiteX140" fmla="*/ 1802 w 10000"/>
                  <a:gd name="connsiteY140" fmla="*/ 4520 h 10000"/>
                  <a:gd name="connsiteX141" fmla="*/ 1929 w 10000"/>
                  <a:gd name="connsiteY141" fmla="*/ 4520 h 10000"/>
                  <a:gd name="connsiteX142" fmla="*/ 2081 w 10000"/>
                  <a:gd name="connsiteY142" fmla="*/ 4520 h 10000"/>
                  <a:gd name="connsiteX143" fmla="*/ 2234 w 10000"/>
                  <a:gd name="connsiteY143" fmla="*/ 4490 h 10000"/>
                  <a:gd name="connsiteX144" fmla="*/ 2436 w 10000"/>
                  <a:gd name="connsiteY144" fmla="*/ 4446 h 10000"/>
                  <a:gd name="connsiteX145" fmla="*/ 2436 w 10000"/>
                  <a:gd name="connsiteY145" fmla="*/ 4579 h 10000"/>
                  <a:gd name="connsiteX146" fmla="*/ 2436 w 10000"/>
                  <a:gd name="connsiteY146" fmla="*/ 4742 h 10000"/>
                  <a:gd name="connsiteX147" fmla="*/ 2436 w 10000"/>
                  <a:gd name="connsiteY147" fmla="*/ 4874 h 10000"/>
                  <a:gd name="connsiteX148" fmla="*/ 2436 w 10000"/>
                  <a:gd name="connsiteY148" fmla="*/ 5037 h 10000"/>
                  <a:gd name="connsiteX149" fmla="*/ 2665 w 10000"/>
                  <a:gd name="connsiteY149" fmla="*/ 5022 h 10000"/>
                  <a:gd name="connsiteX150" fmla="*/ 2817 w 10000"/>
                  <a:gd name="connsiteY150" fmla="*/ 5037 h 10000"/>
                  <a:gd name="connsiteX151" fmla="*/ 2944 w 10000"/>
                  <a:gd name="connsiteY151" fmla="*/ 5066 h 10000"/>
                  <a:gd name="connsiteX152" fmla="*/ 3071 w 10000"/>
                  <a:gd name="connsiteY152" fmla="*/ 5096 h 10000"/>
                  <a:gd name="connsiteX153" fmla="*/ 3173 w 10000"/>
                  <a:gd name="connsiteY153" fmla="*/ 5126 h 10000"/>
                  <a:gd name="connsiteX154" fmla="*/ 3299 w 10000"/>
                  <a:gd name="connsiteY154" fmla="*/ 5155 h 10000"/>
                  <a:gd name="connsiteX155" fmla="*/ 3452 w 10000"/>
                  <a:gd name="connsiteY155" fmla="*/ 5170 h 10000"/>
                  <a:gd name="connsiteX156" fmla="*/ 3680 w 10000"/>
                  <a:gd name="connsiteY156" fmla="*/ 5155 h 10000"/>
                  <a:gd name="connsiteX157" fmla="*/ 3757 w 10000"/>
                  <a:gd name="connsiteY157" fmla="*/ 5096 h 10000"/>
                  <a:gd name="connsiteX158" fmla="*/ 3832 w 10000"/>
                  <a:gd name="connsiteY158" fmla="*/ 5022 h 10000"/>
                  <a:gd name="connsiteX159" fmla="*/ 3857 w 10000"/>
                  <a:gd name="connsiteY159" fmla="*/ 4934 h 10000"/>
                  <a:gd name="connsiteX160" fmla="*/ 3884 w 10000"/>
                  <a:gd name="connsiteY160" fmla="*/ 4860 h 10000"/>
                  <a:gd name="connsiteX161" fmla="*/ 3908 w 10000"/>
                  <a:gd name="connsiteY161" fmla="*/ 4697 h 10000"/>
                  <a:gd name="connsiteX162" fmla="*/ 3884 w 10000"/>
                  <a:gd name="connsiteY162" fmla="*/ 4520 h 10000"/>
                  <a:gd name="connsiteX163" fmla="*/ 3807 w 10000"/>
                  <a:gd name="connsiteY163" fmla="*/ 4343 h 10000"/>
                  <a:gd name="connsiteX164" fmla="*/ 3731 w 10000"/>
                  <a:gd name="connsiteY164" fmla="*/ 4195 h 10000"/>
                  <a:gd name="connsiteX165" fmla="*/ 3604 w 10000"/>
                  <a:gd name="connsiteY165" fmla="*/ 4047 h 10000"/>
                  <a:gd name="connsiteX166" fmla="*/ 3477 w 10000"/>
                  <a:gd name="connsiteY166" fmla="*/ 3959 h 10000"/>
                  <a:gd name="connsiteX167" fmla="*/ 3629 w 10000"/>
                  <a:gd name="connsiteY167" fmla="*/ 3944 h 10000"/>
                  <a:gd name="connsiteX168" fmla="*/ 3757 w 10000"/>
                  <a:gd name="connsiteY168" fmla="*/ 3914 h 10000"/>
                  <a:gd name="connsiteX169" fmla="*/ 3857 w 10000"/>
                  <a:gd name="connsiteY169" fmla="*/ 3855 h 10000"/>
                  <a:gd name="connsiteX170" fmla="*/ 3983 w 10000"/>
                  <a:gd name="connsiteY170" fmla="*/ 3752 h 10000"/>
                  <a:gd name="connsiteX171" fmla="*/ 4111 w 10000"/>
                  <a:gd name="connsiteY171" fmla="*/ 3663 h 10000"/>
                  <a:gd name="connsiteX172" fmla="*/ 4213 w 10000"/>
                  <a:gd name="connsiteY172" fmla="*/ 3560 h 10000"/>
                  <a:gd name="connsiteX173" fmla="*/ 4289 w 10000"/>
                  <a:gd name="connsiteY173" fmla="*/ 3442 h 10000"/>
                  <a:gd name="connsiteX174" fmla="*/ 4366 w 10000"/>
                  <a:gd name="connsiteY174" fmla="*/ 3323 h 10000"/>
                  <a:gd name="connsiteX175" fmla="*/ 4416 w 10000"/>
                  <a:gd name="connsiteY175" fmla="*/ 3220 h 10000"/>
                  <a:gd name="connsiteX176" fmla="*/ 4441 w 10000"/>
                  <a:gd name="connsiteY176" fmla="*/ 3102 h 10000"/>
                  <a:gd name="connsiteX177" fmla="*/ 4468 w 10000"/>
                  <a:gd name="connsiteY177" fmla="*/ 3013 h 10000"/>
                  <a:gd name="connsiteX178" fmla="*/ 4441 w 10000"/>
                  <a:gd name="connsiteY178" fmla="*/ 2939 h 10000"/>
                  <a:gd name="connsiteX179" fmla="*/ 4416 w 10000"/>
                  <a:gd name="connsiteY179" fmla="*/ 2866 h 10000"/>
                  <a:gd name="connsiteX180" fmla="*/ 4340 w 10000"/>
                  <a:gd name="connsiteY180" fmla="*/ 2836 h 10000"/>
                  <a:gd name="connsiteX181" fmla="*/ 4239 w 10000"/>
                  <a:gd name="connsiteY181" fmla="*/ 2836 h 10000"/>
                  <a:gd name="connsiteX182" fmla="*/ 4111 w 10000"/>
                  <a:gd name="connsiteY182" fmla="*/ 2866 h 10000"/>
                  <a:gd name="connsiteX183" fmla="*/ 4213 w 10000"/>
                  <a:gd name="connsiteY183" fmla="*/ 2777 h 10000"/>
                  <a:gd name="connsiteX184" fmla="*/ 4265 w 10000"/>
                  <a:gd name="connsiteY184" fmla="*/ 2674 h 10000"/>
                  <a:gd name="connsiteX185" fmla="*/ 4289 w 10000"/>
                  <a:gd name="connsiteY185" fmla="*/ 2541 h 10000"/>
                  <a:gd name="connsiteX186" fmla="*/ 4289 w 10000"/>
                  <a:gd name="connsiteY186" fmla="*/ 2393 h 10000"/>
                  <a:gd name="connsiteX187" fmla="*/ 4314 w 10000"/>
                  <a:gd name="connsiteY187" fmla="*/ 2349 h 10000"/>
                  <a:gd name="connsiteX188" fmla="*/ 4366 w 10000"/>
                  <a:gd name="connsiteY188" fmla="*/ 2304 h 10000"/>
                  <a:gd name="connsiteX189" fmla="*/ 4416 w 10000"/>
                  <a:gd name="connsiteY189" fmla="*/ 2290 h 10000"/>
                  <a:gd name="connsiteX190" fmla="*/ 4493 w 10000"/>
                  <a:gd name="connsiteY190" fmla="*/ 2275 h 10000"/>
                  <a:gd name="connsiteX191" fmla="*/ 4720 w 10000"/>
                  <a:gd name="connsiteY191" fmla="*/ 2260 h 10000"/>
                  <a:gd name="connsiteX192" fmla="*/ 4923 w 10000"/>
                  <a:gd name="connsiteY192" fmla="*/ 2275 h 10000"/>
                  <a:gd name="connsiteX193" fmla="*/ 4898 w 10000"/>
                  <a:gd name="connsiteY193" fmla="*/ 2112 h 10000"/>
                  <a:gd name="connsiteX194" fmla="*/ 4848 w 10000"/>
                  <a:gd name="connsiteY194" fmla="*/ 1950 h 10000"/>
                  <a:gd name="connsiteX195" fmla="*/ 4771 w 10000"/>
                  <a:gd name="connsiteY195" fmla="*/ 1802 h 10000"/>
                  <a:gd name="connsiteX196" fmla="*/ 4671 w 10000"/>
                  <a:gd name="connsiteY196" fmla="*/ 1640 h 10000"/>
                  <a:gd name="connsiteX197" fmla="*/ 4416 w 10000"/>
                  <a:gd name="connsiteY197" fmla="*/ 1329 h 10000"/>
                  <a:gd name="connsiteX198" fmla="*/ 4162 w 10000"/>
                  <a:gd name="connsiteY198" fmla="*/ 1034 h 10000"/>
                  <a:gd name="connsiteX199" fmla="*/ 4035 w 10000"/>
                  <a:gd name="connsiteY199" fmla="*/ 901 h 10000"/>
                  <a:gd name="connsiteX200" fmla="*/ 3935 w 10000"/>
                  <a:gd name="connsiteY200" fmla="*/ 753 h 10000"/>
                  <a:gd name="connsiteX201" fmla="*/ 3857 w 10000"/>
                  <a:gd name="connsiteY201" fmla="*/ 620 h 10000"/>
                  <a:gd name="connsiteX202" fmla="*/ 3832 w 10000"/>
                  <a:gd name="connsiteY202" fmla="*/ 487 h 10000"/>
                  <a:gd name="connsiteX203" fmla="*/ 3807 w 10000"/>
                  <a:gd name="connsiteY203" fmla="*/ 355 h 10000"/>
                  <a:gd name="connsiteX204" fmla="*/ 3857 w 10000"/>
                  <a:gd name="connsiteY204" fmla="*/ 222 h 10000"/>
                  <a:gd name="connsiteX205" fmla="*/ 3884 w 10000"/>
                  <a:gd name="connsiteY205" fmla="*/ 162 h 10000"/>
                  <a:gd name="connsiteX206" fmla="*/ 3935 w 10000"/>
                  <a:gd name="connsiteY206" fmla="*/ 103 h 10000"/>
                  <a:gd name="connsiteX207" fmla="*/ 4011 w 10000"/>
                  <a:gd name="connsiteY207" fmla="*/ 59 h 10000"/>
                  <a:gd name="connsiteX208" fmla="*/ 4111 w 10000"/>
                  <a:gd name="connsiteY208" fmla="*/ 0 h 10000"/>
                  <a:gd name="connsiteX209" fmla="*/ 4289 w 10000"/>
                  <a:gd name="connsiteY209" fmla="*/ 0 h 10000"/>
                  <a:gd name="connsiteX210" fmla="*/ 4468 w 10000"/>
                  <a:gd name="connsiteY210" fmla="*/ 15 h 10000"/>
                  <a:gd name="connsiteX211" fmla="*/ 4644 w 10000"/>
                  <a:gd name="connsiteY211" fmla="*/ 44 h 10000"/>
                  <a:gd name="connsiteX212" fmla="*/ 4771 w 10000"/>
                  <a:gd name="connsiteY212" fmla="*/ 89 h 10000"/>
                  <a:gd name="connsiteX213" fmla="*/ 4975 w 10000"/>
                  <a:gd name="connsiteY213" fmla="*/ 192 h 10000"/>
                  <a:gd name="connsiteX214" fmla="*/ 5177 w 10000"/>
                  <a:gd name="connsiteY214" fmla="*/ 340 h 10000"/>
                  <a:gd name="connsiteX215" fmla="*/ 5329 w 10000"/>
                  <a:gd name="connsiteY215" fmla="*/ 473 h 10000"/>
                  <a:gd name="connsiteX216" fmla="*/ 5532 w 10000"/>
                  <a:gd name="connsiteY216" fmla="*/ 591 h 10000"/>
                  <a:gd name="connsiteX217" fmla="*/ 5660 w 10000"/>
                  <a:gd name="connsiteY217" fmla="*/ 650 h 10000"/>
                  <a:gd name="connsiteX218" fmla="*/ 5812 w 10000"/>
                  <a:gd name="connsiteY218" fmla="*/ 679 h 10000"/>
                  <a:gd name="connsiteX219" fmla="*/ 5965 w 10000"/>
                  <a:gd name="connsiteY219" fmla="*/ 709 h 10000"/>
                  <a:gd name="connsiteX220" fmla="*/ 6168 w 10000"/>
                  <a:gd name="connsiteY220" fmla="*/ 709 h 10000"/>
                  <a:gd name="connsiteX221" fmla="*/ 6168 w 10000"/>
                  <a:gd name="connsiteY221" fmla="*/ 768 h 10000"/>
                  <a:gd name="connsiteX222" fmla="*/ 6193 w 10000"/>
                  <a:gd name="connsiteY222" fmla="*/ 842 h 10000"/>
                  <a:gd name="connsiteX223" fmla="*/ 6243 w 10000"/>
                  <a:gd name="connsiteY223" fmla="*/ 916 h 10000"/>
                  <a:gd name="connsiteX224" fmla="*/ 6294 w 10000"/>
                  <a:gd name="connsiteY224" fmla="*/ 990 h 10000"/>
                  <a:gd name="connsiteX225" fmla="*/ 6369 w 10000"/>
                  <a:gd name="connsiteY225" fmla="*/ 1049 h 10000"/>
                  <a:gd name="connsiteX226" fmla="*/ 6471 w 10000"/>
                  <a:gd name="connsiteY226" fmla="*/ 1108 h 10000"/>
                  <a:gd name="connsiteX227" fmla="*/ 6598 w 10000"/>
                  <a:gd name="connsiteY227" fmla="*/ 1182 h 10000"/>
                  <a:gd name="connsiteX228" fmla="*/ 6700 w 10000"/>
                  <a:gd name="connsiteY228" fmla="*/ 1226 h 10000"/>
                  <a:gd name="connsiteX229" fmla="*/ 6802 w 10000"/>
                  <a:gd name="connsiteY229" fmla="*/ 1270 h 10000"/>
                  <a:gd name="connsiteX230" fmla="*/ 6903 w 10000"/>
                  <a:gd name="connsiteY230" fmla="*/ 1300 h 10000"/>
                  <a:gd name="connsiteX231" fmla="*/ 7005 w 10000"/>
                  <a:gd name="connsiteY231" fmla="*/ 1315 h 10000"/>
                  <a:gd name="connsiteX232" fmla="*/ 7132 w 10000"/>
                  <a:gd name="connsiteY232" fmla="*/ 1300 h 10000"/>
                  <a:gd name="connsiteX233" fmla="*/ 7234 w 10000"/>
                  <a:gd name="connsiteY233" fmla="*/ 1285 h 10000"/>
                  <a:gd name="connsiteX234" fmla="*/ 7309 w 10000"/>
                  <a:gd name="connsiteY234" fmla="*/ 1241 h 10000"/>
                  <a:gd name="connsiteX235" fmla="*/ 7361 w 10000"/>
                  <a:gd name="connsiteY235" fmla="*/ 1167 h 10000"/>
                  <a:gd name="connsiteX236" fmla="*/ 7385 w 10000"/>
                  <a:gd name="connsiteY236" fmla="*/ 1064 h 10000"/>
                  <a:gd name="connsiteX237" fmla="*/ 7766 w 10000"/>
                  <a:gd name="connsiteY237" fmla="*/ 1034 h 10000"/>
                  <a:gd name="connsiteX238" fmla="*/ 8121 w 10000"/>
                  <a:gd name="connsiteY238" fmla="*/ 1004 h 10000"/>
                  <a:gd name="connsiteX239" fmla="*/ 8427 w 10000"/>
                  <a:gd name="connsiteY239" fmla="*/ 990 h 10000"/>
                  <a:gd name="connsiteX240" fmla="*/ 8706 w 10000"/>
                  <a:gd name="connsiteY240" fmla="*/ 1004 h 10000"/>
                  <a:gd name="connsiteX241" fmla="*/ 8833 w 10000"/>
                  <a:gd name="connsiteY241" fmla="*/ 1019 h 10000"/>
                  <a:gd name="connsiteX242" fmla="*/ 8958 w 10000"/>
                  <a:gd name="connsiteY242" fmla="*/ 1034 h 10000"/>
                  <a:gd name="connsiteX243" fmla="*/ 9061 w 10000"/>
                  <a:gd name="connsiteY243" fmla="*/ 1064 h 10000"/>
                  <a:gd name="connsiteX244" fmla="*/ 9188 w 10000"/>
                  <a:gd name="connsiteY244" fmla="*/ 1108 h 10000"/>
                  <a:gd name="connsiteX245" fmla="*/ 9264 w 10000"/>
                  <a:gd name="connsiteY245" fmla="*/ 1182 h 10000"/>
                  <a:gd name="connsiteX246" fmla="*/ 9339 w 10000"/>
                  <a:gd name="connsiteY246" fmla="*/ 1241 h 10000"/>
                  <a:gd name="connsiteX247" fmla="*/ 9391 w 10000"/>
                  <a:gd name="connsiteY247" fmla="*/ 1329 h 10000"/>
                  <a:gd name="connsiteX248" fmla="*/ 9442 w 10000"/>
                  <a:gd name="connsiteY248" fmla="*/ 1433 h 10000"/>
                  <a:gd name="connsiteX249" fmla="*/ 9492 w 10000"/>
                  <a:gd name="connsiteY249" fmla="*/ 1551 h 10000"/>
                  <a:gd name="connsiteX250" fmla="*/ 9466 w 10000"/>
                  <a:gd name="connsiteY250" fmla="*/ 1625 h 10000"/>
                  <a:gd name="connsiteX251" fmla="*/ 9442 w 10000"/>
                  <a:gd name="connsiteY251" fmla="*/ 1684 h 10000"/>
                  <a:gd name="connsiteX252" fmla="*/ 9391 w 10000"/>
                  <a:gd name="connsiteY252" fmla="*/ 1758 h 10000"/>
                  <a:gd name="connsiteX253" fmla="*/ 9315 w 10000"/>
                  <a:gd name="connsiteY253" fmla="*/ 1802 h 10000"/>
                  <a:gd name="connsiteX254" fmla="*/ 9264 w 10000"/>
                  <a:gd name="connsiteY254" fmla="*/ 1861 h 10000"/>
                  <a:gd name="connsiteX255" fmla="*/ 9240 w 10000"/>
                  <a:gd name="connsiteY255" fmla="*/ 1935 h 10000"/>
                  <a:gd name="connsiteX256" fmla="*/ 9264 w 10000"/>
                  <a:gd name="connsiteY256" fmla="*/ 2024 h 10000"/>
                  <a:gd name="connsiteX257" fmla="*/ 9543 w 10000"/>
                  <a:gd name="connsiteY257" fmla="*/ 2157 h 10000"/>
                  <a:gd name="connsiteX258" fmla="*/ 9873 w 10000"/>
                  <a:gd name="connsiteY258" fmla="*/ 2275 h 10000"/>
                  <a:gd name="connsiteX259" fmla="*/ 10000 w 10000"/>
                  <a:gd name="connsiteY25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345 w 10000"/>
                  <a:gd name="connsiteY22" fmla="*/ 4003 h 10000"/>
                  <a:gd name="connsiteX23" fmla="*/ 6143 w 10000"/>
                  <a:gd name="connsiteY23" fmla="*/ 4106 h 10000"/>
                  <a:gd name="connsiteX24" fmla="*/ 5938 w 10000"/>
                  <a:gd name="connsiteY24" fmla="*/ 4195 h 10000"/>
                  <a:gd name="connsiteX25" fmla="*/ 6091 w 10000"/>
                  <a:gd name="connsiteY25" fmla="*/ 4417 h 10000"/>
                  <a:gd name="connsiteX26" fmla="*/ 6369 w 10000"/>
                  <a:gd name="connsiteY26" fmla="*/ 5081 h 10000"/>
                  <a:gd name="connsiteX27" fmla="*/ 6421 w 10000"/>
                  <a:gd name="connsiteY27" fmla="*/ 5318 h 10000"/>
                  <a:gd name="connsiteX28" fmla="*/ 6447 w 10000"/>
                  <a:gd name="connsiteY28" fmla="*/ 5539 h 10000"/>
                  <a:gd name="connsiteX29" fmla="*/ 6471 w 10000"/>
                  <a:gd name="connsiteY29" fmla="*/ 5775 h 10000"/>
                  <a:gd name="connsiteX30" fmla="*/ 6471 w 10000"/>
                  <a:gd name="connsiteY30" fmla="*/ 5997 h 10000"/>
                  <a:gd name="connsiteX31" fmla="*/ 6447 w 10000"/>
                  <a:gd name="connsiteY31" fmla="*/ 6233 h 10000"/>
                  <a:gd name="connsiteX32" fmla="*/ 6396 w 10000"/>
                  <a:gd name="connsiteY32" fmla="*/ 6470 h 10000"/>
                  <a:gd name="connsiteX33" fmla="*/ 6345 w 10000"/>
                  <a:gd name="connsiteY33" fmla="*/ 6677 h 10000"/>
                  <a:gd name="connsiteX34" fmla="*/ 6269 w 10000"/>
                  <a:gd name="connsiteY34" fmla="*/ 6898 h 10000"/>
                  <a:gd name="connsiteX35" fmla="*/ 6168 w 10000"/>
                  <a:gd name="connsiteY35" fmla="*/ 7105 h 10000"/>
                  <a:gd name="connsiteX36" fmla="*/ 6041 w 10000"/>
                  <a:gd name="connsiteY36" fmla="*/ 7297 h 10000"/>
                  <a:gd name="connsiteX37" fmla="*/ 5888 w 10000"/>
                  <a:gd name="connsiteY37" fmla="*/ 7489 h 10000"/>
                  <a:gd name="connsiteX38" fmla="*/ 5735 w 10000"/>
                  <a:gd name="connsiteY38" fmla="*/ 7681 h 10000"/>
                  <a:gd name="connsiteX39" fmla="*/ 6471 w 10000"/>
                  <a:gd name="connsiteY39" fmla="*/ 7799 h 10000"/>
                  <a:gd name="connsiteX40" fmla="*/ 7234 w 10000"/>
                  <a:gd name="connsiteY40" fmla="*/ 7962 h 10000"/>
                  <a:gd name="connsiteX41" fmla="*/ 7385 w 10000"/>
                  <a:gd name="connsiteY41" fmla="*/ 8021 h 10000"/>
                  <a:gd name="connsiteX42" fmla="*/ 7512 w 10000"/>
                  <a:gd name="connsiteY42" fmla="*/ 8080 h 10000"/>
                  <a:gd name="connsiteX43" fmla="*/ 7639 w 10000"/>
                  <a:gd name="connsiteY43" fmla="*/ 8139 h 10000"/>
                  <a:gd name="connsiteX44" fmla="*/ 7716 w 10000"/>
                  <a:gd name="connsiteY44" fmla="*/ 8227 h 10000"/>
                  <a:gd name="connsiteX45" fmla="*/ 7741 w 10000"/>
                  <a:gd name="connsiteY45" fmla="*/ 8301 h 10000"/>
                  <a:gd name="connsiteX46" fmla="*/ 7741 w 10000"/>
                  <a:gd name="connsiteY46" fmla="*/ 8405 h 10000"/>
                  <a:gd name="connsiteX47" fmla="*/ 7691 w 10000"/>
                  <a:gd name="connsiteY47" fmla="*/ 8523 h 10000"/>
                  <a:gd name="connsiteX48" fmla="*/ 7614 w 10000"/>
                  <a:gd name="connsiteY48" fmla="*/ 8641 h 10000"/>
                  <a:gd name="connsiteX49" fmla="*/ 7284 w 10000"/>
                  <a:gd name="connsiteY49" fmla="*/ 8552 h 10000"/>
                  <a:gd name="connsiteX50" fmla="*/ 6979 w 10000"/>
                  <a:gd name="connsiteY50" fmla="*/ 8449 h 10000"/>
                  <a:gd name="connsiteX51" fmla="*/ 6674 w 10000"/>
                  <a:gd name="connsiteY51" fmla="*/ 8360 h 10000"/>
                  <a:gd name="connsiteX52" fmla="*/ 6369 w 10000"/>
                  <a:gd name="connsiteY52" fmla="*/ 8287 h 10000"/>
                  <a:gd name="connsiteX53" fmla="*/ 6243 w 10000"/>
                  <a:gd name="connsiteY53" fmla="*/ 8449 h 10000"/>
                  <a:gd name="connsiteX54" fmla="*/ 6143 w 10000"/>
                  <a:gd name="connsiteY54" fmla="*/ 8597 h 10000"/>
                  <a:gd name="connsiteX55" fmla="*/ 6091 w 10000"/>
                  <a:gd name="connsiteY55" fmla="*/ 8656 h 10000"/>
                  <a:gd name="connsiteX56" fmla="*/ 5989 w 10000"/>
                  <a:gd name="connsiteY56" fmla="*/ 8700 h 10000"/>
                  <a:gd name="connsiteX57" fmla="*/ 5914 w 10000"/>
                  <a:gd name="connsiteY57" fmla="*/ 8744 h 10000"/>
                  <a:gd name="connsiteX58" fmla="*/ 5838 w 10000"/>
                  <a:gd name="connsiteY58" fmla="*/ 8774 h 10000"/>
                  <a:gd name="connsiteX59" fmla="*/ 5761 w 10000"/>
                  <a:gd name="connsiteY59" fmla="*/ 8804 h 10000"/>
                  <a:gd name="connsiteX60" fmla="*/ 5660 w 10000"/>
                  <a:gd name="connsiteY60" fmla="*/ 8818 h 10000"/>
                  <a:gd name="connsiteX61" fmla="*/ 5532 w 10000"/>
                  <a:gd name="connsiteY61" fmla="*/ 8833 h 10000"/>
                  <a:gd name="connsiteX62" fmla="*/ 5406 w 10000"/>
                  <a:gd name="connsiteY62" fmla="*/ 8833 h 10000"/>
                  <a:gd name="connsiteX63" fmla="*/ 5102 w 10000"/>
                  <a:gd name="connsiteY63" fmla="*/ 8818 h 10000"/>
                  <a:gd name="connsiteX64" fmla="*/ 4720 w 10000"/>
                  <a:gd name="connsiteY64" fmla="*/ 8744 h 10000"/>
                  <a:gd name="connsiteX65" fmla="*/ 4720 w 10000"/>
                  <a:gd name="connsiteY65" fmla="*/ 8922 h 10000"/>
                  <a:gd name="connsiteX66" fmla="*/ 4695 w 10000"/>
                  <a:gd name="connsiteY66" fmla="*/ 9069 h 10000"/>
                  <a:gd name="connsiteX67" fmla="*/ 4671 w 10000"/>
                  <a:gd name="connsiteY67" fmla="*/ 9232 h 10000"/>
                  <a:gd name="connsiteX68" fmla="*/ 4644 w 10000"/>
                  <a:gd name="connsiteY68" fmla="*/ 9365 h 10000"/>
                  <a:gd name="connsiteX69" fmla="*/ 4593 w 10000"/>
                  <a:gd name="connsiteY69" fmla="*/ 9498 h 10000"/>
                  <a:gd name="connsiteX70" fmla="*/ 4493 w 10000"/>
                  <a:gd name="connsiteY70" fmla="*/ 9616 h 10000"/>
                  <a:gd name="connsiteX71" fmla="*/ 4416 w 10000"/>
                  <a:gd name="connsiteY71" fmla="*/ 9734 h 10000"/>
                  <a:gd name="connsiteX72" fmla="*/ 4289 w 10000"/>
                  <a:gd name="connsiteY72" fmla="*/ 9838 h 10000"/>
                  <a:gd name="connsiteX73" fmla="*/ 3983 w 10000"/>
                  <a:gd name="connsiteY73" fmla="*/ 9897 h 10000"/>
                  <a:gd name="connsiteX74" fmla="*/ 3731 w 10000"/>
                  <a:gd name="connsiteY74" fmla="*/ 9941 h 10000"/>
                  <a:gd name="connsiteX75" fmla="*/ 3426 w 10000"/>
                  <a:gd name="connsiteY75" fmla="*/ 9985 h 10000"/>
                  <a:gd name="connsiteX76" fmla="*/ 3198 w 10000"/>
                  <a:gd name="connsiteY76" fmla="*/ 10000 h 10000"/>
                  <a:gd name="connsiteX77" fmla="*/ 2690 w 10000"/>
                  <a:gd name="connsiteY77" fmla="*/ 10000 h 10000"/>
                  <a:gd name="connsiteX78" fmla="*/ 2208 w 10000"/>
                  <a:gd name="connsiteY78" fmla="*/ 9985 h 10000"/>
                  <a:gd name="connsiteX79" fmla="*/ 1752 w 10000"/>
                  <a:gd name="connsiteY79" fmla="*/ 9941 h 10000"/>
                  <a:gd name="connsiteX80" fmla="*/ 1270 w 10000"/>
                  <a:gd name="connsiteY80" fmla="*/ 9911 h 10000"/>
                  <a:gd name="connsiteX81" fmla="*/ 990 w 10000"/>
                  <a:gd name="connsiteY81" fmla="*/ 9911 h 10000"/>
                  <a:gd name="connsiteX82" fmla="*/ 736 w 10000"/>
                  <a:gd name="connsiteY82" fmla="*/ 9911 h 10000"/>
                  <a:gd name="connsiteX83" fmla="*/ 457 w 10000"/>
                  <a:gd name="connsiteY83" fmla="*/ 9926 h 10000"/>
                  <a:gd name="connsiteX84" fmla="*/ 178 w 10000"/>
                  <a:gd name="connsiteY84" fmla="*/ 9970 h 10000"/>
                  <a:gd name="connsiteX85" fmla="*/ 102 w 10000"/>
                  <a:gd name="connsiteY85" fmla="*/ 9867 h 10000"/>
                  <a:gd name="connsiteX86" fmla="*/ 51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1 w 10000"/>
                  <a:gd name="connsiteY89" fmla="*/ 9424 h 10000"/>
                  <a:gd name="connsiteX90" fmla="*/ 102 w 10000"/>
                  <a:gd name="connsiteY90" fmla="*/ 9202 h 10000"/>
                  <a:gd name="connsiteX91" fmla="*/ 151 w 10000"/>
                  <a:gd name="connsiteY91" fmla="*/ 8996 h 10000"/>
                  <a:gd name="connsiteX92" fmla="*/ 203 w 10000"/>
                  <a:gd name="connsiteY92" fmla="*/ 8759 h 10000"/>
                  <a:gd name="connsiteX93" fmla="*/ 228 w 10000"/>
                  <a:gd name="connsiteY93" fmla="*/ 8641 h 10000"/>
                  <a:gd name="connsiteX94" fmla="*/ 228 w 10000"/>
                  <a:gd name="connsiteY94" fmla="*/ 8538 h 10000"/>
                  <a:gd name="connsiteX95" fmla="*/ 203 w 10000"/>
                  <a:gd name="connsiteY95" fmla="*/ 8405 h 10000"/>
                  <a:gd name="connsiteX96" fmla="*/ 178 w 10000"/>
                  <a:gd name="connsiteY96" fmla="*/ 8287 h 10000"/>
                  <a:gd name="connsiteX97" fmla="*/ 431 w 10000"/>
                  <a:gd name="connsiteY97" fmla="*/ 8213 h 10000"/>
                  <a:gd name="connsiteX98" fmla="*/ 685 w 10000"/>
                  <a:gd name="connsiteY98" fmla="*/ 8139 h 10000"/>
                  <a:gd name="connsiteX99" fmla="*/ 939 w 10000"/>
                  <a:gd name="connsiteY99" fmla="*/ 8095 h 10000"/>
                  <a:gd name="connsiteX100" fmla="*/ 1218 w 10000"/>
                  <a:gd name="connsiteY100" fmla="*/ 8065 h 10000"/>
                  <a:gd name="connsiteX101" fmla="*/ 1725 w 10000"/>
                  <a:gd name="connsiteY101" fmla="*/ 8021 h 10000"/>
                  <a:gd name="connsiteX102" fmla="*/ 2234 w 10000"/>
                  <a:gd name="connsiteY102" fmla="*/ 7976 h 10000"/>
                  <a:gd name="connsiteX103" fmla="*/ 2462 w 10000"/>
                  <a:gd name="connsiteY103" fmla="*/ 7947 h 10000"/>
                  <a:gd name="connsiteX104" fmla="*/ 2690 w 10000"/>
                  <a:gd name="connsiteY104" fmla="*/ 7917 h 10000"/>
                  <a:gd name="connsiteX105" fmla="*/ 2892 w 10000"/>
                  <a:gd name="connsiteY105" fmla="*/ 7843 h 10000"/>
                  <a:gd name="connsiteX106" fmla="*/ 3096 w 10000"/>
                  <a:gd name="connsiteY106" fmla="*/ 7784 h 10000"/>
                  <a:gd name="connsiteX107" fmla="*/ 3274 w 10000"/>
                  <a:gd name="connsiteY107" fmla="*/ 7710 h 10000"/>
                  <a:gd name="connsiteX108" fmla="*/ 3426 w 10000"/>
                  <a:gd name="connsiteY108" fmla="*/ 7592 h 10000"/>
                  <a:gd name="connsiteX109" fmla="*/ 3579 w 10000"/>
                  <a:gd name="connsiteY109" fmla="*/ 7474 h 10000"/>
                  <a:gd name="connsiteX110" fmla="*/ 3680 w 10000"/>
                  <a:gd name="connsiteY110" fmla="*/ 7312 h 10000"/>
                  <a:gd name="connsiteX111" fmla="*/ 3477 w 10000"/>
                  <a:gd name="connsiteY111" fmla="*/ 7238 h 10000"/>
                  <a:gd name="connsiteX112" fmla="*/ 3299 w 10000"/>
                  <a:gd name="connsiteY112" fmla="*/ 7179 h 10000"/>
                  <a:gd name="connsiteX113" fmla="*/ 3147 w 10000"/>
                  <a:gd name="connsiteY113" fmla="*/ 7090 h 10000"/>
                  <a:gd name="connsiteX114" fmla="*/ 2995 w 10000"/>
                  <a:gd name="connsiteY114" fmla="*/ 6987 h 10000"/>
                  <a:gd name="connsiteX115" fmla="*/ 2892 w 10000"/>
                  <a:gd name="connsiteY115" fmla="*/ 6869 h 10000"/>
                  <a:gd name="connsiteX116" fmla="*/ 2843 w 10000"/>
                  <a:gd name="connsiteY116" fmla="*/ 6721 h 10000"/>
                  <a:gd name="connsiteX117" fmla="*/ 2817 w 10000"/>
                  <a:gd name="connsiteY117" fmla="*/ 6558 h 10000"/>
                  <a:gd name="connsiteX118" fmla="*/ 2843 w 10000"/>
                  <a:gd name="connsiteY118" fmla="*/ 6352 h 10000"/>
                  <a:gd name="connsiteX119" fmla="*/ 2716 w 10000"/>
                  <a:gd name="connsiteY119" fmla="*/ 6322 h 10000"/>
                  <a:gd name="connsiteX120" fmla="*/ 2564 w 10000"/>
                  <a:gd name="connsiteY120" fmla="*/ 6292 h 10000"/>
                  <a:gd name="connsiteX121" fmla="*/ 2386 w 10000"/>
                  <a:gd name="connsiteY121" fmla="*/ 6278 h 10000"/>
                  <a:gd name="connsiteX122" fmla="*/ 2208 w 10000"/>
                  <a:gd name="connsiteY122" fmla="*/ 6263 h 10000"/>
                  <a:gd name="connsiteX123" fmla="*/ 1853 w 10000"/>
                  <a:gd name="connsiteY123" fmla="*/ 6248 h 10000"/>
                  <a:gd name="connsiteX124" fmla="*/ 1472 w 10000"/>
                  <a:gd name="connsiteY124" fmla="*/ 6263 h 10000"/>
                  <a:gd name="connsiteX125" fmla="*/ 1143 w 10000"/>
                  <a:gd name="connsiteY125" fmla="*/ 6278 h 10000"/>
                  <a:gd name="connsiteX126" fmla="*/ 837 w 10000"/>
                  <a:gd name="connsiteY126" fmla="*/ 6278 h 10000"/>
                  <a:gd name="connsiteX127" fmla="*/ 585 w 10000"/>
                  <a:gd name="connsiteY127" fmla="*/ 6263 h 10000"/>
                  <a:gd name="connsiteX128" fmla="*/ 381 w 10000"/>
                  <a:gd name="connsiteY128" fmla="*/ 6233 h 10000"/>
                  <a:gd name="connsiteX129" fmla="*/ 633 w 10000"/>
                  <a:gd name="connsiteY129" fmla="*/ 5805 h 10000"/>
                  <a:gd name="connsiteX130" fmla="*/ 914 w 10000"/>
                  <a:gd name="connsiteY130" fmla="*/ 5391 h 10000"/>
                  <a:gd name="connsiteX131" fmla="*/ 1016 w 10000"/>
                  <a:gd name="connsiteY131" fmla="*/ 5170 h 10000"/>
                  <a:gd name="connsiteX132" fmla="*/ 1091 w 10000"/>
                  <a:gd name="connsiteY132" fmla="*/ 4963 h 10000"/>
                  <a:gd name="connsiteX133" fmla="*/ 1116 w 10000"/>
                  <a:gd name="connsiteY133" fmla="*/ 4860 h 10000"/>
                  <a:gd name="connsiteX134" fmla="*/ 1091 w 10000"/>
                  <a:gd name="connsiteY134" fmla="*/ 4756 h 10000"/>
                  <a:gd name="connsiteX135" fmla="*/ 1066 w 10000"/>
                  <a:gd name="connsiteY135" fmla="*/ 4653 h 10000"/>
                  <a:gd name="connsiteX136" fmla="*/ 990 w 10000"/>
                  <a:gd name="connsiteY136" fmla="*/ 4549 h 10000"/>
                  <a:gd name="connsiteX137" fmla="*/ 1270 w 10000"/>
                  <a:gd name="connsiteY137" fmla="*/ 4520 h 10000"/>
                  <a:gd name="connsiteX138" fmla="*/ 1472 w 10000"/>
                  <a:gd name="connsiteY138" fmla="*/ 4505 h 10000"/>
                  <a:gd name="connsiteX139" fmla="*/ 1650 w 10000"/>
                  <a:gd name="connsiteY139" fmla="*/ 4505 h 10000"/>
                  <a:gd name="connsiteX140" fmla="*/ 1802 w 10000"/>
                  <a:gd name="connsiteY140" fmla="*/ 4520 h 10000"/>
                  <a:gd name="connsiteX141" fmla="*/ 1929 w 10000"/>
                  <a:gd name="connsiteY141" fmla="*/ 4520 h 10000"/>
                  <a:gd name="connsiteX142" fmla="*/ 2081 w 10000"/>
                  <a:gd name="connsiteY142" fmla="*/ 4520 h 10000"/>
                  <a:gd name="connsiteX143" fmla="*/ 2234 w 10000"/>
                  <a:gd name="connsiteY143" fmla="*/ 4490 h 10000"/>
                  <a:gd name="connsiteX144" fmla="*/ 2436 w 10000"/>
                  <a:gd name="connsiteY144" fmla="*/ 4446 h 10000"/>
                  <a:gd name="connsiteX145" fmla="*/ 2436 w 10000"/>
                  <a:gd name="connsiteY145" fmla="*/ 4579 h 10000"/>
                  <a:gd name="connsiteX146" fmla="*/ 2436 w 10000"/>
                  <a:gd name="connsiteY146" fmla="*/ 4742 h 10000"/>
                  <a:gd name="connsiteX147" fmla="*/ 2436 w 10000"/>
                  <a:gd name="connsiteY147" fmla="*/ 4874 h 10000"/>
                  <a:gd name="connsiteX148" fmla="*/ 2436 w 10000"/>
                  <a:gd name="connsiteY148" fmla="*/ 5037 h 10000"/>
                  <a:gd name="connsiteX149" fmla="*/ 2665 w 10000"/>
                  <a:gd name="connsiteY149" fmla="*/ 5022 h 10000"/>
                  <a:gd name="connsiteX150" fmla="*/ 2817 w 10000"/>
                  <a:gd name="connsiteY150" fmla="*/ 5037 h 10000"/>
                  <a:gd name="connsiteX151" fmla="*/ 2944 w 10000"/>
                  <a:gd name="connsiteY151" fmla="*/ 5066 h 10000"/>
                  <a:gd name="connsiteX152" fmla="*/ 3071 w 10000"/>
                  <a:gd name="connsiteY152" fmla="*/ 5096 h 10000"/>
                  <a:gd name="connsiteX153" fmla="*/ 3173 w 10000"/>
                  <a:gd name="connsiteY153" fmla="*/ 5126 h 10000"/>
                  <a:gd name="connsiteX154" fmla="*/ 3299 w 10000"/>
                  <a:gd name="connsiteY154" fmla="*/ 5155 h 10000"/>
                  <a:gd name="connsiteX155" fmla="*/ 3452 w 10000"/>
                  <a:gd name="connsiteY155" fmla="*/ 5170 h 10000"/>
                  <a:gd name="connsiteX156" fmla="*/ 3680 w 10000"/>
                  <a:gd name="connsiteY156" fmla="*/ 5155 h 10000"/>
                  <a:gd name="connsiteX157" fmla="*/ 3757 w 10000"/>
                  <a:gd name="connsiteY157" fmla="*/ 5096 h 10000"/>
                  <a:gd name="connsiteX158" fmla="*/ 3832 w 10000"/>
                  <a:gd name="connsiteY158" fmla="*/ 5022 h 10000"/>
                  <a:gd name="connsiteX159" fmla="*/ 3857 w 10000"/>
                  <a:gd name="connsiteY159" fmla="*/ 4934 h 10000"/>
                  <a:gd name="connsiteX160" fmla="*/ 3884 w 10000"/>
                  <a:gd name="connsiteY160" fmla="*/ 4860 h 10000"/>
                  <a:gd name="connsiteX161" fmla="*/ 3908 w 10000"/>
                  <a:gd name="connsiteY161" fmla="*/ 4697 h 10000"/>
                  <a:gd name="connsiteX162" fmla="*/ 3884 w 10000"/>
                  <a:gd name="connsiteY162" fmla="*/ 4520 h 10000"/>
                  <a:gd name="connsiteX163" fmla="*/ 3807 w 10000"/>
                  <a:gd name="connsiteY163" fmla="*/ 4343 h 10000"/>
                  <a:gd name="connsiteX164" fmla="*/ 3731 w 10000"/>
                  <a:gd name="connsiteY164" fmla="*/ 4195 h 10000"/>
                  <a:gd name="connsiteX165" fmla="*/ 3604 w 10000"/>
                  <a:gd name="connsiteY165" fmla="*/ 4047 h 10000"/>
                  <a:gd name="connsiteX166" fmla="*/ 3477 w 10000"/>
                  <a:gd name="connsiteY166" fmla="*/ 3959 h 10000"/>
                  <a:gd name="connsiteX167" fmla="*/ 3629 w 10000"/>
                  <a:gd name="connsiteY167" fmla="*/ 3944 h 10000"/>
                  <a:gd name="connsiteX168" fmla="*/ 3757 w 10000"/>
                  <a:gd name="connsiteY168" fmla="*/ 3914 h 10000"/>
                  <a:gd name="connsiteX169" fmla="*/ 3857 w 10000"/>
                  <a:gd name="connsiteY169" fmla="*/ 3855 h 10000"/>
                  <a:gd name="connsiteX170" fmla="*/ 3983 w 10000"/>
                  <a:gd name="connsiteY170" fmla="*/ 3752 h 10000"/>
                  <a:gd name="connsiteX171" fmla="*/ 4111 w 10000"/>
                  <a:gd name="connsiteY171" fmla="*/ 3663 h 10000"/>
                  <a:gd name="connsiteX172" fmla="*/ 4213 w 10000"/>
                  <a:gd name="connsiteY172" fmla="*/ 3560 h 10000"/>
                  <a:gd name="connsiteX173" fmla="*/ 4289 w 10000"/>
                  <a:gd name="connsiteY173" fmla="*/ 3442 h 10000"/>
                  <a:gd name="connsiteX174" fmla="*/ 4366 w 10000"/>
                  <a:gd name="connsiteY174" fmla="*/ 3323 h 10000"/>
                  <a:gd name="connsiteX175" fmla="*/ 4416 w 10000"/>
                  <a:gd name="connsiteY175" fmla="*/ 3220 h 10000"/>
                  <a:gd name="connsiteX176" fmla="*/ 4441 w 10000"/>
                  <a:gd name="connsiteY176" fmla="*/ 3102 h 10000"/>
                  <a:gd name="connsiteX177" fmla="*/ 4468 w 10000"/>
                  <a:gd name="connsiteY177" fmla="*/ 3013 h 10000"/>
                  <a:gd name="connsiteX178" fmla="*/ 4441 w 10000"/>
                  <a:gd name="connsiteY178" fmla="*/ 2939 h 10000"/>
                  <a:gd name="connsiteX179" fmla="*/ 4416 w 10000"/>
                  <a:gd name="connsiteY179" fmla="*/ 2866 h 10000"/>
                  <a:gd name="connsiteX180" fmla="*/ 4340 w 10000"/>
                  <a:gd name="connsiteY180" fmla="*/ 2836 h 10000"/>
                  <a:gd name="connsiteX181" fmla="*/ 4239 w 10000"/>
                  <a:gd name="connsiteY181" fmla="*/ 2836 h 10000"/>
                  <a:gd name="connsiteX182" fmla="*/ 4111 w 10000"/>
                  <a:gd name="connsiteY182" fmla="*/ 2866 h 10000"/>
                  <a:gd name="connsiteX183" fmla="*/ 4213 w 10000"/>
                  <a:gd name="connsiteY183" fmla="*/ 2777 h 10000"/>
                  <a:gd name="connsiteX184" fmla="*/ 4265 w 10000"/>
                  <a:gd name="connsiteY184" fmla="*/ 2674 h 10000"/>
                  <a:gd name="connsiteX185" fmla="*/ 4289 w 10000"/>
                  <a:gd name="connsiteY185" fmla="*/ 2541 h 10000"/>
                  <a:gd name="connsiteX186" fmla="*/ 4289 w 10000"/>
                  <a:gd name="connsiteY186" fmla="*/ 2393 h 10000"/>
                  <a:gd name="connsiteX187" fmla="*/ 4314 w 10000"/>
                  <a:gd name="connsiteY187" fmla="*/ 2349 h 10000"/>
                  <a:gd name="connsiteX188" fmla="*/ 4366 w 10000"/>
                  <a:gd name="connsiteY188" fmla="*/ 2304 h 10000"/>
                  <a:gd name="connsiteX189" fmla="*/ 4416 w 10000"/>
                  <a:gd name="connsiteY189" fmla="*/ 2290 h 10000"/>
                  <a:gd name="connsiteX190" fmla="*/ 4493 w 10000"/>
                  <a:gd name="connsiteY190" fmla="*/ 2275 h 10000"/>
                  <a:gd name="connsiteX191" fmla="*/ 4720 w 10000"/>
                  <a:gd name="connsiteY191" fmla="*/ 2260 h 10000"/>
                  <a:gd name="connsiteX192" fmla="*/ 4923 w 10000"/>
                  <a:gd name="connsiteY192" fmla="*/ 2275 h 10000"/>
                  <a:gd name="connsiteX193" fmla="*/ 4898 w 10000"/>
                  <a:gd name="connsiteY193" fmla="*/ 2112 h 10000"/>
                  <a:gd name="connsiteX194" fmla="*/ 4848 w 10000"/>
                  <a:gd name="connsiteY194" fmla="*/ 1950 h 10000"/>
                  <a:gd name="connsiteX195" fmla="*/ 4771 w 10000"/>
                  <a:gd name="connsiteY195" fmla="*/ 1802 h 10000"/>
                  <a:gd name="connsiteX196" fmla="*/ 4671 w 10000"/>
                  <a:gd name="connsiteY196" fmla="*/ 1640 h 10000"/>
                  <a:gd name="connsiteX197" fmla="*/ 4416 w 10000"/>
                  <a:gd name="connsiteY197" fmla="*/ 1329 h 10000"/>
                  <a:gd name="connsiteX198" fmla="*/ 4162 w 10000"/>
                  <a:gd name="connsiteY198" fmla="*/ 1034 h 10000"/>
                  <a:gd name="connsiteX199" fmla="*/ 4035 w 10000"/>
                  <a:gd name="connsiteY199" fmla="*/ 901 h 10000"/>
                  <a:gd name="connsiteX200" fmla="*/ 3935 w 10000"/>
                  <a:gd name="connsiteY200" fmla="*/ 753 h 10000"/>
                  <a:gd name="connsiteX201" fmla="*/ 3857 w 10000"/>
                  <a:gd name="connsiteY201" fmla="*/ 620 h 10000"/>
                  <a:gd name="connsiteX202" fmla="*/ 3832 w 10000"/>
                  <a:gd name="connsiteY202" fmla="*/ 487 h 10000"/>
                  <a:gd name="connsiteX203" fmla="*/ 3807 w 10000"/>
                  <a:gd name="connsiteY203" fmla="*/ 355 h 10000"/>
                  <a:gd name="connsiteX204" fmla="*/ 3857 w 10000"/>
                  <a:gd name="connsiteY204" fmla="*/ 222 h 10000"/>
                  <a:gd name="connsiteX205" fmla="*/ 3884 w 10000"/>
                  <a:gd name="connsiteY205" fmla="*/ 162 h 10000"/>
                  <a:gd name="connsiteX206" fmla="*/ 3935 w 10000"/>
                  <a:gd name="connsiteY206" fmla="*/ 103 h 10000"/>
                  <a:gd name="connsiteX207" fmla="*/ 4011 w 10000"/>
                  <a:gd name="connsiteY207" fmla="*/ 59 h 10000"/>
                  <a:gd name="connsiteX208" fmla="*/ 4111 w 10000"/>
                  <a:gd name="connsiteY208" fmla="*/ 0 h 10000"/>
                  <a:gd name="connsiteX209" fmla="*/ 4289 w 10000"/>
                  <a:gd name="connsiteY209" fmla="*/ 0 h 10000"/>
                  <a:gd name="connsiteX210" fmla="*/ 4468 w 10000"/>
                  <a:gd name="connsiteY210" fmla="*/ 15 h 10000"/>
                  <a:gd name="connsiteX211" fmla="*/ 4644 w 10000"/>
                  <a:gd name="connsiteY211" fmla="*/ 44 h 10000"/>
                  <a:gd name="connsiteX212" fmla="*/ 4771 w 10000"/>
                  <a:gd name="connsiteY212" fmla="*/ 89 h 10000"/>
                  <a:gd name="connsiteX213" fmla="*/ 4975 w 10000"/>
                  <a:gd name="connsiteY213" fmla="*/ 192 h 10000"/>
                  <a:gd name="connsiteX214" fmla="*/ 5177 w 10000"/>
                  <a:gd name="connsiteY214" fmla="*/ 340 h 10000"/>
                  <a:gd name="connsiteX215" fmla="*/ 5329 w 10000"/>
                  <a:gd name="connsiteY215" fmla="*/ 473 h 10000"/>
                  <a:gd name="connsiteX216" fmla="*/ 5532 w 10000"/>
                  <a:gd name="connsiteY216" fmla="*/ 591 h 10000"/>
                  <a:gd name="connsiteX217" fmla="*/ 5660 w 10000"/>
                  <a:gd name="connsiteY217" fmla="*/ 650 h 10000"/>
                  <a:gd name="connsiteX218" fmla="*/ 5812 w 10000"/>
                  <a:gd name="connsiteY218" fmla="*/ 679 h 10000"/>
                  <a:gd name="connsiteX219" fmla="*/ 5965 w 10000"/>
                  <a:gd name="connsiteY219" fmla="*/ 709 h 10000"/>
                  <a:gd name="connsiteX220" fmla="*/ 6168 w 10000"/>
                  <a:gd name="connsiteY220" fmla="*/ 709 h 10000"/>
                  <a:gd name="connsiteX221" fmla="*/ 6168 w 10000"/>
                  <a:gd name="connsiteY221" fmla="*/ 768 h 10000"/>
                  <a:gd name="connsiteX222" fmla="*/ 6193 w 10000"/>
                  <a:gd name="connsiteY222" fmla="*/ 842 h 10000"/>
                  <a:gd name="connsiteX223" fmla="*/ 6243 w 10000"/>
                  <a:gd name="connsiteY223" fmla="*/ 916 h 10000"/>
                  <a:gd name="connsiteX224" fmla="*/ 6294 w 10000"/>
                  <a:gd name="connsiteY224" fmla="*/ 990 h 10000"/>
                  <a:gd name="connsiteX225" fmla="*/ 6369 w 10000"/>
                  <a:gd name="connsiteY225" fmla="*/ 1049 h 10000"/>
                  <a:gd name="connsiteX226" fmla="*/ 6471 w 10000"/>
                  <a:gd name="connsiteY226" fmla="*/ 1108 h 10000"/>
                  <a:gd name="connsiteX227" fmla="*/ 6598 w 10000"/>
                  <a:gd name="connsiteY227" fmla="*/ 1182 h 10000"/>
                  <a:gd name="connsiteX228" fmla="*/ 6700 w 10000"/>
                  <a:gd name="connsiteY228" fmla="*/ 1226 h 10000"/>
                  <a:gd name="connsiteX229" fmla="*/ 6802 w 10000"/>
                  <a:gd name="connsiteY229" fmla="*/ 1270 h 10000"/>
                  <a:gd name="connsiteX230" fmla="*/ 6903 w 10000"/>
                  <a:gd name="connsiteY230" fmla="*/ 1300 h 10000"/>
                  <a:gd name="connsiteX231" fmla="*/ 7005 w 10000"/>
                  <a:gd name="connsiteY231" fmla="*/ 1315 h 10000"/>
                  <a:gd name="connsiteX232" fmla="*/ 7132 w 10000"/>
                  <a:gd name="connsiteY232" fmla="*/ 1300 h 10000"/>
                  <a:gd name="connsiteX233" fmla="*/ 7234 w 10000"/>
                  <a:gd name="connsiteY233" fmla="*/ 1285 h 10000"/>
                  <a:gd name="connsiteX234" fmla="*/ 7309 w 10000"/>
                  <a:gd name="connsiteY234" fmla="*/ 1241 h 10000"/>
                  <a:gd name="connsiteX235" fmla="*/ 7361 w 10000"/>
                  <a:gd name="connsiteY235" fmla="*/ 1167 h 10000"/>
                  <a:gd name="connsiteX236" fmla="*/ 7385 w 10000"/>
                  <a:gd name="connsiteY236" fmla="*/ 1064 h 10000"/>
                  <a:gd name="connsiteX237" fmla="*/ 7766 w 10000"/>
                  <a:gd name="connsiteY237" fmla="*/ 1034 h 10000"/>
                  <a:gd name="connsiteX238" fmla="*/ 8121 w 10000"/>
                  <a:gd name="connsiteY238" fmla="*/ 1004 h 10000"/>
                  <a:gd name="connsiteX239" fmla="*/ 8427 w 10000"/>
                  <a:gd name="connsiteY239" fmla="*/ 990 h 10000"/>
                  <a:gd name="connsiteX240" fmla="*/ 8706 w 10000"/>
                  <a:gd name="connsiteY240" fmla="*/ 1004 h 10000"/>
                  <a:gd name="connsiteX241" fmla="*/ 8833 w 10000"/>
                  <a:gd name="connsiteY241" fmla="*/ 1019 h 10000"/>
                  <a:gd name="connsiteX242" fmla="*/ 8958 w 10000"/>
                  <a:gd name="connsiteY242" fmla="*/ 1034 h 10000"/>
                  <a:gd name="connsiteX243" fmla="*/ 9061 w 10000"/>
                  <a:gd name="connsiteY243" fmla="*/ 1064 h 10000"/>
                  <a:gd name="connsiteX244" fmla="*/ 9188 w 10000"/>
                  <a:gd name="connsiteY244" fmla="*/ 1108 h 10000"/>
                  <a:gd name="connsiteX245" fmla="*/ 9264 w 10000"/>
                  <a:gd name="connsiteY245" fmla="*/ 1182 h 10000"/>
                  <a:gd name="connsiteX246" fmla="*/ 9339 w 10000"/>
                  <a:gd name="connsiteY246" fmla="*/ 1241 h 10000"/>
                  <a:gd name="connsiteX247" fmla="*/ 9391 w 10000"/>
                  <a:gd name="connsiteY247" fmla="*/ 1329 h 10000"/>
                  <a:gd name="connsiteX248" fmla="*/ 9442 w 10000"/>
                  <a:gd name="connsiteY248" fmla="*/ 1433 h 10000"/>
                  <a:gd name="connsiteX249" fmla="*/ 9492 w 10000"/>
                  <a:gd name="connsiteY249" fmla="*/ 1551 h 10000"/>
                  <a:gd name="connsiteX250" fmla="*/ 9466 w 10000"/>
                  <a:gd name="connsiteY250" fmla="*/ 1625 h 10000"/>
                  <a:gd name="connsiteX251" fmla="*/ 9442 w 10000"/>
                  <a:gd name="connsiteY251" fmla="*/ 1684 h 10000"/>
                  <a:gd name="connsiteX252" fmla="*/ 9391 w 10000"/>
                  <a:gd name="connsiteY252" fmla="*/ 1758 h 10000"/>
                  <a:gd name="connsiteX253" fmla="*/ 9315 w 10000"/>
                  <a:gd name="connsiteY253" fmla="*/ 1802 h 10000"/>
                  <a:gd name="connsiteX254" fmla="*/ 9264 w 10000"/>
                  <a:gd name="connsiteY254" fmla="*/ 1861 h 10000"/>
                  <a:gd name="connsiteX255" fmla="*/ 9240 w 10000"/>
                  <a:gd name="connsiteY255" fmla="*/ 1935 h 10000"/>
                  <a:gd name="connsiteX256" fmla="*/ 9264 w 10000"/>
                  <a:gd name="connsiteY256" fmla="*/ 2024 h 10000"/>
                  <a:gd name="connsiteX257" fmla="*/ 9543 w 10000"/>
                  <a:gd name="connsiteY257" fmla="*/ 2157 h 10000"/>
                  <a:gd name="connsiteX258" fmla="*/ 9873 w 10000"/>
                  <a:gd name="connsiteY258" fmla="*/ 2275 h 10000"/>
                  <a:gd name="connsiteX259" fmla="*/ 10000 w 10000"/>
                  <a:gd name="connsiteY25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7234 w 10000"/>
                  <a:gd name="connsiteY21" fmla="*/ 3678 h 10000"/>
                  <a:gd name="connsiteX22" fmla="*/ 6345 w 10000"/>
                  <a:gd name="connsiteY22" fmla="*/ 4003 h 10000"/>
                  <a:gd name="connsiteX23" fmla="*/ 6143 w 10000"/>
                  <a:gd name="connsiteY23" fmla="*/ 4106 h 10000"/>
                  <a:gd name="connsiteX24" fmla="*/ 5938 w 10000"/>
                  <a:gd name="connsiteY24" fmla="*/ 4195 h 10000"/>
                  <a:gd name="connsiteX25" fmla="*/ 6091 w 10000"/>
                  <a:gd name="connsiteY25" fmla="*/ 4417 h 10000"/>
                  <a:gd name="connsiteX26" fmla="*/ 6369 w 10000"/>
                  <a:gd name="connsiteY26" fmla="*/ 5081 h 10000"/>
                  <a:gd name="connsiteX27" fmla="*/ 6421 w 10000"/>
                  <a:gd name="connsiteY27" fmla="*/ 5318 h 10000"/>
                  <a:gd name="connsiteX28" fmla="*/ 6447 w 10000"/>
                  <a:gd name="connsiteY28" fmla="*/ 5539 h 10000"/>
                  <a:gd name="connsiteX29" fmla="*/ 6471 w 10000"/>
                  <a:gd name="connsiteY29" fmla="*/ 5775 h 10000"/>
                  <a:gd name="connsiteX30" fmla="*/ 6471 w 10000"/>
                  <a:gd name="connsiteY30" fmla="*/ 5997 h 10000"/>
                  <a:gd name="connsiteX31" fmla="*/ 6447 w 10000"/>
                  <a:gd name="connsiteY31" fmla="*/ 6233 h 10000"/>
                  <a:gd name="connsiteX32" fmla="*/ 6396 w 10000"/>
                  <a:gd name="connsiteY32" fmla="*/ 6470 h 10000"/>
                  <a:gd name="connsiteX33" fmla="*/ 6345 w 10000"/>
                  <a:gd name="connsiteY33" fmla="*/ 6677 h 10000"/>
                  <a:gd name="connsiteX34" fmla="*/ 6269 w 10000"/>
                  <a:gd name="connsiteY34" fmla="*/ 6898 h 10000"/>
                  <a:gd name="connsiteX35" fmla="*/ 6168 w 10000"/>
                  <a:gd name="connsiteY35" fmla="*/ 7105 h 10000"/>
                  <a:gd name="connsiteX36" fmla="*/ 6041 w 10000"/>
                  <a:gd name="connsiteY36" fmla="*/ 7297 h 10000"/>
                  <a:gd name="connsiteX37" fmla="*/ 5888 w 10000"/>
                  <a:gd name="connsiteY37" fmla="*/ 7489 h 10000"/>
                  <a:gd name="connsiteX38" fmla="*/ 5735 w 10000"/>
                  <a:gd name="connsiteY38" fmla="*/ 7681 h 10000"/>
                  <a:gd name="connsiteX39" fmla="*/ 6471 w 10000"/>
                  <a:gd name="connsiteY39" fmla="*/ 7799 h 10000"/>
                  <a:gd name="connsiteX40" fmla="*/ 7234 w 10000"/>
                  <a:gd name="connsiteY40" fmla="*/ 7962 h 10000"/>
                  <a:gd name="connsiteX41" fmla="*/ 7385 w 10000"/>
                  <a:gd name="connsiteY41" fmla="*/ 8021 h 10000"/>
                  <a:gd name="connsiteX42" fmla="*/ 7512 w 10000"/>
                  <a:gd name="connsiteY42" fmla="*/ 8080 h 10000"/>
                  <a:gd name="connsiteX43" fmla="*/ 7639 w 10000"/>
                  <a:gd name="connsiteY43" fmla="*/ 8139 h 10000"/>
                  <a:gd name="connsiteX44" fmla="*/ 7716 w 10000"/>
                  <a:gd name="connsiteY44" fmla="*/ 8227 h 10000"/>
                  <a:gd name="connsiteX45" fmla="*/ 7741 w 10000"/>
                  <a:gd name="connsiteY45" fmla="*/ 8301 h 10000"/>
                  <a:gd name="connsiteX46" fmla="*/ 7741 w 10000"/>
                  <a:gd name="connsiteY46" fmla="*/ 8405 h 10000"/>
                  <a:gd name="connsiteX47" fmla="*/ 7691 w 10000"/>
                  <a:gd name="connsiteY47" fmla="*/ 8523 h 10000"/>
                  <a:gd name="connsiteX48" fmla="*/ 7614 w 10000"/>
                  <a:gd name="connsiteY48" fmla="*/ 8641 h 10000"/>
                  <a:gd name="connsiteX49" fmla="*/ 7284 w 10000"/>
                  <a:gd name="connsiteY49" fmla="*/ 8552 h 10000"/>
                  <a:gd name="connsiteX50" fmla="*/ 6979 w 10000"/>
                  <a:gd name="connsiteY50" fmla="*/ 8449 h 10000"/>
                  <a:gd name="connsiteX51" fmla="*/ 6674 w 10000"/>
                  <a:gd name="connsiteY51" fmla="*/ 8360 h 10000"/>
                  <a:gd name="connsiteX52" fmla="*/ 6369 w 10000"/>
                  <a:gd name="connsiteY52" fmla="*/ 8287 h 10000"/>
                  <a:gd name="connsiteX53" fmla="*/ 6243 w 10000"/>
                  <a:gd name="connsiteY53" fmla="*/ 8449 h 10000"/>
                  <a:gd name="connsiteX54" fmla="*/ 6143 w 10000"/>
                  <a:gd name="connsiteY54" fmla="*/ 8597 h 10000"/>
                  <a:gd name="connsiteX55" fmla="*/ 6091 w 10000"/>
                  <a:gd name="connsiteY55" fmla="*/ 8656 h 10000"/>
                  <a:gd name="connsiteX56" fmla="*/ 5989 w 10000"/>
                  <a:gd name="connsiteY56" fmla="*/ 8700 h 10000"/>
                  <a:gd name="connsiteX57" fmla="*/ 5914 w 10000"/>
                  <a:gd name="connsiteY57" fmla="*/ 8744 h 10000"/>
                  <a:gd name="connsiteX58" fmla="*/ 5838 w 10000"/>
                  <a:gd name="connsiteY58" fmla="*/ 8774 h 10000"/>
                  <a:gd name="connsiteX59" fmla="*/ 5761 w 10000"/>
                  <a:gd name="connsiteY59" fmla="*/ 8804 h 10000"/>
                  <a:gd name="connsiteX60" fmla="*/ 5660 w 10000"/>
                  <a:gd name="connsiteY60" fmla="*/ 8818 h 10000"/>
                  <a:gd name="connsiteX61" fmla="*/ 5532 w 10000"/>
                  <a:gd name="connsiteY61" fmla="*/ 8833 h 10000"/>
                  <a:gd name="connsiteX62" fmla="*/ 5406 w 10000"/>
                  <a:gd name="connsiteY62" fmla="*/ 8833 h 10000"/>
                  <a:gd name="connsiteX63" fmla="*/ 5102 w 10000"/>
                  <a:gd name="connsiteY63" fmla="*/ 8818 h 10000"/>
                  <a:gd name="connsiteX64" fmla="*/ 4720 w 10000"/>
                  <a:gd name="connsiteY64" fmla="*/ 8744 h 10000"/>
                  <a:gd name="connsiteX65" fmla="*/ 4720 w 10000"/>
                  <a:gd name="connsiteY65" fmla="*/ 8922 h 10000"/>
                  <a:gd name="connsiteX66" fmla="*/ 4695 w 10000"/>
                  <a:gd name="connsiteY66" fmla="*/ 9069 h 10000"/>
                  <a:gd name="connsiteX67" fmla="*/ 4671 w 10000"/>
                  <a:gd name="connsiteY67" fmla="*/ 9232 h 10000"/>
                  <a:gd name="connsiteX68" fmla="*/ 4644 w 10000"/>
                  <a:gd name="connsiteY68" fmla="*/ 9365 h 10000"/>
                  <a:gd name="connsiteX69" fmla="*/ 4593 w 10000"/>
                  <a:gd name="connsiteY69" fmla="*/ 9498 h 10000"/>
                  <a:gd name="connsiteX70" fmla="*/ 4493 w 10000"/>
                  <a:gd name="connsiteY70" fmla="*/ 9616 h 10000"/>
                  <a:gd name="connsiteX71" fmla="*/ 4416 w 10000"/>
                  <a:gd name="connsiteY71" fmla="*/ 9734 h 10000"/>
                  <a:gd name="connsiteX72" fmla="*/ 4289 w 10000"/>
                  <a:gd name="connsiteY72" fmla="*/ 9838 h 10000"/>
                  <a:gd name="connsiteX73" fmla="*/ 3983 w 10000"/>
                  <a:gd name="connsiteY73" fmla="*/ 9897 h 10000"/>
                  <a:gd name="connsiteX74" fmla="*/ 3731 w 10000"/>
                  <a:gd name="connsiteY74" fmla="*/ 9941 h 10000"/>
                  <a:gd name="connsiteX75" fmla="*/ 3426 w 10000"/>
                  <a:gd name="connsiteY75" fmla="*/ 9985 h 10000"/>
                  <a:gd name="connsiteX76" fmla="*/ 3198 w 10000"/>
                  <a:gd name="connsiteY76" fmla="*/ 10000 h 10000"/>
                  <a:gd name="connsiteX77" fmla="*/ 2690 w 10000"/>
                  <a:gd name="connsiteY77" fmla="*/ 10000 h 10000"/>
                  <a:gd name="connsiteX78" fmla="*/ 2208 w 10000"/>
                  <a:gd name="connsiteY78" fmla="*/ 9985 h 10000"/>
                  <a:gd name="connsiteX79" fmla="*/ 1752 w 10000"/>
                  <a:gd name="connsiteY79" fmla="*/ 9941 h 10000"/>
                  <a:gd name="connsiteX80" fmla="*/ 1270 w 10000"/>
                  <a:gd name="connsiteY80" fmla="*/ 9911 h 10000"/>
                  <a:gd name="connsiteX81" fmla="*/ 990 w 10000"/>
                  <a:gd name="connsiteY81" fmla="*/ 9911 h 10000"/>
                  <a:gd name="connsiteX82" fmla="*/ 736 w 10000"/>
                  <a:gd name="connsiteY82" fmla="*/ 9911 h 10000"/>
                  <a:gd name="connsiteX83" fmla="*/ 457 w 10000"/>
                  <a:gd name="connsiteY83" fmla="*/ 9926 h 10000"/>
                  <a:gd name="connsiteX84" fmla="*/ 178 w 10000"/>
                  <a:gd name="connsiteY84" fmla="*/ 9970 h 10000"/>
                  <a:gd name="connsiteX85" fmla="*/ 102 w 10000"/>
                  <a:gd name="connsiteY85" fmla="*/ 9867 h 10000"/>
                  <a:gd name="connsiteX86" fmla="*/ 51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1 w 10000"/>
                  <a:gd name="connsiteY89" fmla="*/ 9424 h 10000"/>
                  <a:gd name="connsiteX90" fmla="*/ 102 w 10000"/>
                  <a:gd name="connsiteY90" fmla="*/ 9202 h 10000"/>
                  <a:gd name="connsiteX91" fmla="*/ 151 w 10000"/>
                  <a:gd name="connsiteY91" fmla="*/ 8996 h 10000"/>
                  <a:gd name="connsiteX92" fmla="*/ 203 w 10000"/>
                  <a:gd name="connsiteY92" fmla="*/ 8759 h 10000"/>
                  <a:gd name="connsiteX93" fmla="*/ 228 w 10000"/>
                  <a:gd name="connsiteY93" fmla="*/ 8641 h 10000"/>
                  <a:gd name="connsiteX94" fmla="*/ 228 w 10000"/>
                  <a:gd name="connsiteY94" fmla="*/ 8538 h 10000"/>
                  <a:gd name="connsiteX95" fmla="*/ 203 w 10000"/>
                  <a:gd name="connsiteY95" fmla="*/ 8405 h 10000"/>
                  <a:gd name="connsiteX96" fmla="*/ 178 w 10000"/>
                  <a:gd name="connsiteY96" fmla="*/ 8287 h 10000"/>
                  <a:gd name="connsiteX97" fmla="*/ 431 w 10000"/>
                  <a:gd name="connsiteY97" fmla="*/ 8213 h 10000"/>
                  <a:gd name="connsiteX98" fmla="*/ 685 w 10000"/>
                  <a:gd name="connsiteY98" fmla="*/ 8139 h 10000"/>
                  <a:gd name="connsiteX99" fmla="*/ 939 w 10000"/>
                  <a:gd name="connsiteY99" fmla="*/ 8095 h 10000"/>
                  <a:gd name="connsiteX100" fmla="*/ 1218 w 10000"/>
                  <a:gd name="connsiteY100" fmla="*/ 8065 h 10000"/>
                  <a:gd name="connsiteX101" fmla="*/ 1725 w 10000"/>
                  <a:gd name="connsiteY101" fmla="*/ 8021 h 10000"/>
                  <a:gd name="connsiteX102" fmla="*/ 2234 w 10000"/>
                  <a:gd name="connsiteY102" fmla="*/ 7976 h 10000"/>
                  <a:gd name="connsiteX103" fmla="*/ 2462 w 10000"/>
                  <a:gd name="connsiteY103" fmla="*/ 7947 h 10000"/>
                  <a:gd name="connsiteX104" fmla="*/ 2690 w 10000"/>
                  <a:gd name="connsiteY104" fmla="*/ 7917 h 10000"/>
                  <a:gd name="connsiteX105" fmla="*/ 2892 w 10000"/>
                  <a:gd name="connsiteY105" fmla="*/ 7843 h 10000"/>
                  <a:gd name="connsiteX106" fmla="*/ 3096 w 10000"/>
                  <a:gd name="connsiteY106" fmla="*/ 7784 h 10000"/>
                  <a:gd name="connsiteX107" fmla="*/ 3274 w 10000"/>
                  <a:gd name="connsiteY107" fmla="*/ 7710 h 10000"/>
                  <a:gd name="connsiteX108" fmla="*/ 3426 w 10000"/>
                  <a:gd name="connsiteY108" fmla="*/ 7592 h 10000"/>
                  <a:gd name="connsiteX109" fmla="*/ 3579 w 10000"/>
                  <a:gd name="connsiteY109" fmla="*/ 7474 h 10000"/>
                  <a:gd name="connsiteX110" fmla="*/ 3680 w 10000"/>
                  <a:gd name="connsiteY110" fmla="*/ 7312 h 10000"/>
                  <a:gd name="connsiteX111" fmla="*/ 3477 w 10000"/>
                  <a:gd name="connsiteY111" fmla="*/ 7238 h 10000"/>
                  <a:gd name="connsiteX112" fmla="*/ 3299 w 10000"/>
                  <a:gd name="connsiteY112" fmla="*/ 7179 h 10000"/>
                  <a:gd name="connsiteX113" fmla="*/ 3147 w 10000"/>
                  <a:gd name="connsiteY113" fmla="*/ 7090 h 10000"/>
                  <a:gd name="connsiteX114" fmla="*/ 2995 w 10000"/>
                  <a:gd name="connsiteY114" fmla="*/ 6987 h 10000"/>
                  <a:gd name="connsiteX115" fmla="*/ 2892 w 10000"/>
                  <a:gd name="connsiteY115" fmla="*/ 6869 h 10000"/>
                  <a:gd name="connsiteX116" fmla="*/ 2843 w 10000"/>
                  <a:gd name="connsiteY116" fmla="*/ 6721 h 10000"/>
                  <a:gd name="connsiteX117" fmla="*/ 2817 w 10000"/>
                  <a:gd name="connsiteY117" fmla="*/ 6558 h 10000"/>
                  <a:gd name="connsiteX118" fmla="*/ 2843 w 10000"/>
                  <a:gd name="connsiteY118" fmla="*/ 6352 h 10000"/>
                  <a:gd name="connsiteX119" fmla="*/ 2716 w 10000"/>
                  <a:gd name="connsiteY119" fmla="*/ 6322 h 10000"/>
                  <a:gd name="connsiteX120" fmla="*/ 2564 w 10000"/>
                  <a:gd name="connsiteY120" fmla="*/ 6292 h 10000"/>
                  <a:gd name="connsiteX121" fmla="*/ 2386 w 10000"/>
                  <a:gd name="connsiteY121" fmla="*/ 6278 h 10000"/>
                  <a:gd name="connsiteX122" fmla="*/ 2208 w 10000"/>
                  <a:gd name="connsiteY122" fmla="*/ 6263 h 10000"/>
                  <a:gd name="connsiteX123" fmla="*/ 1853 w 10000"/>
                  <a:gd name="connsiteY123" fmla="*/ 6248 h 10000"/>
                  <a:gd name="connsiteX124" fmla="*/ 1472 w 10000"/>
                  <a:gd name="connsiteY124" fmla="*/ 6263 h 10000"/>
                  <a:gd name="connsiteX125" fmla="*/ 1143 w 10000"/>
                  <a:gd name="connsiteY125" fmla="*/ 6278 h 10000"/>
                  <a:gd name="connsiteX126" fmla="*/ 837 w 10000"/>
                  <a:gd name="connsiteY126" fmla="*/ 6278 h 10000"/>
                  <a:gd name="connsiteX127" fmla="*/ 585 w 10000"/>
                  <a:gd name="connsiteY127" fmla="*/ 6263 h 10000"/>
                  <a:gd name="connsiteX128" fmla="*/ 381 w 10000"/>
                  <a:gd name="connsiteY128" fmla="*/ 6233 h 10000"/>
                  <a:gd name="connsiteX129" fmla="*/ 633 w 10000"/>
                  <a:gd name="connsiteY129" fmla="*/ 5805 h 10000"/>
                  <a:gd name="connsiteX130" fmla="*/ 914 w 10000"/>
                  <a:gd name="connsiteY130" fmla="*/ 5391 h 10000"/>
                  <a:gd name="connsiteX131" fmla="*/ 1016 w 10000"/>
                  <a:gd name="connsiteY131" fmla="*/ 5170 h 10000"/>
                  <a:gd name="connsiteX132" fmla="*/ 1091 w 10000"/>
                  <a:gd name="connsiteY132" fmla="*/ 4963 h 10000"/>
                  <a:gd name="connsiteX133" fmla="*/ 1116 w 10000"/>
                  <a:gd name="connsiteY133" fmla="*/ 4860 h 10000"/>
                  <a:gd name="connsiteX134" fmla="*/ 1091 w 10000"/>
                  <a:gd name="connsiteY134" fmla="*/ 4756 h 10000"/>
                  <a:gd name="connsiteX135" fmla="*/ 1066 w 10000"/>
                  <a:gd name="connsiteY135" fmla="*/ 4653 h 10000"/>
                  <a:gd name="connsiteX136" fmla="*/ 990 w 10000"/>
                  <a:gd name="connsiteY136" fmla="*/ 4549 h 10000"/>
                  <a:gd name="connsiteX137" fmla="*/ 1270 w 10000"/>
                  <a:gd name="connsiteY137" fmla="*/ 4520 h 10000"/>
                  <a:gd name="connsiteX138" fmla="*/ 1472 w 10000"/>
                  <a:gd name="connsiteY138" fmla="*/ 4505 h 10000"/>
                  <a:gd name="connsiteX139" fmla="*/ 1650 w 10000"/>
                  <a:gd name="connsiteY139" fmla="*/ 4505 h 10000"/>
                  <a:gd name="connsiteX140" fmla="*/ 1802 w 10000"/>
                  <a:gd name="connsiteY140" fmla="*/ 4520 h 10000"/>
                  <a:gd name="connsiteX141" fmla="*/ 1929 w 10000"/>
                  <a:gd name="connsiteY141" fmla="*/ 4520 h 10000"/>
                  <a:gd name="connsiteX142" fmla="*/ 2081 w 10000"/>
                  <a:gd name="connsiteY142" fmla="*/ 4520 h 10000"/>
                  <a:gd name="connsiteX143" fmla="*/ 2234 w 10000"/>
                  <a:gd name="connsiteY143" fmla="*/ 4490 h 10000"/>
                  <a:gd name="connsiteX144" fmla="*/ 2436 w 10000"/>
                  <a:gd name="connsiteY144" fmla="*/ 4446 h 10000"/>
                  <a:gd name="connsiteX145" fmla="*/ 2436 w 10000"/>
                  <a:gd name="connsiteY145" fmla="*/ 4579 h 10000"/>
                  <a:gd name="connsiteX146" fmla="*/ 2436 w 10000"/>
                  <a:gd name="connsiteY146" fmla="*/ 4742 h 10000"/>
                  <a:gd name="connsiteX147" fmla="*/ 2436 w 10000"/>
                  <a:gd name="connsiteY147" fmla="*/ 4874 h 10000"/>
                  <a:gd name="connsiteX148" fmla="*/ 2436 w 10000"/>
                  <a:gd name="connsiteY148" fmla="*/ 5037 h 10000"/>
                  <a:gd name="connsiteX149" fmla="*/ 2665 w 10000"/>
                  <a:gd name="connsiteY149" fmla="*/ 5022 h 10000"/>
                  <a:gd name="connsiteX150" fmla="*/ 2817 w 10000"/>
                  <a:gd name="connsiteY150" fmla="*/ 5037 h 10000"/>
                  <a:gd name="connsiteX151" fmla="*/ 2944 w 10000"/>
                  <a:gd name="connsiteY151" fmla="*/ 5066 h 10000"/>
                  <a:gd name="connsiteX152" fmla="*/ 3071 w 10000"/>
                  <a:gd name="connsiteY152" fmla="*/ 5096 h 10000"/>
                  <a:gd name="connsiteX153" fmla="*/ 3173 w 10000"/>
                  <a:gd name="connsiteY153" fmla="*/ 5126 h 10000"/>
                  <a:gd name="connsiteX154" fmla="*/ 3299 w 10000"/>
                  <a:gd name="connsiteY154" fmla="*/ 5155 h 10000"/>
                  <a:gd name="connsiteX155" fmla="*/ 3452 w 10000"/>
                  <a:gd name="connsiteY155" fmla="*/ 5170 h 10000"/>
                  <a:gd name="connsiteX156" fmla="*/ 3680 w 10000"/>
                  <a:gd name="connsiteY156" fmla="*/ 5155 h 10000"/>
                  <a:gd name="connsiteX157" fmla="*/ 3757 w 10000"/>
                  <a:gd name="connsiteY157" fmla="*/ 5096 h 10000"/>
                  <a:gd name="connsiteX158" fmla="*/ 3832 w 10000"/>
                  <a:gd name="connsiteY158" fmla="*/ 5022 h 10000"/>
                  <a:gd name="connsiteX159" fmla="*/ 3857 w 10000"/>
                  <a:gd name="connsiteY159" fmla="*/ 4934 h 10000"/>
                  <a:gd name="connsiteX160" fmla="*/ 3884 w 10000"/>
                  <a:gd name="connsiteY160" fmla="*/ 4860 h 10000"/>
                  <a:gd name="connsiteX161" fmla="*/ 3908 w 10000"/>
                  <a:gd name="connsiteY161" fmla="*/ 4697 h 10000"/>
                  <a:gd name="connsiteX162" fmla="*/ 3884 w 10000"/>
                  <a:gd name="connsiteY162" fmla="*/ 4520 h 10000"/>
                  <a:gd name="connsiteX163" fmla="*/ 3807 w 10000"/>
                  <a:gd name="connsiteY163" fmla="*/ 4343 h 10000"/>
                  <a:gd name="connsiteX164" fmla="*/ 3731 w 10000"/>
                  <a:gd name="connsiteY164" fmla="*/ 4195 h 10000"/>
                  <a:gd name="connsiteX165" fmla="*/ 3604 w 10000"/>
                  <a:gd name="connsiteY165" fmla="*/ 4047 h 10000"/>
                  <a:gd name="connsiteX166" fmla="*/ 3477 w 10000"/>
                  <a:gd name="connsiteY166" fmla="*/ 3959 h 10000"/>
                  <a:gd name="connsiteX167" fmla="*/ 3629 w 10000"/>
                  <a:gd name="connsiteY167" fmla="*/ 3944 h 10000"/>
                  <a:gd name="connsiteX168" fmla="*/ 3757 w 10000"/>
                  <a:gd name="connsiteY168" fmla="*/ 3914 h 10000"/>
                  <a:gd name="connsiteX169" fmla="*/ 3857 w 10000"/>
                  <a:gd name="connsiteY169" fmla="*/ 3855 h 10000"/>
                  <a:gd name="connsiteX170" fmla="*/ 3983 w 10000"/>
                  <a:gd name="connsiteY170" fmla="*/ 3752 h 10000"/>
                  <a:gd name="connsiteX171" fmla="*/ 4111 w 10000"/>
                  <a:gd name="connsiteY171" fmla="*/ 3663 h 10000"/>
                  <a:gd name="connsiteX172" fmla="*/ 4213 w 10000"/>
                  <a:gd name="connsiteY172" fmla="*/ 3560 h 10000"/>
                  <a:gd name="connsiteX173" fmla="*/ 4289 w 10000"/>
                  <a:gd name="connsiteY173" fmla="*/ 3442 h 10000"/>
                  <a:gd name="connsiteX174" fmla="*/ 4366 w 10000"/>
                  <a:gd name="connsiteY174" fmla="*/ 3323 h 10000"/>
                  <a:gd name="connsiteX175" fmla="*/ 4416 w 10000"/>
                  <a:gd name="connsiteY175" fmla="*/ 3220 h 10000"/>
                  <a:gd name="connsiteX176" fmla="*/ 4441 w 10000"/>
                  <a:gd name="connsiteY176" fmla="*/ 3102 h 10000"/>
                  <a:gd name="connsiteX177" fmla="*/ 4468 w 10000"/>
                  <a:gd name="connsiteY177" fmla="*/ 3013 h 10000"/>
                  <a:gd name="connsiteX178" fmla="*/ 4441 w 10000"/>
                  <a:gd name="connsiteY178" fmla="*/ 2939 h 10000"/>
                  <a:gd name="connsiteX179" fmla="*/ 4416 w 10000"/>
                  <a:gd name="connsiteY179" fmla="*/ 2866 h 10000"/>
                  <a:gd name="connsiteX180" fmla="*/ 4340 w 10000"/>
                  <a:gd name="connsiteY180" fmla="*/ 2836 h 10000"/>
                  <a:gd name="connsiteX181" fmla="*/ 4239 w 10000"/>
                  <a:gd name="connsiteY181" fmla="*/ 2836 h 10000"/>
                  <a:gd name="connsiteX182" fmla="*/ 4111 w 10000"/>
                  <a:gd name="connsiteY182" fmla="*/ 2866 h 10000"/>
                  <a:gd name="connsiteX183" fmla="*/ 4213 w 10000"/>
                  <a:gd name="connsiteY183" fmla="*/ 2777 h 10000"/>
                  <a:gd name="connsiteX184" fmla="*/ 4265 w 10000"/>
                  <a:gd name="connsiteY184" fmla="*/ 2674 h 10000"/>
                  <a:gd name="connsiteX185" fmla="*/ 4289 w 10000"/>
                  <a:gd name="connsiteY185" fmla="*/ 2541 h 10000"/>
                  <a:gd name="connsiteX186" fmla="*/ 4289 w 10000"/>
                  <a:gd name="connsiteY186" fmla="*/ 2393 h 10000"/>
                  <a:gd name="connsiteX187" fmla="*/ 4314 w 10000"/>
                  <a:gd name="connsiteY187" fmla="*/ 2349 h 10000"/>
                  <a:gd name="connsiteX188" fmla="*/ 4366 w 10000"/>
                  <a:gd name="connsiteY188" fmla="*/ 2304 h 10000"/>
                  <a:gd name="connsiteX189" fmla="*/ 4416 w 10000"/>
                  <a:gd name="connsiteY189" fmla="*/ 2290 h 10000"/>
                  <a:gd name="connsiteX190" fmla="*/ 4493 w 10000"/>
                  <a:gd name="connsiteY190" fmla="*/ 2275 h 10000"/>
                  <a:gd name="connsiteX191" fmla="*/ 4720 w 10000"/>
                  <a:gd name="connsiteY191" fmla="*/ 2260 h 10000"/>
                  <a:gd name="connsiteX192" fmla="*/ 4923 w 10000"/>
                  <a:gd name="connsiteY192" fmla="*/ 2275 h 10000"/>
                  <a:gd name="connsiteX193" fmla="*/ 4898 w 10000"/>
                  <a:gd name="connsiteY193" fmla="*/ 2112 h 10000"/>
                  <a:gd name="connsiteX194" fmla="*/ 4848 w 10000"/>
                  <a:gd name="connsiteY194" fmla="*/ 1950 h 10000"/>
                  <a:gd name="connsiteX195" fmla="*/ 4771 w 10000"/>
                  <a:gd name="connsiteY195" fmla="*/ 1802 h 10000"/>
                  <a:gd name="connsiteX196" fmla="*/ 4671 w 10000"/>
                  <a:gd name="connsiteY196" fmla="*/ 1640 h 10000"/>
                  <a:gd name="connsiteX197" fmla="*/ 4416 w 10000"/>
                  <a:gd name="connsiteY197" fmla="*/ 1329 h 10000"/>
                  <a:gd name="connsiteX198" fmla="*/ 4162 w 10000"/>
                  <a:gd name="connsiteY198" fmla="*/ 1034 h 10000"/>
                  <a:gd name="connsiteX199" fmla="*/ 4035 w 10000"/>
                  <a:gd name="connsiteY199" fmla="*/ 901 h 10000"/>
                  <a:gd name="connsiteX200" fmla="*/ 3935 w 10000"/>
                  <a:gd name="connsiteY200" fmla="*/ 753 h 10000"/>
                  <a:gd name="connsiteX201" fmla="*/ 3857 w 10000"/>
                  <a:gd name="connsiteY201" fmla="*/ 620 h 10000"/>
                  <a:gd name="connsiteX202" fmla="*/ 3832 w 10000"/>
                  <a:gd name="connsiteY202" fmla="*/ 487 h 10000"/>
                  <a:gd name="connsiteX203" fmla="*/ 3807 w 10000"/>
                  <a:gd name="connsiteY203" fmla="*/ 355 h 10000"/>
                  <a:gd name="connsiteX204" fmla="*/ 3857 w 10000"/>
                  <a:gd name="connsiteY204" fmla="*/ 222 h 10000"/>
                  <a:gd name="connsiteX205" fmla="*/ 3884 w 10000"/>
                  <a:gd name="connsiteY205" fmla="*/ 162 h 10000"/>
                  <a:gd name="connsiteX206" fmla="*/ 3935 w 10000"/>
                  <a:gd name="connsiteY206" fmla="*/ 103 h 10000"/>
                  <a:gd name="connsiteX207" fmla="*/ 4011 w 10000"/>
                  <a:gd name="connsiteY207" fmla="*/ 59 h 10000"/>
                  <a:gd name="connsiteX208" fmla="*/ 4111 w 10000"/>
                  <a:gd name="connsiteY208" fmla="*/ 0 h 10000"/>
                  <a:gd name="connsiteX209" fmla="*/ 4289 w 10000"/>
                  <a:gd name="connsiteY209" fmla="*/ 0 h 10000"/>
                  <a:gd name="connsiteX210" fmla="*/ 4468 w 10000"/>
                  <a:gd name="connsiteY210" fmla="*/ 15 h 10000"/>
                  <a:gd name="connsiteX211" fmla="*/ 4644 w 10000"/>
                  <a:gd name="connsiteY211" fmla="*/ 44 h 10000"/>
                  <a:gd name="connsiteX212" fmla="*/ 4771 w 10000"/>
                  <a:gd name="connsiteY212" fmla="*/ 89 h 10000"/>
                  <a:gd name="connsiteX213" fmla="*/ 4975 w 10000"/>
                  <a:gd name="connsiteY213" fmla="*/ 192 h 10000"/>
                  <a:gd name="connsiteX214" fmla="*/ 5177 w 10000"/>
                  <a:gd name="connsiteY214" fmla="*/ 340 h 10000"/>
                  <a:gd name="connsiteX215" fmla="*/ 5329 w 10000"/>
                  <a:gd name="connsiteY215" fmla="*/ 473 h 10000"/>
                  <a:gd name="connsiteX216" fmla="*/ 5532 w 10000"/>
                  <a:gd name="connsiteY216" fmla="*/ 591 h 10000"/>
                  <a:gd name="connsiteX217" fmla="*/ 5660 w 10000"/>
                  <a:gd name="connsiteY217" fmla="*/ 650 h 10000"/>
                  <a:gd name="connsiteX218" fmla="*/ 5812 w 10000"/>
                  <a:gd name="connsiteY218" fmla="*/ 679 h 10000"/>
                  <a:gd name="connsiteX219" fmla="*/ 5965 w 10000"/>
                  <a:gd name="connsiteY219" fmla="*/ 709 h 10000"/>
                  <a:gd name="connsiteX220" fmla="*/ 6168 w 10000"/>
                  <a:gd name="connsiteY220" fmla="*/ 709 h 10000"/>
                  <a:gd name="connsiteX221" fmla="*/ 6168 w 10000"/>
                  <a:gd name="connsiteY221" fmla="*/ 768 h 10000"/>
                  <a:gd name="connsiteX222" fmla="*/ 6193 w 10000"/>
                  <a:gd name="connsiteY222" fmla="*/ 842 h 10000"/>
                  <a:gd name="connsiteX223" fmla="*/ 6243 w 10000"/>
                  <a:gd name="connsiteY223" fmla="*/ 916 h 10000"/>
                  <a:gd name="connsiteX224" fmla="*/ 6294 w 10000"/>
                  <a:gd name="connsiteY224" fmla="*/ 990 h 10000"/>
                  <a:gd name="connsiteX225" fmla="*/ 6369 w 10000"/>
                  <a:gd name="connsiteY225" fmla="*/ 1049 h 10000"/>
                  <a:gd name="connsiteX226" fmla="*/ 6471 w 10000"/>
                  <a:gd name="connsiteY226" fmla="*/ 1108 h 10000"/>
                  <a:gd name="connsiteX227" fmla="*/ 6598 w 10000"/>
                  <a:gd name="connsiteY227" fmla="*/ 1182 h 10000"/>
                  <a:gd name="connsiteX228" fmla="*/ 6700 w 10000"/>
                  <a:gd name="connsiteY228" fmla="*/ 1226 h 10000"/>
                  <a:gd name="connsiteX229" fmla="*/ 6802 w 10000"/>
                  <a:gd name="connsiteY229" fmla="*/ 1270 h 10000"/>
                  <a:gd name="connsiteX230" fmla="*/ 6903 w 10000"/>
                  <a:gd name="connsiteY230" fmla="*/ 1300 h 10000"/>
                  <a:gd name="connsiteX231" fmla="*/ 7005 w 10000"/>
                  <a:gd name="connsiteY231" fmla="*/ 1315 h 10000"/>
                  <a:gd name="connsiteX232" fmla="*/ 7132 w 10000"/>
                  <a:gd name="connsiteY232" fmla="*/ 1300 h 10000"/>
                  <a:gd name="connsiteX233" fmla="*/ 7234 w 10000"/>
                  <a:gd name="connsiteY233" fmla="*/ 1285 h 10000"/>
                  <a:gd name="connsiteX234" fmla="*/ 7309 w 10000"/>
                  <a:gd name="connsiteY234" fmla="*/ 1241 h 10000"/>
                  <a:gd name="connsiteX235" fmla="*/ 7361 w 10000"/>
                  <a:gd name="connsiteY235" fmla="*/ 1167 h 10000"/>
                  <a:gd name="connsiteX236" fmla="*/ 7385 w 10000"/>
                  <a:gd name="connsiteY236" fmla="*/ 1064 h 10000"/>
                  <a:gd name="connsiteX237" fmla="*/ 7766 w 10000"/>
                  <a:gd name="connsiteY237" fmla="*/ 1034 h 10000"/>
                  <a:gd name="connsiteX238" fmla="*/ 8121 w 10000"/>
                  <a:gd name="connsiteY238" fmla="*/ 1004 h 10000"/>
                  <a:gd name="connsiteX239" fmla="*/ 8427 w 10000"/>
                  <a:gd name="connsiteY239" fmla="*/ 990 h 10000"/>
                  <a:gd name="connsiteX240" fmla="*/ 8706 w 10000"/>
                  <a:gd name="connsiteY240" fmla="*/ 1004 h 10000"/>
                  <a:gd name="connsiteX241" fmla="*/ 8833 w 10000"/>
                  <a:gd name="connsiteY241" fmla="*/ 1019 h 10000"/>
                  <a:gd name="connsiteX242" fmla="*/ 8958 w 10000"/>
                  <a:gd name="connsiteY242" fmla="*/ 1034 h 10000"/>
                  <a:gd name="connsiteX243" fmla="*/ 9061 w 10000"/>
                  <a:gd name="connsiteY243" fmla="*/ 1064 h 10000"/>
                  <a:gd name="connsiteX244" fmla="*/ 9188 w 10000"/>
                  <a:gd name="connsiteY244" fmla="*/ 1108 h 10000"/>
                  <a:gd name="connsiteX245" fmla="*/ 9264 w 10000"/>
                  <a:gd name="connsiteY245" fmla="*/ 1182 h 10000"/>
                  <a:gd name="connsiteX246" fmla="*/ 9339 w 10000"/>
                  <a:gd name="connsiteY246" fmla="*/ 1241 h 10000"/>
                  <a:gd name="connsiteX247" fmla="*/ 9391 w 10000"/>
                  <a:gd name="connsiteY247" fmla="*/ 1329 h 10000"/>
                  <a:gd name="connsiteX248" fmla="*/ 9442 w 10000"/>
                  <a:gd name="connsiteY248" fmla="*/ 1433 h 10000"/>
                  <a:gd name="connsiteX249" fmla="*/ 9492 w 10000"/>
                  <a:gd name="connsiteY249" fmla="*/ 1551 h 10000"/>
                  <a:gd name="connsiteX250" fmla="*/ 9466 w 10000"/>
                  <a:gd name="connsiteY250" fmla="*/ 1625 h 10000"/>
                  <a:gd name="connsiteX251" fmla="*/ 9442 w 10000"/>
                  <a:gd name="connsiteY251" fmla="*/ 1684 h 10000"/>
                  <a:gd name="connsiteX252" fmla="*/ 9391 w 10000"/>
                  <a:gd name="connsiteY252" fmla="*/ 1758 h 10000"/>
                  <a:gd name="connsiteX253" fmla="*/ 9315 w 10000"/>
                  <a:gd name="connsiteY253" fmla="*/ 1802 h 10000"/>
                  <a:gd name="connsiteX254" fmla="*/ 9264 w 10000"/>
                  <a:gd name="connsiteY254" fmla="*/ 1861 h 10000"/>
                  <a:gd name="connsiteX255" fmla="*/ 9240 w 10000"/>
                  <a:gd name="connsiteY255" fmla="*/ 1935 h 10000"/>
                  <a:gd name="connsiteX256" fmla="*/ 9264 w 10000"/>
                  <a:gd name="connsiteY256" fmla="*/ 2024 h 10000"/>
                  <a:gd name="connsiteX257" fmla="*/ 9543 w 10000"/>
                  <a:gd name="connsiteY257" fmla="*/ 2157 h 10000"/>
                  <a:gd name="connsiteX258" fmla="*/ 9873 w 10000"/>
                  <a:gd name="connsiteY258" fmla="*/ 2275 h 10000"/>
                  <a:gd name="connsiteX259" fmla="*/ 10000 w 10000"/>
                  <a:gd name="connsiteY259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6924 w 10000"/>
                  <a:gd name="connsiteY8" fmla="*/ 4159 h 10000"/>
                  <a:gd name="connsiteX9" fmla="*/ 7383 w 10000"/>
                  <a:gd name="connsiteY9" fmla="*/ 3894 h 10000"/>
                  <a:gd name="connsiteX10" fmla="*/ 8984 w 10000"/>
                  <a:gd name="connsiteY10" fmla="*/ 3412 h 10000"/>
                  <a:gd name="connsiteX11" fmla="*/ 9188 w 10000"/>
                  <a:gd name="connsiteY11" fmla="*/ 3338 h 10000"/>
                  <a:gd name="connsiteX12" fmla="*/ 9415 w 10000"/>
                  <a:gd name="connsiteY12" fmla="*/ 3117 h 10000"/>
                  <a:gd name="connsiteX13" fmla="*/ 9442 w 10000"/>
                  <a:gd name="connsiteY13" fmla="*/ 3072 h 10000"/>
                  <a:gd name="connsiteX14" fmla="*/ 9466 w 10000"/>
                  <a:gd name="connsiteY14" fmla="*/ 3013 h 10000"/>
                  <a:gd name="connsiteX15" fmla="*/ 9466 w 10000"/>
                  <a:gd name="connsiteY15" fmla="*/ 2954 h 10000"/>
                  <a:gd name="connsiteX16" fmla="*/ 9442 w 10000"/>
                  <a:gd name="connsiteY16" fmla="*/ 2866 h 10000"/>
                  <a:gd name="connsiteX17" fmla="*/ 9264 w 10000"/>
                  <a:gd name="connsiteY17" fmla="*/ 2984 h 10000"/>
                  <a:gd name="connsiteX18" fmla="*/ 9061 w 10000"/>
                  <a:gd name="connsiteY18" fmla="*/ 3072 h 10000"/>
                  <a:gd name="connsiteX19" fmla="*/ 8197 w 10000"/>
                  <a:gd name="connsiteY19" fmla="*/ 3397 h 10000"/>
                  <a:gd name="connsiteX20" fmla="*/ 7716 w 10000"/>
                  <a:gd name="connsiteY20" fmla="*/ 3545 h 10000"/>
                  <a:gd name="connsiteX21" fmla="*/ 6345 w 10000"/>
                  <a:gd name="connsiteY21" fmla="*/ 4003 h 10000"/>
                  <a:gd name="connsiteX22" fmla="*/ 6143 w 10000"/>
                  <a:gd name="connsiteY22" fmla="*/ 4106 h 10000"/>
                  <a:gd name="connsiteX23" fmla="*/ 5938 w 10000"/>
                  <a:gd name="connsiteY23" fmla="*/ 4195 h 10000"/>
                  <a:gd name="connsiteX24" fmla="*/ 6091 w 10000"/>
                  <a:gd name="connsiteY24" fmla="*/ 4417 h 10000"/>
                  <a:gd name="connsiteX25" fmla="*/ 6369 w 10000"/>
                  <a:gd name="connsiteY25" fmla="*/ 5081 h 10000"/>
                  <a:gd name="connsiteX26" fmla="*/ 6421 w 10000"/>
                  <a:gd name="connsiteY26" fmla="*/ 5318 h 10000"/>
                  <a:gd name="connsiteX27" fmla="*/ 6447 w 10000"/>
                  <a:gd name="connsiteY27" fmla="*/ 5539 h 10000"/>
                  <a:gd name="connsiteX28" fmla="*/ 6471 w 10000"/>
                  <a:gd name="connsiteY28" fmla="*/ 5775 h 10000"/>
                  <a:gd name="connsiteX29" fmla="*/ 6471 w 10000"/>
                  <a:gd name="connsiteY29" fmla="*/ 5997 h 10000"/>
                  <a:gd name="connsiteX30" fmla="*/ 6447 w 10000"/>
                  <a:gd name="connsiteY30" fmla="*/ 6233 h 10000"/>
                  <a:gd name="connsiteX31" fmla="*/ 6396 w 10000"/>
                  <a:gd name="connsiteY31" fmla="*/ 6470 h 10000"/>
                  <a:gd name="connsiteX32" fmla="*/ 6345 w 10000"/>
                  <a:gd name="connsiteY32" fmla="*/ 6677 h 10000"/>
                  <a:gd name="connsiteX33" fmla="*/ 6269 w 10000"/>
                  <a:gd name="connsiteY33" fmla="*/ 6898 h 10000"/>
                  <a:gd name="connsiteX34" fmla="*/ 6168 w 10000"/>
                  <a:gd name="connsiteY34" fmla="*/ 7105 h 10000"/>
                  <a:gd name="connsiteX35" fmla="*/ 6041 w 10000"/>
                  <a:gd name="connsiteY35" fmla="*/ 7297 h 10000"/>
                  <a:gd name="connsiteX36" fmla="*/ 5888 w 10000"/>
                  <a:gd name="connsiteY36" fmla="*/ 7489 h 10000"/>
                  <a:gd name="connsiteX37" fmla="*/ 5735 w 10000"/>
                  <a:gd name="connsiteY37" fmla="*/ 7681 h 10000"/>
                  <a:gd name="connsiteX38" fmla="*/ 6471 w 10000"/>
                  <a:gd name="connsiteY38" fmla="*/ 7799 h 10000"/>
                  <a:gd name="connsiteX39" fmla="*/ 7234 w 10000"/>
                  <a:gd name="connsiteY39" fmla="*/ 7962 h 10000"/>
                  <a:gd name="connsiteX40" fmla="*/ 7385 w 10000"/>
                  <a:gd name="connsiteY40" fmla="*/ 8021 h 10000"/>
                  <a:gd name="connsiteX41" fmla="*/ 7512 w 10000"/>
                  <a:gd name="connsiteY41" fmla="*/ 8080 h 10000"/>
                  <a:gd name="connsiteX42" fmla="*/ 7639 w 10000"/>
                  <a:gd name="connsiteY42" fmla="*/ 8139 h 10000"/>
                  <a:gd name="connsiteX43" fmla="*/ 7716 w 10000"/>
                  <a:gd name="connsiteY43" fmla="*/ 8227 h 10000"/>
                  <a:gd name="connsiteX44" fmla="*/ 7741 w 10000"/>
                  <a:gd name="connsiteY44" fmla="*/ 8301 h 10000"/>
                  <a:gd name="connsiteX45" fmla="*/ 7741 w 10000"/>
                  <a:gd name="connsiteY45" fmla="*/ 8405 h 10000"/>
                  <a:gd name="connsiteX46" fmla="*/ 7691 w 10000"/>
                  <a:gd name="connsiteY46" fmla="*/ 8523 h 10000"/>
                  <a:gd name="connsiteX47" fmla="*/ 7614 w 10000"/>
                  <a:gd name="connsiteY47" fmla="*/ 8641 h 10000"/>
                  <a:gd name="connsiteX48" fmla="*/ 7284 w 10000"/>
                  <a:gd name="connsiteY48" fmla="*/ 8552 h 10000"/>
                  <a:gd name="connsiteX49" fmla="*/ 6979 w 10000"/>
                  <a:gd name="connsiteY49" fmla="*/ 8449 h 10000"/>
                  <a:gd name="connsiteX50" fmla="*/ 6674 w 10000"/>
                  <a:gd name="connsiteY50" fmla="*/ 8360 h 10000"/>
                  <a:gd name="connsiteX51" fmla="*/ 6369 w 10000"/>
                  <a:gd name="connsiteY51" fmla="*/ 8287 h 10000"/>
                  <a:gd name="connsiteX52" fmla="*/ 6243 w 10000"/>
                  <a:gd name="connsiteY52" fmla="*/ 8449 h 10000"/>
                  <a:gd name="connsiteX53" fmla="*/ 6143 w 10000"/>
                  <a:gd name="connsiteY53" fmla="*/ 8597 h 10000"/>
                  <a:gd name="connsiteX54" fmla="*/ 6091 w 10000"/>
                  <a:gd name="connsiteY54" fmla="*/ 8656 h 10000"/>
                  <a:gd name="connsiteX55" fmla="*/ 5989 w 10000"/>
                  <a:gd name="connsiteY55" fmla="*/ 8700 h 10000"/>
                  <a:gd name="connsiteX56" fmla="*/ 5914 w 10000"/>
                  <a:gd name="connsiteY56" fmla="*/ 8744 h 10000"/>
                  <a:gd name="connsiteX57" fmla="*/ 5838 w 10000"/>
                  <a:gd name="connsiteY57" fmla="*/ 8774 h 10000"/>
                  <a:gd name="connsiteX58" fmla="*/ 5761 w 10000"/>
                  <a:gd name="connsiteY58" fmla="*/ 8804 h 10000"/>
                  <a:gd name="connsiteX59" fmla="*/ 5660 w 10000"/>
                  <a:gd name="connsiteY59" fmla="*/ 8818 h 10000"/>
                  <a:gd name="connsiteX60" fmla="*/ 5532 w 10000"/>
                  <a:gd name="connsiteY60" fmla="*/ 8833 h 10000"/>
                  <a:gd name="connsiteX61" fmla="*/ 5406 w 10000"/>
                  <a:gd name="connsiteY61" fmla="*/ 8833 h 10000"/>
                  <a:gd name="connsiteX62" fmla="*/ 5102 w 10000"/>
                  <a:gd name="connsiteY62" fmla="*/ 8818 h 10000"/>
                  <a:gd name="connsiteX63" fmla="*/ 4720 w 10000"/>
                  <a:gd name="connsiteY63" fmla="*/ 8744 h 10000"/>
                  <a:gd name="connsiteX64" fmla="*/ 4720 w 10000"/>
                  <a:gd name="connsiteY64" fmla="*/ 8922 h 10000"/>
                  <a:gd name="connsiteX65" fmla="*/ 4695 w 10000"/>
                  <a:gd name="connsiteY65" fmla="*/ 9069 h 10000"/>
                  <a:gd name="connsiteX66" fmla="*/ 4671 w 10000"/>
                  <a:gd name="connsiteY66" fmla="*/ 9232 h 10000"/>
                  <a:gd name="connsiteX67" fmla="*/ 4644 w 10000"/>
                  <a:gd name="connsiteY67" fmla="*/ 9365 h 10000"/>
                  <a:gd name="connsiteX68" fmla="*/ 4593 w 10000"/>
                  <a:gd name="connsiteY68" fmla="*/ 9498 h 10000"/>
                  <a:gd name="connsiteX69" fmla="*/ 4493 w 10000"/>
                  <a:gd name="connsiteY69" fmla="*/ 9616 h 10000"/>
                  <a:gd name="connsiteX70" fmla="*/ 4416 w 10000"/>
                  <a:gd name="connsiteY70" fmla="*/ 9734 h 10000"/>
                  <a:gd name="connsiteX71" fmla="*/ 4289 w 10000"/>
                  <a:gd name="connsiteY71" fmla="*/ 9838 h 10000"/>
                  <a:gd name="connsiteX72" fmla="*/ 3983 w 10000"/>
                  <a:gd name="connsiteY72" fmla="*/ 9897 h 10000"/>
                  <a:gd name="connsiteX73" fmla="*/ 3731 w 10000"/>
                  <a:gd name="connsiteY73" fmla="*/ 9941 h 10000"/>
                  <a:gd name="connsiteX74" fmla="*/ 3426 w 10000"/>
                  <a:gd name="connsiteY74" fmla="*/ 9985 h 10000"/>
                  <a:gd name="connsiteX75" fmla="*/ 3198 w 10000"/>
                  <a:gd name="connsiteY75" fmla="*/ 10000 h 10000"/>
                  <a:gd name="connsiteX76" fmla="*/ 2690 w 10000"/>
                  <a:gd name="connsiteY76" fmla="*/ 10000 h 10000"/>
                  <a:gd name="connsiteX77" fmla="*/ 2208 w 10000"/>
                  <a:gd name="connsiteY77" fmla="*/ 9985 h 10000"/>
                  <a:gd name="connsiteX78" fmla="*/ 1752 w 10000"/>
                  <a:gd name="connsiteY78" fmla="*/ 9941 h 10000"/>
                  <a:gd name="connsiteX79" fmla="*/ 1270 w 10000"/>
                  <a:gd name="connsiteY79" fmla="*/ 9911 h 10000"/>
                  <a:gd name="connsiteX80" fmla="*/ 990 w 10000"/>
                  <a:gd name="connsiteY80" fmla="*/ 9911 h 10000"/>
                  <a:gd name="connsiteX81" fmla="*/ 736 w 10000"/>
                  <a:gd name="connsiteY81" fmla="*/ 9911 h 10000"/>
                  <a:gd name="connsiteX82" fmla="*/ 457 w 10000"/>
                  <a:gd name="connsiteY82" fmla="*/ 9926 h 10000"/>
                  <a:gd name="connsiteX83" fmla="*/ 178 w 10000"/>
                  <a:gd name="connsiteY83" fmla="*/ 9970 h 10000"/>
                  <a:gd name="connsiteX84" fmla="*/ 102 w 10000"/>
                  <a:gd name="connsiteY84" fmla="*/ 9867 h 10000"/>
                  <a:gd name="connsiteX85" fmla="*/ 51 w 10000"/>
                  <a:gd name="connsiteY85" fmla="*/ 9793 h 10000"/>
                  <a:gd name="connsiteX86" fmla="*/ 0 w 10000"/>
                  <a:gd name="connsiteY86" fmla="*/ 9705 h 10000"/>
                  <a:gd name="connsiteX87" fmla="*/ 0 w 10000"/>
                  <a:gd name="connsiteY87" fmla="*/ 9601 h 10000"/>
                  <a:gd name="connsiteX88" fmla="*/ 51 w 10000"/>
                  <a:gd name="connsiteY88" fmla="*/ 9424 h 10000"/>
                  <a:gd name="connsiteX89" fmla="*/ 102 w 10000"/>
                  <a:gd name="connsiteY89" fmla="*/ 9202 h 10000"/>
                  <a:gd name="connsiteX90" fmla="*/ 151 w 10000"/>
                  <a:gd name="connsiteY90" fmla="*/ 8996 h 10000"/>
                  <a:gd name="connsiteX91" fmla="*/ 203 w 10000"/>
                  <a:gd name="connsiteY91" fmla="*/ 8759 h 10000"/>
                  <a:gd name="connsiteX92" fmla="*/ 228 w 10000"/>
                  <a:gd name="connsiteY92" fmla="*/ 8641 h 10000"/>
                  <a:gd name="connsiteX93" fmla="*/ 228 w 10000"/>
                  <a:gd name="connsiteY93" fmla="*/ 8538 h 10000"/>
                  <a:gd name="connsiteX94" fmla="*/ 203 w 10000"/>
                  <a:gd name="connsiteY94" fmla="*/ 8405 h 10000"/>
                  <a:gd name="connsiteX95" fmla="*/ 178 w 10000"/>
                  <a:gd name="connsiteY95" fmla="*/ 8287 h 10000"/>
                  <a:gd name="connsiteX96" fmla="*/ 431 w 10000"/>
                  <a:gd name="connsiteY96" fmla="*/ 8213 h 10000"/>
                  <a:gd name="connsiteX97" fmla="*/ 685 w 10000"/>
                  <a:gd name="connsiteY97" fmla="*/ 8139 h 10000"/>
                  <a:gd name="connsiteX98" fmla="*/ 939 w 10000"/>
                  <a:gd name="connsiteY98" fmla="*/ 8095 h 10000"/>
                  <a:gd name="connsiteX99" fmla="*/ 1218 w 10000"/>
                  <a:gd name="connsiteY99" fmla="*/ 8065 h 10000"/>
                  <a:gd name="connsiteX100" fmla="*/ 1725 w 10000"/>
                  <a:gd name="connsiteY100" fmla="*/ 8021 h 10000"/>
                  <a:gd name="connsiteX101" fmla="*/ 2234 w 10000"/>
                  <a:gd name="connsiteY101" fmla="*/ 7976 h 10000"/>
                  <a:gd name="connsiteX102" fmla="*/ 2462 w 10000"/>
                  <a:gd name="connsiteY102" fmla="*/ 7947 h 10000"/>
                  <a:gd name="connsiteX103" fmla="*/ 2690 w 10000"/>
                  <a:gd name="connsiteY103" fmla="*/ 7917 h 10000"/>
                  <a:gd name="connsiteX104" fmla="*/ 2892 w 10000"/>
                  <a:gd name="connsiteY104" fmla="*/ 7843 h 10000"/>
                  <a:gd name="connsiteX105" fmla="*/ 3096 w 10000"/>
                  <a:gd name="connsiteY105" fmla="*/ 7784 h 10000"/>
                  <a:gd name="connsiteX106" fmla="*/ 3274 w 10000"/>
                  <a:gd name="connsiteY106" fmla="*/ 7710 h 10000"/>
                  <a:gd name="connsiteX107" fmla="*/ 3426 w 10000"/>
                  <a:gd name="connsiteY107" fmla="*/ 7592 h 10000"/>
                  <a:gd name="connsiteX108" fmla="*/ 3579 w 10000"/>
                  <a:gd name="connsiteY108" fmla="*/ 7474 h 10000"/>
                  <a:gd name="connsiteX109" fmla="*/ 3680 w 10000"/>
                  <a:gd name="connsiteY109" fmla="*/ 7312 h 10000"/>
                  <a:gd name="connsiteX110" fmla="*/ 3477 w 10000"/>
                  <a:gd name="connsiteY110" fmla="*/ 7238 h 10000"/>
                  <a:gd name="connsiteX111" fmla="*/ 3299 w 10000"/>
                  <a:gd name="connsiteY111" fmla="*/ 7179 h 10000"/>
                  <a:gd name="connsiteX112" fmla="*/ 3147 w 10000"/>
                  <a:gd name="connsiteY112" fmla="*/ 7090 h 10000"/>
                  <a:gd name="connsiteX113" fmla="*/ 2995 w 10000"/>
                  <a:gd name="connsiteY113" fmla="*/ 6987 h 10000"/>
                  <a:gd name="connsiteX114" fmla="*/ 2892 w 10000"/>
                  <a:gd name="connsiteY114" fmla="*/ 6869 h 10000"/>
                  <a:gd name="connsiteX115" fmla="*/ 2843 w 10000"/>
                  <a:gd name="connsiteY115" fmla="*/ 6721 h 10000"/>
                  <a:gd name="connsiteX116" fmla="*/ 2817 w 10000"/>
                  <a:gd name="connsiteY116" fmla="*/ 6558 h 10000"/>
                  <a:gd name="connsiteX117" fmla="*/ 2843 w 10000"/>
                  <a:gd name="connsiteY117" fmla="*/ 6352 h 10000"/>
                  <a:gd name="connsiteX118" fmla="*/ 2716 w 10000"/>
                  <a:gd name="connsiteY118" fmla="*/ 6322 h 10000"/>
                  <a:gd name="connsiteX119" fmla="*/ 2564 w 10000"/>
                  <a:gd name="connsiteY119" fmla="*/ 6292 h 10000"/>
                  <a:gd name="connsiteX120" fmla="*/ 2386 w 10000"/>
                  <a:gd name="connsiteY120" fmla="*/ 6278 h 10000"/>
                  <a:gd name="connsiteX121" fmla="*/ 2208 w 10000"/>
                  <a:gd name="connsiteY121" fmla="*/ 6263 h 10000"/>
                  <a:gd name="connsiteX122" fmla="*/ 1853 w 10000"/>
                  <a:gd name="connsiteY122" fmla="*/ 6248 h 10000"/>
                  <a:gd name="connsiteX123" fmla="*/ 1472 w 10000"/>
                  <a:gd name="connsiteY123" fmla="*/ 6263 h 10000"/>
                  <a:gd name="connsiteX124" fmla="*/ 1143 w 10000"/>
                  <a:gd name="connsiteY124" fmla="*/ 6278 h 10000"/>
                  <a:gd name="connsiteX125" fmla="*/ 837 w 10000"/>
                  <a:gd name="connsiteY125" fmla="*/ 6278 h 10000"/>
                  <a:gd name="connsiteX126" fmla="*/ 585 w 10000"/>
                  <a:gd name="connsiteY126" fmla="*/ 6263 h 10000"/>
                  <a:gd name="connsiteX127" fmla="*/ 381 w 10000"/>
                  <a:gd name="connsiteY127" fmla="*/ 6233 h 10000"/>
                  <a:gd name="connsiteX128" fmla="*/ 633 w 10000"/>
                  <a:gd name="connsiteY128" fmla="*/ 5805 h 10000"/>
                  <a:gd name="connsiteX129" fmla="*/ 914 w 10000"/>
                  <a:gd name="connsiteY129" fmla="*/ 5391 h 10000"/>
                  <a:gd name="connsiteX130" fmla="*/ 1016 w 10000"/>
                  <a:gd name="connsiteY130" fmla="*/ 5170 h 10000"/>
                  <a:gd name="connsiteX131" fmla="*/ 1091 w 10000"/>
                  <a:gd name="connsiteY131" fmla="*/ 4963 h 10000"/>
                  <a:gd name="connsiteX132" fmla="*/ 1116 w 10000"/>
                  <a:gd name="connsiteY132" fmla="*/ 4860 h 10000"/>
                  <a:gd name="connsiteX133" fmla="*/ 1091 w 10000"/>
                  <a:gd name="connsiteY133" fmla="*/ 4756 h 10000"/>
                  <a:gd name="connsiteX134" fmla="*/ 1066 w 10000"/>
                  <a:gd name="connsiteY134" fmla="*/ 4653 h 10000"/>
                  <a:gd name="connsiteX135" fmla="*/ 990 w 10000"/>
                  <a:gd name="connsiteY135" fmla="*/ 4549 h 10000"/>
                  <a:gd name="connsiteX136" fmla="*/ 1270 w 10000"/>
                  <a:gd name="connsiteY136" fmla="*/ 4520 h 10000"/>
                  <a:gd name="connsiteX137" fmla="*/ 1472 w 10000"/>
                  <a:gd name="connsiteY137" fmla="*/ 4505 h 10000"/>
                  <a:gd name="connsiteX138" fmla="*/ 1650 w 10000"/>
                  <a:gd name="connsiteY138" fmla="*/ 4505 h 10000"/>
                  <a:gd name="connsiteX139" fmla="*/ 1802 w 10000"/>
                  <a:gd name="connsiteY139" fmla="*/ 4520 h 10000"/>
                  <a:gd name="connsiteX140" fmla="*/ 1929 w 10000"/>
                  <a:gd name="connsiteY140" fmla="*/ 4520 h 10000"/>
                  <a:gd name="connsiteX141" fmla="*/ 2081 w 10000"/>
                  <a:gd name="connsiteY141" fmla="*/ 4520 h 10000"/>
                  <a:gd name="connsiteX142" fmla="*/ 2234 w 10000"/>
                  <a:gd name="connsiteY142" fmla="*/ 4490 h 10000"/>
                  <a:gd name="connsiteX143" fmla="*/ 2436 w 10000"/>
                  <a:gd name="connsiteY143" fmla="*/ 4446 h 10000"/>
                  <a:gd name="connsiteX144" fmla="*/ 2436 w 10000"/>
                  <a:gd name="connsiteY144" fmla="*/ 4579 h 10000"/>
                  <a:gd name="connsiteX145" fmla="*/ 2436 w 10000"/>
                  <a:gd name="connsiteY145" fmla="*/ 4742 h 10000"/>
                  <a:gd name="connsiteX146" fmla="*/ 2436 w 10000"/>
                  <a:gd name="connsiteY146" fmla="*/ 4874 h 10000"/>
                  <a:gd name="connsiteX147" fmla="*/ 2436 w 10000"/>
                  <a:gd name="connsiteY147" fmla="*/ 5037 h 10000"/>
                  <a:gd name="connsiteX148" fmla="*/ 2665 w 10000"/>
                  <a:gd name="connsiteY148" fmla="*/ 5022 h 10000"/>
                  <a:gd name="connsiteX149" fmla="*/ 2817 w 10000"/>
                  <a:gd name="connsiteY149" fmla="*/ 5037 h 10000"/>
                  <a:gd name="connsiteX150" fmla="*/ 2944 w 10000"/>
                  <a:gd name="connsiteY150" fmla="*/ 5066 h 10000"/>
                  <a:gd name="connsiteX151" fmla="*/ 3071 w 10000"/>
                  <a:gd name="connsiteY151" fmla="*/ 5096 h 10000"/>
                  <a:gd name="connsiteX152" fmla="*/ 3173 w 10000"/>
                  <a:gd name="connsiteY152" fmla="*/ 5126 h 10000"/>
                  <a:gd name="connsiteX153" fmla="*/ 3299 w 10000"/>
                  <a:gd name="connsiteY153" fmla="*/ 5155 h 10000"/>
                  <a:gd name="connsiteX154" fmla="*/ 3452 w 10000"/>
                  <a:gd name="connsiteY154" fmla="*/ 5170 h 10000"/>
                  <a:gd name="connsiteX155" fmla="*/ 3680 w 10000"/>
                  <a:gd name="connsiteY155" fmla="*/ 5155 h 10000"/>
                  <a:gd name="connsiteX156" fmla="*/ 3757 w 10000"/>
                  <a:gd name="connsiteY156" fmla="*/ 5096 h 10000"/>
                  <a:gd name="connsiteX157" fmla="*/ 3832 w 10000"/>
                  <a:gd name="connsiteY157" fmla="*/ 5022 h 10000"/>
                  <a:gd name="connsiteX158" fmla="*/ 3857 w 10000"/>
                  <a:gd name="connsiteY158" fmla="*/ 4934 h 10000"/>
                  <a:gd name="connsiteX159" fmla="*/ 3884 w 10000"/>
                  <a:gd name="connsiteY159" fmla="*/ 4860 h 10000"/>
                  <a:gd name="connsiteX160" fmla="*/ 3908 w 10000"/>
                  <a:gd name="connsiteY160" fmla="*/ 4697 h 10000"/>
                  <a:gd name="connsiteX161" fmla="*/ 3884 w 10000"/>
                  <a:gd name="connsiteY161" fmla="*/ 4520 h 10000"/>
                  <a:gd name="connsiteX162" fmla="*/ 3807 w 10000"/>
                  <a:gd name="connsiteY162" fmla="*/ 4343 h 10000"/>
                  <a:gd name="connsiteX163" fmla="*/ 3731 w 10000"/>
                  <a:gd name="connsiteY163" fmla="*/ 4195 h 10000"/>
                  <a:gd name="connsiteX164" fmla="*/ 3604 w 10000"/>
                  <a:gd name="connsiteY164" fmla="*/ 4047 h 10000"/>
                  <a:gd name="connsiteX165" fmla="*/ 3477 w 10000"/>
                  <a:gd name="connsiteY165" fmla="*/ 3959 h 10000"/>
                  <a:gd name="connsiteX166" fmla="*/ 3629 w 10000"/>
                  <a:gd name="connsiteY166" fmla="*/ 3944 h 10000"/>
                  <a:gd name="connsiteX167" fmla="*/ 3757 w 10000"/>
                  <a:gd name="connsiteY167" fmla="*/ 3914 h 10000"/>
                  <a:gd name="connsiteX168" fmla="*/ 3857 w 10000"/>
                  <a:gd name="connsiteY168" fmla="*/ 3855 h 10000"/>
                  <a:gd name="connsiteX169" fmla="*/ 3983 w 10000"/>
                  <a:gd name="connsiteY169" fmla="*/ 3752 h 10000"/>
                  <a:gd name="connsiteX170" fmla="*/ 4111 w 10000"/>
                  <a:gd name="connsiteY170" fmla="*/ 3663 h 10000"/>
                  <a:gd name="connsiteX171" fmla="*/ 4213 w 10000"/>
                  <a:gd name="connsiteY171" fmla="*/ 3560 h 10000"/>
                  <a:gd name="connsiteX172" fmla="*/ 4289 w 10000"/>
                  <a:gd name="connsiteY172" fmla="*/ 3442 h 10000"/>
                  <a:gd name="connsiteX173" fmla="*/ 4366 w 10000"/>
                  <a:gd name="connsiteY173" fmla="*/ 3323 h 10000"/>
                  <a:gd name="connsiteX174" fmla="*/ 4416 w 10000"/>
                  <a:gd name="connsiteY174" fmla="*/ 3220 h 10000"/>
                  <a:gd name="connsiteX175" fmla="*/ 4441 w 10000"/>
                  <a:gd name="connsiteY175" fmla="*/ 3102 h 10000"/>
                  <a:gd name="connsiteX176" fmla="*/ 4468 w 10000"/>
                  <a:gd name="connsiteY176" fmla="*/ 3013 h 10000"/>
                  <a:gd name="connsiteX177" fmla="*/ 4441 w 10000"/>
                  <a:gd name="connsiteY177" fmla="*/ 2939 h 10000"/>
                  <a:gd name="connsiteX178" fmla="*/ 4416 w 10000"/>
                  <a:gd name="connsiteY178" fmla="*/ 2866 h 10000"/>
                  <a:gd name="connsiteX179" fmla="*/ 4340 w 10000"/>
                  <a:gd name="connsiteY179" fmla="*/ 2836 h 10000"/>
                  <a:gd name="connsiteX180" fmla="*/ 4239 w 10000"/>
                  <a:gd name="connsiteY180" fmla="*/ 2836 h 10000"/>
                  <a:gd name="connsiteX181" fmla="*/ 4111 w 10000"/>
                  <a:gd name="connsiteY181" fmla="*/ 2866 h 10000"/>
                  <a:gd name="connsiteX182" fmla="*/ 4213 w 10000"/>
                  <a:gd name="connsiteY182" fmla="*/ 2777 h 10000"/>
                  <a:gd name="connsiteX183" fmla="*/ 4265 w 10000"/>
                  <a:gd name="connsiteY183" fmla="*/ 2674 h 10000"/>
                  <a:gd name="connsiteX184" fmla="*/ 4289 w 10000"/>
                  <a:gd name="connsiteY184" fmla="*/ 2541 h 10000"/>
                  <a:gd name="connsiteX185" fmla="*/ 4289 w 10000"/>
                  <a:gd name="connsiteY185" fmla="*/ 2393 h 10000"/>
                  <a:gd name="connsiteX186" fmla="*/ 4314 w 10000"/>
                  <a:gd name="connsiteY186" fmla="*/ 2349 h 10000"/>
                  <a:gd name="connsiteX187" fmla="*/ 4366 w 10000"/>
                  <a:gd name="connsiteY187" fmla="*/ 2304 h 10000"/>
                  <a:gd name="connsiteX188" fmla="*/ 4416 w 10000"/>
                  <a:gd name="connsiteY188" fmla="*/ 2290 h 10000"/>
                  <a:gd name="connsiteX189" fmla="*/ 4493 w 10000"/>
                  <a:gd name="connsiteY189" fmla="*/ 2275 h 10000"/>
                  <a:gd name="connsiteX190" fmla="*/ 4720 w 10000"/>
                  <a:gd name="connsiteY190" fmla="*/ 2260 h 10000"/>
                  <a:gd name="connsiteX191" fmla="*/ 4923 w 10000"/>
                  <a:gd name="connsiteY191" fmla="*/ 2275 h 10000"/>
                  <a:gd name="connsiteX192" fmla="*/ 4898 w 10000"/>
                  <a:gd name="connsiteY192" fmla="*/ 2112 h 10000"/>
                  <a:gd name="connsiteX193" fmla="*/ 4848 w 10000"/>
                  <a:gd name="connsiteY193" fmla="*/ 1950 h 10000"/>
                  <a:gd name="connsiteX194" fmla="*/ 4771 w 10000"/>
                  <a:gd name="connsiteY194" fmla="*/ 1802 h 10000"/>
                  <a:gd name="connsiteX195" fmla="*/ 4671 w 10000"/>
                  <a:gd name="connsiteY195" fmla="*/ 1640 h 10000"/>
                  <a:gd name="connsiteX196" fmla="*/ 4416 w 10000"/>
                  <a:gd name="connsiteY196" fmla="*/ 1329 h 10000"/>
                  <a:gd name="connsiteX197" fmla="*/ 4162 w 10000"/>
                  <a:gd name="connsiteY197" fmla="*/ 1034 h 10000"/>
                  <a:gd name="connsiteX198" fmla="*/ 4035 w 10000"/>
                  <a:gd name="connsiteY198" fmla="*/ 901 h 10000"/>
                  <a:gd name="connsiteX199" fmla="*/ 3935 w 10000"/>
                  <a:gd name="connsiteY199" fmla="*/ 753 h 10000"/>
                  <a:gd name="connsiteX200" fmla="*/ 3857 w 10000"/>
                  <a:gd name="connsiteY200" fmla="*/ 620 h 10000"/>
                  <a:gd name="connsiteX201" fmla="*/ 3832 w 10000"/>
                  <a:gd name="connsiteY201" fmla="*/ 487 h 10000"/>
                  <a:gd name="connsiteX202" fmla="*/ 3807 w 10000"/>
                  <a:gd name="connsiteY202" fmla="*/ 355 h 10000"/>
                  <a:gd name="connsiteX203" fmla="*/ 3857 w 10000"/>
                  <a:gd name="connsiteY203" fmla="*/ 222 h 10000"/>
                  <a:gd name="connsiteX204" fmla="*/ 3884 w 10000"/>
                  <a:gd name="connsiteY204" fmla="*/ 162 h 10000"/>
                  <a:gd name="connsiteX205" fmla="*/ 3935 w 10000"/>
                  <a:gd name="connsiteY205" fmla="*/ 103 h 10000"/>
                  <a:gd name="connsiteX206" fmla="*/ 4011 w 10000"/>
                  <a:gd name="connsiteY206" fmla="*/ 59 h 10000"/>
                  <a:gd name="connsiteX207" fmla="*/ 4111 w 10000"/>
                  <a:gd name="connsiteY207" fmla="*/ 0 h 10000"/>
                  <a:gd name="connsiteX208" fmla="*/ 4289 w 10000"/>
                  <a:gd name="connsiteY208" fmla="*/ 0 h 10000"/>
                  <a:gd name="connsiteX209" fmla="*/ 4468 w 10000"/>
                  <a:gd name="connsiteY209" fmla="*/ 15 h 10000"/>
                  <a:gd name="connsiteX210" fmla="*/ 4644 w 10000"/>
                  <a:gd name="connsiteY210" fmla="*/ 44 h 10000"/>
                  <a:gd name="connsiteX211" fmla="*/ 4771 w 10000"/>
                  <a:gd name="connsiteY211" fmla="*/ 89 h 10000"/>
                  <a:gd name="connsiteX212" fmla="*/ 4975 w 10000"/>
                  <a:gd name="connsiteY212" fmla="*/ 192 h 10000"/>
                  <a:gd name="connsiteX213" fmla="*/ 5177 w 10000"/>
                  <a:gd name="connsiteY213" fmla="*/ 340 h 10000"/>
                  <a:gd name="connsiteX214" fmla="*/ 5329 w 10000"/>
                  <a:gd name="connsiteY214" fmla="*/ 473 h 10000"/>
                  <a:gd name="connsiteX215" fmla="*/ 5532 w 10000"/>
                  <a:gd name="connsiteY215" fmla="*/ 591 h 10000"/>
                  <a:gd name="connsiteX216" fmla="*/ 5660 w 10000"/>
                  <a:gd name="connsiteY216" fmla="*/ 650 h 10000"/>
                  <a:gd name="connsiteX217" fmla="*/ 5812 w 10000"/>
                  <a:gd name="connsiteY217" fmla="*/ 679 h 10000"/>
                  <a:gd name="connsiteX218" fmla="*/ 5965 w 10000"/>
                  <a:gd name="connsiteY218" fmla="*/ 709 h 10000"/>
                  <a:gd name="connsiteX219" fmla="*/ 6168 w 10000"/>
                  <a:gd name="connsiteY219" fmla="*/ 709 h 10000"/>
                  <a:gd name="connsiteX220" fmla="*/ 6168 w 10000"/>
                  <a:gd name="connsiteY220" fmla="*/ 768 h 10000"/>
                  <a:gd name="connsiteX221" fmla="*/ 6193 w 10000"/>
                  <a:gd name="connsiteY221" fmla="*/ 842 h 10000"/>
                  <a:gd name="connsiteX222" fmla="*/ 6243 w 10000"/>
                  <a:gd name="connsiteY222" fmla="*/ 916 h 10000"/>
                  <a:gd name="connsiteX223" fmla="*/ 6294 w 10000"/>
                  <a:gd name="connsiteY223" fmla="*/ 990 h 10000"/>
                  <a:gd name="connsiteX224" fmla="*/ 6369 w 10000"/>
                  <a:gd name="connsiteY224" fmla="*/ 1049 h 10000"/>
                  <a:gd name="connsiteX225" fmla="*/ 6471 w 10000"/>
                  <a:gd name="connsiteY225" fmla="*/ 1108 h 10000"/>
                  <a:gd name="connsiteX226" fmla="*/ 6598 w 10000"/>
                  <a:gd name="connsiteY226" fmla="*/ 1182 h 10000"/>
                  <a:gd name="connsiteX227" fmla="*/ 6700 w 10000"/>
                  <a:gd name="connsiteY227" fmla="*/ 1226 h 10000"/>
                  <a:gd name="connsiteX228" fmla="*/ 6802 w 10000"/>
                  <a:gd name="connsiteY228" fmla="*/ 1270 h 10000"/>
                  <a:gd name="connsiteX229" fmla="*/ 6903 w 10000"/>
                  <a:gd name="connsiteY229" fmla="*/ 1300 h 10000"/>
                  <a:gd name="connsiteX230" fmla="*/ 7005 w 10000"/>
                  <a:gd name="connsiteY230" fmla="*/ 1315 h 10000"/>
                  <a:gd name="connsiteX231" fmla="*/ 7132 w 10000"/>
                  <a:gd name="connsiteY231" fmla="*/ 1300 h 10000"/>
                  <a:gd name="connsiteX232" fmla="*/ 7234 w 10000"/>
                  <a:gd name="connsiteY232" fmla="*/ 1285 h 10000"/>
                  <a:gd name="connsiteX233" fmla="*/ 7309 w 10000"/>
                  <a:gd name="connsiteY233" fmla="*/ 1241 h 10000"/>
                  <a:gd name="connsiteX234" fmla="*/ 7361 w 10000"/>
                  <a:gd name="connsiteY234" fmla="*/ 1167 h 10000"/>
                  <a:gd name="connsiteX235" fmla="*/ 7385 w 10000"/>
                  <a:gd name="connsiteY235" fmla="*/ 1064 h 10000"/>
                  <a:gd name="connsiteX236" fmla="*/ 7766 w 10000"/>
                  <a:gd name="connsiteY236" fmla="*/ 1034 h 10000"/>
                  <a:gd name="connsiteX237" fmla="*/ 8121 w 10000"/>
                  <a:gd name="connsiteY237" fmla="*/ 1004 h 10000"/>
                  <a:gd name="connsiteX238" fmla="*/ 8427 w 10000"/>
                  <a:gd name="connsiteY238" fmla="*/ 990 h 10000"/>
                  <a:gd name="connsiteX239" fmla="*/ 8706 w 10000"/>
                  <a:gd name="connsiteY239" fmla="*/ 1004 h 10000"/>
                  <a:gd name="connsiteX240" fmla="*/ 8833 w 10000"/>
                  <a:gd name="connsiteY240" fmla="*/ 1019 h 10000"/>
                  <a:gd name="connsiteX241" fmla="*/ 8958 w 10000"/>
                  <a:gd name="connsiteY241" fmla="*/ 1034 h 10000"/>
                  <a:gd name="connsiteX242" fmla="*/ 9061 w 10000"/>
                  <a:gd name="connsiteY242" fmla="*/ 1064 h 10000"/>
                  <a:gd name="connsiteX243" fmla="*/ 9188 w 10000"/>
                  <a:gd name="connsiteY243" fmla="*/ 1108 h 10000"/>
                  <a:gd name="connsiteX244" fmla="*/ 9264 w 10000"/>
                  <a:gd name="connsiteY244" fmla="*/ 1182 h 10000"/>
                  <a:gd name="connsiteX245" fmla="*/ 9339 w 10000"/>
                  <a:gd name="connsiteY245" fmla="*/ 1241 h 10000"/>
                  <a:gd name="connsiteX246" fmla="*/ 9391 w 10000"/>
                  <a:gd name="connsiteY246" fmla="*/ 1329 h 10000"/>
                  <a:gd name="connsiteX247" fmla="*/ 9442 w 10000"/>
                  <a:gd name="connsiteY247" fmla="*/ 1433 h 10000"/>
                  <a:gd name="connsiteX248" fmla="*/ 9492 w 10000"/>
                  <a:gd name="connsiteY248" fmla="*/ 1551 h 10000"/>
                  <a:gd name="connsiteX249" fmla="*/ 9466 w 10000"/>
                  <a:gd name="connsiteY249" fmla="*/ 1625 h 10000"/>
                  <a:gd name="connsiteX250" fmla="*/ 9442 w 10000"/>
                  <a:gd name="connsiteY250" fmla="*/ 1684 h 10000"/>
                  <a:gd name="connsiteX251" fmla="*/ 9391 w 10000"/>
                  <a:gd name="connsiteY251" fmla="*/ 1758 h 10000"/>
                  <a:gd name="connsiteX252" fmla="*/ 9315 w 10000"/>
                  <a:gd name="connsiteY252" fmla="*/ 1802 h 10000"/>
                  <a:gd name="connsiteX253" fmla="*/ 9264 w 10000"/>
                  <a:gd name="connsiteY253" fmla="*/ 1861 h 10000"/>
                  <a:gd name="connsiteX254" fmla="*/ 9240 w 10000"/>
                  <a:gd name="connsiteY254" fmla="*/ 1935 h 10000"/>
                  <a:gd name="connsiteX255" fmla="*/ 9264 w 10000"/>
                  <a:gd name="connsiteY255" fmla="*/ 2024 h 10000"/>
                  <a:gd name="connsiteX256" fmla="*/ 9543 w 10000"/>
                  <a:gd name="connsiteY256" fmla="*/ 2157 h 10000"/>
                  <a:gd name="connsiteX257" fmla="*/ 9873 w 10000"/>
                  <a:gd name="connsiteY257" fmla="*/ 2275 h 10000"/>
                  <a:gd name="connsiteX258" fmla="*/ 10000 w 10000"/>
                  <a:gd name="connsiteY258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7383 w 10000"/>
                  <a:gd name="connsiteY8" fmla="*/ 3894 h 10000"/>
                  <a:gd name="connsiteX9" fmla="*/ 8984 w 10000"/>
                  <a:gd name="connsiteY9" fmla="*/ 3412 h 10000"/>
                  <a:gd name="connsiteX10" fmla="*/ 9188 w 10000"/>
                  <a:gd name="connsiteY10" fmla="*/ 3338 h 10000"/>
                  <a:gd name="connsiteX11" fmla="*/ 9415 w 10000"/>
                  <a:gd name="connsiteY11" fmla="*/ 3117 h 10000"/>
                  <a:gd name="connsiteX12" fmla="*/ 9442 w 10000"/>
                  <a:gd name="connsiteY12" fmla="*/ 3072 h 10000"/>
                  <a:gd name="connsiteX13" fmla="*/ 9466 w 10000"/>
                  <a:gd name="connsiteY13" fmla="*/ 3013 h 10000"/>
                  <a:gd name="connsiteX14" fmla="*/ 9466 w 10000"/>
                  <a:gd name="connsiteY14" fmla="*/ 2954 h 10000"/>
                  <a:gd name="connsiteX15" fmla="*/ 9442 w 10000"/>
                  <a:gd name="connsiteY15" fmla="*/ 2866 h 10000"/>
                  <a:gd name="connsiteX16" fmla="*/ 9264 w 10000"/>
                  <a:gd name="connsiteY16" fmla="*/ 2984 h 10000"/>
                  <a:gd name="connsiteX17" fmla="*/ 9061 w 10000"/>
                  <a:gd name="connsiteY17" fmla="*/ 3072 h 10000"/>
                  <a:gd name="connsiteX18" fmla="*/ 8197 w 10000"/>
                  <a:gd name="connsiteY18" fmla="*/ 3397 h 10000"/>
                  <a:gd name="connsiteX19" fmla="*/ 7716 w 10000"/>
                  <a:gd name="connsiteY19" fmla="*/ 3545 h 10000"/>
                  <a:gd name="connsiteX20" fmla="*/ 6345 w 10000"/>
                  <a:gd name="connsiteY20" fmla="*/ 4003 h 10000"/>
                  <a:gd name="connsiteX21" fmla="*/ 6143 w 10000"/>
                  <a:gd name="connsiteY21" fmla="*/ 4106 h 10000"/>
                  <a:gd name="connsiteX22" fmla="*/ 5938 w 10000"/>
                  <a:gd name="connsiteY22" fmla="*/ 4195 h 10000"/>
                  <a:gd name="connsiteX23" fmla="*/ 6091 w 10000"/>
                  <a:gd name="connsiteY23" fmla="*/ 4417 h 10000"/>
                  <a:gd name="connsiteX24" fmla="*/ 6369 w 10000"/>
                  <a:gd name="connsiteY24" fmla="*/ 5081 h 10000"/>
                  <a:gd name="connsiteX25" fmla="*/ 6421 w 10000"/>
                  <a:gd name="connsiteY25" fmla="*/ 5318 h 10000"/>
                  <a:gd name="connsiteX26" fmla="*/ 6447 w 10000"/>
                  <a:gd name="connsiteY26" fmla="*/ 5539 h 10000"/>
                  <a:gd name="connsiteX27" fmla="*/ 6471 w 10000"/>
                  <a:gd name="connsiteY27" fmla="*/ 5775 h 10000"/>
                  <a:gd name="connsiteX28" fmla="*/ 6471 w 10000"/>
                  <a:gd name="connsiteY28" fmla="*/ 5997 h 10000"/>
                  <a:gd name="connsiteX29" fmla="*/ 6447 w 10000"/>
                  <a:gd name="connsiteY29" fmla="*/ 6233 h 10000"/>
                  <a:gd name="connsiteX30" fmla="*/ 6396 w 10000"/>
                  <a:gd name="connsiteY30" fmla="*/ 6470 h 10000"/>
                  <a:gd name="connsiteX31" fmla="*/ 6345 w 10000"/>
                  <a:gd name="connsiteY31" fmla="*/ 6677 h 10000"/>
                  <a:gd name="connsiteX32" fmla="*/ 6269 w 10000"/>
                  <a:gd name="connsiteY32" fmla="*/ 6898 h 10000"/>
                  <a:gd name="connsiteX33" fmla="*/ 6168 w 10000"/>
                  <a:gd name="connsiteY33" fmla="*/ 7105 h 10000"/>
                  <a:gd name="connsiteX34" fmla="*/ 6041 w 10000"/>
                  <a:gd name="connsiteY34" fmla="*/ 7297 h 10000"/>
                  <a:gd name="connsiteX35" fmla="*/ 5888 w 10000"/>
                  <a:gd name="connsiteY35" fmla="*/ 7489 h 10000"/>
                  <a:gd name="connsiteX36" fmla="*/ 5735 w 10000"/>
                  <a:gd name="connsiteY36" fmla="*/ 7681 h 10000"/>
                  <a:gd name="connsiteX37" fmla="*/ 6471 w 10000"/>
                  <a:gd name="connsiteY37" fmla="*/ 7799 h 10000"/>
                  <a:gd name="connsiteX38" fmla="*/ 7234 w 10000"/>
                  <a:gd name="connsiteY38" fmla="*/ 7962 h 10000"/>
                  <a:gd name="connsiteX39" fmla="*/ 7385 w 10000"/>
                  <a:gd name="connsiteY39" fmla="*/ 8021 h 10000"/>
                  <a:gd name="connsiteX40" fmla="*/ 7512 w 10000"/>
                  <a:gd name="connsiteY40" fmla="*/ 8080 h 10000"/>
                  <a:gd name="connsiteX41" fmla="*/ 7639 w 10000"/>
                  <a:gd name="connsiteY41" fmla="*/ 8139 h 10000"/>
                  <a:gd name="connsiteX42" fmla="*/ 7716 w 10000"/>
                  <a:gd name="connsiteY42" fmla="*/ 8227 h 10000"/>
                  <a:gd name="connsiteX43" fmla="*/ 7741 w 10000"/>
                  <a:gd name="connsiteY43" fmla="*/ 8301 h 10000"/>
                  <a:gd name="connsiteX44" fmla="*/ 7741 w 10000"/>
                  <a:gd name="connsiteY44" fmla="*/ 8405 h 10000"/>
                  <a:gd name="connsiteX45" fmla="*/ 7691 w 10000"/>
                  <a:gd name="connsiteY45" fmla="*/ 8523 h 10000"/>
                  <a:gd name="connsiteX46" fmla="*/ 7614 w 10000"/>
                  <a:gd name="connsiteY46" fmla="*/ 8641 h 10000"/>
                  <a:gd name="connsiteX47" fmla="*/ 7284 w 10000"/>
                  <a:gd name="connsiteY47" fmla="*/ 8552 h 10000"/>
                  <a:gd name="connsiteX48" fmla="*/ 6979 w 10000"/>
                  <a:gd name="connsiteY48" fmla="*/ 8449 h 10000"/>
                  <a:gd name="connsiteX49" fmla="*/ 6674 w 10000"/>
                  <a:gd name="connsiteY49" fmla="*/ 8360 h 10000"/>
                  <a:gd name="connsiteX50" fmla="*/ 6369 w 10000"/>
                  <a:gd name="connsiteY50" fmla="*/ 8287 h 10000"/>
                  <a:gd name="connsiteX51" fmla="*/ 6243 w 10000"/>
                  <a:gd name="connsiteY51" fmla="*/ 8449 h 10000"/>
                  <a:gd name="connsiteX52" fmla="*/ 6143 w 10000"/>
                  <a:gd name="connsiteY52" fmla="*/ 8597 h 10000"/>
                  <a:gd name="connsiteX53" fmla="*/ 6091 w 10000"/>
                  <a:gd name="connsiteY53" fmla="*/ 8656 h 10000"/>
                  <a:gd name="connsiteX54" fmla="*/ 5989 w 10000"/>
                  <a:gd name="connsiteY54" fmla="*/ 8700 h 10000"/>
                  <a:gd name="connsiteX55" fmla="*/ 5914 w 10000"/>
                  <a:gd name="connsiteY55" fmla="*/ 8744 h 10000"/>
                  <a:gd name="connsiteX56" fmla="*/ 5838 w 10000"/>
                  <a:gd name="connsiteY56" fmla="*/ 8774 h 10000"/>
                  <a:gd name="connsiteX57" fmla="*/ 5761 w 10000"/>
                  <a:gd name="connsiteY57" fmla="*/ 8804 h 10000"/>
                  <a:gd name="connsiteX58" fmla="*/ 5660 w 10000"/>
                  <a:gd name="connsiteY58" fmla="*/ 8818 h 10000"/>
                  <a:gd name="connsiteX59" fmla="*/ 5532 w 10000"/>
                  <a:gd name="connsiteY59" fmla="*/ 8833 h 10000"/>
                  <a:gd name="connsiteX60" fmla="*/ 5406 w 10000"/>
                  <a:gd name="connsiteY60" fmla="*/ 8833 h 10000"/>
                  <a:gd name="connsiteX61" fmla="*/ 5102 w 10000"/>
                  <a:gd name="connsiteY61" fmla="*/ 8818 h 10000"/>
                  <a:gd name="connsiteX62" fmla="*/ 4720 w 10000"/>
                  <a:gd name="connsiteY62" fmla="*/ 8744 h 10000"/>
                  <a:gd name="connsiteX63" fmla="*/ 4720 w 10000"/>
                  <a:gd name="connsiteY63" fmla="*/ 8922 h 10000"/>
                  <a:gd name="connsiteX64" fmla="*/ 4695 w 10000"/>
                  <a:gd name="connsiteY64" fmla="*/ 9069 h 10000"/>
                  <a:gd name="connsiteX65" fmla="*/ 4671 w 10000"/>
                  <a:gd name="connsiteY65" fmla="*/ 9232 h 10000"/>
                  <a:gd name="connsiteX66" fmla="*/ 4644 w 10000"/>
                  <a:gd name="connsiteY66" fmla="*/ 9365 h 10000"/>
                  <a:gd name="connsiteX67" fmla="*/ 4593 w 10000"/>
                  <a:gd name="connsiteY67" fmla="*/ 9498 h 10000"/>
                  <a:gd name="connsiteX68" fmla="*/ 4493 w 10000"/>
                  <a:gd name="connsiteY68" fmla="*/ 9616 h 10000"/>
                  <a:gd name="connsiteX69" fmla="*/ 4416 w 10000"/>
                  <a:gd name="connsiteY69" fmla="*/ 9734 h 10000"/>
                  <a:gd name="connsiteX70" fmla="*/ 4289 w 10000"/>
                  <a:gd name="connsiteY70" fmla="*/ 9838 h 10000"/>
                  <a:gd name="connsiteX71" fmla="*/ 3983 w 10000"/>
                  <a:gd name="connsiteY71" fmla="*/ 9897 h 10000"/>
                  <a:gd name="connsiteX72" fmla="*/ 3731 w 10000"/>
                  <a:gd name="connsiteY72" fmla="*/ 9941 h 10000"/>
                  <a:gd name="connsiteX73" fmla="*/ 3426 w 10000"/>
                  <a:gd name="connsiteY73" fmla="*/ 9985 h 10000"/>
                  <a:gd name="connsiteX74" fmla="*/ 3198 w 10000"/>
                  <a:gd name="connsiteY74" fmla="*/ 10000 h 10000"/>
                  <a:gd name="connsiteX75" fmla="*/ 2690 w 10000"/>
                  <a:gd name="connsiteY75" fmla="*/ 10000 h 10000"/>
                  <a:gd name="connsiteX76" fmla="*/ 2208 w 10000"/>
                  <a:gd name="connsiteY76" fmla="*/ 9985 h 10000"/>
                  <a:gd name="connsiteX77" fmla="*/ 1752 w 10000"/>
                  <a:gd name="connsiteY77" fmla="*/ 9941 h 10000"/>
                  <a:gd name="connsiteX78" fmla="*/ 1270 w 10000"/>
                  <a:gd name="connsiteY78" fmla="*/ 9911 h 10000"/>
                  <a:gd name="connsiteX79" fmla="*/ 990 w 10000"/>
                  <a:gd name="connsiteY79" fmla="*/ 9911 h 10000"/>
                  <a:gd name="connsiteX80" fmla="*/ 736 w 10000"/>
                  <a:gd name="connsiteY80" fmla="*/ 9911 h 10000"/>
                  <a:gd name="connsiteX81" fmla="*/ 457 w 10000"/>
                  <a:gd name="connsiteY81" fmla="*/ 9926 h 10000"/>
                  <a:gd name="connsiteX82" fmla="*/ 178 w 10000"/>
                  <a:gd name="connsiteY82" fmla="*/ 9970 h 10000"/>
                  <a:gd name="connsiteX83" fmla="*/ 102 w 10000"/>
                  <a:gd name="connsiteY83" fmla="*/ 9867 h 10000"/>
                  <a:gd name="connsiteX84" fmla="*/ 51 w 10000"/>
                  <a:gd name="connsiteY84" fmla="*/ 9793 h 10000"/>
                  <a:gd name="connsiteX85" fmla="*/ 0 w 10000"/>
                  <a:gd name="connsiteY85" fmla="*/ 9705 h 10000"/>
                  <a:gd name="connsiteX86" fmla="*/ 0 w 10000"/>
                  <a:gd name="connsiteY86" fmla="*/ 9601 h 10000"/>
                  <a:gd name="connsiteX87" fmla="*/ 51 w 10000"/>
                  <a:gd name="connsiteY87" fmla="*/ 9424 h 10000"/>
                  <a:gd name="connsiteX88" fmla="*/ 102 w 10000"/>
                  <a:gd name="connsiteY88" fmla="*/ 9202 h 10000"/>
                  <a:gd name="connsiteX89" fmla="*/ 151 w 10000"/>
                  <a:gd name="connsiteY89" fmla="*/ 8996 h 10000"/>
                  <a:gd name="connsiteX90" fmla="*/ 203 w 10000"/>
                  <a:gd name="connsiteY90" fmla="*/ 8759 h 10000"/>
                  <a:gd name="connsiteX91" fmla="*/ 228 w 10000"/>
                  <a:gd name="connsiteY91" fmla="*/ 8641 h 10000"/>
                  <a:gd name="connsiteX92" fmla="*/ 228 w 10000"/>
                  <a:gd name="connsiteY92" fmla="*/ 8538 h 10000"/>
                  <a:gd name="connsiteX93" fmla="*/ 203 w 10000"/>
                  <a:gd name="connsiteY93" fmla="*/ 8405 h 10000"/>
                  <a:gd name="connsiteX94" fmla="*/ 178 w 10000"/>
                  <a:gd name="connsiteY94" fmla="*/ 8287 h 10000"/>
                  <a:gd name="connsiteX95" fmla="*/ 431 w 10000"/>
                  <a:gd name="connsiteY95" fmla="*/ 8213 h 10000"/>
                  <a:gd name="connsiteX96" fmla="*/ 685 w 10000"/>
                  <a:gd name="connsiteY96" fmla="*/ 8139 h 10000"/>
                  <a:gd name="connsiteX97" fmla="*/ 939 w 10000"/>
                  <a:gd name="connsiteY97" fmla="*/ 8095 h 10000"/>
                  <a:gd name="connsiteX98" fmla="*/ 1218 w 10000"/>
                  <a:gd name="connsiteY98" fmla="*/ 8065 h 10000"/>
                  <a:gd name="connsiteX99" fmla="*/ 1725 w 10000"/>
                  <a:gd name="connsiteY99" fmla="*/ 8021 h 10000"/>
                  <a:gd name="connsiteX100" fmla="*/ 2234 w 10000"/>
                  <a:gd name="connsiteY100" fmla="*/ 7976 h 10000"/>
                  <a:gd name="connsiteX101" fmla="*/ 2462 w 10000"/>
                  <a:gd name="connsiteY101" fmla="*/ 7947 h 10000"/>
                  <a:gd name="connsiteX102" fmla="*/ 2690 w 10000"/>
                  <a:gd name="connsiteY102" fmla="*/ 7917 h 10000"/>
                  <a:gd name="connsiteX103" fmla="*/ 2892 w 10000"/>
                  <a:gd name="connsiteY103" fmla="*/ 7843 h 10000"/>
                  <a:gd name="connsiteX104" fmla="*/ 3096 w 10000"/>
                  <a:gd name="connsiteY104" fmla="*/ 7784 h 10000"/>
                  <a:gd name="connsiteX105" fmla="*/ 3274 w 10000"/>
                  <a:gd name="connsiteY105" fmla="*/ 7710 h 10000"/>
                  <a:gd name="connsiteX106" fmla="*/ 3426 w 10000"/>
                  <a:gd name="connsiteY106" fmla="*/ 7592 h 10000"/>
                  <a:gd name="connsiteX107" fmla="*/ 3579 w 10000"/>
                  <a:gd name="connsiteY107" fmla="*/ 7474 h 10000"/>
                  <a:gd name="connsiteX108" fmla="*/ 3680 w 10000"/>
                  <a:gd name="connsiteY108" fmla="*/ 7312 h 10000"/>
                  <a:gd name="connsiteX109" fmla="*/ 3477 w 10000"/>
                  <a:gd name="connsiteY109" fmla="*/ 7238 h 10000"/>
                  <a:gd name="connsiteX110" fmla="*/ 3299 w 10000"/>
                  <a:gd name="connsiteY110" fmla="*/ 7179 h 10000"/>
                  <a:gd name="connsiteX111" fmla="*/ 3147 w 10000"/>
                  <a:gd name="connsiteY111" fmla="*/ 7090 h 10000"/>
                  <a:gd name="connsiteX112" fmla="*/ 2995 w 10000"/>
                  <a:gd name="connsiteY112" fmla="*/ 6987 h 10000"/>
                  <a:gd name="connsiteX113" fmla="*/ 2892 w 10000"/>
                  <a:gd name="connsiteY113" fmla="*/ 6869 h 10000"/>
                  <a:gd name="connsiteX114" fmla="*/ 2843 w 10000"/>
                  <a:gd name="connsiteY114" fmla="*/ 6721 h 10000"/>
                  <a:gd name="connsiteX115" fmla="*/ 2817 w 10000"/>
                  <a:gd name="connsiteY115" fmla="*/ 6558 h 10000"/>
                  <a:gd name="connsiteX116" fmla="*/ 2843 w 10000"/>
                  <a:gd name="connsiteY116" fmla="*/ 6352 h 10000"/>
                  <a:gd name="connsiteX117" fmla="*/ 2716 w 10000"/>
                  <a:gd name="connsiteY117" fmla="*/ 6322 h 10000"/>
                  <a:gd name="connsiteX118" fmla="*/ 2564 w 10000"/>
                  <a:gd name="connsiteY118" fmla="*/ 6292 h 10000"/>
                  <a:gd name="connsiteX119" fmla="*/ 2386 w 10000"/>
                  <a:gd name="connsiteY119" fmla="*/ 6278 h 10000"/>
                  <a:gd name="connsiteX120" fmla="*/ 2208 w 10000"/>
                  <a:gd name="connsiteY120" fmla="*/ 6263 h 10000"/>
                  <a:gd name="connsiteX121" fmla="*/ 1853 w 10000"/>
                  <a:gd name="connsiteY121" fmla="*/ 6248 h 10000"/>
                  <a:gd name="connsiteX122" fmla="*/ 1472 w 10000"/>
                  <a:gd name="connsiteY122" fmla="*/ 6263 h 10000"/>
                  <a:gd name="connsiteX123" fmla="*/ 1143 w 10000"/>
                  <a:gd name="connsiteY123" fmla="*/ 6278 h 10000"/>
                  <a:gd name="connsiteX124" fmla="*/ 837 w 10000"/>
                  <a:gd name="connsiteY124" fmla="*/ 6278 h 10000"/>
                  <a:gd name="connsiteX125" fmla="*/ 585 w 10000"/>
                  <a:gd name="connsiteY125" fmla="*/ 6263 h 10000"/>
                  <a:gd name="connsiteX126" fmla="*/ 381 w 10000"/>
                  <a:gd name="connsiteY126" fmla="*/ 6233 h 10000"/>
                  <a:gd name="connsiteX127" fmla="*/ 633 w 10000"/>
                  <a:gd name="connsiteY127" fmla="*/ 5805 h 10000"/>
                  <a:gd name="connsiteX128" fmla="*/ 914 w 10000"/>
                  <a:gd name="connsiteY128" fmla="*/ 5391 h 10000"/>
                  <a:gd name="connsiteX129" fmla="*/ 1016 w 10000"/>
                  <a:gd name="connsiteY129" fmla="*/ 5170 h 10000"/>
                  <a:gd name="connsiteX130" fmla="*/ 1091 w 10000"/>
                  <a:gd name="connsiteY130" fmla="*/ 4963 h 10000"/>
                  <a:gd name="connsiteX131" fmla="*/ 1116 w 10000"/>
                  <a:gd name="connsiteY131" fmla="*/ 4860 h 10000"/>
                  <a:gd name="connsiteX132" fmla="*/ 1091 w 10000"/>
                  <a:gd name="connsiteY132" fmla="*/ 4756 h 10000"/>
                  <a:gd name="connsiteX133" fmla="*/ 1066 w 10000"/>
                  <a:gd name="connsiteY133" fmla="*/ 4653 h 10000"/>
                  <a:gd name="connsiteX134" fmla="*/ 990 w 10000"/>
                  <a:gd name="connsiteY134" fmla="*/ 4549 h 10000"/>
                  <a:gd name="connsiteX135" fmla="*/ 1270 w 10000"/>
                  <a:gd name="connsiteY135" fmla="*/ 4520 h 10000"/>
                  <a:gd name="connsiteX136" fmla="*/ 1472 w 10000"/>
                  <a:gd name="connsiteY136" fmla="*/ 4505 h 10000"/>
                  <a:gd name="connsiteX137" fmla="*/ 1650 w 10000"/>
                  <a:gd name="connsiteY137" fmla="*/ 4505 h 10000"/>
                  <a:gd name="connsiteX138" fmla="*/ 1802 w 10000"/>
                  <a:gd name="connsiteY138" fmla="*/ 4520 h 10000"/>
                  <a:gd name="connsiteX139" fmla="*/ 1929 w 10000"/>
                  <a:gd name="connsiteY139" fmla="*/ 4520 h 10000"/>
                  <a:gd name="connsiteX140" fmla="*/ 2081 w 10000"/>
                  <a:gd name="connsiteY140" fmla="*/ 4520 h 10000"/>
                  <a:gd name="connsiteX141" fmla="*/ 2234 w 10000"/>
                  <a:gd name="connsiteY141" fmla="*/ 4490 h 10000"/>
                  <a:gd name="connsiteX142" fmla="*/ 2436 w 10000"/>
                  <a:gd name="connsiteY142" fmla="*/ 4446 h 10000"/>
                  <a:gd name="connsiteX143" fmla="*/ 2436 w 10000"/>
                  <a:gd name="connsiteY143" fmla="*/ 4579 h 10000"/>
                  <a:gd name="connsiteX144" fmla="*/ 2436 w 10000"/>
                  <a:gd name="connsiteY144" fmla="*/ 4742 h 10000"/>
                  <a:gd name="connsiteX145" fmla="*/ 2436 w 10000"/>
                  <a:gd name="connsiteY145" fmla="*/ 4874 h 10000"/>
                  <a:gd name="connsiteX146" fmla="*/ 2436 w 10000"/>
                  <a:gd name="connsiteY146" fmla="*/ 5037 h 10000"/>
                  <a:gd name="connsiteX147" fmla="*/ 2665 w 10000"/>
                  <a:gd name="connsiteY147" fmla="*/ 5022 h 10000"/>
                  <a:gd name="connsiteX148" fmla="*/ 2817 w 10000"/>
                  <a:gd name="connsiteY148" fmla="*/ 5037 h 10000"/>
                  <a:gd name="connsiteX149" fmla="*/ 2944 w 10000"/>
                  <a:gd name="connsiteY149" fmla="*/ 5066 h 10000"/>
                  <a:gd name="connsiteX150" fmla="*/ 3071 w 10000"/>
                  <a:gd name="connsiteY150" fmla="*/ 5096 h 10000"/>
                  <a:gd name="connsiteX151" fmla="*/ 3173 w 10000"/>
                  <a:gd name="connsiteY151" fmla="*/ 5126 h 10000"/>
                  <a:gd name="connsiteX152" fmla="*/ 3299 w 10000"/>
                  <a:gd name="connsiteY152" fmla="*/ 5155 h 10000"/>
                  <a:gd name="connsiteX153" fmla="*/ 3452 w 10000"/>
                  <a:gd name="connsiteY153" fmla="*/ 5170 h 10000"/>
                  <a:gd name="connsiteX154" fmla="*/ 3680 w 10000"/>
                  <a:gd name="connsiteY154" fmla="*/ 5155 h 10000"/>
                  <a:gd name="connsiteX155" fmla="*/ 3757 w 10000"/>
                  <a:gd name="connsiteY155" fmla="*/ 5096 h 10000"/>
                  <a:gd name="connsiteX156" fmla="*/ 3832 w 10000"/>
                  <a:gd name="connsiteY156" fmla="*/ 5022 h 10000"/>
                  <a:gd name="connsiteX157" fmla="*/ 3857 w 10000"/>
                  <a:gd name="connsiteY157" fmla="*/ 4934 h 10000"/>
                  <a:gd name="connsiteX158" fmla="*/ 3884 w 10000"/>
                  <a:gd name="connsiteY158" fmla="*/ 4860 h 10000"/>
                  <a:gd name="connsiteX159" fmla="*/ 3908 w 10000"/>
                  <a:gd name="connsiteY159" fmla="*/ 4697 h 10000"/>
                  <a:gd name="connsiteX160" fmla="*/ 3884 w 10000"/>
                  <a:gd name="connsiteY160" fmla="*/ 4520 h 10000"/>
                  <a:gd name="connsiteX161" fmla="*/ 3807 w 10000"/>
                  <a:gd name="connsiteY161" fmla="*/ 4343 h 10000"/>
                  <a:gd name="connsiteX162" fmla="*/ 3731 w 10000"/>
                  <a:gd name="connsiteY162" fmla="*/ 4195 h 10000"/>
                  <a:gd name="connsiteX163" fmla="*/ 3604 w 10000"/>
                  <a:gd name="connsiteY163" fmla="*/ 4047 h 10000"/>
                  <a:gd name="connsiteX164" fmla="*/ 3477 w 10000"/>
                  <a:gd name="connsiteY164" fmla="*/ 3959 h 10000"/>
                  <a:gd name="connsiteX165" fmla="*/ 3629 w 10000"/>
                  <a:gd name="connsiteY165" fmla="*/ 3944 h 10000"/>
                  <a:gd name="connsiteX166" fmla="*/ 3757 w 10000"/>
                  <a:gd name="connsiteY166" fmla="*/ 3914 h 10000"/>
                  <a:gd name="connsiteX167" fmla="*/ 3857 w 10000"/>
                  <a:gd name="connsiteY167" fmla="*/ 3855 h 10000"/>
                  <a:gd name="connsiteX168" fmla="*/ 3983 w 10000"/>
                  <a:gd name="connsiteY168" fmla="*/ 3752 h 10000"/>
                  <a:gd name="connsiteX169" fmla="*/ 4111 w 10000"/>
                  <a:gd name="connsiteY169" fmla="*/ 3663 h 10000"/>
                  <a:gd name="connsiteX170" fmla="*/ 4213 w 10000"/>
                  <a:gd name="connsiteY170" fmla="*/ 3560 h 10000"/>
                  <a:gd name="connsiteX171" fmla="*/ 4289 w 10000"/>
                  <a:gd name="connsiteY171" fmla="*/ 3442 h 10000"/>
                  <a:gd name="connsiteX172" fmla="*/ 4366 w 10000"/>
                  <a:gd name="connsiteY172" fmla="*/ 3323 h 10000"/>
                  <a:gd name="connsiteX173" fmla="*/ 4416 w 10000"/>
                  <a:gd name="connsiteY173" fmla="*/ 3220 h 10000"/>
                  <a:gd name="connsiteX174" fmla="*/ 4441 w 10000"/>
                  <a:gd name="connsiteY174" fmla="*/ 3102 h 10000"/>
                  <a:gd name="connsiteX175" fmla="*/ 4468 w 10000"/>
                  <a:gd name="connsiteY175" fmla="*/ 3013 h 10000"/>
                  <a:gd name="connsiteX176" fmla="*/ 4441 w 10000"/>
                  <a:gd name="connsiteY176" fmla="*/ 2939 h 10000"/>
                  <a:gd name="connsiteX177" fmla="*/ 4416 w 10000"/>
                  <a:gd name="connsiteY177" fmla="*/ 2866 h 10000"/>
                  <a:gd name="connsiteX178" fmla="*/ 4340 w 10000"/>
                  <a:gd name="connsiteY178" fmla="*/ 2836 h 10000"/>
                  <a:gd name="connsiteX179" fmla="*/ 4239 w 10000"/>
                  <a:gd name="connsiteY179" fmla="*/ 2836 h 10000"/>
                  <a:gd name="connsiteX180" fmla="*/ 4111 w 10000"/>
                  <a:gd name="connsiteY180" fmla="*/ 2866 h 10000"/>
                  <a:gd name="connsiteX181" fmla="*/ 4213 w 10000"/>
                  <a:gd name="connsiteY181" fmla="*/ 2777 h 10000"/>
                  <a:gd name="connsiteX182" fmla="*/ 4265 w 10000"/>
                  <a:gd name="connsiteY182" fmla="*/ 2674 h 10000"/>
                  <a:gd name="connsiteX183" fmla="*/ 4289 w 10000"/>
                  <a:gd name="connsiteY183" fmla="*/ 2541 h 10000"/>
                  <a:gd name="connsiteX184" fmla="*/ 4289 w 10000"/>
                  <a:gd name="connsiteY184" fmla="*/ 2393 h 10000"/>
                  <a:gd name="connsiteX185" fmla="*/ 4314 w 10000"/>
                  <a:gd name="connsiteY185" fmla="*/ 2349 h 10000"/>
                  <a:gd name="connsiteX186" fmla="*/ 4366 w 10000"/>
                  <a:gd name="connsiteY186" fmla="*/ 2304 h 10000"/>
                  <a:gd name="connsiteX187" fmla="*/ 4416 w 10000"/>
                  <a:gd name="connsiteY187" fmla="*/ 2290 h 10000"/>
                  <a:gd name="connsiteX188" fmla="*/ 4493 w 10000"/>
                  <a:gd name="connsiteY188" fmla="*/ 2275 h 10000"/>
                  <a:gd name="connsiteX189" fmla="*/ 4720 w 10000"/>
                  <a:gd name="connsiteY189" fmla="*/ 2260 h 10000"/>
                  <a:gd name="connsiteX190" fmla="*/ 4923 w 10000"/>
                  <a:gd name="connsiteY190" fmla="*/ 2275 h 10000"/>
                  <a:gd name="connsiteX191" fmla="*/ 4898 w 10000"/>
                  <a:gd name="connsiteY191" fmla="*/ 2112 h 10000"/>
                  <a:gd name="connsiteX192" fmla="*/ 4848 w 10000"/>
                  <a:gd name="connsiteY192" fmla="*/ 1950 h 10000"/>
                  <a:gd name="connsiteX193" fmla="*/ 4771 w 10000"/>
                  <a:gd name="connsiteY193" fmla="*/ 1802 h 10000"/>
                  <a:gd name="connsiteX194" fmla="*/ 4671 w 10000"/>
                  <a:gd name="connsiteY194" fmla="*/ 1640 h 10000"/>
                  <a:gd name="connsiteX195" fmla="*/ 4416 w 10000"/>
                  <a:gd name="connsiteY195" fmla="*/ 1329 h 10000"/>
                  <a:gd name="connsiteX196" fmla="*/ 4162 w 10000"/>
                  <a:gd name="connsiteY196" fmla="*/ 1034 h 10000"/>
                  <a:gd name="connsiteX197" fmla="*/ 4035 w 10000"/>
                  <a:gd name="connsiteY197" fmla="*/ 901 h 10000"/>
                  <a:gd name="connsiteX198" fmla="*/ 3935 w 10000"/>
                  <a:gd name="connsiteY198" fmla="*/ 753 h 10000"/>
                  <a:gd name="connsiteX199" fmla="*/ 3857 w 10000"/>
                  <a:gd name="connsiteY199" fmla="*/ 620 h 10000"/>
                  <a:gd name="connsiteX200" fmla="*/ 3832 w 10000"/>
                  <a:gd name="connsiteY200" fmla="*/ 487 h 10000"/>
                  <a:gd name="connsiteX201" fmla="*/ 3807 w 10000"/>
                  <a:gd name="connsiteY201" fmla="*/ 355 h 10000"/>
                  <a:gd name="connsiteX202" fmla="*/ 3857 w 10000"/>
                  <a:gd name="connsiteY202" fmla="*/ 222 h 10000"/>
                  <a:gd name="connsiteX203" fmla="*/ 3884 w 10000"/>
                  <a:gd name="connsiteY203" fmla="*/ 162 h 10000"/>
                  <a:gd name="connsiteX204" fmla="*/ 3935 w 10000"/>
                  <a:gd name="connsiteY204" fmla="*/ 103 h 10000"/>
                  <a:gd name="connsiteX205" fmla="*/ 4011 w 10000"/>
                  <a:gd name="connsiteY205" fmla="*/ 59 h 10000"/>
                  <a:gd name="connsiteX206" fmla="*/ 4111 w 10000"/>
                  <a:gd name="connsiteY206" fmla="*/ 0 h 10000"/>
                  <a:gd name="connsiteX207" fmla="*/ 4289 w 10000"/>
                  <a:gd name="connsiteY207" fmla="*/ 0 h 10000"/>
                  <a:gd name="connsiteX208" fmla="*/ 4468 w 10000"/>
                  <a:gd name="connsiteY208" fmla="*/ 15 h 10000"/>
                  <a:gd name="connsiteX209" fmla="*/ 4644 w 10000"/>
                  <a:gd name="connsiteY209" fmla="*/ 44 h 10000"/>
                  <a:gd name="connsiteX210" fmla="*/ 4771 w 10000"/>
                  <a:gd name="connsiteY210" fmla="*/ 89 h 10000"/>
                  <a:gd name="connsiteX211" fmla="*/ 4975 w 10000"/>
                  <a:gd name="connsiteY211" fmla="*/ 192 h 10000"/>
                  <a:gd name="connsiteX212" fmla="*/ 5177 w 10000"/>
                  <a:gd name="connsiteY212" fmla="*/ 340 h 10000"/>
                  <a:gd name="connsiteX213" fmla="*/ 5329 w 10000"/>
                  <a:gd name="connsiteY213" fmla="*/ 473 h 10000"/>
                  <a:gd name="connsiteX214" fmla="*/ 5532 w 10000"/>
                  <a:gd name="connsiteY214" fmla="*/ 591 h 10000"/>
                  <a:gd name="connsiteX215" fmla="*/ 5660 w 10000"/>
                  <a:gd name="connsiteY215" fmla="*/ 650 h 10000"/>
                  <a:gd name="connsiteX216" fmla="*/ 5812 w 10000"/>
                  <a:gd name="connsiteY216" fmla="*/ 679 h 10000"/>
                  <a:gd name="connsiteX217" fmla="*/ 5965 w 10000"/>
                  <a:gd name="connsiteY217" fmla="*/ 709 h 10000"/>
                  <a:gd name="connsiteX218" fmla="*/ 6168 w 10000"/>
                  <a:gd name="connsiteY218" fmla="*/ 709 h 10000"/>
                  <a:gd name="connsiteX219" fmla="*/ 6168 w 10000"/>
                  <a:gd name="connsiteY219" fmla="*/ 768 h 10000"/>
                  <a:gd name="connsiteX220" fmla="*/ 6193 w 10000"/>
                  <a:gd name="connsiteY220" fmla="*/ 842 h 10000"/>
                  <a:gd name="connsiteX221" fmla="*/ 6243 w 10000"/>
                  <a:gd name="connsiteY221" fmla="*/ 916 h 10000"/>
                  <a:gd name="connsiteX222" fmla="*/ 6294 w 10000"/>
                  <a:gd name="connsiteY222" fmla="*/ 990 h 10000"/>
                  <a:gd name="connsiteX223" fmla="*/ 6369 w 10000"/>
                  <a:gd name="connsiteY223" fmla="*/ 1049 h 10000"/>
                  <a:gd name="connsiteX224" fmla="*/ 6471 w 10000"/>
                  <a:gd name="connsiteY224" fmla="*/ 1108 h 10000"/>
                  <a:gd name="connsiteX225" fmla="*/ 6598 w 10000"/>
                  <a:gd name="connsiteY225" fmla="*/ 1182 h 10000"/>
                  <a:gd name="connsiteX226" fmla="*/ 6700 w 10000"/>
                  <a:gd name="connsiteY226" fmla="*/ 1226 h 10000"/>
                  <a:gd name="connsiteX227" fmla="*/ 6802 w 10000"/>
                  <a:gd name="connsiteY227" fmla="*/ 1270 h 10000"/>
                  <a:gd name="connsiteX228" fmla="*/ 6903 w 10000"/>
                  <a:gd name="connsiteY228" fmla="*/ 1300 h 10000"/>
                  <a:gd name="connsiteX229" fmla="*/ 7005 w 10000"/>
                  <a:gd name="connsiteY229" fmla="*/ 1315 h 10000"/>
                  <a:gd name="connsiteX230" fmla="*/ 7132 w 10000"/>
                  <a:gd name="connsiteY230" fmla="*/ 1300 h 10000"/>
                  <a:gd name="connsiteX231" fmla="*/ 7234 w 10000"/>
                  <a:gd name="connsiteY231" fmla="*/ 1285 h 10000"/>
                  <a:gd name="connsiteX232" fmla="*/ 7309 w 10000"/>
                  <a:gd name="connsiteY232" fmla="*/ 1241 h 10000"/>
                  <a:gd name="connsiteX233" fmla="*/ 7361 w 10000"/>
                  <a:gd name="connsiteY233" fmla="*/ 1167 h 10000"/>
                  <a:gd name="connsiteX234" fmla="*/ 7385 w 10000"/>
                  <a:gd name="connsiteY234" fmla="*/ 1064 h 10000"/>
                  <a:gd name="connsiteX235" fmla="*/ 7766 w 10000"/>
                  <a:gd name="connsiteY235" fmla="*/ 1034 h 10000"/>
                  <a:gd name="connsiteX236" fmla="*/ 8121 w 10000"/>
                  <a:gd name="connsiteY236" fmla="*/ 1004 h 10000"/>
                  <a:gd name="connsiteX237" fmla="*/ 8427 w 10000"/>
                  <a:gd name="connsiteY237" fmla="*/ 990 h 10000"/>
                  <a:gd name="connsiteX238" fmla="*/ 8706 w 10000"/>
                  <a:gd name="connsiteY238" fmla="*/ 1004 h 10000"/>
                  <a:gd name="connsiteX239" fmla="*/ 8833 w 10000"/>
                  <a:gd name="connsiteY239" fmla="*/ 1019 h 10000"/>
                  <a:gd name="connsiteX240" fmla="*/ 8958 w 10000"/>
                  <a:gd name="connsiteY240" fmla="*/ 1034 h 10000"/>
                  <a:gd name="connsiteX241" fmla="*/ 9061 w 10000"/>
                  <a:gd name="connsiteY241" fmla="*/ 1064 h 10000"/>
                  <a:gd name="connsiteX242" fmla="*/ 9188 w 10000"/>
                  <a:gd name="connsiteY242" fmla="*/ 1108 h 10000"/>
                  <a:gd name="connsiteX243" fmla="*/ 9264 w 10000"/>
                  <a:gd name="connsiteY243" fmla="*/ 1182 h 10000"/>
                  <a:gd name="connsiteX244" fmla="*/ 9339 w 10000"/>
                  <a:gd name="connsiteY244" fmla="*/ 1241 h 10000"/>
                  <a:gd name="connsiteX245" fmla="*/ 9391 w 10000"/>
                  <a:gd name="connsiteY245" fmla="*/ 1329 h 10000"/>
                  <a:gd name="connsiteX246" fmla="*/ 9442 w 10000"/>
                  <a:gd name="connsiteY246" fmla="*/ 1433 h 10000"/>
                  <a:gd name="connsiteX247" fmla="*/ 9492 w 10000"/>
                  <a:gd name="connsiteY247" fmla="*/ 1551 h 10000"/>
                  <a:gd name="connsiteX248" fmla="*/ 9466 w 10000"/>
                  <a:gd name="connsiteY248" fmla="*/ 1625 h 10000"/>
                  <a:gd name="connsiteX249" fmla="*/ 9442 w 10000"/>
                  <a:gd name="connsiteY249" fmla="*/ 1684 h 10000"/>
                  <a:gd name="connsiteX250" fmla="*/ 9391 w 10000"/>
                  <a:gd name="connsiteY250" fmla="*/ 1758 h 10000"/>
                  <a:gd name="connsiteX251" fmla="*/ 9315 w 10000"/>
                  <a:gd name="connsiteY251" fmla="*/ 1802 h 10000"/>
                  <a:gd name="connsiteX252" fmla="*/ 9264 w 10000"/>
                  <a:gd name="connsiteY252" fmla="*/ 1861 h 10000"/>
                  <a:gd name="connsiteX253" fmla="*/ 9240 w 10000"/>
                  <a:gd name="connsiteY253" fmla="*/ 1935 h 10000"/>
                  <a:gd name="connsiteX254" fmla="*/ 9264 w 10000"/>
                  <a:gd name="connsiteY254" fmla="*/ 2024 h 10000"/>
                  <a:gd name="connsiteX255" fmla="*/ 9543 w 10000"/>
                  <a:gd name="connsiteY255" fmla="*/ 2157 h 10000"/>
                  <a:gd name="connsiteX256" fmla="*/ 9873 w 10000"/>
                  <a:gd name="connsiteY256" fmla="*/ 2275 h 10000"/>
                  <a:gd name="connsiteX257" fmla="*/ 10000 w 10000"/>
                  <a:gd name="connsiteY257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776 w 10000"/>
                  <a:gd name="connsiteY6" fmla="*/ 4801 h 10000"/>
                  <a:gd name="connsiteX7" fmla="*/ 6369 w 10000"/>
                  <a:gd name="connsiteY7" fmla="*/ 4313 h 10000"/>
                  <a:gd name="connsiteX8" fmla="*/ 7383 w 10000"/>
                  <a:gd name="connsiteY8" fmla="*/ 3894 h 10000"/>
                  <a:gd name="connsiteX9" fmla="*/ 8984 w 10000"/>
                  <a:gd name="connsiteY9" fmla="*/ 3412 h 10000"/>
                  <a:gd name="connsiteX10" fmla="*/ 9188 w 10000"/>
                  <a:gd name="connsiteY10" fmla="*/ 3338 h 10000"/>
                  <a:gd name="connsiteX11" fmla="*/ 9415 w 10000"/>
                  <a:gd name="connsiteY11" fmla="*/ 3117 h 10000"/>
                  <a:gd name="connsiteX12" fmla="*/ 9442 w 10000"/>
                  <a:gd name="connsiteY12" fmla="*/ 3072 h 10000"/>
                  <a:gd name="connsiteX13" fmla="*/ 9466 w 10000"/>
                  <a:gd name="connsiteY13" fmla="*/ 3013 h 10000"/>
                  <a:gd name="connsiteX14" fmla="*/ 9466 w 10000"/>
                  <a:gd name="connsiteY14" fmla="*/ 2954 h 10000"/>
                  <a:gd name="connsiteX15" fmla="*/ 9442 w 10000"/>
                  <a:gd name="connsiteY15" fmla="*/ 2866 h 10000"/>
                  <a:gd name="connsiteX16" fmla="*/ 9264 w 10000"/>
                  <a:gd name="connsiteY16" fmla="*/ 2984 h 10000"/>
                  <a:gd name="connsiteX17" fmla="*/ 9061 w 10000"/>
                  <a:gd name="connsiteY17" fmla="*/ 3072 h 10000"/>
                  <a:gd name="connsiteX18" fmla="*/ 8197 w 10000"/>
                  <a:gd name="connsiteY18" fmla="*/ 3397 h 10000"/>
                  <a:gd name="connsiteX19" fmla="*/ 7716 w 10000"/>
                  <a:gd name="connsiteY19" fmla="*/ 3545 h 10000"/>
                  <a:gd name="connsiteX20" fmla="*/ 6345 w 10000"/>
                  <a:gd name="connsiteY20" fmla="*/ 4003 h 10000"/>
                  <a:gd name="connsiteX21" fmla="*/ 6143 w 10000"/>
                  <a:gd name="connsiteY21" fmla="*/ 4106 h 10000"/>
                  <a:gd name="connsiteX22" fmla="*/ 5938 w 10000"/>
                  <a:gd name="connsiteY22" fmla="*/ 4195 h 10000"/>
                  <a:gd name="connsiteX23" fmla="*/ 6091 w 10000"/>
                  <a:gd name="connsiteY23" fmla="*/ 4417 h 10000"/>
                  <a:gd name="connsiteX24" fmla="*/ 6421 w 10000"/>
                  <a:gd name="connsiteY24" fmla="*/ 5318 h 10000"/>
                  <a:gd name="connsiteX25" fmla="*/ 6447 w 10000"/>
                  <a:gd name="connsiteY25" fmla="*/ 5539 h 10000"/>
                  <a:gd name="connsiteX26" fmla="*/ 6471 w 10000"/>
                  <a:gd name="connsiteY26" fmla="*/ 5775 h 10000"/>
                  <a:gd name="connsiteX27" fmla="*/ 6471 w 10000"/>
                  <a:gd name="connsiteY27" fmla="*/ 5997 h 10000"/>
                  <a:gd name="connsiteX28" fmla="*/ 6447 w 10000"/>
                  <a:gd name="connsiteY28" fmla="*/ 6233 h 10000"/>
                  <a:gd name="connsiteX29" fmla="*/ 6396 w 10000"/>
                  <a:gd name="connsiteY29" fmla="*/ 6470 h 10000"/>
                  <a:gd name="connsiteX30" fmla="*/ 6345 w 10000"/>
                  <a:gd name="connsiteY30" fmla="*/ 6677 h 10000"/>
                  <a:gd name="connsiteX31" fmla="*/ 6269 w 10000"/>
                  <a:gd name="connsiteY31" fmla="*/ 6898 h 10000"/>
                  <a:gd name="connsiteX32" fmla="*/ 6168 w 10000"/>
                  <a:gd name="connsiteY32" fmla="*/ 7105 h 10000"/>
                  <a:gd name="connsiteX33" fmla="*/ 6041 w 10000"/>
                  <a:gd name="connsiteY33" fmla="*/ 7297 h 10000"/>
                  <a:gd name="connsiteX34" fmla="*/ 5888 w 10000"/>
                  <a:gd name="connsiteY34" fmla="*/ 7489 h 10000"/>
                  <a:gd name="connsiteX35" fmla="*/ 5735 w 10000"/>
                  <a:gd name="connsiteY35" fmla="*/ 7681 h 10000"/>
                  <a:gd name="connsiteX36" fmla="*/ 6471 w 10000"/>
                  <a:gd name="connsiteY36" fmla="*/ 7799 h 10000"/>
                  <a:gd name="connsiteX37" fmla="*/ 7234 w 10000"/>
                  <a:gd name="connsiteY37" fmla="*/ 7962 h 10000"/>
                  <a:gd name="connsiteX38" fmla="*/ 7385 w 10000"/>
                  <a:gd name="connsiteY38" fmla="*/ 8021 h 10000"/>
                  <a:gd name="connsiteX39" fmla="*/ 7512 w 10000"/>
                  <a:gd name="connsiteY39" fmla="*/ 8080 h 10000"/>
                  <a:gd name="connsiteX40" fmla="*/ 7639 w 10000"/>
                  <a:gd name="connsiteY40" fmla="*/ 8139 h 10000"/>
                  <a:gd name="connsiteX41" fmla="*/ 7716 w 10000"/>
                  <a:gd name="connsiteY41" fmla="*/ 8227 h 10000"/>
                  <a:gd name="connsiteX42" fmla="*/ 7741 w 10000"/>
                  <a:gd name="connsiteY42" fmla="*/ 8301 h 10000"/>
                  <a:gd name="connsiteX43" fmla="*/ 7741 w 10000"/>
                  <a:gd name="connsiteY43" fmla="*/ 8405 h 10000"/>
                  <a:gd name="connsiteX44" fmla="*/ 7691 w 10000"/>
                  <a:gd name="connsiteY44" fmla="*/ 8523 h 10000"/>
                  <a:gd name="connsiteX45" fmla="*/ 7614 w 10000"/>
                  <a:gd name="connsiteY45" fmla="*/ 8641 h 10000"/>
                  <a:gd name="connsiteX46" fmla="*/ 7284 w 10000"/>
                  <a:gd name="connsiteY46" fmla="*/ 8552 h 10000"/>
                  <a:gd name="connsiteX47" fmla="*/ 6979 w 10000"/>
                  <a:gd name="connsiteY47" fmla="*/ 8449 h 10000"/>
                  <a:gd name="connsiteX48" fmla="*/ 6674 w 10000"/>
                  <a:gd name="connsiteY48" fmla="*/ 8360 h 10000"/>
                  <a:gd name="connsiteX49" fmla="*/ 6369 w 10000"/>
                  <a:gd name="connsiteY49" fmla="*/ 8287 h 10000"/>
                  <a:gd name="connsiteX50" fmla="*/ 6243 w 10000"/>
                  <a:gd name="connsiteY50" fmla="*/ 8449 h 10000"/>
                  <a:gd name="connsiteX51" fmla="*/ 6143 w 10000"/>
                  <a:gd name="connsiteY51" fmla="*/ 8597 h 10000"/>
                  <a:gd name="connsiteX52" fmla="*/ 6091 w 10000"/>
                  <a:gd name="connsiteY52" fmla="*/ 8656 h 10000"/>
                  <a:gd name="connsiteX53" fmla="*/ 5989 w 10000"/>
                  <a:gd name="connsiteY53" fmla="*/ 8700 h 10000"/>
                  <a:gd name="connsiteX54" fmla="*/ 5914 w 10000"/>
                  <a:gd name="connsiteY54" fmla="*/ 8744 h 10000"/>
                  <a:gd name="connsiteX55" fmla="*/ 5838 w 10000"/>
                  <a:gd name="connsiteY55" fmla="*/ 8774 h 10000"/>
                  <a:gd name="connsiteX56" fmla="*/ 5761 w 10000"/>
                  <a:gd name="connsiteY56" fmla="*/ 8804 h 10000"/>
                  <a:gd name="connsiteX57" fmla="*/ 5660 w 10000"/>
                  <a:gd name="connsiteY57" fmla="*/ 8818 h 10000"/>
                  <a:gd name="connsiteX58" fmla="*/ 5532 w 10000"/>
                  <a:gd name="connsiteY58" fmla="*/ 8833 h 10000"/>
                  <a:gd name="connsiteX59" fmla="*/ 5406 w 10000"/>
                  <a:gd name="connsiteY59" fmla="*/ 8833 h 10000"/>
                  <a:gd name="connsiteX60" fmla="*/ 5102 w 10000"/>
                  <a:gd name="connsiteY60" fmla="*/ 8818 h 10000"/>
                  <a:gd name="connsiteX61" fmla="*/ 4720 w 10000"/>
                  <a:gd name="connsiteY61" fmla="*/ 8744 h 10000"/>
                  <a:gd name="connsiteX62" fmla="*/ 4720 w 10000"/>
                  <a:gd name="connsiteY62" fmla="*/ 8922 h 10000"/>
                  <a:gd name="connsiteX63" fmla="*/ 4695 w 10000"/>
                  <a:gd name="connsiteY63" fmla="*/ 9069 h 10000"/>
                  <a:gd name="connsiteX64" fmla="*/ 4671 w 10000"/>
                  <a:gd name="connsiteY64" fmla="*/ 9232 h 10000"/>
                  <a:gd name="connsiteX65" fmla="*/ 4644 w 10000"/>
                  <a:gd name="connsiteY65" fmla="*/ 9365 h 10000"/>
                  <a:gd name="connsiteX66" fmla="*/ 4593 w 10000"/>
                  <a:gd name="connsiteY66" fmla="*/ 9498 h 10000"/>
                  <a:gd name="connsiteX67" fmla="*/ 4493 w 10000"/>
                  <a:gd name="connsiteY67" fmla="*/ 9616 h 10000"/>
                  <a:gd name="connsiteX68" fmla="*/ 4416 w 10000"/>
                  <a:gd name="connsiteY68" fmla="*/ 9734 h 10000"/>
                  <a:gd name="connsiteX69" fmla="*/ 4289 w 10000"/>
                  <a:gd name="connsiteY69" fmla="*/ 9838 h 10000"/>
                  <a:gd name="connsiteX70" fmla="*/ 3983 w 10000"/>
                  <a:gd name="connsiteY70" fmla="*/ 9897 h 10000"/>
                  <a:gd name="connsiteX71" fmla="*/ 3731 w 10000"/>
                  <a:gd name="connsiteY71" fmla="*/ 9941 h 10000"/>
                  <a:gd name="connsiteX72" fmla="*/ 3426 w 10000"/>
                  <a:gd name="connsiteY72" fmla="*/ 9985 h 10000"/>
                  <a:gd name="connsiteX73" fmla="*/ 3198 w 10000"/>
                  <a:gd name="connsiteY73" fmla="*/ 10000 h 10000"/>
                  <a:gd name="connsiteX74" fmla="*/ 2690 w 10000"/>
                  <a:gd name="connsiteY74" fmla="*/ 10000 h 10000"/>
                  <a:gd name="connsiteX75" fmla="*/ 2208 w 10000"/>
                  <a:gd name="connsiteY75" fmla="*/ 9985 h 10000"/>
                  <a:gd name="connsiteX76" fmla="*/ 1752 w 10000"/>
                  <a:gd name="connsiteY76" fmla="*/ 9941 h 10000"/>
                  <a:gd name="connsiteX77" fmla="*/ 1270 w 10000"/>
                  <a:gd name="connsiteY77" fmla="*/ 9911 h 10000"/>
                  <a:gd name="connsiteX78" fmla="*/ 990 w 10000"/>
                  <a:gd name="connsiteY78" fmla="*/ 9911 h 10000"/>
                  <a:gd name="connsiteX79" fmla="*/ 736 w 10000"/>
                  <a:gd name="connsiteY79" fmla="*/ 9911 h 10000"/>
                  <a:gd name="connsiteX80" fmla="*/ 457 w 10000"/>
                  <a:gd name="connsiteY80" fmla="*/ 9926 h 10000"/>
                  <a:gd name="connsiteX81" fmla="*/ 178 w 10000"/>
                  <a:gd name="connsiteY81" fmla="*/ 9970 h 10000"/>
                  <a:gd name="connsiteX82" fmla="*/ 102 w 10000"/>
                  <a:gd name="connsiteY82" fmla="*/ 9867 h 10000"/>
                  <a:gd name="connsiteX83" fmla="*/ 51 w 10000"/>
                  <a:gd name="connsiteY83" fmla="*/ 9793 h 10000"/>
                  <a:gd name="connsiteX84" fmla="*/ 0 w 10000"/>
                  <a:gd name="connsiteY84" fmla="*/ 9705 h 10000"/>
                  <a:gd name="connsiteX85" fmla="*/ 0 w 10000"/>
                  <a:gd name="connsiteY85" fmla="*/ 9601 h 10000"/>
                  <a:gd name="connsiteX86" fmla="*/ 51 w 10000"/>
                  <a:gd name="connsiteY86" fmla="*/ 9424 h 10000"/>
                  <a:gd name="connsiteX87" fmla="*/ 102 w 10000"/>
                  <a:gd name="connsiteY87" fmla="*/ 9202 h 10000"/>
                  <a:gd name="connsiteX88" fmla="*/ 151 w 10000"/>
                  <a:gd name="connsiteY88" fmla="*/ 8996 h 10000"/>
                  <a:gd name="connsiteX89" fmla="*/ 203 w 10000"/>
                  <a:gd name="connsiteY89" fmla="*/ 8759 h 10000"/>
                  <a:gd name="connsiteX90" fmla="*/ 228 w 10000"/>
                  <a:gd name="connsiteY90" fmla="*/ 8641 h 10000"/>
                  <a:gd name="connsiteX91" fmla="*/ 228 w 10000"/>
                  <a:gd name="connsiteY91" fmla="*/ 8538 h 10000"/>
                  <a:gd name="connsiteX92" fmla="*/ 203 w 10000"/>
                  <a:gd name="connsiteY92" fmla="*/ 8405 h 10000"/>
                  <a:gd name="connsiteX93" fmla="*/ 178 w 10000"/>
                  <a:gd name="connsiteY93" fmla="*/ 8287 h 10000"/>
                  <a:gd name="connsiteX94" fmla="*/ 431 w 10000"/>
                  <a:gd name="connsiteY94" fmla="*/ 8213 h 10000"/>
                  <a:gd name="connsiteX95" fmla="*/ 685 w 10000"/>
                  <a:gd name="connsiteY95" fmla="*/ 8139 h 10000"/>
                  <a:gd name="connsiteX96" fmla="*/ 939 w 10000"/>
                  <a:gd name="connsiteY96" fmla="*/ 8095 h 10000"/>
                  <a:gd name="connsiteX97" fmla="*/ 1218 w 10000"/>
                  <a:gd name="connsiteY97" fmla="*/ 8065 h 10000"/>
                  <a:gd name="connsiteX98" fmla="*/ 1725 w 10000"/>
                  <a:gd name="connsiteY98" fmla="*/ 8021 h 10000"/>
                  <a:gd name="connsiteX99" fmla="*/ 2234 w 10000"/>
                  <a:gd name="connsiteY99" fmla="*/ 7976 h 10000"/>
                  <a:gd name="connsiteX100" fmla="*/ 2462 w 10000"/>
                  <a:gd name="connsiteY100" fmla="*/ 7947 h 10000"/>
                  <a:gd name="connsiteX101" fmla="*/ 2690 w 10000"/>
                  <a:gd name="connsiteY101" fmla="*/ 7917 h 10000"/>
                  <a:gd name="connsiteX102" fmla="*/ 2892 w 10000"/>
                  <a:gd name="connsiteY102" fmla="*/ 7843 h 10000"/>
                  <a:gd name="connsiteX103" fmla="*/ 3096 w 10000"/>
                  <a:gd name="connsiteY103" fmla="*/ 7784 h 10000"/>
                  <a:gd name="connsiteX104" fmla="*/ 3274 w 10000"/>
                  <a:gd name="connsiteY104" fmla="*/ 7710 h 10000"/>
                  <a:gd name="connsiteX105" fmla="*/ 3426 w 10000"/>
                  <a:gd name="connsiteY105" fmla="*/ 7592 h 10000"/>
                  <a:gd name="connsiteX106" fmla="*/ 3579 w 10000"/>
                  <a:gd name="connsiteY106" fmla="*/ 7474 h 10000"/>
                  <a:gd name="connsiteX107" fmla="*/ 3680 w 10000"/>
                  <a:gd name="connsiteY107" fmla="*/ 7312 h 10000"/>
                  <a:gd name="connsiteX108" fmla="*/ 3477 w 10000"/>
                  <a:gd name="connsiteY108" fmla="*/ 7238 h 10000"/>
                  <a:gd name="connsiteX109" fmla="*/ 3299 w 10000"/>
                  <a:gd name="connsiteY109" fmla="*/ 7179 h 10000"/>
                  <a:gd name="connsiteX110" fmla="*/ 3147 w 10000"/>
                  <a:gd name="connsiteY110" fmla="*/ 7090 h 10000"/>
                  <a:gd name="connsiteX111" fmla="*/ 2995 w 10000"/>
                  <a:gd name="connsiteY111" fmla="*/ 6987 h 10000"/>
                  <a:gd name="connsiteX112" fmla="*/ 2892 w 10000"/>
                  <a:gd name="connsiteY112" fmla="*/ 6869 h 10000"/>
                  <a:gd name="connsiteX113" fmla="*/ 2843 w 10000"/>
                  <a:gd name="connsiteY113" fmla="*/ 6721 h 10000"/>
                  <a:gd name="connsiteX114" fmla="*/ 2817 w 10000"/>
                  <a:gd name="connsiteY114" fmla="*/ 6558 h 10000"/>
                  <a:gd name="connsiteX115" fmla="*/ 2843 w 10000"/>
                  <a:gd name="connsiteY115" fmla="*/ 6352 h 10000"/>
                  <a:gd name="connsiteX116" fmla="*/ 2716 w 10000"/>
                  <a:gd name="connsiteY116" fmla="*/ 6322 h 10000"/>
                  <a:gd name="connsiteX117" fmla="*/ 2564 w 10000"/>
                  <a:gd name="connsiteY117" fmla="*/ 6292 h 10000"/>
                  <a:gd name="connsiteX118" fmla="*/ 2386 w 10000"/>
                  <a:gd name="connsiteY118" fmla="*/ 6278 h 10000"/>
                  <a:gd name="connsiteX119" fmla="*/ 2208 w 10000"/>
                  <a:gd name="connsiteY119" fmla="*/ 6263 h 10000"/>
                  <a:gd name="connsiteX120" fmla="*/ 1853 w 10000"/>
                  <a:gd name="connsiteY120" fmla="*/ 6248 h 10000"/>
                  <a:gd name="connsiteX121" fmla="*/ 1472 w 10000"/>
                  <a:gd name="connsiteY121" fmla="*/ 6263 h 10000"/>
                  <a:gd name="connsiteX122" fmla="*/ 1143 w 10000"/>
                  <a:gd name="connsiteY122" fmla="*/ 6278 h 10000"/>
                  <a:gd name="connsiteX123" fmla="*/ 837 w 10000"/>
                  <a:gd name="connsiteY123" fmla="*/ 6278 h 10000"/>
                  <a:gd name="connsiteX124" fmla="*/ 585 w 10000"/>
                  <a:gd name="connsiteY124" fmla="*/ 6263 h 10000"/>
                  <a:gd name="connsiteX125" fmla="*/ 381 w 10000"/>
                  <a:gd name="connsiteY125" fmla="*/ 6233 h 10000"/>
                  <a:gd name="connsiteX126" fmla="*/ 633 w 10000"/>
                  <a:gd name="connsiteY126" fmla="*/ 5805 h 10000"/>
                  <a:gd name="connsiteX127" fmla="*/ 914 w 10000"/>
                  <a:gd name="connsiteY127" fmla="*/ 5391 h 10000"/>
                  <a:gd name="connsiteX128" fmla="*/ 1016 w 10000"/>
                  <a:gd name="connsiteY128" fmla="*/ 5170 h 10000"/>
                  <a:gd name="connsiteX129" fmla="*/ 1091 w 10000"/>
                  <a:gd name="connsiteY129" fmla="*/ 4963 h 10000"/>
                  <a:gd name="connsiteX130" fmla="*/ 1116 w 10000"/>
                  <a:gd name="connsiteY130" fmla="*/ 4860 h 10000"/>
                  <a:gd name="connsiteX131" fmla="*/ 1091 w 10000"/>
                  <a:gd name="connsiteY131" fmla="*/ 4756 h 10000"/>
                  <a:gd name="connsiteX132" fmla="*/ 1066 w 10000"/>
                  <a:gd name="connsiteY132" fmla="*/ 4653 h 10000"/>
                  <a:gd name="connsiteX133" fmla="*/ 990 w 10000"/>
                  <a:gd name="connsiteY133" fmla="*/ 4549 h 10000"/>
                  <a:gd name="connsiteX134" fmla="*/ 1270 w 10000"/>
                  <a:gd name="connsiteY134" fmla="*/ 4520 h 10000"/>
                  <a:gd name="connsiteX135" fmla="*/ 1472 w 10000"/>
                  <a:gd name="connsiteY135" fmla="*/ 4505 h 10000"/>
                  <a:gd name="connsiteX136" fmla="*/ 1650 w 10000"/>
                  <a:gd name="connsiteY136" fmla="*/ 4505 h 10000"/>
                  <a:gd name="connsiteX137" fmla="*/ 1802 w 10000"/>
                  <a:gd name="connsiteY137" fmla="*/ 4520 h 10000"/>
                  <a:gd name="connsiteX138" fmla="*/ 1929 w 10000"/>
                  <a:gd name="connsiteY138" fmla="*/ 4520 h 10000"/>
                  <a:gd name="connsiteX139" fmla="*/ 2081 w 10000"/>
                  <a:gd name="connsiteY139" fmla="*/ 4520 h 10000"/>
                  <a:gd name="connsiteX140" fmla="*/ 2234 w 10000"/>
                  <a:gd name="connsiteY140" fmla="*/ 4490 h 10000"/>
                  <a:gd name="connsiteX141" fmla="*/ 2436 w 10000"/>
                  <a:gd name="connsiteY141" fmla="*/ 4446 h 10000"/>
                  <a:gd name="connsiteX142" fmla="*/ 2436 w 10000"/>
                  <a:gd name="connsiteY142" fmla="*/ 4579 h 10000"/>
                  <a:gd name="connsiteX143" fmla="*/ 2436 w 10000"/>
                  <a:gd name="connsiteY143" fmla="*/ 4742 h 10000"/>
                  <a:gd name="connsiteX144" fmla="*/ 2436 w 10000"/>
                  <a:gd name="connsiteY144" fmla="*/ 4874 h 10000"/>
                  <a:gd name="connsiteX145" fmla="*/ 2436 w 10000"/>
                  <a:gd name="connsiteY145" fmla="*/ 5037 h 10000"/>
                  <a:gd name="connsiteX146" fmla="*/ 2665 w 10000"/>
                  <a:gd name="connsiteY146" fmla="*/ 5022 h 10000"/>
                  <a:gd name="connsiteX147" fmla="*/ 2817 w 10000"/>
                  <a:gd name="connsiteY147" fmla="*/ 5037 h 10000"/>
                  <a:gd name="connsiteX148" fmla="*/ 2944 w 10000"/>
                  <a:gd name="connsiteY148" fmla="*/ 5066 h 10000"/>
                  <a:gd name="connsiteX149" fmla="*/ 3071 w 10000"/>
                  <a:gd name="connsiteY149" fmla="*/ 5096 h 10000"/>
                  <a:gd name="connsiteX150" fmla="*/ 3173 w 10000"/>
                  <a:gd name="connsiteY150" fmla="*/ 5126 h 10000"/>
                  <a:gd name="connsiteX151" fmla="*/ 3299 w 10000"/>
                  <a:gd name="connsiteY151" fmla="*/ 5155 h 10000"/>
                  <a:gd name="connsiteX152" fmla="*/ 3452 w 10000"/>
                  <a:gd name="connsiteY152" fmla="*/ 5170 h 10000"/>
                  <a:gd name="connsiteX153" fmla="*/ 3680 w 10000"/>
                  <a:gd name="connsiteY153" fmla="*/ 5155 h 10000"/>
                  <a:gd name="connsiteX154" fmla="*/ 3757 w 10000"/>
                  <a:gd name="connsiteY154" fmla="*/ 5096 h 10000"/>
                  <a:gd name="connsiteX155" fmla="*/ 3832 w 10000"/>
                  <a:gd name="connsiteY155" fmla="*/ 5022 h 10000"/>
                  <a:gd name="connsiteX156" fmla="*/ 3857 w 10000"/>
                  <a:gd name="connsiteY156" fmla="*/ 4934 h 10000"/>
                  <a:gd name="connsiteX157" fmla="*/ 3884 w 10000"/>
                  <a:gd name="connsiteY157" fmla="*/ 4860 h 10000"/>
                  <a:gd name="connsiteX158" fmla="*/ 3908 w 10000"/>
                  <a:gd name="connsiteY158" fmla="*/ 4697 h 10000"/>
                  <a:gd name="connsiteX159" fmla="*/ 3884 w 10000"/>
                  <a:gd name="connsiteY159" fmla="*/ 4520 h 10000"/>
                  <a:gd name="connsiteX160" fmla="*/ 3807 w 10000"/>
                  <a:gd name="connsiteY160" fmla="*/ 4343 h 10000"/>
                  <a:gd name="connsiteX161" fmla="*/ 3731 w 10000"/>
                  <a:gd name="connsiteY161" fmla="*/ 4195 h 10000"/>
                  <a:gd name="connsiteX162" fmla="*/ 3604 w 10000"/>
                  <a:gd name="connsiteY162" fmla="*/ 4047 h 10000"/>
                  <a:gd name="connsiteX163" fmla="*/ 3477 w 10000"/>
                  <a:gd name="connsiteY163" fmla="*/ 3959 h 10000"/>
                  <a:gd name="connsiteX164" fmla="*/ 3629 w 10000"/>
                  <a:gd name="connsiteY164" fmla="*/ 3944 h 10000"/>
                  <a:gd name="connsiteX165" fmla="*/ 3757 w 10000"/>
                  <a:gd name="connsiteY165" fmla="*/ 3914 h 10000"/>
                  <a:gd name="connsiteX166" fmla="*/ 3857 w 10000"/>
                  <a:gd name="connsiteY166" fmla="*/ 3855 h 10000"/>
                  <a:gd name="connsiteX167" fmla="*/ 3983 w 10000"/>
                  <a:gd name="connsiteY167" fmla="*/ 3752 h 10000"/>
                  <a:gd name="connsiteX168" fmla="*/ 4111 w 10000"/>
                  <a:gd name="connsiteY168" fmla="*/ 3663 h 10000"/>
                  <a:gd name="connsiteX169" fmla="*/ 4213 w 10000"/>
                  <a:gd name="connsiteY169" fmla="*/ 3560 h 10000"/>
                  <a:gd name="connsiteX170" fmla="*/ 4289 w 10000"/>
                  <a:gd name="connsiteY170" fmla="*/ 3442 h 10000"/>
                  <a:gd name="connsiteX171" fmla="*/ 4366 w 10000"/>
                  <a:gd name="connsiteY171" fmla="*/ 3323 h 10000"/>
                  <a:gd name="connsiteX172" fmla="*/ 4416 w 10000"/>
                  <a:gd name="connsiteY172" fmla="*/ 3220 h 10000"/>
                  <a:gd name="connsiteX173" fmla="*/ 4441 w 10000"/>
                  <a:gd name="connsiteY173" fmla="*/ 3102 h 10000"/>
                  <a:gd name="connsiteX174" fmla="*/ 4468 w 10000"/>
                  <a:gd name="connsiteY174" fmla="*/ 3013 h 10000"/>
                  <a:gd name="connsiteX175" fmla="*/ 4441 w 10000"/>
                  <a:gd name="connsiteY175" fmla="*/ 2939 h 10000"/>
                  <a:gd name="connsiteX176" fmla="*/ 4416 w 10000"/>
                  <a:gd name="connsiteY176" fmla="*/ 2866 h 10000"/>
                  <a:gd name="connsiteX177" fmla="*/ 4340 w 10000"/>
                  <a:gd name="connsiteY177" fmla="*/ 2836 h 10000"/>
                  <a:gd name="connsiteX178" fmla="*/ 4239 w 10000"/>
                  <a:gd name="connsiteY178" fmla="*/ 2836 h 10000"/>
                  <a:gd name="connsiteX179" fmla="*/ 4111 w 10000"/>
                  <a:gd name="connsiteY179" fmla="*/ 2866 h 10000"/>
                  <a:gd name="connsiteX180" fmla="*/ 4213 w 10000"/>
                  <a:gd name="connsiteY180" fmla="*/ 2777 h 10000"/>
                  <a:gd name="connsiteX181" fmla="*/ 4265 w 10000"/>
                  <a:gd name="connsiteY181" fmla="*/ 2674 h 10000"/>
                  <a:gd name="connsiteX182" fmla="*/ 4289 w 10000"/>
                  <a:gd name="connsiteY182" fmla="*/ 2541 h 10000"/>
                  <a:gd name="connsiteX183" fmla="*/ 4289 w 10000"/>
                  <a:gd name="connsiteY183" fmla="*/ 2393 h 10000"/>
                  <a:gd name="connsiteX184" fmla="*/ 4314 w 10000"/>
                  <a:gd name="connsiteY184" fmla="*/ 2349 h 10000"/>
                  <a:gd name="connsiteX185" fmla="*/ 4366 w 10000"/>
                  <a:gd name="connsiteY185" fmla="*/ 2304 h 10000"/>
                  <a:gd name="connsiteX186" fmla="*/ 4416 w 10000"/>
                  <a:gd name="connsiteY186" fmla="*/ 2290 h 10000"/>
                  <a:gd name="connsiteX187" fmla="*/ 4493 w 10000"/>
                  <a:gd name="connsiteY187" fmla="*/ 2275 h 10000"/>
                  <a:gd name="connsiteX188" fmla="*/ 4720 w 10000"/>
                  <a:gd name="connsiteY188" fmla="*/ 2260 h 10000"/>
                  <a:gd name="connsiteX189" fmla="*/ 4923 w 10000"/>
                  <a:gd name="connsiteY189" fmla="*/ 2275 h 10000"/>
                  <a:gd name="connsiteX190" fmla="*/ 4898 w 10000"/>
                  <a:gd name="connsiteY190" fmla="*/ 2112 h 10000"/>
                  <a:gd name="connsiteX191" fmla="*/ 4848 w 10000"/>
                  <a:gd name="connsiteY191" fmla="*/ 1950 h 10000"/>
                  <a:gd name="connsiteX192" fmla="*/ 4771 w 10000"/>
                  <a:gd name="connsiteY192" fmla="*/ 1802 h 10000"/>
                  <a:gd name="connsiteX193" fmla="*/ 4671 w 10000"/>
                  <a:gd name="connsiteY193" fmla="*/ 1640 h 10000"/>
                  <a:gd name="connsiteX194" fmla="*/ 4416 w 10000"/>
                  <a:gd name="connsiteY194" fmla="*/ 1329 h 10000"/>
                  <a:gd name="connsiteX195" fmla="*/ 4162 w 10000"/>
                  <a:gd name="connsiteY195" fmla="*/ 1034 h 10000"/>
                  <a:gd name="connsiteX196" fmla="*/ 4035 w 10000"/>
                  <a:gd name="connsiteY196" fmla="*/ 901 h 10000"/>
                  <a:gd name="connsiteX197" fmla="*/ 3935 w 10000"/>
                  <a:gd name="connsiteY197" fmla="*/ 753 h 10000"/>
                  <a:gd name="connsiteX198" fmla="*/ 3857 w 10000"/>
                  <a:gd name="connsiteY198" fmla="*/ 620 h 10000"/>
                  <a:gd name="connsiteX199" fmla="*/ 3832 w 10000"/>
                  <a:gd name="connsiteY199" fmla="*/ 487 h 10000"/>
                  <a:gd name="connsiteX200" fmla="*/ 3807 w 10000"/>
                  <a:gd name="connsiteY200" fmla="*/ 355 h 10000"/>
                  <a:gd name="connsiteX201" fmla="*/ 3857 w 10000"/>
                  <a:gd name="connsiteY201" fmla="*/ 222 h 10000"/>
                  <a:gd name="connsiteX202" fmla="*/ 3884 w 10000"/>
                  <a:gd name="connsiteY202" fmla="*/ 162 h 10000"/>
                  <a:gd name="connsiteX203" fmla="*/ 3935 w 10000"/>
                  <a:gd name="connsiteY203" fmla="*/ 103 h 10000"/>
                  <a:gd name="connsiteX204" fmla="*/ 4011 w 10000"/>
                  <a:gd name="connsiteY204" fmla="*/ 59 h 10000"/>
                  <a:gd name="connsiteX205" fmla="*/ 4111 w 10000"/>
                  <a:gd name="connsiteY205" fmla="*/ 0 h 10000"/>
                  <a:gd name="connsiteX206" fmla="*/ 4289 w 10000"/>
                  <a:gd name="connsiteY206" fmla="*/ 0 h 10000"/>
                  <a:gd name="connsiteX207" fmla="*/ 4468 w 10000"/>
                  <a:gd name="connsiteY207" fmla="*/ 15 h 10000"/>
                  <a:gd name="connsiteX208" fmla="*/ 4644 w 10000"/>
                  <a:gd name="connsiteY208" fmla="*/ 44 h 10000"/>
                  <a:gd name="connsiteX209" fmla="*/ 4771 w 10000"/>
                  <a:gd name="connsiteY209" fmla="*/ 89 h 10000"/>
                  <a:gd name="connsiteX210" fmla="*/ 4975 w 10000"/>
                  <a:gd name="connsiteY210" fmla="*/ 192 h 10000"/>
                  <a:gd name="connsiteX211" fmla="*/ 5177 w 10000"/>
                  <a:gd name="connsiteY211" fmla="*/ 340 h 10000"/>
                  <a:gd name="connsiteX212" fmla="*/ 5329 w 10000"/>
                  <a:gd name="connsiteY212" fmla="*/ 473 h 10000"/>
                  <a:gd name="connsiteX213" fmla="*/ 5532 w 10000"/>
                  <a:gd name="connsiteY213" fmla="*/ 591 h 10000"/>
                  <a:gd name="connsiteX214" fmla="*/ 5660 w 10000"/>
                  <a:gd name="connsiteY214" fmla="*/ 650 h 10000"/>
                  <a:gd name="connsiteX215" fmla="*/ 5812 w 10000"/>
                  <a:gd name="connsiteY215" fmla="*/ 679 h 10000"/>
                  <a:gd name="connsiteX216" fmla="*/ 5965 w 10000"/>
                  <a:gd name="connsiteY216" fmla="*/ 709 h 10000"/>
                  <a:gd name="connsiteX217" fmla="*/ 6168 w 10000"/>
                  <a:gd name="connsiteY217" fmla="*/ 709 h 10000"/>
                  <a:gd name="connsiteX218" fmla="*/ 6168 w 10000"/>
                  <a:gd name="connsiteY218" fmla="*/ 768 h 10000"/>
                  <a:gd name="connsiteX219" fmla="*/ 6193 w 10000"/>
                  <a:gd name="connsiteY219" fmla="*/ 842 h 10000"/>
                  <a:gd name="connsiteX220" fmla="*/ 6243 w 10000"/>
                  <a:gd name="connsiteY220" fmla="*/ 916 h 10000"/>
                  <a:gd name="connsiteX221" fmla="*/ 6294 w 10000"/>
                  <a:gd name="connsiteY221" fmla="*/ 990 h 10000"/>
                  <a:gd name="connsiteX222" fmla="*/ 6369 w 10000"/>
                  <a:gd name="connsiteY222" fmla="*/ 1049 h 10000"/>
                  <a:gd name="connsiteX223" fmla="*/ 6471 w 10000"/>
                  <a:gd name="connsiteY223" fmla="*/ 1108 h 10000"/>
                  <a:gd name="connsiteX224" fmla="*/ 6598 w 10000"/>
                  <a:gd name="connsiteY224" fmla="*/ 1182 h 10000"/>
                  <a:gd name="connsiteX225" fmla="*/ 6700 w 10000"/>
                  <a:gd name="connsiteY225" fmla="*/ 1226 h 10000"/>
                  <a:gd name="connsiteX226" fmla="*/ 6802 w 10000"/>
                  <a:gd name="connsiteY226" fmla="*/ 1270 h 10000"/>
                  <a:gd name="connsiteX227" fmla="*/ 6903 w 10000"/>
                  <a:gd name="connsiteY227" fmla="*/ 1300 h 10000"/>
                  <a:gd name="connsiteX228" fmla="*/ 7005 w 10000"/>
                  <a:gd name="connsiteY228" fmla="*/ 1315 h 10000"/>
                  <a:gd name="connsiteX229" fmla="*/ 7132 w 10000"/>
                  <a:gd name="connsiteY229" fmla="*/ 1300 h 10000"/>
                  <a:gd name="connsiteX230" fmla="*/ 7234 w 10000"/>
                  <a:gd name="connsiteY230" fmla="*/ 1285 h 10000"/>
                  <a:gd name="connsiteX231" fmla="*/ 7309 w 10000"/>
                  <a:gd name="connsiteY231" fmla="*/ 1241 h 10000"/>
                  <a:gd name="connsiteX232" fmla="*/ 7361 w 10000"/>
                  <a:gd name="connsiteY232" fmla="*/ 1167 h 10000"/>
                  <a:gd name="connsiteX233" fmla="*/ 7385 w 10000"/>
                  <a:gd name="connsiteY233" fmla="*/ 1064 h 10000"/>
                  <a:gd name="connsiteX234" fmla="*/ 7766 w 10000"/>
                  <a:gd name="connsiteY234" fmla="*/ 1034 h 10000"/>
                  <a:gd name="connsiteX235" fmla="*/ 8121 w 10000"/>
                  <a:gd name="connsiteY235" fmla="*/ 1004 h 10000"/>
                  <a:gd name="connsiteX236" fmla="*/ 8427 w 10000"/>
                  <a:gd name="connsiteY236" fmla="*/ 990 h 10000"/>
                  <a:gd name="connsiteX237" fmla="*/ 8706 w 10000"/>
                  <a:gd name="connsiteY237" fmla="*/ 1004 h 10000"/>
                  <a:gd name="connsiteX238" fmla="*/ 8833 w 10000"/>
                  <a:gd name="connsiteY238" fmla="*/ 1019 h 10000"/>
                  <a:gd name="connsiteX239" fmla="*/ 8958 w 10000"/>
                  <a:gd name="connsiteY239" fmla="*/ 1034 h 10000"/>
                  <a:gd name="connsiteX240" fmla="*/ 9061 w 10000"/>
                  <a:gd name="connsiteY240" fmla="*/ 1064 h 10000"/>
                  <a:gd name="connsiteX241" fmla="*/ 9188 w 10000"/>
                  <a:gd name="connsiteY241" fmla="*/ 1108 h 10000"/>
                  <a:gd name="connsiteX242" fmla="*/ 9264 w 10000"/>
                  <a:gd name="connsiteY242" fmla="*/ 1182 h 10000"/>
                  <a:gd name="connsiteX243" fmla="*/ 9339 w 10000"/>
                  <a:gd name="connsiteY243" fmla="*/ 1241 h 10000"/>
                  <a:gd name="connsiteX244" fmla="*/ 9391 w 10000"/>
                  <a:gd name="connsiteY244" fmla="*/ 1329 h 10000"/>
                  <a:gd name="connsiteX245" fmla="*/ 9442 w 10000"/>
                  <a:gd name="connsiteY245" fmla="*/ 1433 h 10000"/>
                  <a:gd name="connsiteX246" fmla="*/ 9492 w 10000"/>
                  <a:gd name="connsiteY246" fmla="*/ 1551 h 10000"/>
                  <a:gd name="connsiteX247" fmla="*/ 9466 w 10000"/>
                  <a:gd name="connsiteY247" fmla="*/ 1625 h 10000"/>
                  <a:gd name="connsiteX248" fmla="*/ 9442 w 10000"/>
                  <a:gd name="connsiteY248" fmla="*/ 1684 h 10000"/>
                  <a:gd name="connsiteX249" fmla="*/ 9391 w 10000"/>
                  <a:gd name="connsiteY249" fmla="*/ 1758 h 10000"/>
                  <a:gd name="connsiteX250" fmla="*/ 9315 w 10000"/>
                  <a:gd name="connsiteY250" fmla="*/ 1802 h 10000"/>
                  <a:gd name="connsiteX251" fmla="*/ 9264 w 10000"/>
                  <a:gd name="connsiteY251" fmla="*/ 1861 h 10000"/>
                  <a:gd name="connsiteX252" fmla="*/ 9240 w 10000"/>
                  <a:gd name="connsiteY252" fmla="*/ 1935 h 10000"/>
                  <a:gd name="connsiteX253" fmla="*/ 9264 w 10000"/>
                  <a:gd name="connsiteY253" fmla="*/ 2024 h 10000"/>
                  <a:gd name="connsiteX254" fmla="*/ 9543 w 10000"/>
                  <a:gd name="connsiteY254" fmla="*/ 2157 h 10000"/>
                  <a:gd name="connsiteX255" fmla="*/ 9873 w 10000"/>
                  <a:gd name="connsiteY255" fmla="*/ 2275 h 10000"/>
                  <a:gd name="connsiteX256" fmla="*/ 10000 w 10000"/>
                  <a:gd name="connsiteY256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853 w 10000"/>
                  <a:gd name="connsiteY5" fmla="*/ 4860 h 10000"/>
                  <a:gd name="connsiteX6" fmla="*/ 6369 w 10000"/>
                  <a:gd name="connsiteY6" fmla="*/ 4313 h 10000"/>
                  <a:gd name="connsiteX7" fmla="*/ 7383 w 10000"/>
                  <a:gd name="connsiteY7" fmla="*/ 3894 h 10000"/>
                  <a:gd name="connsiteX8" fmla="*/ 8984 w 10000"/>
                  <a:gd name="connsiteY8" fmla="*/ 3412 h 10000"/>
                  <a:gd name="connsiteX9" fmla="*/ 9188 w 10000"/>
                  <a:gd name="connsiteY9" fmla="*/ 3338 h 10000"/>
                  <a:gd name="connsiteX10" fmla="*/ 9415 w 10000"/>
                  <a:gd name="connsiteY10" fmla="*/ 3117 h 10000"/>
                  <a:gd name="connsiteX11" fmla="*/ 9442 w 10000"/>
                  <a:gd name="connsiteY11" fmla="*/ 3072 h 10000"/>
                  <a:gd name="connsiteX12" fmla="*/ 9466 w 10000"/>
                  <a:gd name="connsiteY12" fmla="*/ 3013 h 10000"/>
                  <a:gd name="connsiteX13" fmla="*/ 9466 w 10000"/>
                  <a:gd name="connsiteY13" fmla="*/ 2954 h 10000"/>
                  <a:gd name="connsiteX14" fmla="*/ 9442 w 10000"/>
                  <a:gd name="connsiteY14" fmla="*/ 2866 h 10000"/>
                  <a:gd name="connsiteX15" fmla="*/ 9264 w 10000"/>
                  <a:gd name="connsiteY15" fmla="*/ 2984 h 10000"/>
                  <a:gd name="connsiteX16" fmla="*/ 9061 w 10000"/>
                  <a:gd name="connsiteY16" fmla="*/ 3072 h 10000"/>
                  <a:gd name="connsiteX17" fmla="*/ 8197 w 10000"/>
                  <a:gd name="connsiteY17" fmla="*/ 3397 h 10000"/>
                  <a:gd name="connsiteX18" fmla="*/ 7716 w 10000"/>
                  <a:gd name="connsiteY18" fmla="*/ 3545 h 10000"/>
                  <a:gd name="connsiteX19" fmla="*/ 6345 w 10000"/>
                  <a:gd name="connsiteY19" fmla="*/ 4003 h 10000"/>
                  <a:gd name="connsiteX20" fmla="*/ 6143 w 10000"/>
                  <a:gd name="connsiteY20" fmla="*/ 4106 h 10000"/>
                  <a:gd name="connsiteX21" fmla="*/ 5938 w 10000"/>
                  <a:gd name="connsiteY21" fmla="*/ 4195 h 10000"/>
                  <a:gd name="connsiteX22" fmla="*/ 6091 w 10000"/>
                  <a:gd name="connsiteY22" fmla="*/ 4417 h 10000"/>
                  <a:gd name="connsiteX23" fmla="*/ 6421 w 10000"/>
                  <a:gd name="connsiteY23" fmla="*/ 5318 h 10000"/>
                  <a:gd name="connsiteX24" fmla="*/ 6447 w 10000"/>
                  <a:gd name="connsiteY24" fmla="*/ 5539 h 10000"/>
                  <a:gd name="connsiteX25" fmla="*/ 6471 w 10000"/>
                  <a:gd name="connsiteY25" fmla="*/ 5775 h 10000"/>
                  <a:gd name="connsiteX26" fmla="*/ 6471 w 10000"/>
                  <a:gd name="connsiteY26" fmla="*/ 5997 h 10000"/>
                  <a:gd name="connsiteX27" fmla="*/ 6447 w 10000"/>
                  <a:gd name="connsiteY27" fmla="*/ 6233 h 10000"/>
                  <a:gd name="connsiteX28" fmla="*/ 6396 w 10000"/>
                  <a:gd name="connsiteY28" fmla="*/ 6470 h 10000"/>
                  <a:gd name="connsiteX29" fmla="*/ 6345 w 10000"/>
                  <a:gd name="connsiteY29" fmla="*/ 6677 h 10000"/>
                  <a:gd name="connsiteX30" fmla="*/ 6269 w 10000"/>
                  <a:gd name="connsiteY30" fmla="*/ 6898 h 10000"/>
                  <a:gd name="connsiteX31" fmla="*/ 6168 w 10000"/>
                  <a:gd name="connsiteY31" fmla="*/ 7105 h 10000"/>
                  <a:gd name="connsiteX32" fmla="*/ 6041 w 10000"/>
                  <a:gd name="connsiteY32" fmla="*/ 7297 h 10000"/>
                  <a:gd name="connsiteX33" fmla="*/ 5888 w 10000"/>
                  <a:gd name="connsiteY33" fmla="*/ 7489 h 10000"/>
                  <a:gd name="connsiteX34" fmla="*/ 5735 w 10000"/>
                  <a:gd name="connsiteY34" fmla="*/ 7681 h 10000"/>
                  <a:gd name="connsiteX35" fmla="*/ 6471 w 10000"/>
                  <a:gd name="connsiteY35" fmla="*/ 7799 h 10000"/>
                  <a:gd name="connsiteX36" fmla="*/ 7234 w 10000"/>
                  <a:gd name="connsiteY36" fmla="*/ 7962 h 10000"/>
                  <a:gd name="connsiteX37" fmla="*/ 7385 w 10000"/>
                  <a:gd name="connsiteY37" fmla="*/ 8021 h 10000"/>
                  <a:gd name="connsiteX38" fmla="*/ 7512 w 10000"/>
                  <a:gd name="connsiteY38" fmla="*/ 8080 h 10000"/>
                  <a:gd name="connsiteX39" fmla="*/ 7639 w 10000"/>
                  <a:gd name="connsiteY39" fmla="*/ 8139 h 10000"/>
                  <a:gd name="connsiteX40" fmla="*/ 7716 w 10000"/>
                  <a:gd name="connsiteY40" fmla="*/ 8227 h 10000"/>
                  <a:gd name="connsiteX41" fmla="*/ 7741 w 10000"/>
                  <a:gd name="connsiteY41" fmla="*/ 8301 h 10000"/>
                  <a:gd name="connsiteX42" fmla="*/ 7741 w 10000"/>
                  <a:gd name="connsiteY42" fmla="*/ 8405 h 10000"/>
                  <a:gd name="connsiteX43" fmla="*/ 7691 w 10000"/>
                  <a:gd name="connsiteY43" fmla="*/ 8523 h 10000"/>
                  <a:gd name="connsiteX44" fmla="*/ 7614 w 10000"/>
                  <a:gd name="connsiteY44" fmla="*/ 8641 h 10000"/>
                  <a:gd name="connsiteX45" fmla="*/ 7284 w 10000"/>
                  <a:gd name="connsiteY45" fmla="*/ 8552 h 10000"/>
                  <a:gd name="connsiteX46" fmla="*/ 6979 w 10000"/>
                  <a:gd name="connsiteY46" fmla="*/ 8449 h 10000"/>
                  <a:gd name="connsiteX47" fmla="*/ 6674 w 10000"/>
                  <a:gd name="connsiteY47" fmla="*/ 8360 h 10000"/>
                  <a:gd name="connsiteX48" fmla="*/ 6369 w 10000"/>
                  <a:gd name="connsiteY48" fmla="*/ 8287 h 10000"/>
                  <a:gd name="connsiteX49" fmla="*/ 6243 w 10000"/>
                  <a:gd name="connsiteY49" fmla="*/ 8449 h 10000"/>
                  <a:gd name="connsiteX50" fmla="*/ 6143 w 10000"/>
                  <a:gd name="connsiteY50" fmla="*/ 8597 h 10000"/>
                  <a:gd name="connsiteX51" fmla="*/ 6091 w 10000"/>
                  <a:gd name="connsiteY51" fmla="*/ 8656 h 10000"/>
                  <a:gd name="connsiteX52" fmla="*/ 5989 w 10000"/>
                  <a:gd name="connsiteY52" fmla="*/ 8700 h 10000"/>
                  <a:gd name="connsiteX53" fmla="*/ 5914 w 10000"/>
                  <a:gd name="connsiteY53" fmla="*/ 8744 h 10000"/>
                  <a:gd name="connsiteX54" fmla="*/ 5838 w 10000"/>
                  <a:gd name="connsiteY54" fmla="*/ 8774 h 10000"/>
                  <a:gd name="connsiteX55" fmla="*/ 5761 w 10000"/>
                  <a:gd name="connsiteY55" fmla="*/ 8804 h 10000"/>
                  <a:gd name="connsiteX56" fmla="*/ 5660 w 10000"/>
                  <a:gd name="connsiteY56" fmla="*/ 8818 h 10000"/>
                  <a:gd name="connsiteX57" fmla="*/ 5532 w 10000"/>
                  <a:gd name="connsiteY57" fmla="*/ 8833 h 10000"/>
                  <a:gd name="connsiteX58" fmla="*/ 5406 w 10000"/>
                  <a:gd name="connsiteY58" fmla="*/ 8833 h 10000"/>
                  <a:gd name="connsiteX59" fmla="*/ 5102 w 10000"/>
                  <a:gd name="connsiteY59" fmla="*/ 8818 h 10000"/>
                  <a:gd name="connsiteX60" fmla="*/ 4720 w 10000"/>
                  <a:gd name="connsiteY60" fmla="*/ 8744 h 10000"/>
                  <a:gd name="connsiteX61" fmla="*/ 4720 w 10000"/>
                  <a:gd name="connsiteY61" fmla="*/ 8922 h 10000"/>
                  <a:gd name="connsiteX62" fmla="*/ 4695 w 10000"/>
                  <a:gd name="connsiteY62" fmla="*/ 9069 h 10000"/>
                  <a:gd name="connsiteX63" fmla="*/ 4671 w 10000"/>
                  <a:gd name="connsiteY63" fmla="*/ 9232 h 10000"/>
                  <a:gd name="connsiteX64" fmla="*/ 4644 w 10000"/>
                  <a:gd name="connsiteY64" fmla="*/ 9365 h 10000"/>
                  <a:gd name="connsiteX65" fmla="*/ 4593 w 10000"/>
                  <a:gd name="connsiteY65" fmla="*/ 9498 h 10000"/>
                  <a:gd name="connsiteX66" fmla="*/ 4493 w 10000"/>
                  <a:gd name="connsiteY66" fmla="*/ 9616 h 10000"/>
                  <a:gd name="connsiteX67" fmla="*/ 4416 w 10000"/>
                  <a:gd name="connsiteY67" fmla="*/ 9734 h 10000"/>
                  <a:gd name="connsiteX68" fmla="*/ 4289 w 10000"/>
                  <a:gd name="connsiteY68" fmla="*/ 9838 h 10000"/>
                  <a:gd name="connsiteX69" fmla="*/ 3983 w 10000"/>
                  <a:gd name="connsiteY69" fmla="*/ 9897 h 10000"/>
                  <a:gd name="connsiteX70" fmla="*/ 3731 w 10000"/>
                  <a:gd name="connsiteY70" fmla="*/ 9941 h 10000"/>
                  <a:gd name="connsiteX71" fmla="*/ 3426 w 10000"/>
                  <a:gd name="connsiteY71" fmla="*/ 9985 h 10000"/>
                  <a:gd name="connsiteX72" fmla="*/ 3198 w 10000"/>
                  <a:gd name="connsiteY72" fmla="*/ 10000 h 10000"/>
                  <a:gd name="connsiteX73" fmla="*/ 2690 w 10000"/>
                  <a:gd name="connsiteY73" fmla="*/ 10000 h 10000"/>
                  <a:gd name="connsiteX74" fmla="*/ 2208 w 10000"/>
                  <a:gd name="connsiteY74" fmla="*/ 9985 h 10000"/>
                  <a:gd name="connsiteX75" fmla="*/ 1752 w 10000"/>
                  <a:gd name="connsiteY75" fmla="*/ 9941 h 10000"/>
                  <a:gd name="connsiteX76" fmla="*/ 1270 w 10000"/>
                  <a:gd name="connsiteY76" fmla="*/ 9911 h 10000"/>
                  <a:gd name="connsiteX77" fmla="*/ 990 w 10000"/>
                  <a:gd name="connsiteY77" fmla="*/ 9911 h 10000"/>
                  <a:gd name="connsiteX78" fmla="*/ 736 w 10000"/>
                  <a:gd name="connsiteY78" fmla="*/ 9911 h 10000"/>
                  <a:gd name="connsiteX79" fmla="*/ 457 w 10000"/>
                  <a:gd name="connsiteY79" fmla="*/ 9926 h 10000"/>
                  <a:gd name="connsiteX80" fmla="*/ 178 w 10000"/>
                  <a:gd name="connsiteY80" fmla="*/ 9970 h 10000"/>
                  <a:gd name="connsiteX81" fmla="*/ 102 w 10000"/>
                  <a:gd name="connsiteY81" fmla="*/ 9867 h 10000"/>
                  <a:gd name="connsiteX82" fmla="*/ 51 w 10000"/>
                  <a:gd name="connsiteY82" fmla="*/ 9793 h 10000"/>
                  <a:gd name="connsiteX83" fmla="*/ 0 w 10000"/>
                  <a:gd name="connsiteY83" fmla="*/ 9705 h 10000"/>
                  <a:gd name="connsiteX84" fmla="*/ 0 w 10000"/>
                  <a:gd name="connsiteY84" fmla="*/ 9601 h 10000"/>
                  <a:gd name="connsiteX85" fmla="*/ 51 w 10000"/>
                  <a:gd name="connsiteY85" fmla="*/ 9424 h 10000"/>
                  <a:gd name="connsiteX86" fmla="*/ 102 w 10000"/>
                  <a:gd name="connsiteY86" fmla="*/ 9202 h 10000"/>
                  <a:gd name="connsiteX87" fmla="*/ 151 w 10000"/>
                  <a:gd name="connsiteY87" fmla="*/ 8996 h 10000"/>
                  <a:gd name="connsiteX88" fmla="*/ 203 w 10000"/>
                  <a:gd name="connsiteY88" fmla="*/ 8759 h 10000"/>
                  <a:gd name="connsiteX89" fmla="*/ 228 w 10000"/>
                  <a:gd name="connsiteY89" fmla="*/ 8641 h 10000"/>
                  <a:gd name="connsiteX90" fmla="*/ 228 w 10000"/>
                  <a:gd name="connsiteY90" fmla="*/ 8538 h 10000"/>
                  <a:gd name="connsiteX91" fmla="*/ 203 w 10000"/>
                  <a:gd name="connsiteY91" fmla="*/ 8405 h 10000"/>
                  <a:gd name="connsiteX92" fmla="*/ 178 w 10000"/>
                  <a:gd name="connsiteY92" fmla="*/ 8287 h 10000"/>
                  <a:gd name="connsiteX93" fmla="*/ 431 w 10000"/>
                  <a:gd name="connsiteY93" fmla="*/ 8213 h 10000"/>
                  <a:gd name="connsiteX94" fmla="*/ 685 w 10000"/>
                  <a:gd name="connsiteY94" fmla="*/ 8139 h 10000"/>
                  <a:gd name="connsiteX95" fmla="*/ 939 w 10000"/>
                  <a:gd name="connsiteY95" fmla="*/ 8095 h 10000"/>
                  <a:gd name="connsiteX96" fmla="*/ 1218 w 10000"/>
                  <a:gd name="connsiteY96" fmla="*/ 8065 h 10000"/>
                  <a:gd name="connsiteX97" fmla="*/ 1725 w 10000"/>
                  <a:gd name="connsiteY97" fmla="*/ 8021 h 10000"/>
                  <a:gd name="connsiteX98" fmla="*/ 2234 w 10000"/>
                  <a:gd name="connsiteY98" fmla="*/ 7976 h 10000"/>
                  <a:gd name="connsiteX99" fmla="*/ 2462 w 10000"/>
                  <a:gd name="connsiteY99" fmla="*/ 7947 h 10000"/>
                  <a:gd name="connsiteX100" fmla="*/ 2690 w 10000"/>
                  <a:gd name="connsiteY100" fmla="*/ 7917 h 10000"/>
                  <a:gd name="connsiteX101" fmla="*/ 2892 w 10000"/>
                  <a:gd name="connsiteY101" fmla="*/ 7843 h 10000"/>
                  <a:gd name="connsiteX102" fmla="*/ 3096 w 10000"/>
                  <a:gd name="connsiteY102" fmla="*/ 7784 h 10000"/>
                  <a:gd name="connsiteX103" fmla="*/ 3274 w 10000"/>
                  <a:gd name="connsiteY103" fmla="*/ 7710 h 10000"/>
                  <a:gd name="connsiteX104" fmla="*/ 3426 w 10000"/>
                  <a:gd name="connsiteY104" fmla="*/ 7592 h 10000"/>
                  <a:gd name="connsiteX105" fmla="*/ 3579 w 10000"/>
                  <a:gd name="connsiteY105" fmla="*/ 7474 h 10000"/>
                  <a:gd name="connsiteX106" fmla="*/ 3680 w 10000"/>
                  <a:gd name="connsiteY106" fmla="*/ 7312 h 10000"/>
                  <a:gd name="connsiteX107" fmla="*/ 3477 w 10000"/>
                  <a:gd name="connsiteY107" fmla="*/ 7238 h 10000"/>
                  <a:gd name="connsiteX108" fmla="*/ 3299 w 10000"/>
                  <a:gd name="connsiteY108" fmla="*/ 7179 h 10000"/>
                  <a:gd name="connsiteX109" fmla="*/ 3147 w 10000"/>
                  <a:gd name="connsiteY109" fmla="*/ 7090 h 10000"/>
                  <a:gd name="connsiteX110" fmla="*/ 2995 w 10000"/>
                  <a:gd name="connsiteY110" fmla="*/ 6987 h 10000"/>
                  <a:gd name="connsiteX111" fmla="*/ 2892 w 10000"/>
                  <a:gd name="connsiteY111" fmla="*/ 6869 h 10000"/>
                  <a:gd name="connsiteX112" fmla="*/ 2843 w 10000"/>
                  <a:gd name="connsiteY112" fmla="*/ 6721 h 10000"/>
                  <a:gd name="connsiteX113" fmla="*/ 2817 w 10000"/>
                  <a:gd name="connsiteY113" fmla="*/ 6558 h 10000"/>
                  <a:gd name="connsiteX114" fmla="*/ 2843 w 10000"/>
                  <a:gd name="connsiteY114" fmla="*/ 6352 h 10000"/>
                  <a:gd name="connsiteX115" fmla="*/ 2716 w 10000"/>
                  <a:gd name="connsiteY115" fmla="*/ 6322 h 10000"/>
                  <a:gd name="connsiteX116" fmla="*/ 2564 w 10000"/>
                  <a:gd name="connsiteY116" fmla="*/ 6292 h 10000"/>
                  <a:gd name="connsiteX117" fmla="*/ 2386 w 10000"/>
                  <a:gd name="connsiteY117" fmla="*/ 6278 h 10000"/>
                  <a:gd name="connsiteX118" fmla="*/ 2208 w 10000"/>
                  <a:gd name="connsiteY118" fmla="*/ 6263 h 10000"/>
                  <a:gd name="connsiteX119" fmla="*/ 1853 w 10000"/>
                  <a:gd name="connsiteY119" fmla="*/ 6248 h 10000"/>
                  <a:gd name="connsiteX120" fmla="*/ 1472 w 10000"/>
                  <a:gd name="connsiteY120" fmla="*/ 6263 h 10000"/>
                  <a:gd name="connsiteX121" fmla="*/ 1143 w 10000"/>
                  <a:gd name="connsiteY121" fmla="*/ 6278 h 10000"/>
                  <a:gd name="connsiteX122" fmla="*/ 837 w 10000"/>
                  <a:gd name="connsiteY122" fmla="*/ 6278 h 10000"/>
                  <a:gd name="connsiteX123" fmla="*/ 585 w 10000"/>
                  <a:gd name="connsiteY123" fmla="*/ 6263 h 10000"/>
                  <a:gd name="connsiteX124" fmla="*/ 381 w 10000"/>
                  <a:gd name="connsiteY124" fmla="*/ 6233 h 10000"/>
                  <a:gd name="connsiteX125" fmla="*/ 633 w 10000"/>
                  <a:gd name="connsiteY125" fmla="*/ 5805 h 10000"/>
                  <a:gd name="connsiteX126" fmla="*/ 914 w 10000"/>
                  <a:gd name="connsiteY126" fmla="*/ 5391 h 10000"/>
                  <a:gd name="connsiteX127" fmla="*/ 1016 w 10000"/>
                  <a:gd name="connsiteY127" fmla="*/ 5170 h 10000"/>
                  <a:gd name="connsiteX128" fmla="*/ 1091 w 10000"/>
                  <a:gd name="connsiteY128" fmla="*/ 4963 h 10000"/>
                  <a:gd name="connsiteX129" fmla="*/ 1116 w 10000"/>
                  <a:gd name="connsiteY129" fmla="*/ 4860 h 10000"/>
                  <a:gd name="connsiteX130" fmla="*/ 1091 w 10000"/>
                  <a:gd name="connsiteY130" fmla="*/ 4756 h 10000"/>
                  <a:gd name="connsiteX131" fmla="*/ 1066 w 10000"/>
                  <a:gd name="connsiteY131" fmla="*/ 4653 h 10000"/>
                  <a:gd name="connsiteX132" fmla="*/ 990 w 10000"/>
                  <a:gd name="connsiteY132" fmla="*/ 4549 h 10000"/>
                  <a:gd name="connsiteX133" fmla="*/ 1270 w 10000"/>
                  <a:gd name="connsiteY133" fmla="*/ 4520 h 10000"/>
                  <a:gd name="connsiteX134" fmla="*/ 1472 w 10000"/>
                  <a:gd name="connsiteY134" fmla="*/ 4505 h 10000"/>
                  <a:gd name="connsiteX135" fmla="*/ 1650 w 10000"/>
                  <a:gd name="connsiteY135" fmla="*/ 4505 h 10000"/>
                  <a:gd name="connsiteX136" fmla="*/ 1802 w 10000"/>
                  <a:gd name="connsiteY136" fmla="*/ 4520 h 10000"/>
                  <a:gd name="connsiteX137" fmla="*/ 1929 w 10000"/>
                  <a:gd name="connsiteY137" fmla="*/ 4520 h 10000"/>
                  <a:gd name="connsiteX138" fmla="*/ 2081 w 10000"/>
                  <a:gd name="connsiteY138" fmla="*/ 4520 h 10000"/>
                  <a:gd name="connsiteX139" fmla="*/ 2234 w 10000"/>
                  <a:gd name="connsiteY139" fmla="*/ 4490 h 10000"/>
                  <a:gd name="connsiteX140" fmla="*/ 2436 w 10000"/>
                  <a:gd name="connsiteY140" fmla="*/ 4446 h 10000"/>
                  <a:gd name="connsiteX141" fmla="*/ 2436 w 10000"/>
                  <a:gd name="connsiteY141" fmla="*/ 4579 h 10000"/>
                  <a:gd name="connsiteX142" fmla="*/ 2436 w 10000"/>
                  <a:gd name="connsiteY142" fmla="*/ 4742 h 10000"/>
                  <a:gd name="connsiteX143" fmla="*/ 2436 w 10000"/>
                  <a:gd name="connsiteY143" fmla="*/ 4874 h 10000"/>
                  <a:gd name="connsiteX144" fmla="*/ 2436 w 10000"/>
                  <a:gd name="connsiteY144" fmla="*/ 5037 h 10000"/>
                  <a:gd name="connsiteX145" fmla="*/ 2665 w 10000"/>
                  <a:gd name="connsiteY145" fmla="*/ 5022 h 10000"/>
                  <a:gd name="connsiteX146" fmla="*/ 2817 w 10000"/>
                  <a:gd name="connsiteY146" fmla="*/ 5037 h 10000"/>
                  <a:gd name="connsiteX147" fmla="*/ 2944 w 10000"/>
                  <a:gd name="connsiteY147" fmla="*/ 5066 h 10000"/>
                  <a:gd name="connsiteX148" fmla="*/ 3071 w 10000"/>
                  <a:gd name="connsiteY148" fmla="*/ 5096 h 10000"/>
                  <a:gd name="connsiteX149" fmla="*/ 3173 w 10000"/>
                  <a:gd name="connsiteY149" fmla="*/ 5126 h 10000"/>
                  <a:gd name="connsiteX150" fmla="*/ 3299 w 10000"/>
                  <a:gd name="connsiteY150" fmla="*/ 5155 h 10000"/>
                  <a:gd name="connsiteX151" fmla="*/ 3452 w 10000"/>
                  <a:gd name="connsiteY151" fmla="*/ 5170 h 10000"/>
                  <a:gd name="connsiteX152" fmla="*/ 3680 w 10000"/>
                  <a:gd name="connsiteY152" fmla="*/ 5155 h 10000"/>
                  <a:gd name="connsiteX153" fmla="*/ 3757 w 10000"/>
                  <a:gd name="connsiteY153" fmla="*/ 5096 h 10000"/>
                  <a:gd name="connsiteX154" fmla="*/ 3832 w 10000"/>
                  <a:gd name="connsiteY154" fmla="*/ 5022 h 10000"/>
                  <a:gd name="connsiteX155" fmla="*/ 3857 w 10000"/>
                  <a:gd name="connsiteY155" fmla="*/ 4934 h 10000"/>
                  <a:gd name="connsiteX156" fmla="*/ 3884 w 10000"/>
                  <a:gd name="connsiteY156" fmla="*/ 4860 h 10000"/>
                  <a:gd name="connsiteX157" fmla="*/ 3908 w 10000"/>
                  <a:gd name="connsiteY157" fmla="*/ 4697 h 10000"/>
                  <a:gd name="connsiteX158" fmla="*/ 3884 w 10000"/>
                  <a:gd name="connsiteY158" fmla="*/ 4520 h 10000"/>
                  <a:gd name="connsiteX159" fmla="*/ 3807 w 10000"/>
                  <a:gd name="connsiteY159" fmla="*/ 4343 h 10000"/>
                  <a:gd name="connsiteX160" fmla="*/ 3731 w 10000"/>
                  <a:gd name="connsiteY160" fmla="*/ 4195 h 10000"/>
                  <a:gd name="connsiteX161" fmla="*/ 3604 w 10000"/>
                  <a:gd name="connsiteY161" fmla="*/ 4047 h 10000"/>
                  <a:gd name="connsiteX162" fmla="*/ 3477 w 10000"/>
                  <a:gd name="connsiteY162" fmla="*/ 3959 h 10000"/>
                  <a:gd name="connsiteX163" fmla="*/ 3629 w 10000"/>
                  <a:gd name="connsiteY163" fmla="*/ 3944 h 10000"/>
                  <a:gd name="connsiteX164" fmla="*/ 3757 w 10000"/>
                  <a:gd name="connsiteY164" fmla="*/ 3914 h 10000"/>
                  <a:gd name="connsiteX165" fmla="*/ 3857 w 10000"/>
                  <a:gd name="connsiteY165" fmla="*/ 3855 h 10000"/>
                  <a:gd name="connsiteX166" fmla="*/ 3983 w 10000"/>
                  <a:gd name="connsiteY166" fmla="*/ 3752 h 10000"/>
                  <a:gd name="connsiteX167" fmla="*/ 4111 w 10000"/>
                  <a:gd name="connsiteY167" fmla="*/ 3663 h 10000"/>
                  <a:gd name="connsiteX168" fmla="*/ 4213 w 10000"/>
                  <a:gd name="connsiteY168" fmla="*/ 3560 h 10000"/>
                  <a:gd name="connsiteX169" fmla="*/ 4289 w 10000"/>
                  <a:gd name="connsiteY169" fmla="*/ 3442 h 10000"/>
                  <a:gd name="connsiteX170" fmla="*/ 4366 w 10000"/>
                  <a:gd name="connsiteY170" fmla="*/ 3323 h 10000"/>
                  <a:gd name="connsiteX171" fmla="*/ 4416 w 10000"/>
                  <a:gd name="connsiteY171" fmla="*/ 3220 h 10000"/>
                  <a:gd name="connsiteX172" fmla="*/ 4441 w 10000"/>
                  <a:gd name="connsiteY172" fmla="*/ 3102 h 10000"/>
                  <a:gd name="connsiteX173" fmla="*/ 4468 w 10000"/>
                  <a:gd name="connsiteY173" fmla="*/ 3013 h 10000"/>
                  <a:gd name="connsiteX174" fmla="*/ 4441 w 10000"/>
                  <a:gd name="connsiteY174" fmla="*/ 2939 h 10000"/>
                  <a:gd name="connsiteX175" fmla="*/ 4416 w 10000"/>
                  <a:gd name="connsiteY175" fmla="*/ 2866 h 10000"/>
                  <a:gd name="connsiteX176" fmla="*/ 4340 w 10000"/>
                  <a:gd name="connsiteY176" fmla="*/ 2836 h 10000"/>
                  <a:gd name="connsiteX177" fmla="*/ 4239 w 10000"/>
                  <a:gd name="connsiteY177" fmla="*/ 2836 h 10000"/>
                  <a:gd name="connsiteX178" fmla="*/ 4111 w 10000"/>
                  <a:gd name="connsiteY178" fmla="*/ 2866 h 10000"/>
                  <a:gd name="connsiteX179" fmla="*/ 4213 w 10000"/>
                  <a:gd name="connsiteY179" fmla="*/ 2777 h 10000"/>
                  <a:gd name="connsiteX180" fmla="*/ 4265 w 10000"/>
                  <a:gd name="connsiteY180" fmla="*/ 2674 h 10000"/>
                  <a:gd name="connsiteX181" fmla="*/ 4289 w 10000"/>
                  <a:gd name="connsiteY181" fmla="*/ 2541 h 10000"/>
                  <a:gd name="connsiteX182" fmla="*/ 4289 w 10000"/>
                  <a:gd name="connsiteY182" fmla="*/ 2393 h 10000"/>
                  <a:gd name="connsiteX183" fmla="*/ 4314 w 10000"/>
                  <a:gd name="connsiteY183" fmla="*/ 2349 h 10000"/>
                  <a:gd name="connsiteX184" fmla="*/ 4366 w 10000"/>
                  <a:gd name="connsiteY184" fmla="*/ 2304 h 10000"/>
                  <a:gd name="connsiteX185" fmla="*/ 4416 w 10000"/>
                  <a:gd name="connsiteY185" fmla="*/ 2290 h 10000"/>
                  <a:gd name="connsiteX186" fmla="*/ 4493 w 10000"/>
                  <a:gd name="connsiteY186" fmla="*/ 2275 h 10000"/>
                  <a:gd name="connsiteX187" fmla="*/ 4720 w 10000"/>
                  <a:gd name="connsiteY187" fmla="*/ 2260 h 10000"/>
                  <a:gd name="connsiteX188" fmla="*/ 4923 w 10000"/>
                  <a:gd name="connsiteY188" fmla="*/ 2275 h 10000"/>
                  <a:gd name="connsiteX189" fmla="*/ 4898 w 10000"/>
                  <a:gd name="connsiteY189" fmla="*/ 2112 h 10000"/>
                  <a:gd name="connsiteX190" fmla="*/ 4848 w 10000"/>
                  <a:gd name="connsiteY190" fmla="*/ 1950 h 10000"/>
                  <a:gd name="connsiteX191" fmla="*/ 4771 w 10000"/>
                  <a:gd name="connsiteY191" fmla="*/ 1802 h 10000"/>
                  <a:gd name="connsiteX192" fmla="*/ 4671 w 10000"/>
                  <a:gd name="connsiteY192" fmla="*/ 1640 h 10000"/>
                  <a:gd name="connsiteX193" fmla="*/ 4416 w 10000"/>
                  <a:gd name="connsiteY193" fmla="*/ 1329 h 10000"/>
                  <a:gd name="connsiteX194" fmla="*/ 4162 w 10000"/>
                  <a:gd name="connsiteY194" fmla="*/ 1034 h 10000"/>
                  <a:gd name="connsiteX195" fmla="*/ 4035 w 10000"/>
                  <a:gd name="connsiteY195" fmla="*/ 901 h 10000"/>
                  <a:gd name="connsiteX196" fmla="*/ 3935 w 10000"/>
                  <a:gd name="connsiteY196" fmla="*/ 753 h 10000"/>
                  <a:gd name="connsiteX197" fmla="*/ 3857 w 10000"/>
                  <a:gd name="connsiteY197" fmla="*/ 620 h 10000"/>
                  <a:gd name="connsiteX198" fmla="*/ 3832 w 10000"/>
                  <a:gd name="connsiteY198" fmla="*/ 487 h 10000"/>
                  <a:gd name="connsiteX199" fmla="*/ 3807 w 10000"/>
                  <a:gd name="connsiteY199" fmla="*/ 355 h 10000"/>
                  <a:gd name="connsiteX200" fmla="*/ 3857 w 10000"/>
                  <a:gd name="connsiteY200" fmla="*/ 222 h 10000"/>
                  <a:gd name="connsiteX201" fmla="*/ 3884 w 10000"/>
                  <a:gd name="connsiteY201" fmla="*/ 162 h 10000"/>
                  <a:gd name="connsiteX202" fmla="*/ 3935 w 10000"/>
                  <a:gd name="connsiteY202" fmla="*/ 103 h 10000"/>
                  <a:gd name="connsiteX203" fmla="*/ 4011 w 10000"/>
                  <a:gd name="connsiteY203" fmla="*/ 59 h 10000"/>
                  <a:gd name="connsiteX204" fmla="*/ 4111 w 10000"/>
                  <a:gd name="connsiteY204" fmla="*/ 0 h 10000"/>
                  <a:gd name="connsiteX205" fmla="*/ 4289 w 10000"/>
                  <a:gd name="connsiteY205" fmla="*/ 0 h 10000"/>
                  <a:gd name="connsiteX206" fmla="*/ 4468 w 10000"/>
                  <a:gd name="connsiteY206" fmla="*/ 15 h 10000"/>
                  <a:gd name="connsiteX207" fmla="*/ 4644 w 10000"/>
                  <a:gd name="connsiteY207" fmla="*/ 44 h 10000"/>
                  <a:gd name="connsiteX208" fmla="*/ 4771 w 10000"/>
                  <a:gd name="connsiteY208" fmla="*/ 89 h 10000"/>
                  <a:gd name="connsiteX209" fmla="*/ 4975 w 10000"/>
                  <a:gd name="connsiteY209" fmla="*/ 192 h 10000"/>
                  <a:gd name="connsiteX210" fmla="*/ 5177 w 10000"/>
                  <a:gd name="connsiteY210" fmla="*/ 340 h 10000"/>
                  <a:gd name="connsiteX211" fmla="*/ 5329 w 10000"/>
                  <a:gd name="connsiteY211" fmla="*/ 473 h 10000"/>
                  <a:gd name="connsiteX212" fmla="*/ 5532 w 10000"/>
                  <a:gd name="connsiteY212" fmla="*/ 591 h 10000"/>
                  <a:gd name="connsiteX213" fmla="*/ 5660 w 10000"/>
                  <a:gd name="connsiteY213" fmla="*/ 650 h 10000"/>
                  <a:gd name="connsiteX214" fmla="*/ 5812 w 10000"/>
                  <a:gd name="connsiteY214" fmla="*/ 679 h 10000"/>
                  <a:gd name="connsiteX215" fmla="*/ 5965 w 10000"/>
                  <a:gd name="connsiteY215" fmla="*/ 709 h 10000"/>
                  <a:gd name="connsiteX216" fmla="*/ 6168 w 10000"/>
                  <a:gd name="connsiteY216" fmla="*/ 709 h 10000"/>
                  <a:gd name="connsiteX217" fmla="*/ 6168 w 10000"/>
                  <a:gd name="connsiteY217" fmla="*/ 768 h 10000"/>
                  <a:gd name="connsiteX218" fmla="*/ 6193 w 10000"/>
                  <a:gd name="connsiteY218" fmla="*/ 842 h 10000"/>
                  <a:gd name="connsiteX219" fmla="*/ 6243 w 10000"/>
                  <a:gd name="connsiteY219" fmla="*/ 916 h 10000"/>
                  <a:gd name="connsiteX220" fmla="*/ 6294 w 10000"/>
                  <a:gd name="connsiteY220" fmla="*/ 990 h 10000"/>
                  <a:gd name="connsiteX221" fmla="*/ 6369 w 10000"/>
                  <a:gd name="connsiteY221" fmla="*/ 1049 h 10000"/>
                  <a:gd name="connsiteX222" fmla="*/ 6471 w 10000"/>
                  <a:gd name="connsiteY222" fmla="*/ 1108 h 10000"/>
                  <a:gd name="connsiteX223" fmla="*/ 6598 w 10000"/>
                  <a:gd name="connsiteY223" fmla="*/ 1182 h 10000"/>
                  <a:gd name="connsiteX224" fmla="*/ 6700 w 10000"/>
                  <a:gd name="connsiteY224" fmla="*/ 1226 h 10000"/>
                  <a:gd name="connsiteX225" fmla="*/ 6802 w 10000"/>
                  <a:gd name="connsiteY225" fmla="*/ 1270 h 10000"/>
                  <a:gd name="connsiteX226" fmla="*/ 6903 w 10000"/>
                  <a:gd name="connsiteY226" fmla="*/ 1300 h 10000"/>
                  <a:gd name="connsiteX227" fmla="*/ 7005 w 10000"/>
                  <a:gd name="connsiteY227" fmla="*/ 1315 h 10000"/>
                  <a:gd name="connsiteX228" fmla="*/ 7132 w 10000"/>
                  <a:gd name="connsiteY228" fmla="*/ 1300 h 10000"/>
                  <a:gd name="connsiteX229" fmla="*/ 7234 w 10000"/>
                  <a:gd name="connsiteY229" fmla="*/ 1285 h 10000"/>
                  <a:gd name="connsiteX230" fmla="*/ 7309 w 10000"/>
                  <a:gd name="connsiteY230" fmla="*/ 1241 h 10000"/>
                  <a:gd name="connsiteX231" fmla="*/ 7361 w 10000"/>
                  <a:gd name="connsiteY231" fmla="*/ 1167 h 10000"/>
                  <a:gd name="connsiteX232" fmla="*/ 7385 w 10000"/>
                  <a:gd name="connsiteY232" fmla="*/ 1064 h 10000"/>
                  <a:gd name="connsiteX233" fmla="*/ 7766 w 10000"/>
                  <a:gd name="connsiteY233" fmla="*/ 1034 h 10000"/>
                  <a:gd name="connsiteX234" fmla="*/ 8121 w 10000"/>
                  <a:gd name="connsiteY234" fmla="*/ 1004 h 10000"/>
                  <a:gd name="connsiteX235" fmla="*/ 8427 w 10000"/>
                  <a:gd name="connsiteY235" fmla="*/ 990 h 10000"/>
                  <a:gd name="connsiteX236" fmla="*/ 8706 w 10000"/>
                  <a:gd name="connsiteY236" fmla="*/ 1004 h 10000"/>
                  <a:gd name="connsiteX237" fmla="*/ 8833 w 10000"/>
                  <a:gd name="connsiteY237" fmla="*/ 1019 h 10000"/>
                  <a:gd name="connsiteX238" fmla="*/ 8958 w 10000"/>
                  <a:gd name="connsiteY238" fmla="*/ 1034 h 10000"/>
                  <a:gd name="connsiteX239" fmla="*/ 9061 w 10000"/>
                  <a:gd name="connsiteY239" fmla="*/ 1064 h 10000"/>
                  <a:gd name="connsiteX240" fmla="*/ 9188 w 10000"/>
                  <a:gd name="connsiteY240" fmla="*/ 1108 h 10000"/>
                  <a:gd name="connsiteX241" fmla="*/ 9264 w 10000"/>
                  <a:gd name="connsiteY241" fmla="*/ 1182 h 10000"/>
                  <a:gd name="connsiteX242" fmla="*/ 9339 w 10000"/>
                  <a:gd name="connsiteY242" fmla="*/ 1241 h 10000"/>
                  <a:gd name="connsiteX243" fmla="*/ 9391 w 10000"/>
                  <a:gd name="connsiteY243" fmla="*/ 1329 h 10000"/>
                  <a:gd name="connsiteX244" fmla="*/ 9442 w 10000"/>
                  <a:gd name="connsiteY244" fmla="*/ 1433 h 10000"/>
                  <a:gd name="connsiteX245" fmla="*/ 9492 w 10000"/>
                  <a:gd name="connsiteY245" fmla="*/ 1551 h 10000"/>
                  <a:gd name="connsiteX246" fmla="*/ 9466 w 10000"/>
                  <a:gd name="connsiteY246" fmla="*/ 1625 h 10000"/>
                  <a:gd name="connsiteX247" fmla="*/ 9442 w 10000"/>
                  <a:gd name="connsiteY247" fmla="*/ 1684 h 10000"/>
                  <a:gd name="connsiteX248" fmla="*/ 9391 w 10000"/>
                  <a:gd name="connsiteY248" fmla="*/ 1758 h 10000"/>
                  <a:gd name="connsiteX249" fmla="*/ 9315 w 10000"/>
                  <a:gd name="connsiteY249" fmla="*/ 1802 h 10000"/>
                  <a:gd name="connsiteX250" fmla="*/ 9264 w 10000"/>
                  <a:gd name="connsiteY250" fmla="*/ 1861 h 10000"/>
                  <a:gd name="connsiteX251" fmla="*/ 9240 w 10000"/>
                  <a:gd name="connsiteY251" fmla="*/ 1935 h 10000"/>
                  <a:gd name="connsiteX252" fmla="*/ 9264 w 10000"/>
                  <a:gd name="connsiteY252" fmla="*/ 2024 h 10000"/>
                  <a:gd name="connsiteX253" fmla="*/ 9543 w 10000"/>
                  <a:gd name="connsiteY253" fmla="*/ 2157 h 10000"/>
                  <a:gd name="connsiteX254" fmla="*/ 9873 w 10000"/>
                  <a:gd name="connsiteY254" fmla="*/ 2275 h 10000"/>
                  <a:gd name="connsiteX255" fmla="*/ 10000 w 10000"/>
                  <a:gd name="connsiteY255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369 w 10000"/>
                  <a:gd name="connsiteY5" fmla="*/ 4313 h 10000"/>
                  <a:gd name="connsiteX6" fmla="*/ 7383 w 10000"/>
                  <a:gd name="connsiteY6" fmla="*/ 3894 h 10000"/>
                  <a:gd name="connsiteX7" fmla="*/ 8984 w 10000"/>
                  <a:gd name="connsiteY7" fmla="*/ 3412 h 10000"/>
                  <a:gd name="connsiteX8" fmla="*/ 9188 w 10000"/>
                  <a:gd name="connsiteY8" fmla="*/ 3338 h 10000"/>
                  <a:gd name="connsiteX9" fmla="*/ 9415 w 10000"/>
                  <a:gd name="connsiteY9" fmla="*/ 3117 h 10000"/>
                  <a:gd name="connsiteX10" fmla="*/ 9442 w 10000"/>
                  <a:gd name="connsiteY10" fmla="*/ 3072 h 10000"/>
                  <a:gd name="connsiteX11" fmla="*/ 9466 w 10000"/>
                  <a:gd name="connsiteY11" fmla="*/ 3013 h 10000"/>
                  <a:gd name="connsiteX12" fmla="*/ 9466 w 10000"/>
                  <a:gd name="connsiteY12" fmla="*/ 2954 h 10000"/>
                  <a:gd name="connsiteX13" fmla="*/ 9442 w 10000"/>
                  <a:gd name="connsiteY13" fmla="*/ 2866 h 10000"/>
                  <a:gd name="connsiteX14" fmla="*/ 9264 w 10000"/>
                  <a:gd name="connsiteY14" fmla="*/ 2984 h 10000"/>
                  <a:gd name="connsiteX15" fmla="*/ 9061 w 10000"/>
                  <a:gd name="connsiteY15" fmla="*/ 3072 h 10000"/>
                  <a:gd name="connsiteX16" fmla="*/ 8197 w 10000"/>
                  <a:gd name="connsiteY16" fmla="*/ 3397 h 10000"/>
                  <a:gd name="connsiteX17" fmla="*/ 7716 w 10000"/>
                  <a:gd name="connsiteY17" fmla="*/ 3545 h 10000"/>
                  <a:gd name="connsiteX18" fmla="*/ 6345 w 10000"/>
                  <a:gd name="connsiteY18" fmla="*/ 4003 h 10000"/>
                  <a:gd name="connsiteX19" fmla="*/ 6143 w 10000"/>
                  <a:gd name="connsiteY19" fmla="*/ 4106 h 10000"/>
                  <a:gd name="connsiteX20" fmla="*/ 5938 w 10000"/>
                  <a:gd name="connsiteY20" fmla="*/ 4195 h 10000"/>
                  <a:gd name="connsiteX21" fmla="*/ 6091 w 10000"/>
                  <a:gd name="connsiteY21" fmla="*/ 4417 h 10000"/>
                  <a:gd name="connsiteX22" fmla="*/ 6421 w 10000"/>
                  <a:gd name="connsiteY22" fmla="*/ 5318 h 10000"/>
                  <a:gd name="connsiteX23" fmla="*/ 6447 w 10000"/>
                  <a:gd name="connsiteY23" fmla="*/ 5539 h 10000"/>
                  <a:gd name="connsiteX24" fmla="*/ 6471 w 10000"/>
                  <a:gd name="connsiteY24" fmla="*/ 5775 h 10000"/>
                  <a:gd name="connsiteX25" fmla="*/ 6471 w 10000"/>
                  <a:gd name="connsiteY25" fmla="*/ 5997 h 10000"/>
                  <a:gd name="connsiteX26" fmla="*/ 6447 w 10000"/>
                  <a:gd name="connsiteY26" fmla="*/ 6233 h 10000"/>
                  <a:gd name="connsiteX27" fmla="*/ 6396 w 10000"/>
                  <a:gd name="connsiteY27" fmla="*/ 6470 h 10000"/>
                  <a:gd name="connsiteX28" fmla="*/ 6345 w 10000"/>
                  <a:gd name="connsiteY28" fmla="*/ 6677 h 10000"/>
                  <a:gd name="connsiteX29" fmla="*/ 6269 w 10000"/>
                  <a:gd name="connsiteY29" fmla="*/ 6898 h 10000"/>
                  <a:gd name="connsiteX30" fmla="*/ 6168 w 10000"/>
                  <a:gd name="connsiteY30" fmla="*/ 7105 h 10000"/>
                  <a:gd name="connsiteX31" fmla="*/ 6041 w 10000"/>
                  <a:gd name="connsiteY31" fmla="*/ 7297 h 10000"/>
                  <a:gd name="connsiteX32" fmla="*/ 5888 w 10000"/>
                  <a:gd name="connsiteY32" fmla="*/ 7489 h 10000"/>
                  <a:gd name="connsiteX33" fmla="*/ 5735 w 10000"/>
                  <a:gd name="connsiteY33" fmla="*/ 7681 h 10000"/>
                  <a:gd name="connsiteX34" fmla="*/ 6471 w 10000"/>
                  <a:gd name="connsiteY34" fmla="*/ 7799 h 10000"/>
                  <a:gd name="connsiteX35" fmla="*/ 7234 w 10000"/>
                  <a:gd name="connsiteY35" fmla="*/ 7962 h 10000"/>
                  <a:gd name="connsiteX36" fmla="*/ 7385 w 10000"/>
                  <a:gd name="connsiteY36" fmla="*/ 8021 h 10000"/>
                  <a:gd name="connsiteX37" fmla="*/ 7512 w 10000"/>
                  <a:gd name="connsiteY37" fmla="*/ 8080 h 10000"/>
                  <a:gd name="connsiteX38" fmla="*/ 7639 w 10000"/>
                  <a:gd name="connsiteY38" fmla="*/ 8139 h 10000"/>
                  <a:gd name="connsiteX39" fmla="*/ 7716 w 10000"/>
                  <a:gd name="connsiteY39" fmla="*/ 8227 h 10000"/>
                  <a:gd name="connsiteX40" fmla="*/ 7741 w 10000"/>
                  <a:gd name="connsiteY40" fmla="*/ 8301 h 10000"/>
                  <a:gd name="connsiteX41" fmla="*/ 7741 w 10000"/>
                  <a:gd name="connsiteY41" fmla="*/ 8405 h 10000"/>
                  <a:gd name="connsiteX42" fmla="*/ 7691 w 10000"/>
                  <a:gd name="connsiteY42" fmla="*/ 8523 h 10000"/>
                  <a:gd name="connsiteX43" fmla="*/ 7614 w 10000"/>
                  <a:gd name="connsiteY43" fmla="*/ 8641 h 10000"/>
                  <a:gd name="connsiteX44" fmla="*/ 7284 w 10000"/>
                  <a:gd name="connsiteY44" fmla="*/ 8552 h 10000"/>
                  <a:gd name="connsiteX45" fmla="*/ 6979 w 10000"/>
                  <a:gd name="connsiteY45" fmla="*/ 8449 h 10000"/>
                  <a:gd name="connsiteX46" fmla="*/ 6674 w 10000"/>
                  <a:gd name="connsiteY46" fmla="*/ 8360 h 10000"/>
                  <a:gd name="connsiteX47" fmla="*/ 6369 w 10000"/>
                  <a:gd name="connsiteY47" fmla="*/ 8287 h 10000"/>
                  <a:gd name="connsiteX48" fmla="*/ 6243 w 10000"/>
                  <a:gd name="connsiteY48" fmla="*/ 8449 h 10000"/>
                  <a:gd name="connsiteX49" fmla="*/ 6143 w 10000"/>
                  <a:gd name="connsiteY49" fmla="*/ 8597 h 10000"/>
                  <a:gd name="connsiteX50" fmla="*/ 6091 w 10000"/>
                  <a:gd name="connsiteY50" fmla="*/ 8656 h 10000"/>
                  <a:gd name="connsiteX51" fmla="*/ 5989 w 10000"/>
                  <a:gd name="connsiteY51" fmla="*/ 8700 h 10000"/>
                  <a:gd name="connsiteX52" fmla="*/ 5914 w 10000"/>
                  <a:gd name="connsiteY52" fmla="*/ 8744 h 10000"/>
                  <a:gd name="connsiteX53" fmla="*/ 5838 w 10000"/>
                  <a:gd name="connsiteY53" fmla="*/ 8774 h 10000"/>
                  <a:gd name="connsiteX54" fmla="*/ 5761 w 10000"/>
                  <a:gd name="connsiteY54" fmla="*/ 8804 h 10000"/>
                  <a:gd name="connsiteX55" fmla="*/ 5660 w 10000"/>
                  <a:gd name="connsiteY55" fmla="*/ 8818 h 10000"/>
                  <a:gd name="connsiteX56" fmla="*/ 5532 w 10000"/>
                  <a:gd name="connsiteY56" fmla="*/ 8833 h 10000"/>
                  <a:gd name="connsiteX57" fmla="*/ 5406 w 10000"/>
                  <a:gd name="connsiteY57" fmla="*/ 8833 h 10000"/>
                  <a:gd name="connsiteX58" fmla="*/ 5102 w 10000"/>
                  <a:gd name="connsiteY58" fmla="*/ 8818 h 10000"/>
                  <a:gd name="connsiteX59" fmla="*/ 4720 w 10000"/>
                  <a:gd name="connsiteY59" fmla="*/ 8744 h 10000"/>
                  <a:gd name="connsiteX60" fmla="*/ 4720 w 10000"/>
                  <a:gd name="connsiteY60" fmla="*/ 8922 h 10000"/>
                  <a:gd name="connsiteX61" fmla="*/ 4695 w 10000"/>
                  <a:gd name="connsiteY61" fmla="*/ 9069 h 10000"/>
                  <a:gd name="connsiteX62" fmla="*/ 4671 w 10000"/>
                  <a:gd name="connsiteY62" fmla="*/ 9232 h 10000"/>
                  <a:gd name="connsiteX63" fmla="*/ 4644 w 10000"/>
                  <a:gd name="connsiteY63" fmla="*/ 9365 h 10000"/>
                  <a:gd name="connsiteX64" fmla="*/ 4593 w 10000"/>
                  <a:gd name="connsiteY64" fmla="*/ 9498 h 10000"/>
                  <a:gd name="connsiteX65" fmla="*/ 4493 w 10000"/>
                  <a:gd name="connsiteY65" fmla="*/ 9616 h 10000"/>
                  <a:gd name="connsiteX66" fmla="*/ 4416 w 10000"/>
                  <a:gd name="connsiteY66" fmla="*/ 9734 h 10000"/>
                  <a:gd name="connsiteX67" fmla="*/ 4289 w 10000"/>
                  <a:gd name="connsiteY67" fmla="*/ 9838 h 10000"/>
                  <a:gd name="connsiteX68" fmla="*/ 3983 w 10000"/>
                  <a:gd name="connsiteY68" fmla="*/ 9897 h 10000"/>
                  <a:gd name="connsiteX69" fmla="*/ 3731 w 10000"/>
                  <a:gd name="connsiteY69" fmla="*/ 9941 h 10000"/>
                  <a:gd name="connsiteX70" fmla="*/ 3426 w 10000"/>
                  <a:gd name="connsiteY70" fmla="*/ 9985 h 10000"/>
                  <a:gd name="connsiteX71" fmla="*/ 3198 w 10000"/>
                  <a:gd name="connsiteY71" fmla="*/ 10000 h 10000"/>
                  <a:gd name="connsiteX72" fmla="*/ 2690 w 10000"/>
                  <a:gd name="connsiteY72" fmla="*/ 10000 h 10000"/>
                  <a:gd name="connsiteX73" fmla="*/ 2208 w 10000"/>
                  <a:gd name="connsiteY73" fmla="*/ 9985 h 10000"/>
                  <a:gd name="connsiteX74" fmla="*/ 1752 w 10000"/>
                  <a:gd name="connsiteY74" fmla="*/ 9941 h 10000"/>
                  <a:gd name="connsiteX75" fmla="*/ 1270 w 10000"/>
                  <a:gd name="connsiteY75" fmla="*/ 9911 h 10000"/>
                  <a:gd name="connsiteX76" fmla="*/ 990 w 10000"/>
                  <a:gd name="connsiteY76" fmla="*/ 9911 h 10000"/>
                  <a:gd name="connsiteX77" fmla="*/ 736 w 10000"/>
                  <a:gd name="connsiteY77" fmla="*/ 9911 h 10000"/>
                  <a:gd name="connsiteX78" fmla="*/ 457 w 10000"/>
                  <a:gd name="connsiteY78" fmla="*/ 9926 h 10000"/>
                  <a:gd name="connsiteX79" fmla="*/ 178 w 10000"/>
                  <a:gd name="connsiteY79" fmla="*/ 9970 h 10000"/>
                  <a:gd name="connsiteX80" fmla="*/ 102 w 10000"/>
                  <a:gd name="connsiteY80" fmla="*/ 9867 h 10000"/>
                  <a:gd name="connsiteX81" fmla="*/ 51 w 10000"/>
                  <a:gd name="connsiteY81" fmla="*/ 9793 h 10000"/>
                  <a:gd name="connsiteX82" fmla="*/ 0 w 10000"/>
                  <a:gd name="connsiteY82" fmla="*/ 9705 h 10000"/>
                  <a:gd name="connsiteX83" fmla="*/ 0 w 10000"/>
                  <a:gd name="connsiteY83" fmla="*/ 9601 h 10000"/>
                  <a:gd name="connsiteX84" fmla="*/ 51 w 10000"/>
                  <a:gd name="connsiteY84" fmla="*/ 9424 h 10000"/>
                  <a:gd name="connsiteX85" fmla="*/ 102 w 10000"/>
                  <a:gd name="connsiteY85" fmla="*/ 9202 h 10000"/>
                  <a:gd name="connsiteX86" fmla="*/ 151 w 10000"/>
                  <a:gd name="connsiteY86" fmla="*/ 8996 h 10000"/>
                  <a:gd name="connsiteX87" fmla="*/ 203 w 10000"/>
                  <a:gd name="connsiteY87" fmla="*/ 8759 h 10000"/>
                  <a:gd name="connsiteX88" fmla="*/ 228 w 10000"/>
                  <a:gd name="connsiteY88" fmla="*/ 8641 h 10000"/>
                  <a:gd name="connsiteX89" fmla="*/ 228 w 10000"/>
                  <a:gd name="connsiteY89" fmla="*/ 8538 h 10000"/>
                  <a:gd name="connsiteX90" fmla="*/ 203 w 10000"/>
                  <a:gd name="connsiteY90" fmla="*/ 8405 h 10000"/>
                  <a:gd name="connsiteX91" fmla="*/ 178 w 10000"/>
                  <a:gd name="connsiteY91" fmla="*/ 8287 h 10000"/>
                  <a:gd name="connsiteX92" fmla="*/ 431 w 10000"/>
                  <a:gd name="connsiteY92" fmla="*/ 8213 h 10000"/>
                  <a:gd name="connsiteX93" fmla="*/ 685 w 10000"/>
                  <a:gd name="connsiteY93" fmla="*/ 8139 h 10000"/>
                  <a:gd name="connsiteX94" fmla="*/ 939 w 10000"/>
                  <a:gd name="connsiteY94" fmla="*/ 8095 h 10000"/>
                  <a:gd name="connsiteX95" fmla="*/ 1218 w 10000"/>
                  <a:gd name="connsiteY95" fmla="*/ 8065 h 10000"/>
                  <a:gd name="connsiteX96" fmla="*/ 1725 w 10000"/>
                  <a:gd name="connsiteY96" fmla="*/ 8021 h 10000"/>
                  <a:gd name="connsiteX97" fmla="*/ 2234 w 10000"/>
                  <a:gd name="connsiteY97" fmla="*/ 7976 h 10000"/>
                  <a:gd name="connsiteX98" fmla="*/ 2462 w 10000"/>
                  <a:gd name="connsiteY98" fmla="*/ 7947 h 10000"/>
                  <a:gd name="connsiteX99" fmla="*/ 2690 w 10000"/>
                  <a:gd name="connsiteY99" fmla="*/ 7917 h 10000"/>
                  <a:gd name="connsiteX100" fmla="*/ 2892 w 10000"/>
                  <a:gd name="connsiteY100" fmla="*/ 7843 h 10000"/>
                  <a:gd name="connsiteX101" fmla="*/ 3096 w 10000"/>
                  <a:gd name="connsiteY101" fmla="*/ 7784 h 10000"/>
                  <a:gd name="connsiteX102" fmla="*/ 3274 w 10000"/>
                  <a:gd name="connsiteY102" fmla="*/ 7710 h 10000"/>
                  <a:gd name="connsiteX103" fmla="*/ 3426 w 10000"/>
                  <a:gd name="connsiteY103" fmla="*/ 7592 h 10000"/>
                  <a:gd name="connsiteX104" fmla="*/ 3579 w 10000"/>
                  <a:gd name="connsiteY104" fmla="*/ 7474 h 10000"/>
                  <a:gd name="connsiteX105" fmla="*/ 3680 w 10000"/>
                  <a:gd name="connsiteY105" fmla="*/ 7312 h 10000"/>
                  <a:gd name="connsiteX106" fmla="*/ 3477 w 10000"/>
                  <a:gd name="connsiteY106" fmla="*/ 7238 h 10000"/>
                  <a:gd name="connsiteX107" fmla="*/ 3299 w 10000"/>
                  <a:gd name="connsiteY107" fmla="*/ 7179 h 10000"/>
                  <a:gd name="connsiteX108" fmla="*/ 3147 w 10000"/>
                  <a:gd name="connsiteY108" fmla="*/ 7090 h 10000"/>
                  <a:gd name="connsiteX109" fmla="*/ 2995 w 10000"/>
                  <a:gd name="connsiteY109" fmla="*/ 6987 h 10000"/>
                  <a:gd name="connsiteX110" fmla="*/ 2892 w 10000"/>
                  <a:gd name="connsiteY110" fmla="*/ 6869 h 10000"/>
                  <a:gd name="connsiteX111" fmla="*/ 2843 w 10000"/>
                  <a:gd name="connsiteY111" fmla="*/ 6721 h 10000"/>
                  <a:gd name="connsiteX112" fmla="*/ 2817 w 10000"/>
                  <a:gd name="connsiteY112" fmla="*/ 6558 h 10000"/>
                  <a:gd name="connsiteX113" fmla="*/ 2843 w 10000"/>
                  <a:gd name="connsiteY113" fmla="*/ 6352 h 10000"/>
                  <a:gd name="connsiteX114" fmla="*/ 2716 w 10000"/>
                  <a:gd name="connsiteY114" fmla="*/ 6322 h 10000"/>
                  <a:gd name="connsiteX115" fmla="*/ 2564 w 10000"/>
                  <a:gd name="connsiteY115" fmla="*/ 6292 h 10000"/>
                  <a:gd name="connsiteX116" fmla="*/ 2386 w 10000"/>
                  <a:gd name="connsiteY116" fmla="*/ 6278 h 10000"/>
                  <a:gd name="connsiteX117" fmla="*/ 2208 w 10000"/>
                  <a:gd name="connsiteY117" fmla="*/ 6263 h 10000"/>
                  <a:gd name="connsiteX118" fmla="*/ 1853 w 10000"/>
                  <a:gd name="connsiteY118" fmla="*/ 6248 h 10000"/>
                  <a:gd name="connsiteX119" fmla="*/ 1472 w 10000"/>
                  <a:gd name="connsiteY119" fmla="*/ 6263 h 10000"/>
                  <a:gd name="connsiteX120" fmla="*/ 1143 w 10000"/>
                  <a:gd name="connsiteY120" fmla="*/ 6278 h 10000"/>
                  <a:gd name="connsiteX121" fmla="*/ 837 w 10000"/>
                  <a:gd name="connsiteY121" fmla="*/ 6278 h 10000"/>
                  <a:gd name="connsiteX122" fmla="*/ 585 w 10000"/>
                  <a:gd name="connsiteY122" fmla="*/ 6263 h 10000"/>
                  <a:gd name="connsiteX123" fmla="*/ 381 w 10000"/>
                  <a:gd name="connsiteY123" fmla="*/ 6233 h 10000"/>
                  <a:gd name="connsiteX124" fmla="*/ 633 w 10000"/>
                  <a:gd name="connsiteY124" fmla="*/ 5805 h 10000"/>
                  <a:gd name="connsiteX125" fmla="*/ 914 w 10000"/>
                  <a:gd name="connsiteY125" fmla="*/ 5391 h 10000"/>
                  <a:gd name="connsiteX126" fmla="*/ 1016 w 10000"/>
                  <a:gd name="connsiteY126" fmla="*/ 5170 h 10000"/>
                  <a:gd name="connsiteX127" fmla="*/ 1091 w 10000"/>
                  <a:gd name="connsiteY127" fmla="*/ 4963 h 10000"/>
                  <a:gd name="connsiteX128" fmla="*/ 1116 w 10000"/>
                  <a:gd name="connsiteY128" fmla="*/ 4860 h 10000"/>
                  <a:gd name="connsiteX129" fmla="*/ 1091 w 10000"/>
                  <a:gd name="connsiteY129" fmla="*/ 4756 h 10000"/>
                  <a:gd name="connsiteX130" fmla="*/ 1066 w 10000"/>
                  <a:gd name="connsiteY130" fmla="*/ 4653 h 10000"/>
                  <a:gd name="connsiteX131" fmla="*/ 990 w 10000"/>
                  <a:gd name="connsiteY131" fmla="*/ 4549 h 10000"/>
                  <a:gd name="connsiteX132" fmla="*/ 1270 w 10000"/>
                  <a:gd name="connsiteY132" fmla="*/ 4520 h 10000"/>
                  <a:gd name="connsiteX133" fmla="*/ 1472 w 10000"/>
                  <a:gd name="connsiteY133" fmla="*/ 4505 h 10000"/>
                  <a:gd name="connsiteX134" fmla="*/ 1650 w 10000"/>
                  <a:gd name="connsiteY134" fmla="*/ 4505 h 10000"/>
                  <a:gd name="connsiteX135" fmla="*/ 1802 w 10000"/>
                  <a:gd name="connsiteY135" fmla="*/ 4520 h 10000"/>
                  <a:gd name="connsiteX136" fmla="*/ 1929 w 10000"/>
                  <a:gd name="connsiteY136" fmla="*/ 4520 h 10000"/>
                  <a:gd name="connsiteX137" fmla="*/ 2081 w 10000"/>
                  <a:gd name="connsiteY137" fmla="*/ 4520 h 10000"/>
                  <a:gd name="connsiteX138" fmla="*/ 2234 w 10000"/>
                  <a:gd name="connsiteY138" fmla="*/ 4490 h 10000"/>
                  <a:gd name="connsiteX139" fmla="*/ 2436 w 10000"/>
                  <a:gd name="connsiteY139" fmla="*/ 4446 h 10000"/>
                  <a:gd name="connsiteX140" fmla="*/ 2436 w 10000"/>
                  <a:gd name="connsiteY140" fmla="*/ 4579 h 10000"/>
                  <a:gd name="connsiteX141" fmla="*/ 2436 w 10000"/>
                  <a:gd name="connsiteY141" fmla="*/ 4742 h 10000"/>
                  <a:gd name="connsiteX142" fmla="*/ 2436 w 10000"/>
                  <a:gd name="connsiteY142" fmla="*/ 4874 h 10000"/>
                  <a:gd name="connsiteX143" fmla="*/ 2436 w 10000"/>
                  <a:gd name="connsiteY143" fmla="*/ 5037 h 10000"/>
                  <a:gd name="connsiteX144" fmla="*/ 2665 w 10000"/>
                  <a:gd name="connsiteY144" fmla="*/ 5022 h 10000"/>
                  <a:gd name="connsiteX145" fmla="*/ 2817 w 10000"/>
                  <a:gd name="connsiteY145" fmla="*/ 5037 h 10000"/>
                  <a:gd name="connsiteX146" fmla="*/ 2944 w 10000"/>
                  <a:gd name="connsiteY146" fmla="*/ 5066 h 10000"/>
                  <a:gd name="connsiteX147" fmla="*/ 3071 w 10000"/>
                  <a:gd name="connsiteY147" fmla="*/ 5096 h 10000"/>
                  <a:gd name="connsiteX148" fmla="*/ 3173 w 10000"/>
                  <a:gd name="connsiteY148" fmla="*/ 5126 h 10000"/>
                  <a:gd name="connsiteX149" fmla="*/ 3299 w 10000"/>
                  <a:gd name="connsiteY149" fmla="*/ 5155 h 10000"/>
                  <a:gd name="connsiteX150" fmla="*/ 3452 w 10000"/>
                  <a:gd name="connsiteY150" fmla="*/ 5170 h 10000"/>
                  <a:gd name="connsiteX151" fmla="*/ 3680 w 10000"/>
                  <a:gd name="connsiteY151" fmla="*/ 5155 h 10000"/>
                  <a:gd name="connsiteX152" fmla="*/ 3757 w 10000"/>
                  <a:gd name="connsiteY152" fmla="*/ 5096 h 10000"/>
                  <a:gd name="connsiteX153" fmla="*/ 3832 w 10000"/>
                  <a:gd name="connsiteY153" fmla="*/ 5022 h 10000"/>
                  <a:gd name="connsiteX154" fmla="*/ 3857 w 10000"/>
                  <a:gd name="connsiteY154" fmla="*/ 4934 h 10000"/>
                  <a:gd name="connsiteX155" fmla="*/ 3884 w 10000"/>
                  <a:gd name="connsiteY155" fmla="*/ 4860 h 10000"/>
                  <a:gd name="connsiteX156" fmla="*/ 3908 w 10000"/>
                  <a:gd name="connsiteY156" fmla="*/ 4697 h 10000"/>
                  <a:gd name="connsiteX157" fmla="*/ 3884 w 10000"/>
                  <a:gd name="connsiteY157" fmla="*/ 4520 h 10000"/>
                  <a:gd name="connsiteX158" fmla="*/ 3807 w 10000"/>
                  <a:gd name="connsiteY158" fmla="*/ 4343 h 10000"/>
                  <a:gd name="connsiteX159" fmla="*/ 3731 w 10000"/>
                  <a:gd name="connsiteY159" fmla="*/ 4195 h 10000"/>
                  <a:gd name="connsiteX160" fmla="*/ 3604 w 10000"/>
                  <a:gd name="connsiteY160" fmla="*/ 4047 h 10000"/>
                  <a:gd name="connsiteX161" fmla="*/ 3477 w 10000"/>
                  <a:gd name="connsiteY161" fmla="*/ 3959 h 10000"/>
                  <a:gd name="connsiteX162" fmla="*/ 3629 w 10000"/>
                  <a:gd name="connsiteY162" fmla="*/ 3944 h 10000"/>
                  <a:gd name="connsiteX163" fmla="*/ 3757 w 10000"/>
                  <a:gd name="connsiteY163" fmla="*/ 3914 h 10000"/>
                  <a:gd name="connsiteX164" fmla="*/ 3857 w 10000"/>
                  <a:gd name="connsiteY164" fmla="*/ 3855 h 10000"/>
                  <a:gd name="connsiteX165" fmla="*/ 3983 w 10000"/>
                  <a:gd name="connsiteY165" fmla="*/ 3752 h 10000"/>
                  <a:gd name="connsiteX166" fmla="*/ 4111 w 10000"/>
                  <a:gd name="connsiteY166" fmla="*/ 3663 h 10000"/>
                  <a:gd name="connsiteX167" fmla="*/ 4213 w 10000"/>
                  <a:gd name="connsiteY167" fmla="*/ 3560 h 10000"/>
                  <a:gd name="connsiteX168" fmla="*/ 4289 w 10000"/>
                  <a:gd name="connsiteY168" fmla="*/ 3442 h 10000"/>
                  <a:gd name="connsiteX169" fmla="*/ 4366 w 10000"/>
                  <a:gd name="connsiteY169" fmla="*/ 3323 h 10000"/>
                  <a:gd name="connsiteX170" fmla="*/ 4416 w 10000"/>
                  <a:gd name="connsiteY170" fmla="*/ 3220 h 10000"/>
                  <a:gd name="connsiteX171" fmla="*/ 4441 w 10000"/>
                  <a:gd name="connsiteY171" fmla="*/ 3102 h 10000"/>
                  <a:gd name="connsiteX172" fmla="*/ 4468 w 10000"/>
                  <a:gd name="connsiteY172" fmla="*/ 3013 h 10000"/>
                  <a:gd name="connsiteX173" fmla="*/ 4441 w 10000"/>
                  <a:gd name="connsiteY173" fmla="*/ 2939 h 10000"/>
                  <a:gd name="connsiteX174" fmla="*/ 4416 w 10000"/>
                  <a:gd name="connsiteY174" fmla="*/ 2866 h 10000"/>
                  <a:gd name="connsiteX175" fmla="*/ 4340 w 10000"/>
                  <a:gd name="connsiteY175" fmla="*/ 2836 h 10000"/>
                  <a:gd name="connsiteX176" fmla="*/ 4239 w 10000"/>
                  <a:gd name="connsiteY176" fmla="*/ 2836 h 10000"/>
                  <a:gd name="connsiteX177" fmla="*/ 4111 w 10000"/>
                  <a:gd name="connsiteY177" fmla="*/ 2866 h 10000"/>
                  <a:gd name="connsiteX178" fmla="*/ 4213 w 10000"/>
                  <a:gd name="connsiteY178" fmla="*/ 2777 h 10000"/>
                  <a:gd name="connsiteX179" fmla="*/ 4265 w 10000"/>
                  <a:gd name="connsiteY179" fmla="*/ 2674 h 10000"/>
                  <a:gd name="connsiteX180" fmla="*/ 4289 w 10000"/>
                  <a:gd name="connsiteY180" fmla="*/ 2541 h 10000"/>
                  <a:gd name="connsiteX181" fmla="*/ 4289 w 10000"/>
                  <a:gd name="connsiteY181" fmla="*/ 2393 h 10000"/>
                  <a:gd name="connsiteX182" fmla="*/ 4314 w 10000"/>
                  <a:gd name="connsiteY182" fmla="*/ 2349 h 10000"/>
                  <a:gd name="connsiteX183" fmla="*/ 4366 w 10000"/>
                  <a:gd name="connsiteY183" fmla="*/ 2304 h 10000"/>
                  <a:gd name="connsiteX184" fmla="*/ 4416 w 10000"/>
                  <a:gd name="connsiteY184" fmla="*/ 2290 h 10000"/>
                  <a:gd name="connsiteX185" fmla="*/ 4493 w 10000"/>
                  <a:gd name="connsiteY185" fmla="*/ 2275 h 10000"/>
                  <a:gd name="connsiteX186" fmla="*/ 4720 w 10000"/>
                  <a:gd name="connsiteY186" fmla="*/ 2260 h 10000"/>
                  <a:gd name="connsiteX187" fmla="*/ 4923 w 10000"/>
                  <a:gd name="connsiteY187" fmla="*/ 2275 h 10000"/>
                  <a:gd name="connsiteX188" fmla="*/ 4898 w 10000"/>
                  <a:gd name="connsiteY188" fmla="*/ 2112 h 10000"/>
                  <a:gd name="connsiteX189" fmla="*/ 4848 w 10000"/>
                  <a:gd name="connsiteY189" fmla="*/ 1950 h 10000"/>
                  <a:gd name="connsiteX190" fmla="*/ 4771 w 10000"/>
                  <a:gd name="connsiteY190" fmla="*/ 1802 h 10000"/>
                  <a:gd name="connsiteX191" fmla="*/ 4671 w 10000"/>
                  <a:gd name="connsiteY191" fmla="*/ 1640 h 10000"/>
                  <a:gd name="connsiteX192" fmla="*/ 4416 w 10000"/>
                  <a:gd name="connsiteY192" fmla="*/ 1329 h 10000"/>
                  <a:gd name="connsiteX193" fmla="*/ 4162 w 10000"/>
                  <a:gd name="connsiteY193" fmla="*/ 1034 h 10000"/>
                  <a:gd name="connsiteX194" fmla="*/ 4035 w 10000"/>
                  <a:gd name="connsiteY194" fmla="*/ 901 h 10000"/>
                  <a:gd name="connsiteX195" fmla="*/ 3935 w 10000"/>
                  <a:gd name="connsiteY195" fmla="*/ 753 h 10000"/>
                  <a:gd name="connsiteX196" fmla="*/ 3857 w 10000"/>
                  <a:gd name="connsiteY196" fmla="*/ 620 h 10000"/>
                  <a:gd name="connsiteX197" fmla="*/ 3832 w 10000"/>
                  <a:gd name="connsiteY197" fmla="*/ 487 h 10000"/>
                  <a:gd name="connsiteX198" fmla="*/ 3807 w 10000"/>
                  <a:gd name="connsiteY198" fmla="*/ 355 h 10000"/>
                  <a:gd name="connsiteX199" fmla="*/ 3857 w 10000"/>
                  <a:gd name="connsiteY199" fmla="*/ 222 h 10000"/>
                  <a:gd name="connsiteX200" fmla="*/ 3884 w 10000"/>
                  <a:gd name="connsiteY200" fmla="*/ 162 h 10000"/>
                  <a:gd name="connsiteX201" fmla="*/ 3935 w 10000"/>
                  <a:gd name="connsiteY201" fmla="*/ 103 h 10000"/>
                  <a:gd name="connsiteX202" fmla="*/ 4011 w 10000"/>
                  <a:gd name="connsiteY202" fmla="*/ 59 h 10000"/>
                  <a:gd name="connsiteX203" fmla="*/ 4111 w 10000"/>
                  <a:gd name="connsiteY203" fmla="*/ 0 h 10000"/>
                  <a:gd name="connsiteX204" fmla="*/ 4289 w 10000"/>
                  <a:gd name="connsiteY204" fmla="*/ 0 h 10000"/>
                  <a:gd name="connsiteX205" fmla="*/ 4468 w 10000"/>
                  <a:gd name="connsiteY205" fmla="*/ 15 h 10000"/>
                  <a:gd name="connsiteX206" fmla="*/ 4644 w 10000"/>
                  <a:gd name="connsiteY206" fmla="*/ 44 h 10000"/>
                  <a:gd name="connsiteX207" fmla="*/ 4771 w 10000"/>
                  <a:gd name="connsiteY207" fmla="*/ 89 h 10000"/>
                  <a:gd name="connsiteX208" fmla="*/ 4975 w 10000"/>
                  <a:gd name="connsiteY208" fmla="*/ 192 h 10000"/>
                  <a:gd name="connsiteX209" fmla="*/ 5177 w 10000"/>
                  <a:gd name="connsiteY209" fmla="*/ 340 h 10000"/>
                  <a:gd name="connsiteX210" fmla="*/ 5329 w 10000"/>
                  <a:gd name="connsiteY210" fmla="*/ 473 h 10000"/>
                  <a:gd name="connsiteX211" fmla="*/ 5532 w 10000"/>
                  <a:gd name="connsiteY211" fmla="*/ 591 h 10000"/>
                  <a:gd name="connsiteX212" fmla="*/ 5660 w 10000"/>
                  <a:gd name="connsiteY212" fmla="*/ 650 h 10000"/>
                  <a:gd name="connsiteX213" fmla="*/ 5812 w 10000"/>
                  <a:gd name="connsiteY213" fmla="*/ 679 h 10000"/>
                  <a:gd name="connsiteX214" fmla="*/ 5965 w 10000"/>
                  <a:gd name="connsiteY214" fmla="*/ 709 h 10000"/>
                  <a:gd name="connsiteX215" fmla="*/ 6168 w 10000"/>
                  <a:gd name="connsiteY215" fmla="*/ 709 h 10000"/>
                  <a:gd name="connsiteX216" fmla="*/ 6168 w 10000"/>
                  <a:gd name="connsiteY216" fmla="*/ 768 h 10000"/>
                  <a:gd name="connsiteX217" fmla="*/ 6193 w 10000"/>
                  <a:gd name="connsiteY217" fmla="*/ 842 h 10000"/>
                  <a:gd name="connsiteX218" fmla="*/ 6243 w 10000"/>
                  <a:gd name="connsiteY218" fmla="*/ 916 h 10000"/>
                  <a:gd name="connsiteX219" fmla="*/ 6294 w 10000"/>
                  <a:gd name="connsiteY219" fmla="*/ 990 h 10000"/>
                  <a:gd name="connsiteX220" fmla="*/ 6369 w 10000"/>
                  <a:gd name="connsiteY220" fmla="*/ 1049 h 10000"/>
                  <a:gd name="connsiteX221" fmla="*/ 6471 w 10000"/>
                  <a:gd name="connsiteY221" fmla="*/ 1108 h 10000"/>
                  <a:gd name="connsiteX222" fmla="*/ 6598 w 10000"/>
                  <a:gd name="connsiteY222" fmla="*/ 1182 h 10000"/>
                  <a:gd name="connsiteX223" fmla="*/ 6700 w 10000"/>
                  <a:gd name="connsiteY223" fmla="*/ 1226 h 10000"/>
                  <a:gd name="connsiteX224" fmla="*/ 6802 w 10000"/>
                  <a:gd name="connsiteY224" fmla="*/ 1270 h 10000"/>
                  <a:gd name="connsiteX225" fmla="*/ 6903 w 10000"/>
                  <a:gd name="connsiteY225" fmla="*/ 1300 h 10000"/>
                  <a:gd name="connsiteX226" fmla="*/ 7005 w 10000"/>
                  <a:gd name="connsiteY226" fmla="*/ 1315 h 10000"/>
                  <a:gd name="connsiteX227" fmla="*/ 7132 w 10000"/>
                  <a:gd name="connsiteY227" fmla="*/ 1300 h 10000"/>
                  <a:gd name="connsiteX228" fmla="*/ 7234 w 10000"/>
                  <a:gd name="connsiteY228" fmla="*/ 1285 h 10000"/>
                  <a:gd name="connsiteX229" fmla="*/ 7309 w 10000"/>
                  <a:gd name="connsiteY229" fmla="*/ 1241 h 10000"/>
                  <a:gd name="connsiteX230" fmla="*/ 7361 w 10000"/>
                  <a:gd name="connsiteY230" fmla="*/ 1167 h 10000"/>
                  <a:gd name="connsiteX231" fmla="*/ 7385 w 10000"/>
                  <a:gd name="connsiteY231" fmla="*/ 1064 h 10000"/>
                  <a:gd name="connsiteX232" fmla="*/ 7766 w 10000"/>
                  <a:gd name="connsiteY232" fmla="*/ 1034 h 10000"/>
                  <a:gd name="connsiteX233" fmla="*/ 8121 w 10000"/>
                  <a:gd name="connsiteY233" fmla="*/ 1004 h 10000"/>
                  <a:gd name="connsiteX234" fmla="*/ 8427 w 10000"/>
                  <a:gd name="connsiteY234" fmla="*/ 990 h 10000"/>
                  <a:gd name="connsiteX235" fmla="*/ 8706 w 10000"/>
                  <a:gd name="connsiteY235" fmla="*/ 1004 h 10000"/>
                  <a:gd name="connsiteX236" fmla="*/ 8833 w 10000"/>
                  <a:gd name="connsiteY236" fmla="*/ 1019 h 10000"/>
                  <a:gd name="connsiteX237" fmla="*/ 8958 w 10000"/>
                  <a:gd name="connsiteY237" fmla="*/ 1034 h 10000"/>
                  <a:gd name="connsiteX238" fmla="*/ 9061 w 10000"/>
                  <a:gd name="connsiteY238" fmla="*/ 1064 h 10000"/>
                  <a:gd name="connsiteX239" fmla="*/ 9188 w 10000"/>
                  <a:gd name="connsiteY239" fmla="*/ 1108 h 10000"/>
                  <a:gd name="connsiteX240" fmla="*/ 9264 w 10000"/>
                  <a:gd name="connsiteY240" fmla="*/ 1182 h 10000"/>
                  <a:gd name="connsiteX241" fmla="*/ 9339 w 10000"/>
                  <a:gd name="connsiteY241" fmla="*/ 1241 h 10000"/>
                  <a:gd name="connsiteX242" fmla="*/ 9391 w 10000"/>
                  <a:gd name="connsiteY242" fmla="*/ 1329 h 10000"/>
                  <a:gd name="connsiteX243" fmla="*/ 9442 w 10000"/>
                  <a:gd name="connsiteY243" fmla="*/ 1433 h 10000"/>
                  <a:gd name="connsiteX244" fmla="*/ 9492 w 10000"/>
                  <a:gd name="connsiteY244" fmla="*/ 1551 h 10000"/>
                  <a:gd name="connsiteX245" fmla="*/ 9466 w 10000"/>
                  <a:gd name="connsiteY245" fmla="*/ 1625 h 10000"/>
                  <a:gd name="connsiteX246" fmla="*/ 9442 w 10000"/>
                  <a:gd name="connsiteY246" fmla="*/ 1684 h 10000"/>
                  <a:gd name="connsiteX247" fmla="*/ 9391 w 10000"/>
                  <a:gd name="connsiteY247" fmla="*/ 1758 h 10000"/>
                  <a:gd name="connsiteX248" fmla="*/ 9315 w 10000"/>
                  <a:gd name="connsiteY248" fmla="*/ 1802 h 10000"/>
                  <a:gd name="connsiteX249" fmla="*/ 9264 w 10000"/>
                  <a:gd name="connsiteY249" fmla="*/ 1861 h 10000"/>
                  <a:gd name="connsiteX250" fmla="*/ 9240 w 10000"/>
                  <a:gd name="connsiteY250" fmla="*/ 1935 h 10000"/>
                  <a:gd name="connsiteX251" fmla="*/ 9264 w 10000"/>
                  <a:gd name="connsiteY251" fmla="*/ 2024 h 10000"/>
                  <a:gd name="connsiteX252" fmla="*/ 9543 w 10000"/>
                  <a:gd name="connsiteY252" fmla="*/ 2157 h 10000"/>
                  <a:gd name="connsiteX253" fmla="*/ 9873 w 10000"/>
                  <a:gd name="connsiteY253" fmla="*/ 2275 h 10000"/>
                  <a:gd name="connsiteX254" fmla="*/ 10000 w 10000"/>
                  <a:gd name="connsiteY254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979 w 10000"/>
                  <a:gd name="connsiteY4" fmla="*/ 4904 h 10000"/>
                  <a:gd name="connsiteX5" fmla="*/ 6369 w 10000"/>
                  <a:gd name="connsiteY5" fmla="*/ 4313 h 10000"/>
                  <a:gd name="connsiteX6" fmla="*/ 7383 w 10000"/>
                  <a:gd name="connsiteY6" fmla="*/ 3894 h 10000"/>
                  <a:gd name="connsiteX7" fmla="*/ 8984 w 10000"/>
                  <a:gd name="connsiteY7" fmla="*/ 3412 h 10000"/>
                  <a:gd name="connsiteX8" fmla="*/ 9188 w 10000"/>
                  <a:gd name="connsiteY8" fmla="*/ 3338 h 10000"/>
                  <a:gd name="connsiteX9" fmla="*/ 9415 w 10000"/>
                  <a:gd name="connsiteY9" fmla="*/ 3117 h 10000"/>
                  <a:gd name="connsiteX10" fmla="*/ 9442 w 10000"/>
                  <a:gd name="connsiteY10" fmla="*/ 3072 h 10000"/>
                  <a:gd name="connsiteX11" fmla="*/ 9466 w 10000"/>
                  <a:gd name="connsiteY11" fmla="*/ 3013 h 10000"/>
                  <a:gd name="connsiteX12" fmla="*/ 9466 w 10000"/>
                  <a:gd name="connsiteY12" fmla="*/ 2954 h 10000"/>
                  <a:gd name="connsiteX13" fmla="*/ 9442 w 10000"/>
                  <a:gd name="connsiteY13" fmla="*/ 2866 h 10000"/>
                  <a:gd name="connsiteX14" fmla="*/ 9264 w 10000"/>
                  <a:gd name="connsiteY14" fmla="*/ 2984 h 10000"/>
                  <a:gd name="connsiteX15" fmla="*/ 9061 w 10000"/>
                  <a:gd name="connsiteY15" fmla="*/ 3072 h 10000"/>
                  <a:gd name="connsiteX16" fmla="*/ 8197 w 10000"/>
                  <a:gd name="connsiteY16" fmla="*/ 3397 h 10000"/>
                  <a:gd name="connsiteX17" fmla="*/ 7716 w 10000"/>
                  <a:gd name="connsiteY17" fmla="*/ 3545 h 10000"/>
                  <a:gd name="connsiteX18" fmla="*/ 6345 w 10000"/>
                  <a:gd name="connsiteY18" fmla="*/ 4003 h 10000"/>
                  <a:gd name="connsiteX19" fmla="*/ 6143 w 10000"/>
                  <a:gd name="connsiteY19" fmla="*/ 4106 h 10000"/>
                  <a:gd name="connsiteX20" fmla="*/ 5938 w 10000"/>
                  <a:gd name="connsiteY20" fmla="*/ 4195 h 10000"/>
                  <a:gd name="connsiteX21" fmla="*/ 6091 w 10000"/>
                  <a:gd name="connsiteY21" fmla="*/ 4417 h 10000"/>
                  <a:gd name="connsiteX22" fmla="*/ 6421 w 10000"/>
                  <a:gd name="connsiteY22" fmla="*/ 5318 h 10000"/>
                  <a:gd name="connsiteX23" fmla="*/ 6447 w 10000"/>
                  <a:gd name="connsiteY23" fmla="*/ 5539 h 10000"/>
                  <a:gd name="connsiteX24" fmla="*/ 6471 w 10000"/>
                  <a:gd name="connsiteY24" fmla="*/ 5775 h 10000"/>
                  <a:gd name="connsiteX25" fmla="*/ 6471 w 10000"/>
                  <a:gd name="connsiteY25" fmla="*/ 5997 h 10000"/>
                  <a:gd name="connsiteX26" fmla="*/ 6447 w 10000"/>
                  <a:gd name="connsiteY26" fmla="*/ 6233 h 10000"/>
                  <a:gd name="connsiteX27" fmla="*/ 6396 w 10000"/>
                  <a:gd name="connsiteY27" fmla="*/ 6470 h 10000"/>
                  <a:gd name="connsiteX28" fmla="*/ 6345 w 10000"/>
                  <a:gd name="connsiteY28" fmla="*/ 6677 h 10000"/>
                  <a:gd name="connsiteX29" fmla="*/ 6269 w 10000"/>
                  <a:gd name="connsiteY29" fmla="*/ 6898 h 10000"/>
                  <a:gd name="connsiteX30" fmla="*/ 6168 w 10000"/>
                  <a:gd name="connsiteY30" fmla="*/ 7105 h 10000"/>
                  <a:gd name="connsiteX31" fmla="*/ 6041 w 10000"/>
                  <a:gd name="connsiteY31" fmla="*/ 7297 h 10000"/>
                  <a:gd name="connsiteX32" fmla="*/ 5888 w 10000"/>
                  <a:gd name="connsiteY32" fmla="*/ 7489 h 10000"/>
                  <a:gd name="connsiteX33" fmla="*/ 5735 w 10000"/>
                  <a:gd name="connsiteY33" fmla="*/ 7681 h 10000"/>
                  <a:gd name="connsiteX34" fmla="*/ 6471 w 10000"/>
                  <a:gd name="connsiteY34" fmla="*/ 7799 h 10000"/>
                  <a:gd name="connsiteX35" fmla="*/ 7234 w 10000"/>
                  <a:gd name="connsiteY35" fmla="*/ 7962 h 10000"/>
                  <a:gd name="connsiteX36" fmla="*/ 7385 w 10000"/>
                  <a:gd name="connsiteY36" fmla="*/ 8021 h 10000"/>
                  <a:gd name="connsiteX37" fmla="*/ 7512 w 10000"/>
                  <a:gd name="connsiteY37" fmla="*/ 8080 h 10000"/>
                  <a:gd name="connsiteX38" fmla="*/ 7639 w 10000"/>
                  <a:gd name="connsiteY38" fmla="*/ 8139 h 10000"/>
                  <a:gd name="connsiteX39" fmla="*/ 7716 w 10000"/>
                  <a:gd name="connsiteY39" fmla="*/ 8227 h 10000"/>
                  <a:gd name="connsiteX40" fmla="*/ 7741 w 10000"/>
                  <a:gd name="connsiteY40" fmla="*/ 8301 h 10000"/>
                  <a:gd name="connsiteX41" fmla="*/ 7741 w 10000"/>
                  <a:gd name="connsiteY41" fmla="*/ 8405 h 10000"/>
                  <a:gd name="connsiteX42" fmla="*/ 7691 w 10000"/>
                  <a:gd name="connsiteY42" fmla="*/ 8523 h 10000"/>
                  <a:gd name="connsiteX43" fmla="*/ 7614 w 10000"/>
                  <a:gd name="connsiteY43" fmla="*/ 8641 h 10000"/>
                  <a:gd name="connsiteX44" fmla="*/ 7284 w 10000"/>
                  <a:gd name="connsiteY44" fmla="*/ 8552 h 10000"/>
                  <a:gd name="connsiteX45" fmla="*/ 6979 w 10000"/>
                  <a:gd name="connsiteY45" fmla="*/ 8449 h 10000"/>
                  <a:gd name="connsiteX46" fmla="*/ 6674 w 10000"/>
                  <a:gd name="connsiteY46" fmla="*/ 8360 h 10000"/>
                  <a:gd name="connsiteX47" fmla="*/ 6369 w 10000"/>
                  <a:gd name="connsiteY47" fmla="*/ 8287 h 10000"/>
                  <a:gd name="connsiteX48" fmla="*/ 6243 w 10000"/>
                  <a:gd name="connsiteY48" fmla="*/ 8449 h 10000"/>
                  <a:gd name="connsiteX49" fmla="*/ 6143 w 10000"/>
                  <a:gd name="connsiteY49" fmla="*/ 8597 h 10000"/>
                  <a:gd name="connsiteX50" fmla="*/ 6091 w 10000"/>
                  <a:gd name="connsiteY50" fmla="*/ 8656 h 10000"/>
                  <a:gd name="connsiteX51" fmla="*/ 5989 w 10000"/>
                  <a:gd name="connsiteY51" fmla="*/ 8700 h 10000"/>
                  <a:gd name="connsiteX52" fmla="*/ 5914 w 10000"/>
                  <a:gd name="connsiteY52" fmla="*/ 8744 h 10000"/>
                  <a:gd name="connsiteX53" fmla="*/ 5838 w 10000"/>
                  <a:gd name="connsiteY53" fmla="*/ 8774 h 10000"/>
                  <a:gd name="connsiteX54" fmla="*/ 5761 w 10000"/>
                  <a:gd name="connsiteY54" fmla="*/ 8804 h 10000"/>
                  <a:gd name="connsiteX55" fmla="*/ 5660 w 10000"/>
                  <a:gd name="connsiteY55" fmla="*/ 8818 h 10000"/>
                  <a:gd name="connsiteX56" fmla="*/ 5532 w 10000"/>
                  <a:gd name="connsiteY56" fmla="*/ 8833 h 10000"/>
                  <a:gd name="connsiteX57" fmla="*/ 5406 w 10000"/>
                  <a:gd name="connsiteY57" fmla="*/ 8833 h 10000"/>
                  <a:gd name="connsiteX58" fmla="*/ 5102 w 10000"/>
                  <a:gd name="connsiteY58" fmla="*/ 8818 h 10000"/>
                  <a:gd name="connsiteX59" fmla="*/ 4720 w 10000"/>
                  <a:gd name="connsiteY59" fmla="*/ 8744 h 10000"/>
                  <a:gd name="connsiteX60" fmla="*/ 4720 w 10000"/>
                  <a:gd name="connsiteY60" fmla="*/ 8922 h 10000"/>
                  <a:gd name="connsiteX61" fmla="*/ 4695 w 10000"/>
                  <a:gd name="connsiteY61" fmla="*/ 9069 h 10000"/>
                  <a:gd name="connsiteX62" fmla="*/ 4671 w 10000"/>
                  <a:gd name="connsiteY62" fmla="*/ 9232 h 10000"/>
                  <a:gd name="connsiteX63" fmla="*/ 4644 w 10000"/>
                  <a:gd name="connsiteY63" fmla="*/ 9365 h 10000"/>
                  <a:gd name="connsiteX64" fmla="*/ 4593 w 10000"/>
                  <a:gd name="connsiteY64" fmla="*/ 9498 h 10000"/>
                  <a:gd name="connsiteX65" fmla="*/ 4493 w 10000"/>
                  <a:gd name="connsiteY65" fmla="*/ 9616 h 10000"/>
                  <a:gd name="connsiteX66" fmla="*/ 4416 w 10000"/>
                  <a:gd name="connsiteY66" fmla="*/ 9734 h 10000"/>
                  <a:gd name="connsiteX67" fmla="*/ 4289 w 10000"/>
                  <a:gd name="connsiteY67" fmla="*/ 9838 h 10000"/>
                  <a:gd name="connsiteX68" fmla="*/ 3983 w 10000"/>
                  <a:gd name="connsiteY68" fmla="*/ 9897 h 10000"/>
                  <a:gd name="connsiteX69" fmla="*/ 3731 w 10000"/>
                  <a:gd name="connsiteY69" fmla="*/ 9941 h 10000"/>
                  <a:gd name="connsiteX70" fmla="*/ 3426 w 10000"/>
                  <a:gd name="connsiteY70" fmla="*/ 9985 h 10000"/>
                  <a:gd name="connsiteX71" fmla="*/ 3198 w 10000"/>
                  <a:gd name="connsiteY71" fmla="*/ 10000 h 10000"/>
                  <a:gd name="connsiteX72" fmla="*/ 2690 w 10000"/>
                  <a:gd name="connsiteY72" fmla="*/ 10000 h 10000"/>
                  <a:gd name="connsiteX73" fmla="*/ 2208 w 10000"/>
                  <a:gd name="connsiteY73" fmla="*/ 9985 h 10000"/>
                  <a:gd name="connsiteX74" fmla="*/ 1752 w 10000"/>
                  <a:gd name="connsiteY74" fmla="*/ 9941 h 10000"/>
                  <a:gd name="connsiteX75" fmla="*/ 1270 w 10000"/>
                  <a:gd name="connsiteY75" fmla="*/ 9911 h 10000"/>
                  <a:gd name="connsiteX76" fmla="*/ 990 w 10000"/>
                  <a:gd name="connsiteY76" fmla="*/ 9911 h 10000"/>
                  <a:gd name="connsiteX77" fmla="*/ 736 w 10000"/>
                  <a:gd name="connsiteY77" fmla="*/ 9911 h 10000"/>
                  <a:gd name="connsiteX78" fmla="*/ 457 w 10000"/>
                  <a:gd name="connsiteY78" fmla="*/ 9926 h 10000"/>
                  <a:gd name="connsiteX79" fmla="*/ 178 w 10000"/>
                  <a:gd name="connsiteY79" fmla="*/ 9970 h 10000"/>
                  <a:gd name="connsiteX80" fmla="*/ 102 w 10000"/>
                  <a:gd name="connsiteY80" fmla="*/ 9867 h 10000"/>
                  <a:gd name="connsiteX81" fmla="*/ 51 w 10000"/>
                  <a:gd name="connsiteY81" fmla="*/ 9793 h 10000"/>
                  <a:gd name="connsiteX82" fmla="*/ 0 w 10000"/>
                  <a:gd name="connsiteY82" fmla="*/ 9705 h 10000"/>
                  <a:gd name="connsiteX83" fmla="*/ 0 w 10000"/>
                  <a:gd name="connsiteY83" fmla="*/ 9601 h 10000"/>
                  <a:gd name="connsiteX84" fmla="*/ 51 w 10000"/>
                  <a:gd name="connsiteY84" fmla="*/ 9424 h 10000"/>
                  <a:gd name="connsiteX85" fmla="*/ 102 w 10000"/>
                  <a:gd name="connsiteY85" fmla="*/ 9202 h 10000"/>
                  <a:gd name="connsiteX86" fmla="*/ 151 w 10000"/>
                  <a:gd name="connsiteY86" fmla="*/ 8996 h 10000"/>
                  <a:gd name="connsiteX87" fmla="*/ 203 w 10000"/>
                  <a:gd name="connsiteY87" fmla="*/ 8759 h 10000"/>
                  <a:gd name="connsiteX88" fmla="*/ 228 w 10000"/>
                  <a:gd name="connsiteY88" fmla="*/ 8641 h 10000"/>
                  <a:gd name="connsiteX89" fmla="*/ 228 w 10000"/>
                  <a:gd name="connsiteY89" fmla="*/ 8538 h 10000"/>
                  <a:gd name="connsiteX90" fmla="*/ 203 w 10000"/>
                  <a:gd name="connsiteY90" fmla="*/ 8405 h 10000"/>
                  <a:gd name="connsiteX91" fmla="*/ 178 w 10000"/>
                  <a:gd name="connsiteY91" fmla="*/ 8287 h 10000"/>
                  <a:gd name="connsiteX92" fmla="*/ 431 w 10000"/>
                  <a:gd name="connsiteY92" fmla="*/ 8213 h 10000"/>
                  <a:gd name="connsiteX93" fmla="*/ 685 w 10000"/>
                  <a:gd name="connsiteY93" fmla="*/ 8139 h 10000"/>
                  <a:gd name="connsiteX94" fmla="*/ 939 w 10000"/>
                  <a:gd name="connsiteY94" fmla="*/ 8095 h 10000"/>
                  <a:gd name="connsiteX95" fmla="*/ 1218 w 10000"/>
                  <a:gd name="connsiteY95" fmla="*/ 8065 h 10000"/>
                  <a:gd name="connsiteX96" fmla="*/ 1725 w 10000"/>
                  <a:gd name="connsiteY96" fmla="*/ 8021 h 10000"/>
                  <a:gd name="connsiteX97" fmla="*/ 2234 w 10000"/>
                  <a:gd name="connsiteY97" fmla="*/ 7976 h 10000"/>
                  <a:gd name="connsiteX98" fmla="*/ 2462 w 10000"/>
                  <a:gd name="connsiteY98" fmla="*/ 7947 h 10000"/>
                  <a:gd name="connsiteX99" fmla="*/ 2690 w 10000"/>
                  <a:gd name="connsiteY99" fmla="*/ 7917 h 10000"/>
                  <a:gd name="connsiteX100" fmla="*/ 2892 w 10000"/>
                  <a:gd name="connsiteY100" fmla="*/ 7843 h 10000"/>
                  <a:gd name="connsiteX101" fmla="*/ 3096 w 10000"/>
                  <a:gd name="connsiteY101" fmla="*/ 7784 h 10000"/>
                  <a:gd name="connsiteX102" fmla="*/ 3274 w 10000"/>
                  <a:gd name="connsiteY102" fmla="*/ 7710 h 10000"/>
                  <a:gd name="connsiteX103" fmla="*/ 3426 w 10000"/>
                  <a:gd name="connsiteY103" fmla="*/ 7592 h 10000"/>
                  <a:gd name="connsiteX104" fmla="*/ 3579 w 10000"/>
                  <a:gd name="connsiteY104" fmla="*/ 7474 h 10000"/>
                  <a:gd name="connsiteX105" fmla="*/ 3680 w 10000"/>
                  <a:gd name="connsiteY105" fmla="*/ 7312 h 10000"/>
                  <a:gd name="connsiteX106" fmla="*/ 3477 w 10000"/>
                  <a:gd name="connsiteY106" fmla="*/ 7238 h 10000"/>
                  <a:gd name="connsiteX107" fmla="*/ 3299 w 10000"/>
                  <a:gd name="connsiteY107" fmla="*/ 7179 h 10000"/>
                  <a:gd name="connsiteX108" fmla="*/ 3147 w 10000"/>
                  <a:gd name="connsiteY108" fmla="*/ 7090 h 10000"/>
                  <a:gd name="connsiteX109" fmla="*/ 2995 w 10000"/>
                  <a:gd name="connsiteY109" fmla="*/ 6987 h 10000"/>
                  <a:gd name="connsiteX110" fmla="*/ 2892 w 10000"/>
                  <a:gd name="connsiteY110" fmla="*/ 6869 h 10000"/>
                  <a:gd name="connsiteX111" fmla="*/ 2843 w 10000"/>
                  <a:gd name="connsiteY111" fmla="*/ 6721 h 10000"/>
                  <a:gd name="connsiteX112" fmla="*/ 2817 w 10000"/>
                  <a:gd name="connsiteY112" fmla="*/ 6558 h 10000"/>
                  <a:gd name="connsiteX113" fmla="*/ 2843 w 10000"/>
                  <a:gd name="connsiteY113" fmla="*/ 6352 h 10000"/>
                  <a:gd name="connsiteX114" fmla="*/ 2716 w 10000"/>
                  <a:gd name="connsiteY114" fmla="*/ 6322 h 10000"/>
                  <a:gd name="connsiteX115" fmla="*/ 2564 w 10000"/>
                  <a:gd name="connsiteY115" fmla="*/ 6292 h 10000"/>
                  <a:gd name="connsiteX116" fmla="*/ 2386 w 10000"/>
                  <a:gd name="connsiteY116" fmla="*/ 6278 h 10000"/>
                  <a:gd name="connsiteX117" fmla="*/ 2208 w 10000"/>
                  <a:gd name="connsiteY117" fmla="*/ 6263 h 10000"/>
                  <a:gd name="connsiteX118" fmla="*/ 1853 w 10000"/>
                  <a:gd name="connsiteY118" fmla="*/ 6248 h 10000"/>
                  <a:gd name="connsiteX119" fmla="*/ 1472 w 10000"/>
                  <a:gd name="connsiteY119" fmla="*/ 6263 h 10000"/>
                  <a:gd name="connsiteX120" fmla="*/ 1143 w 10000"/>
                  <a:gd name="connsiteY120" fmla="*/ 6278 h 10000"/>
                  <a:gd name="connsiteX121" fmla="*/ 837 w 10000"/>
                  <a:gd name="connsiteY121" fmla="*/ 6278 h 10000"/>
                  <a:gd name="connsiteX122" fmla="*/ 585 w 10000"/>
                  <a:gd name="connsiteY122" fmla="*/ 6263 h 10000"/>
                  <a:gd name="connsiteX123" fmla="*/ 381 w 10000"/>
                  <a:gd name="connsiteY123" fmla="*/ 6233 h 10000"/>
                  <a:gd name="connsiteX124" fmla="*/ 633 w 10000"/>
                  <a:gd name="connsiteY124" fmla="*/ 5805 h 10000"/>
                  <a:gd name="connsiteX125" fmla="*/ 914 w 10000"/>
                  <a:gd name="connsiteY125" fmla="*/ 5391 h 10000"/>
                  <a:gd name="connsiteX126" fmla="*/ 1016 w 10000"/>
                  <a:gd name="connsiteY126" fmla="*/ 5170 h 10000"/>
                  <a:gd name="connsiteX127" fmla="*/ 1091 w 10000"/>
                  <a:gd name="connsiteY127" fmla="*/ 4963 h 10000"/>
                  <a:gd name="connsiteX128" fmla="*/ 1116 w 10000"/>
                  <a:gd name="connsiteY128" fmla="*/ 4860 h 10000"/>
                  <a:gd name="connsiteX129" fmla="*/ 1091 w 10000"/>
                  <a:gd name="connsiteY129" fmla="*/ 4756 h 10000"/>
                  <a:gd name="connsiteX130" fmla="*/ 1066 w 10000"/>
                  <a:gd name="connsiteY130" fmla="*/ 4653 h 10000"/>
                  <a:gd name="connsiteX131" fmla="*/ 990 w 10000"/>
                  <a:gd name="connsiteY131" fmla="*/ 4549 h 10000"/>
                  <a:gd name="connsiteX132" fmla="*/ 1270 w 10000"/>
                  <a:gd name="connsiteY132" fmla="*/ 4520 h 10000"/>
                  <a:gd name="connsiteX133" fmla="*/ 1472 w 10000"/>
                  <a:gd name="connsiteY133" fmla="*/ 4505 h 10000"/>
                  <a:gd name="connsiteX134" fmla="*/ 1650 w 10000"/>
                  <a:gd name="connsiteY134" fmla="*/ 4505 h 10000"/>
                  <a:gd name="connsiteX135" fmla="*/ 1802 w 10000"/>
                  <a:gd name="connsiteY135" fmla="*/ 4520 h 10000"/>
                  <a:gd name="connsiteX136" fmla="*/ 1929 w 10000"/>
                  <a:gd name="connsiteY136" fmla="*/ 4520 h 10000"/>
                  <a:gd name="connsiteX137" fmla="*/ 2081 w 10000"/>
                  <a:gd name="connsiteY137" fmla="*/ 4520 h 10000"/>
                  <a:gd name="connsiteX138" fmla="*/ 2234 w 10000"/>
                  <a:gd name="connsiteY138" fmla="*/ 4490 h 10000"/>
                  <a:gd name="connsiteX139" fmla="*/ 2436 w 10000"/>
                  <a:gd name="connsiteY139" fmla="*/ 4446 h 10000"/>
                  <a:gd name="connsiteX140" fmla="*/ 2436 w 10000"/>
                  <a:gd name="connsiteY140" fmla="*/ 4579 h 10000"/>
                  <a:gd name="connsiteX141" fmla="*/ 2436 w 10000"/>
                  <a:gd name="connsiteY141" fmla="*/ 4742 h 10000"/>
                  <a:gd name="connsiteX142" fmla="*/ 2436 w 10000"/>
                  <a:gd name="connsiteY142" fmla="*/ 4874 h 10000"/>
                  <a:gd name="connsiteX143" fmla="*/ 2436 w 10000"/>
                  <a:gd name="connsiteY143" fmla="*/ 5037 h 10000"/>
                  <a:gd name="connsiteX144" fmla="*/ 2665 w 10000"/>
                  <a:gd name="connsiteY144" fmla="*/ 5022 h 10000"/>
                  <a:gd name="connsiteX145" fmla="*/ 2817 w 10000"/>
                  <a:gd name="connsiteY145" fmla="*/ 5037 h 10000"/>
                  <a:gd name="connsiteX146" fmla="*/ 2944 w 10000"/>
                  <a:gd name="connsiteY146" fmla="*/ 5066 h 10000"/>
                  <a:gd name="connsiteX147" fmla="*/ 3071 w 10000"/>
                  <a:gd name="connsiteY147" fmla="*/ 5096 h 10000"/>
                  <a:gd name="connsiteX148" fmla="*/ 3173 w 10000"/>
                  <a:gd name="connsiteY148" fmla="*/ 5126 h 10000"/>
                  <a:gd name="connsiteX149" fmla="*/ 3299 w 10000"/>
                  <a:gd name="connsiteY149" fmla="*/ 5155 h 10000"/>
                  <a:gd name="connsiteX150" fmla="*/ 3452 w 10000"/>
                  <a:gd name="connsiteY150" fmla="*/ 5170 h 10000"/>
                  <a:gd name="connsiteX151" fmla="*/ 3680 w 10000"/>
                  <a:gd name="connsiteY151" fmla="*/ 5155 h 10000"/>
                  <a:gd name="connsiteX152" fmla="*/ 3757 w 10000"/>
                  <a:gd name="connsiteY152" fmla="*/ 5096 h 10000"/>
                  <a:gd name="connsiteX153" fmla="*/ 3832 w 10000"/>
                  <a:gd name="connsiteY153" fmla="*/ 5022 h 10000"/>
                  <a:gd name="connsiteX154" fmla="*/ 3857 w 10000"/>
                  <a:gd name="connsiteY154" fmla="*/ 4934 h 10000"/>
                  <a:gd name="connsiteX155" fmla="*/ 3884 w 10000"/>
                  <a:gd name="connsiteY155" fmla="*/ 4860 h 10000"/>
                  <a:gd name="connsiteX156" fmla="*/ 3908 w 10000"/>
                  <a:gd name="connsiteY156" fmla="*/ 4697 h 10000"/>
                  <a:gd name="connsiteX157" fmla="*/ 3884 w 10000"/>
                  <a:gd name="connsiteY157" fmla="*/ 4520 h 10000"/>
                  <a:gd name="connsiteX158" fmla="*/ 3807 w 10000"/>
                  <a:gd name="connsiteY158" fmla="*/ 4343 h 10000"/>
                  <a:gd name="connsiteX159" fmla="*/ 3731 w 10000"/>
                  <a:gd name="connsiteY159" fmla="*/ 4195 h 10000"/>
                  <a:gd name="connsiteX160" fmla="*/ 3604 w 10000"/>
                  <a:gd name="connsiteY160" fmla="*/ 4047 h 10000"/>
                  <a:gd name="connsiteX161" fmla="*/ 3477 w 10000"/>
                  <a:gd name="connsiteY161" fmla="*/ 3959 h 10000"/>
                  <a:gd name="connsiteX162" fmla="*/ 3629 w 10000"/>
                  <a:gd name="connsiteY162" fmla="*/ 3944 h 10000"/>
                  <a:gd name="connsiteX163" fmla="*/ 3757 w 10000"/>
                  <a:gd name="connsiteY163" fmla="*/ 3914 h 10000"/>
                  <a:gd name="connsiteX164" fmla="*/ 3857 w 10000"/>
                  <a:gd name="connsiteY164" fmla="*/ 3855 h 10000"/>
                  <a:gd name="connsiteX165" fmla="*/ 3983 w 10000"/>
                  <a:gd name="connsiteY165" fmla="*/ 3752 h 10000"/>
                  <a:gd name="connsiteX166" fmla="*/ 4111 w 10000"/>
                  <a:gd name="connsiteY166" fmla="*/ 3663 h 10000"/>
                  <a:gd name="connsiteX167" fmla="*/ 4213 w 10000"/>
                  <a:gd name="connsiteY167" fmla="*/ 3560 h 10000"/>
                  <a:gd name="connsiteX168" fmla="*/ 4289 w 10000"/>
                  <a:gd name="connsiteY168" fmla="*/ 3442 h 10000"/>
                  <a:gd name="connsiteX169" fmla="*/ 4366 w 10000"/>
                  <a:gd name="connsiteY169" fmla="*/ 3323 h 10000"/>
                  <a:gd name="connsiteX170" fmla="*/ 4416 w 10000"/>
                  <a:gd name="connsiteY170" fmla="*/ 3220 h 10000"/>
                  <a:gd name="connsiteX171" fmla="*/ 4441 w 10000"/>
                  <a:gd name="connsiteY171" fmla="*/ 3102 h 10000"/>
                  <a:gd name="connsiteX172" fmla="*/ 4468 w 10000"/>
                  <a:gd name="connsiteY172" fmla="*/ 3013 h 10000"/>
                  <a:gd name="connsiteX173" fmla="*/ 4441 w 10000"/>
                  <a:gd name="connsiteY173" fmla="*/ 2939 h 10000"/>
                  <a:gd name="connsiteX174" fmla="*/ 4416 w 10000"/>
                  <a:gd name="connsiteY174" fmla="*/ 2866 h 10000"/>
                  <a:gd name="connsiteX175" fmla="*/ 4340 w 10000"/>
                  <a:gd name="connsiteY175" fmla="*/ 2836 h 10000"/>
                  <a:gd name="connsiteX176" fmla="*/ 4239 w 10000"/>
                  <a:gd name="connsiteY176" fmla="*/ 2836 h 10000"/>
                  <a:gd name="connsiteX177" fmla="*/ 4111 w 10000"/>
                  <a:gd name="connsiteY177" fmla="*/ 2866 h 10000"/>
                  <a:gd name="connsiteX178" fmla="*/ 4213 w 10000"/>
                  <a:gd name="connsiteY178" fmla="*/ 2777 h 10000"/>
                  <a:gd name="connsiteX179" fmla="*/ 4265 w 10000"/>
                  <a:gd name="connsiteY179" fmla="*/ 2674 h 10000"/>
                  <a:gd name="connsiteX180" fmla="*/ 4289 w 10000"/>
                  <a:gd name="connsiteY180" fmla="*/ 2541 h 10000"/>
                  <a:gd name="connsiteX181" fmla="*/ 4289 w 10000"/>
                  <a:gd name="connsiteY181" fmla="*/ 2393 h 10000"/>
                  <a:gd name="connsiteX182" fmla="*/ 4314 w 10000"/>
                  <a:gd name="connsiteY182" fmla="*/ 2349 h 10000"/>
                  <a:gd name="connsiteX183" fmla="*/ 4366 w 10000"/>
                  <a:gd name="connsiteY183" fmla="*/ 2304 h 10000"/>
                  <a:gd name="connsiteX184" fmla="*/ 4416 w 10000"/>
                  <a:gd name="connsiteY184" fmla="*/ 2290 h 10000"/>
                  <a:gd name="connsiteX185" fmla="*/ 4493 w 10000"/>
                  <a:gd name="connsiteY185" fmla="*/ 2275 h 10000"/>
                  <a:gd name="connsiteX186" fmla="*/ 4720 w 10000"/>
                  <a:gd name="connsiteY186" fmla="*/ 2260 h 10000"/>
                  <a:gd name="connsiteX187" fmla="*/ 4923 w 10000"/>
                  <a:gd name="connsiteY187" fmla="*/ 2275 h 10000"/>
                  <a:gd name="connsiteX188" fmla="*/ 4898 w 10000"/>
                  <a:gd name="connsiteY188" fmla="*/ 2112 h 10000"/>
                  <a:gd name="connsiteX189" fmla="*/ 4848 w 10000"/>
                  <a:gd name="connsiteY189" fmla="*/ 1950 h 10000"/>
                  <a:gd name="connsiteX190" fmla="*/ 4771 w 10000"/>
                  <a:gd name="connsiteY190" fmla="*/ 1802 h 10000"/>
                  <a:gd name="connsiteX191" fmla="*/ 4671 w 10000"/>
                  <a:gd name="connsiteY191" fmla="*/ 1640 h 10000"/>
                  <a:gd name="connsiteX192" fmla="*/ 4416 w 10000"/>
                  <a:gd name="connsiteY192" fmla="*/ 1329 h 10000"/>
                  <a:gd name="connsiteX193" fmla="*/ 4162 w 10000"/>
                  <a:gd name="connsiteY193" fmla="*/ 1034 h 10000"/>
                  <a:gd name="connsiteX194" fmla="*/ 4035 w 10000"/>
                  <a:gd name="connsiteY194" fmla="*/ 901 h 10000"/>
                  <a:gd name="connsiteX195" fmla="*/ 3935 w 10000"/>
                  <a:gd name="connsiteY195" fmla="*/ 753 h 10000"/>
                  <a:gd name="connsiteX196" fmla="*/ 3857 w 10000"/>
                  <a:gd name="connsiteY196" fmla="*/ 620 h 10000"/>
                  <a:gd name="connsiteX197" fmla="*/ 3832 w 10000"/>
                  <a:gd name="connsiteY197" fmla="*/ 487 h 10000"/>
                  <a:gd name="connsiteX198" fmla="*/ 3807 w 10000"/>
                  <a:gd name="connsiteY198" fmla="*/ 355 h 10000"/>
                  <a:gd name="connsiteX199" fmla="*/ 3857 w 10000"/>
                  <a:gd name="connsiteY199" fmla="*/ 222 h 10000"/>
                  <a:gd name="connsiteX200" fmla="*/ 3884 w 10000"/>
                  <a:gd name="connsiteY200" fmla="*/ 162 h 10000"/>
                  <a:gd name="connsiteX201" fmla="*/ 3935 w 10000"/>
                  <a:gd name="connsiteY201" fmla="*/ 103 h 10000"/>
                  <a:gd name="connsiteX202" fmla="*/ 4011 w 10000"/>
                  <a:gd name="connsiteY202" fmla="*/ 59 h 10000"/>
                  <a:gd name="connsiteX203" fmla="*/ 4111 w 10000"/>
                  <a:gd name="connsiteY203" fmla="*/ 0 h 10000"/>
                  <a:gd name="connsiteX204" fmla="*/ 4289 w 10000"/>
                  <a:gd name="connsiteY204" fmla="*/ 0 h 10000"/>
                  <a:gd name="connsiteX205" fmla="*/ 4468 w 10000"/>
                  <a:gd name="connsiteY205" fmla="*/ 15 h 10000"/>
                  <a:gd name="connsiteX206" fmla="*/ 4644 w 10000"/>
                  <a:gd name="connsiteY206" fmla="*/ 44 h 10000"/>
                  <a:gd name="connsiteX207" fmla="*/ 4771 w 10000"/>
                  <a:gd name="connsiteY207" fmla="*/ 89 h 10000"/>
                  <a:gd name="connsiteX208" fmla="*/ 4975 w 10000"/>
                  <a:gd name="connsiteY208" fmla="*/ 192 h 10000"/>
                  <a:gd name="connsiteX209" fmla="*/ 5177 w 10000"/>
                  <a:gd name="connsiteY209" fmla="*/ 340 h 10000"/>
                  <a:gd name="connsiteX210" fmla="*/ 5329 w 10000"/>
                  <a:gd name="connsiteY210" fmla="*/ 473 h 10000"/>
                  <a:gd name="connsiteX211" fmla="*/ 5532 w 10000"/>
                  <a:gd name="connsiteY211" fmla="*/ 591 h 10000"/>
                  <a:gd name="connsiteX212" fmla="*/ 5660 w 10000"/>
                  <a:gd name="connsiteY212" fmla="*/ 650 h 10000"/>
                  <a:gd name="connsiteX213" fmla="*/ 5812 w 10000"/>
                  <a:gd name="connsiteY213" fmla="*/ 679 h 10000"/>
                  <a:gd name="connsiteX214" fmla="*/ 5965 w 10000"/>
                  <a:gd name="connsiteY214" fmla="*/ 709 h 10000"/>
                  <a:gd name="connsiteX215" fmla="*/ 6168 w 10000"/>
                  <a:gd name="connsiteY215" fmla="*/ 709 h 10000"/>
                  <a:gd name="connsiteX216" fmla="*/ 6168 w 10000"/>
                  <a:gd name="connsiteY216" fmla="*/ 768 h 10000"/>
                  <a:gd name="connsiteX217" fmla="*/ 6193 w 10000"/>
                  <a:gd name="connsiteY217" fmla="*/ 842 h 10000"/>
                  <a:gd name="connsiteX218" fmla="*/ 6243 w 10000"/>
                  <a:gd name="connsiteY218" fmla="*/ 916 h 10000"/>
                  <a:gd name="connsiteX219" fmla="*/ 6294 w 10000"/>
                  <a:gd name="connsiteY219" fmla="*/ 990 h 10000"/>
                  <a:gd name="connsiteX220" fmla="*/ 6369 w 10000"/>
                  <a:gd name="connsiteY220" fmla="*/ 1049 h 10000"/>
                  <a:gd name="connsiteX221" fmla="*/ 6471 w 10000"/>
                  <a:gd name="connsiteY221" fmla="*/ 1108 h 10000"/>
                  <a:gd name="connsiteX222" fmla="*/ 6598 w 10000"/>
                  <a:gd name="connsiteY222" fmla="*/ 1182 h 10000"/>
                  <a:gd name="connsiteX223" fmla="*/ 6700 w 10000"/>
                  <a:gd name="connsiteY223" fmla="*/ 1226 h 10000"/>
                  <a:gd name="connsiteX224" fmla="*/ 6802 w 10000"/>
                  <a:gd name="connsiteY224" fmla="*/ 1270 h 10000"/>
                  <a:gd name="connsiteX225" fmla="*/ 6903 w 10000"/>
                  <a:gd name="connsiteY225" fmla="*/ 1300 h 10000"/>
                  <a:gd name="connsiteX226" fmla="*/ 7005 w 10000"/>
                  <a:gd name="connsiteY226" fmla="*/ 1315 h 10000"/>
                  <a:gd name="connsiteX227" fmla="*/ 7132 w 10000"/>
                  <a:gd name="connsiteY227" fmla="*/ 1300 h 10000"/>
                  <a:gd name="connsiteX228" fmla="*/ 7234 w 10000"/>
                  <a:gd name="connsiteY228" fmla="*/ 1285 h 10000"/>
                  <a:gd name="connsiteX229" fmla="*/ 7309 w 10000"/>
                  <a:gd name="connsiteY229" fmla="*/ 1241 h 10000"/>
                  <a:gd name="connsiteX230" fmla="*/ 7361 w 10000"/>
                  <a:gd name="connsiteY230" fmla="*/ 1167 h 10000"/>
                  <a:gd name="connsiteX231" fmla="*/ 7385 w 10000"/>
                  <a:gd name="connsiteY231" fmla="*/ 1064 h 10000"/>
                  <a:gd name="connsiteX232" fmla="*/ 7766 w 10000"/>
                  <a:gd name="connsiteY232" fmla="*/ 1034 h 10000"/>
                  <a:gd name="connsiteX233" fmla="*/ 8121 w 10000"/>
                  <a:gd name="connsiteY233" fmla="*/ 1004 h 10000"/>
                  <a:gd name="connsiteX234" fmla="*/ 8427 w 10000"/>
                  <a:gd name="connsiteY234" fmla="*/ 990 h 10000"/>
                  <a:gd name="connsiteX235" fmla="*/ 8706 w 10000"/>
                  <a:gd name="connsiteY235" fmla="*/ 1004 h 10000"/>
                  <a:gd name="connsiteX236" fmla="*/ 8833 w 10000"/>
                  <a:gd name="connsiteY236" fmla="*/ 1019 h 10000"/>
                  <a:gd name="connsiteX237" fmla="*/ 8958 w 10000"/>
                  <a:gd name="connsiteY237" fmla="*/ 1034 h 10000"/>
                  <a:gd name="connsiteX238" fmla="*/ 9061 w 10000"/>
                  <a:gd name="connsiteY238" fmla="*/ 1064 h 10000"/>
                  <a:gd name="connsiteX239" fmla="*/ 9188 w 10000"/>
                  <a:gd name="connsiteY239" fmla="*/ 1108 h 10000"/>
                  <a:gd name="connsiteX240" fmla="*/ 9264 w 10000"/>
                  <a:gd name="connsiteY240" fmla="*/ 1182 h 10000"/>
                  <a:gd name="connsiteX241" fmla="*/ 9339 w 10000"/>
                  <a:gd name="connsiteY241" fmla="*/ 1241 h 10000"/>
                  <a:gd name="connsiteX242" fmla="*/ 9391 w 10000"/>
                  <a:gd name="connsiteY242" fmla="*/ 1329 h 10000"/>
                  <a:gd name="connsiteX243" fmla="*/ 9442 w 10000"/>
                  <a:gd name="connsiteY243" fmla="*/ 1433 h 10000"/>
                  <a:gd name="connsiteX244" fmla="*/ 9492 w 10000"/>
                  <a:gd name="connsiteY244" fmla="*/ 1551 h 10000"/>
                  <a:gd name="connsiteX245" fmla="*/ 9466 w 10000"/>
                  <a:gd name="connsiteY245" fmla="*/ 1625 h 10000"/>
                  <a:gd name="connsiteX246" fmla="*/ 9442 w 10000"/>
                  <a:gd name="connsiteY246" fmla="*/ 1684 h 10000"/>
                  <a:gd name="connsiteX247" fmla="*/ 9391 w 10000"/>
                  <a:gd name="connsiteY247" fmla="*/ 1758 h 10000"/>
                  <a:gd name="connsiteX248" fmla="*/ 9315 w 10000"/>
                  <a:gd name="connsiteY248" fmla="*/ 1802 h 10000"/>
                  <a:gd name="connsiteX249" fmla="*/ 9264 w 10000"/>
                  <a:gd name="connsiteY249" fmla="*/ 1861 h 10000"/>
                  <a:gd name="connsiteX250" fmla="*/ 9240 w 10000"/>
                  <a:gd name="connsiteY250" fmla="*/ 1935 h 10000"/>
                  <a:gd name="connsiteX251" fmla="*/ 9264 w 10000"/>
                  <a:gd name="connsiteY251" fmla="*/ 2024 h 10000"/>
                  <a:gd name="connsiteX252" fmla="*/ 9543 w 10000"/>
                  <a:gd name="connsiteY252" fmla="*/ 2157 h 10000"/>
                  <a:gd name="connsiteX253" fmla="*/ 9873 w 10000"/>
                  <a:gd name="connsiteY253" fmla="*/ 2275 h 10000"/>
                  <a:gd name="connsiteX254" fmla="*/ 10000 w 10000"/>
                  <a:gd name="connsiteY254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979 w 10000"/>
                  <a:gd name="connsiteY3" fmla="*/ 4801 h 10000"/>
                  <a:gd name="connsiteX4" fmla="*/ 6369 w 10000"/>
                  <a:gd name="connsiteY4" fmla="*/ 4313 h 10000"/>
                  <a:gd name="connsiteX5" fmla="*/ 7383 w 10000"/>
                  <a:gd name="connsiteY5" fmla="*/ 3894 h 10000"/>
                  <a:gd name="connsiteX6" fmla="*/ 8984 w 10000"/>
                  <a:gd name="connsiteY6" fmla="*/ 3412 h 10000"/>
                  <a:gd name="connsiteX7" fmla="*/ 9188 w 10000"/>
                  <a:gd name="connsiteY7" fmla="*/ 3338 h 10000"/>
                  <a:gd name="connsiteX8" fmla="*/ 9415 w 10000"/>
                  <a:gd name="connsiteY8" fmla="*/ 3117 h 10000"/>
                  <a:gd name="connsiteX9" fmla="*/ 9442 w 10000"/>
                  <a:gd name="connsiteY9" fmla="*/ 3072 h 10000"/>
                  <a:gd name="connsiteX10" fmla="*/ 9466 w 10000"/>
                  <a:gd name="connsiteY10" fmla="*/ 3013 h 10000"/>
                  <a:gd name="connsiteX11" fmla="*/ 9466 w 10000"/>
                  <a:gd name="connsiteY11" fmla="*/ 2954 h 10000"/>
                  <a:gd name="connsiteX12" fmla="*/ 9442 w 10000"/>
                  <a:gd name="connsiteY12" fmla="*/ 2866 h 10000"/>
                  <a:gd name="connsiteX13" fmla="*/ 9264 w 10000"/>
                  <a:gd name="connsiteY13" fmla="*/ 2984 h 10000"/>
                  <a:gd name="connsiteX14" fmla="*/ 9061 w 10000"/>
                  <a:gd name="connsiteY14" fmla="*/ 3072 h 10000"/>
                  <a:gd name="connsiteX15" fmla="*/ 8197 w 10000"/>
                  <a:gd name="connsiteY15" fmla="*/ 3397 h 10000"/>
                  <a:gd name="connsiteX16" fmla="*/ 7716 w 10000"/>
                  <a:gd name="connsiteY16" fmla="*/ 3545 h 10000"/>
                  <a:gd name="connsiteX17" fmla="*/ 6345 w 10000"/>
                  <a:gd name="connsiteY17" fmla="*/ 4003 h 10000"/>
                  <a:gd name="connsiteX18" fmla="*/ 6143 w 10000"/>
                  <a:gd name="connsiteY18" fmla="*/ 4106 h 10000"/>
                  <a:gd name="connsiteX19" fmla="*/ 5938 w 10000"/>
                  <a:gd name="connsiteY19" fmla="*/ 4195 h 10000"/>
                  <a:gd name="connsiteX20" fmla="*/ 6091 w 10000"/>
                  <a:gd name="connsiteY20" fmla="*/ 4417 h 10000"/>
                  <a:gd name="connsiteX21" fmla="*/ 6421 w 10000"/>
                  <a:gd name="connsiteY21" fmla="*/ 5318 h 10000"/>
                  <a:gd name="connsiteX22" fmla="*/ 6447 w 10000"/>
                  <a:gd name="connsiteY22" fmla="*/ 5539 h 10000"/>
                  <a:gd name="connsiteX23" fmla="*/ 6471 w 10000"/>
                  <a:gd name="connsiteY23" fmla="*/ 5775 h 10000"/>
                  <a:gd name="connsiteX24" fmla="*/ 6471 w 10000"/>
                  <a:gd name="connsiteY24" fmla="*/ 5997 h 10000"/>
                  <a:gd name="connsiteX25" fmla="*/ 6447 w 10000"/>
                  <a:gd name="connsiteY25" fmla="*/ 6233 h 10000"/>
                  <a:gd name="connsiteX26" fmla="*/ 6396 w 10000"/>
                  <a:gd name="connsiteY26" fmla="*/ 6470 h 10000"/>
                  <a:gd name="connsiteX27" fmla="*/ 6345 w 10000"/>
                  <a:gd name="connsiteY27" fmla="*/ 6677 h 10000"/>
                  <a:gd name="connsiteX28" fmla="*/ 6269 w 10000"/>
                  <a:gd name="connsiteY28" fmla="*/ 6898 h 10000"/>
                  <a:gd name="connsiteX29" fmla="*/ 6168 w 10000"/>
                  <a:gd name="connsiteY29" fmla="*/ 7105 h 10000"/>
                  <a:gd name="connsiteX30" fmla="*/ 6041 w 10000"/>
                  <a:gd name="connsiteY30" fmla="*/ 7297 h 10000"/>
                  <a:gd name="connsiteX31" fmla="*/ 5888 w 10000"/>
                  <a:gd name="connsiteY31" fmla="*/ 7489 h 10000"/>
                  <a:gd name="connsiteX32" fmla="*/ 5735 w 10000"/>
                  <a:gd name="connsiteY32" fmla="*/ 7681 h 10000"/>
                  <a:gd name="connsiteX33" fmla="*/ 6471 w 10000"/>
                  <a:gd name="connsiteY33" fmla="*/ 7799 h 10000"/>
                  <a:gd name="connsiteX34" fmla="*/ 7234 w 10000"/>
                  <a:gd name="connsiteY34" fmla="*/ 7962 h 10000"/>
                  <a:gd name="connsiteX35" fmla="*/ 7385 w 10000"/>
                  <a:gd name="connsiteY35" fmla="*/ 8021 h 10000"/>
                  <a:gd name="connsiteX36" fmla="*/ 7512 w 10000"/>
                  <a:gd name="connsiteY36" fmla="*/ 8080 h 10000"/>
                  <a:gd name="connsiteX37" fmla="*/ 7639 w 10000"/>
                  <a:gd name="connsiteY37" fmla="*/ 8139 h 10000"/>
                  <a:gd name="connsiteX38" fmla="*/ 7716 w 10000"/>
                  <a:gd name="connsiteY38" fmla="*/ 8227 h 10000"/>
                  <a:gd name="connsiteX39" fmla="*/ 7741 w 10000"/>
                  <a:gd name="connsiteY39" fmla="*/ 8301 h 10000"/>
                  <a:gd name="connsiteX40" fmla="*/ 7741 w 10000"/>
                  <a:gd name="connsiteY40" fmla="*/ 8405 h 10000"/>
                  <a:gd name="connsiteX41" fmla="*/ 7691 w 10000"/>
                  <a:gd name="connsiteY41" fmla="*/ 8523 h 10000"/>
                  <a:gd name="connsiteX42" fmla="*/ 7614 w 10000"/>
                  <a:gd name="connsiteY42" fmla="*/ 8641 h 10000"/>
                  <a:gd name="connsiteX43" fmla="*/ 7284 w 10000"/>
                  <a:gd name="connsiteY43" fmla="*/ 8552 h 10000"/>
                  <a:gd name="connsiteX44" fmla="*/ 6979 w 10000"/>
                  <a:gd name="connsiteY44" fmla="*/ 8449 h 10000"/>
                  <a:gd name="connsiteX45" fmla="*/ 6674 w 10000"/>
                  <a:gd name="connsiteY45" fmla="*/ 8360 h 10000"/>
                  <a:gd name="connsiteX46" fmla="*/ 6369 w 10000"/>
                  <a:gd name="connsiteY46" fmla="*/ 8287 h 10000"/>
                  <a:gd name="connsiteX47" fmla="*/ 6243 w 10000"/>
                  <a:gd name="connsiteY47" fmla="*/ 8449 h 10000"/>
                  <a:gd name="connsiteX48" fmla="*/ 6143 w 10000"/>
                  <a:gd name="connsiteY48" fmla="*/ 8597 h 10000"/>
                  <a:gd name="connsiteX49" fmla="*/ 6091 w 10000"/>
                  <a:gd name="connsiteY49" fmla="*/ 8656 h 10000"/>
                  <a:gd name="connsiteX50" fmla="*/ 5989 w 10000"/>
                  <a:gd name="connsiteY50" fmla="*/ 8700 h 10000"/>
                  <a:gd name="connsiteX51" fmla="*/ 5914 w 10000"/>
                  <a:gd name="connsiteY51" fmla="*/ 8744 h 10000"/>
                  <a:gd name="connsiteX52" fmla="*/ 5838 w 10000"/>
                  <a:gd name="connsiteY52" fmla="*/ 8774 h 10000"/>
                  <a:gd name="connsiteX53" fmla="*/ 5761 w 10000"/>
                  <a:gd name="connsiteY53" fmla="*/ 8804 h 10000"/>
                  <a:gd name="connsiteX54" fmla="*/ 5660 w 10000"/>
                  <a:gd name="connsiteY54" fmla="*/ 8818 h 10000"/>
                  <a:gd name="connsiteX55" fmla="*/ 5532 w 10000"/>
                  <a:gd name="connsiteY55" fmla="*/ 8833 h 10000"/>
                  <a:gd name="connsiteX56" fmla="*/ 5406 w 10000"/>
                  <a:gd name="connsiteY56" fmla="*/ 8833 h 10000"/>
                  <a:gd name="connsiteX57" fmla="*/ 5102 w 10000"/>
                  <a:gd name="connsiteY57" fmla="*/ 8818 h 10000"/>
                  <a:gd name="connsiteX58" fmla="*/ 4720 w 10000"/>
                  <a:gd name="connsiteY58" fmla="*/ 8744 h 10000"/>
                  <a:gd name="connsiteX59" fmla="*/ 4720 w 10000"/>
                  <a:gd name="connsiteY59" fmla="*/ 8922 h 10000"/>
                  <a:gd name="connsiteX60" fmla="*/ 4695 w 10000"/>
                  <a:gd name="connsiteY60" fmla="*/ 9069 h 10000"/>
                  <a:gd name="connsiteX61" fmla="*/ 4671 w 10000"/>
                  <a:gd name="connsiteY61" fmla="*/ 9232 h 10000"/>
                  <a:gd name="connsiteX62" fmla="*/ 4644 w 10000"/>
                  <a:gd name="connsiteY62" fmla="*/ 9365 h 10000"/>
                  <a:gd name="connsiteX63" fmla="*/ 4593 w 10000"/>
                  <a:gd name="connsiteY63" fmla="*/ 9498 h 10000"/>
                  <a:gd name="connsiteX64" fmla="*/ 4493 w 10000"/>
                  <a:gd name="connsiteY64" fmla="*/ 9616 h 10000"/>
                  <a:gd name="connsiteX65" fmla="*/ 4416 w 10000"/>
                  <a:gd name="connsiteY65" fmla="*/ 9734 h 10000"/>
                  <a:gd name="connsiteX66" fmla="*/ 4289 w 10000"/>
                  <a:gd name="connsiteY66" fmla="*/ 9838 h 10000"/>
                  <a:gd name="connsiteX67" fmla="*/ 3983 w 10000"/>
                  <a:gd name="connsiteY67" fmla="*/ 9897 h 10000"/>
                  <a:gd name="connsiteX68" fmla="*/ 3731 w 10000"/>
                  <a:gd name="connsiteY68" fmla="*/ 9941 h 10000"/>
                  <a:gd name="connsiteX69" fmla="*/ 3426 w 10000"/>
                  <a:gd name="connsiteY69" fmla="*/ 9985 h 10000"/>
                  <a:gd name="connsiteX70" fmla="*/ 3198 w 10000"/>
                  <a:gd name="connsiteY70" fmla="*/ 10000 h 10000"/>
                  <a:gd name="connsiteX71" fmla="*/ 2690 w 10000"/>
                  <a:gd name="connsiteY71" fmla="*/ 10000 h 10000"/>
                  <a:gd name="connsiteX72" fmla="*/ 2208 w 10000"/>
                  <a:gd name="connsiteY72" fmla="*/ 9985 h 10000"/>
                  <a:gd name="connsiteX73" fmla="*/ 1752 w 10000"/>
                  <a:gd name="connsiteY73" fmla="*/ 9941 h 10000"/>
                  <a:gd name="connsiteX74" fmla="*/ 1270 w 10000"/>
                  <a:gd name="connsiteY74" fmla="*/ 9911 h 10000"/>
                  <a:gd name="connsiteX75" fmla="*/ 990 w 10000"/>
                  <a:gd name="connsiteY75" fmla="*/ 9911 h 10000"/>
                  <a:gd name="connsiteX76" fmla="*/ 736 w 10000"/>
                  <a:gd name="connsiteY76" fmla="*/ 9911 h 10000"/>
                  <a:gd name="connsiteX77" fmla="*/ 457 w 10000"/>
                  <a:gd name="connsiteY77" fmla="*/ 9926 h 10000"/>
                  <a:gd name="connsiteX78" fmla="*/ 178 w 10000"/>
                  <a:gd name="connsiteY78" fmla="*/ 9970 h 10000"/>
                  <a:gd name="connsiteX79" fmla="*/ 102 w 10000"/>
                  <a:gd name="connsiteY79" fmla="*/ 9867 h 10000"/>
                  <a:gd name="connsiteX80" fmla="*/ 51 w 10000"/>
                  <a:gd name="connsiteY80" fmla="*/ 9793 h 10000"/>
                  <a:gd name="connsiteX81" fmla="*/ 0 w 10000"/>
                  <a:gd name="connsiteY81" fmla="*/ 9705 h 10000"/>
                  <a:gd name="connsiteX82" fmla="*/ 0 w 10000"/>
                  <a:gd name="connsiteY82" fmla="*/ 9601 h 10000"/>
                  <a:gd name="connsiteX83" fmla="*/ 51 w 10000"/>
                  <a:gd name="connsiteY83" fmla="*/ 9424 h 10000"/>
                  <a:gd name="connsiteX84" fmla="*/ 102 w 10000"/>
                  <a:gd name="connsiteY84" fmla="*/ 9202 h 10000"/>
                  <a:gd name="connsiteX85" fmla="*/ 151 w 10000"/>
                  <a:gd name="connsiteY85" fmla="*/ 8996 h 10000"/>
                  <a:gd name="connsiteX86" fmla="*/ 203 w 10000"/>
                  <a:gd name="connsiteY86" fmla="*/ 8759 h 10000"/>
                  <a:gd name="connsiteX87" fmla="*/ 228 w 10000"/>
                  <a:gd name="connsiteY87" fmla="*/ 8641 h 10000"/>
                  <a:gd name="connsiteX88" fmla="*/ 228 w 10000"/>
                  <a:gd name="connsiteY88" fmla="*/ 8538 h 10000"/>
                  <a:gd name="connsiteX89" fmla="*/ 203 w 10000"/>
                  <a:gd name="connsiteY89" fmla="*/ 8405 h 10000"/>
                  <a:gd name="connsiteX90" fmla="*/ 178 w 10000"/>
                  <a:gd name="connsiteY90" fmla="*/ 8287 h 10000"/>
                  <a:gd name="connsiteX91" fmla="*/ 431 w 10000"/>
                  <a:gd name="connsiteY91" fmla="*/ 8213 h 10000"/>
                  <a:gd name="connsiteX92" fmla="*/ 685 w 10000"/>
                  <a:gd name="connsiteY92" fmla="*/ 8139 h 10000"/>
                  <a:gd name="connsiteX93" fmla="*/ 939 w 10000"/>
                  <a:gd name="connsiteY93" fmla="*/ 8095 h 10000"/>
                  <a:gd name="connsiteX94" fmla="*/ 1218 w 10000"/>
                  <a:gd name="connsiteY94" fmla="*/ 8065 h 10000"/>
                  <a:gd name="connsiteX95" fmla="*/ 1725 w 10000"/>
                  <a:gd name="connsiteY95" fmla="*/ 8021 h 10000"/>
                  <a:gd name="connsiteX96" fmla="*/ 2234 w 10000"/>
                  <a:gd name="connsiteY96" fmla="*/ 7976 h 10000"/>
                  <a:gd name="connsiteX97" fmla="*/ 2462 w 10000"/>
                  <a:gd name="connsiteY97" fmla="*/ 7947 h 10000"/>
                  <a:gd name="connsiteX98" fmla="*/ 2690 w 10000"/>
                  <a:gd name="connsiteY98" fmla="*/ 7917 h 10000"/>
                  <a:gd name="connsiteX99" fmla="*/ 2892 w 10000"/>
                  <a:gd name="connsiteY99" fmla="*/ 7843 h 10000"/>
                  <a:gd name="connsiteX100" fmla="*/ 3096 w 10000"/>
                  <a:gd name="connsiteY100" fmla="*/ 7784 h 10000"/>
                  <a:gd name="connsiteX101" fmla="*/ 3274 w 10000"/>
                  <a:gd name="connsiteY101" fmla="*/ 7710 h 10000"/>
                  <a:gd name="connsiteX102" fmla="*/ 3426 w 10000"/>
                  <a:gd name="connsiteY102" fmla="*/ 7592 h 10000"/>
                  <a:gd name="connsiteX103" fmla="*/ 3579 w 10000"/>
                  <a:gd name="connsiteY103" fmla="*/ 7474 h 10000"/>
                  <a:gd name="connsiteX104" fmla="*/ 3680 w 10000"/>
                  <a:gd name="connsiteY104" fmla="*/ 7312 h 10000"/>
                  <a:gd name="connsiteX105" fmla="*/ 3477 w 10000"/>
                  <a:gd name="connsiteY105" fmla="*/ 7238 h 10000"/>
                  <a:gd name="connsiteX106" fmla="*/ 3299 w 10000"/>
                  <a:gd name="connsiteY106" fmla="*/ 7179 h 10000"/>
                  <a:gd name="connsiteX107" fmla="*/ 3147 w 10000"/>
                  <a:gd name="connsiteY107" fmla="*/ 7090 h 10000"/>
                  <a:gd name="connsiteX108" fmla="*/ 2995 w 10000"/>
                  <a:gd name="connsiteY108" fmla="*/ 6987 h 10000"/>
                  <a:gd name="connsiteX109" fmla="*/ 2892 w 10000"/>
                  <a:gd name="connsiteY109" fmla="*/ 6869 h 10000"/>
                  <a:gd name="connsiteX110" fmla="*/ 2843 w 10000"/>
                  <a:gd name="connsiteY110" fmla="*/ 6721 h 10000"/>
                  <a:gd name="connsiteX111" fmla="*/ 2817 w 10000"/>
                  <a:gd name="connsiteY111" fmla="*/ 6558 h 10000"/>
                  <a:gd name="connsiteX112" fmla="*/ 2843 w 10000"/>
                  <a:gd name="connsiteY112" fmla="*/ 6352 h 10000"/>
                  <a:gd name="connsiteX113" fmla="*/ 2716 w 10000"/>
                  <a:gd name="connsiteY113" fmla="*/ 6322 h 10000"/>
                  <a:gd name="connsiteX114" fmla="*/ 2564 w 10000"/>
                  <a:gd name="connsiteY114" fmla="*/ 6292 h 10000"/>
                  <a:gd name="connsiteX115" fmla="*/ 2386 w 10000"/>
                  <a:gd name="connsiteY115" fmla="*/ 6278 h 10000"/>
                  <a:gd name="connsiteX116" fmla="*/ 2208 w 10000"/>
                  <a:gd name="connsiteY116" fmla="*/ 6263 h 10000"/>
                  <a:gd name="connsiteX117" fmla="*/ 1853 w 10000"/>
                  <a:gd name="connsiteY117" fmla="*/ 6248 h 10000"/>
                  <a:gd name="connsiteX118" fmla="*/ 1472 w 10000"/>
                  <a:gd name="connsiteY118" fmla="*/ 6263 h 10000"/>
                  <a:gd name="connsiteX119" fmla="*/ 1143 w 10000"/>
                  <a:gd name="connsiteY119" fmla="*/ 6278 h 10000"/>
                  <a:gd name="connsiteX120" fmla="*/ 837 w 10000"/>
                  <a:gd name="connsiteY120" fmla="*/ 6278 h 10000"/>
                  <a:gd name="connsiteX121" fmla="*/ 585 w 10000"/>
                  <a:gd name="connsiteY121" fmla="*/ 6263 h 10000"/>
                  <a:gd name="connsiteX122" fmla="*/ 381 w 10000"/>
                  <a:gd name="connsiteY122" fmla="*/ 6233 h 10000"/>
                  <a:gd name="connsiteX123" fmla="*/ 633 w 10000"/>
                  <a:gd name="connsiteY123" fmla="*/ 5805 h 10000"/>
                  <a:gd name="connsiteX124" fmla="*/ 914 w 10000"/>
                  <a:gd name="connsiteY124" fmla="*/ 5391 h 10000"/>
                  <a:gd name="connsiteX125" fmla="*/ 1016 w 10000"/>
                  <a:gd name="connsiteY125" fmla="*/ 5170 h 10000"/>
                  <a:gd name="connsiteX126" fmla="*/ 1091 w 10000"/>
                  <a:gd name="connsiteY126" fmla="*/ 4963 h 10000"/>
                  <a:gd name="connsiteX127" fmla="*/ 1116 w 10000"/>
                  <a:gd name="connsiteY127" fmla="*/ 4860 h 10000"/>
                  <a:gd name="connsiteX128" fmla="*/ 1091 w 10000"/>
                  <a:gd name="connsiteY128" fmla="*/ 4756 h 10000"/>
                  <a:gd name="connsiteX129" fmla="*/ 1066 w 10000"/>
                  <a:gd name="connsiteY129" fmla="*/ 4653 h 10000"/>
                  <a:gd name="connsiteX130" fmla="*/ 990 w 10000"/>
                  <a:gd name="connsiteY130" fmla="*/ 4549 h 10000"/>
                  <a:gd name="connsiteX131" fmla="*/ 1270 w 10000"/>
                  <a:gd name="connsiteY131" fmla="*/ 4520 h 10000"/>
                  <a:gd name="connsiteX132" fmla="*/ 1472 w 10000"/>
                  <a:gd name="connsiteY132" fmla="*/ 4505 h 10000"/>
                  <a:gd name="connsiteX133" fmla="*/ 1650 w 10000"/>
                  <a:gd name="connsiteY133" fmla="*/ 4505 h 10000"/>
                  <a:gd name="connsiteX134" fmla="*/ 1802 w 10000"/>
                  <a:gd name="connsiteY134" fmla="*/ 4520 h 10000"/>
                  <a:gd name="connsiteX135" fmla="*/ 1929 w 10000"/>
                  <a:gd name="connsiteY135" fmla="*/ 4520 h 10000"/>
                  <a:gd name="connsiteX136" fmla="*/ 2081 w 10000"/>
                  <a:gd name="connsiteY136" fmla="*/ 4520 h 10000"/>
                  <a:gd name="connsiteX137" fmla="*/ 2234 w 10000"/>
                  <a:gd name="connsiteY137" fmla="*/ 4490 h 10000"/>
                  <a:gd name="connsiteX138" fmla="*/ 2436 w 10000"/>
                  <a:gd name="connsiteY138" fmla="*/ 4446 h 10000"/>
                  <a:gd name="connsiteX139" fmla="*/ 2436 w 10000"/>
                  <a:gd name="connsiteY139" fmla="*/ 4579 h 10000"/>
                  <a:gd name="connsiteX140" fmla="*/ 2436 w 10000"/>
                  <a:gd name="connsiteY140" fmla="*/ 4742 h 10000"/>
                  <a:gd name="connsiteX141" fmla="*/ 2436 w 10000"/>
                  <a:gd name="connsiteY141" fmla="*/ 4874 h 10000"/>
                  <a:gd name="connsiteX142" fmla="*/ 2436 w 10000"/>
                  <a:gd name="connsiteY142" fmla="*/ 5037 h 10000"/>
                  <a:gd name="connsiteX143" fmla="*/ 2665 w 10000"/>
                  <a:gd name="connsiteY143" fmla="*/ 5022 h 10000"/>
                  <a:gd name="connsiteX144" fmla="*/ 2817 w 10000"/>
                  <a:gd name="connsiteY144" fmla="*/ 5037 h 10000"/>
                  <a:gd name="connsiteX145" fmla="*/ 2944 w 10000"/>
                  <a:gd name="connsiteY145" fmla="*/ 5066 h 10000"/>
                  <a:gd name="connsiteX146" fmla="*/ 3071 w 10000"/>
                  <a:gd name="connsiteY146" fmla="*/ 5096 h 10000"/>
                  <a:gd name="connsiteX147" fmla="*/ 3173 w 10000"/>
                  <a:gd name="connsiteY147" fmla="*/ 5126 h 10000"/>
                  <a:gd name="connsiteX148" fmla="*/ 3299 w 10000"/>
                  <a:gd name="connsiteY148" fmla="*/ 5155 h 10000"/>
                  <a:gd name="connsiteX149" fmla="*/ 3452 w 10000"/>
                  <a:gd name="connsiteY149" fmla="*/ 5170 h 10000"/>
                  <a:gd name="connsiteX150" fmla="*/ 3680 w 10000"/>
                  <a:gd name="connsiteY150" fmla="*/ 5155 h 10000"/>
                  <a:gd name="connsiteX151" fmla="*/ 3757 w 10000"/>
                  <a:gd name="connsiteY151" fmla="*/ 5096 h 10000"/>
                  <a:gd name="connsiteX152" fmla="*/ 3832 w 10000"/>
                  <a:gd name="connsiteY152" fmla="*/ 5022 h 10000"/>
                  <a:gd name="connsiteX153" fmla="*/ 3857 w 10000"/>
                  <a:gd name="connsiteY153" fmla="*/ 4934 h 10000"/>
                  <a:gd name="connsiteX154" fmla="*/ 3884 w 10000"/>
                  <a:gd name="connsiteY154" fmla="*/ 4860 h 10000"/>
                  <a:gd name="connsiteX155" fmla="*/ 3908 w 10000"/>
                  <a:gd name="connsiteY155" fmla="*/ 4697 h 10000"/>
                  <a:gd name="connsiteX156" fmla="*/ 3884 w 10000"/>
                  <a:gd name="connsiteY156" fmla="*/ 4520 h 10000"/>
                  <a:gd name="connsiteX157" fmla="*/ 3807 w 10000"/>
                  <a:gd name="connsiteY157" fmla="*/ 4343 h 10000"/>
                  <a:gd name="connsiteX158" fmla="*/ 3731 w 10000"/>
                  <a:gd name="connsiteY158" fmla="*/ 4195 h 10000"/>
                  <a:gd name="connsiteX159" fmla="*/ 3604 w 10000"/>
                  <a:gd name="connsiteY159" fmla="*/ 4047 h 10000"/>
                  <a:gd name="connsiteX160" fmla="*/ 3477 w 10000"/>
                  <a:gd name="connsiteY160" fmla="*/ 3959 h 10000"/>
                  <a:gd name="connsiteX161" fmla="*/ 3629 w 10000"/>
                  <a:gd name="connsiteY161" fmla="*/ 3944 h 10000"/>
                  <a:gd name="connsiteX162" fmla="*/ 3757 w 10000"/>
                  <a:gd name="connsiteY162" fmla="*/ 3914 h 10000"/>
                  <a:gd name="connsiteX163" fmla="*/ 3857 w 10000"/>
                  <a:gd name="connsiteY163" fmla="*/ 3855 h 10000"/>
                  <a:gd name="connsiteX164" fmla="*/ 3983 w 10000"/>
                  <a:gd name="connsiteY164" fmla="*/ 3752 h 10000"/>
                  <a:gd name="connsiteX165" fmla="*/ 4111 w 10000"/>
                  <a:gd name="connsiteY165" fmla="*/ 3663 h 10000"/>
                  <a:gd name="connsiteX166" fmla="*/ 4213 w 10000"/>
                  <a:gd name="connsiteY166" fmla="*/ 3560 h 10000"/>
                  <a:gd name="connsiteX167" fmla="*/ 4289 w 10000"/>
                  <a:gd name="connsiteY167" fmla="*/ 3442 h 10000"/>
                  <a:gd name="connsiteX168" fmla="*/ 4366 w 10000"/>
                  <a:gd name="connsiteY168" fmla="*/ 3323 h 10000"/>
                  <a:gd name="connsiteX169" fmla="*/ 4416 w 10000"/>
                  <a:gd name="connsiteY169" fmla="*/ 3220 h 10000"/>
                  <a:gd name="connsiteX170" fmla="*/ 4441 w 10000"/>
                  <a:gd name="connsiteY170" fmla="*/ 3102 h 10000"/>
                  <a:gd name="connsiteX171" fmla="*/ 4468 w 10000"/>
                  <a:gd name="connsiteY171" fmla="*/ 3013 h 10000"/>
                  <a:gd name="connsiteX172" fmla="*/ 4441 w 10000"/>
                  <a:gd name="connsiteY172" fmla="*/ 2939 h 10000"/>
                  <a:gd name="connsiteX173" fmla="*/ 4416 w 10000"/>
                  <a:gd name="connsiteY173" fmla="*/ 2866 h 10000"/>
                  <a:gd name="connsiteX174" fmla="*/ 4340 w 10000"/>
                  <a:gd name="connsiteY174" fmla="*/ 2836 h 10000"/>
                  <a:gd name="connsiteX175" fmla="*/ 4239 w 10000"/>
                  <a:gd name="connsiteY175" fmla="*/ 2836 h 10000"/>
                  <a:gd name="connsiteX176" fmla="*/ 4111 w 10000"/>
                  <a:gd name="connsiteY176" fmla="*/ 2866 h 10000"/>
                  <a:gd name="connsiteX177" fmla="*/ 4213 w 10000"/>
                  <a:gd name="connsiteY177" fmla="*/ 2777 h 10000"/>
                  <a:gd name="connsiteX178" fmla="*/ 4265 w 10000"/>
                  <a:gd name="connsiteY178" fmla="*/ 2674 h 10000"/>
                  <a:gd name="connsiteX179" fmla="*/ 4289 w 10000"/>
                  <a:gd name="connsiteY179" fmla="*/ 2541 h 10000"/>
                  <a:gd name="connsiteX180" fmla="*/ 4289 w 10000"/>
                  <a:gd name="connsiteY180" fmla="*/ 2393 h 10000"/>
                  <a:gd name="connsiteX181" fmla="*/ 4314 w 10000"/>
                  <a:gd name="connsiteY181" fmla="*/ 2349 h 10000"/>
                  <a:gd name="connsiteX182" fmla="*/ 4366 w 10000"/>
                  <a:gd name="connsiteY182" fmla="*/ 2304 h 10000"/>
                  <a:gd name="connsiteX183" fmla="*/ 4416 w 10000"/>
                  <a:gd name="connsiteY183" fmla="*/ 2290 h 10000"/>
                  <a:gd name="connsiteX184" fmla="*/ 4493 w 10000"/>
                  <a:gd name="connsiteY184" fmla="*/ 2275 h 10000"/>
                  <a:gd name="connsiteX185" fmla="*/ 4720 w 10000"/>
                  <a:gd name="connsiteY185" fmla="*/ 2260 h 10000"/>
                  <a:gd name="connsiteX186" fmla="*/ 4923 w 10000"/>
                  <a:gd name="connsiteY186" fmla="*/ 2275 h 10000"/>
                  <a:gd name="connsiteX187" fmla="*/ 4898 w 10000"/>
                  <a:gd name="connsiteY187" fmla="*/ 2112 h 10000"/>
                  <a:gd name="connsiteX188" fmla="*/ 4848 w 10000"/>
                  <a:gd name="connsiteY188" fmla="*/ 1950 h 10000"/>
                  <a:gd name="connsiteX189" fmla="*/ 4771 w 10000"/>
                  <a:gd name="connsiteY189" fmla="*/ 1802 h 10000"/>
                  <a:gd name="connsiteX190" fmla="*/ 4671 w 10000"/>
                  <a:gd name="connsiteY190" fmla="*/ 1640 h 10000"/>
                  <a:gd name="connsiteX191" fmla="*/ 4416 w 10000"/>
                  <a:gd name="connsiteY191" fmla="*/ 1329 h 10000"/>
                  <a:gd name="connsiteX192" fmla="*/ 4162 w 10000"/>
                  <a:gd name="connsiteY192" fmla="*/ 1034 h 10000"/>
                  <a:gd name="connsiteX193" fmla="*/ 4035 w 10000"/>
                  <a:gd name="connsiteY193" fmla="*/ 901 h 10000"/>
                  <a:gd name="connsiteX194" fmla="*/ 3935 w 10000"/>
                  <a:gd name="connsiteY194" fmla="*/ 753 h 10000"/>
                  <a:gd name="connsiteX195" fmla="*/ 3857 w 10000"/>
                  <a:gd name="connsiteY195" fmla="*/ 620 h 10000"/>
                  <a:gd name="connsiteX196" fmla="*/ 3832 w 10000"/>
                  <a:gd name="connsiteY196" fmla="*/ 487 h 10000"/>
                  <a:gd name="connsiteX197" fmla="*/ 3807 w 10000"/>
                  <a:gd name="connsiteY197" fmla="*/ 355 h 10000"/>
                  <a:gd name="connsiteX198" fmla="*/ 3857 w 10000"/>
                  <a:gd name="connsiteY198" fmla="*/ 222 h 10000"/>
                  <a:gd name="connsiteX199" fmla="*/ 3884 w 10000"/>
                  <a:gd name="connsiteY199" fmla="*/ 162 h 10000"/>
                  <a:gd name="connsiteX200" fmla="*/ 3935 w 10000"/>
                  <a:gd name="connsiteY200" fmla="*/ 103 h 10000"/>
                  <a:gd name="connsiteX201" fmla="*/ 4011 w 10000"/>
                  <a:gd name="connsiteY201" fmla="*/ 59 h 10000"/>
                  <a:gd name="connsiteX202" fmla="*/ 4111 w 10000"/>
                  <a:gd name="connsiteY202" fmla="*/ 0 h 10000"/>
                  <a:gd name="connsiteX203" fmla="*/ 4289 w 10000"/>
                  <a:gd name="connsiteY203" fmla="*/ 0 h 10000"/>
                  <a:gd name="connsiteX204" fmla="*/ 4468 w 10000"/>
                  <a:gd name="connsiteY204" fmla="*/ 15 h 10000"/>
                  <a:gd name="connsiteX205" fmla="*/ 4644 w 10000"/>
                  <a:gd name="connsiteY205" fmla="*/ 44 h 10000"/>
                  <a:gd name="connsiteX206" fmla="*/ 4771 w 10000"/>
                  <a:gd name="connsiteY206" fmla="*/ 89 h 10000"/>
                  <a:gd name="connsiteX207" fmla="*/ 4975 w 10000"/>
                  <a:gd name="connsiteY207" fmla="*/ 192 h 10000"/>
                  <a:gd name="connsiteX208" fmla="*/ 5177 w 10000"/>
                  <a:gd name="connsiteY208" fmla="*/ 340 h 10000"/>
                  <a:gd name="connsiteX209" fmla="*/ 5329 w 10000"/>
                  <a:gd name="connsiteY209" fmla="*/ 473 h 10000"/>
                  <a:gd name="connsiteX210" fmla="*/ 5532 w 10000"/>
                  <a:gd name="connsiteY210" fmla="*/ 591 h 10000"/>
                  <a:gd name="connsiteX211" fmla="*/ 5660 w 10000"/>
                  <a:gd name="connsiteY211" fmla="*/ 650 h 10000"/>
                  <a:gd name="connsiteX212" fmla="*/ 5812 w 10000"/>
                  <a:gd name="connsiteY212" fmla="*/ 679 h 10000"/>
                  <a:gd name="connsiteX213" fmla="*/ 5965 w 10000"/>
                  <a:gd name="connsiteY213" fmla="*/ 709 h 10000"/>
                  <a:gd name="connsiteX214" fmla="*/ 6168 w 10000"/>
                  <a:gd name="connsiteY214" fmla="*/ 709 h 10000"/>
                  <a:gd name="connsiteX215" fmla="*/ 6168 w 10000"/>
                  <a:gd name="connsiteY215" fmla="*/ 768 h 10000"/>
                  <a:gd name="connsiteX216" fmla="*/ 6193 w 10000"/>
                  <a:gd name="connsiteY216" fmla="*/ 842 h 10000"/>
                  <a:gd name="connsiteX217" fmla="*/ 6243 w 10000"/>
                  <a:gd name="connsiteY217" fmla="*/ 916 h 10000"/>
                  <a:gd name="connsiteX218" fmla="*/ 6294 w 10000"/>
                  <a:gd name="connsiteY218" fmla="*/ 990 h 10000"/>
                  <a:gd name="connsiteX219" fmla="*/ 6369 w 10000"/>
                  <a:gd name="connsiteY219" fmla="*/ 1049 h 10000"/>
                  <a:gd name="connsiteX220" fmla="*/ 6471 w 10000"/>
                  <a:gd name="connsiteY220" fmla="*/ 1108 h 10000"/>
                  <a:gd name="connsiteX221" fmla="*/ 6598 w 10000"/>
                  <a:gd name="connsiteY221" fmla="*/ 1182 h 10000"/>
                  <a:gd name="connsiteX222" fmla="*/ 6700 w 10000"/>
                  <a:gd name="connsiteY222" fmla="*/ 1226 h 10000"/>
                  <a:gd name="connsiteX223" fmla="*/ 6802 w 10000"/>
                  <a:gd name="connsiteY223" fmla="*/ 1270 h 10000"/>
                  <a:gd name="connsiteX224" fmla="*/ 6903 w 10000"/>
                  <a:gd name="connsiteY224" fmla="*/ 1300 h 10000"/>
                  <a:gd name="connsiteX225" fmla="*/ 7005 w 10000"/>
                  <a:gd name="connsiteY225" fmla="*/ 1315 h 10000"/>
                  <a:gd name="connsiteX226" fmla="*/ 7132 w 10000"/>
                  <a:gd name="connsiteY226" fmla="*/ 1300 h 10000"/>
                  <a:gd name="connsiteX227" fmla="*/ 7234 w 10000"/>
                  <a:gd name="connsiteY227" fmla="*/ 1285 h 10000"/>
                  <a:gd name="connsiteX228" fmla="*/ 7309 w 10000"/>
                  <a:gd name="connsiteY228" fmla="*/ 1241 h 10000"/>
                  <a:gd name="connsiteX229" fmla="*/ 7361 w 10000"/>
                  <a:gd name="connsiteY229" fmla="*/ 1167 h 10000"/>
                  <a:gd name="connsiteX230" fmla="*/ 7385 w 10000"/>
                  <a:gd name="connsiteY230" fmla="*/ 1064 h 10000"/>
                  <a:gd name="connsiteX231" fmla="*/ 7766 w 10000"/>
                  <a:gd name="connsiteY231" fmla="*/ 1034 h 10000"/>
                  <a:gd name="connsiteX232" fmla="*/ 8121 w 10000"/>
                  <a:gd name="connsiteY232" fmla="*/ 1004 h 10000"/>
                  <a:gd name="connsiteX233" fmla="*/ 8427 w 10000"/>
                  <a:gd name="connsiteY233" fmla="*/ 990 h 10000"/>
                  <a:gd name="connsiteX234" fmla="*/ 8706 w 10000"/>
                  <a:gd name="connsiteY234" fmla="*/ 1004 h 10000"/>
                  <a:gd name="connsiteX235" fmla="*/ 8833 w 10000"/>
                  <a:gd name="connsiteY235" fmla="*/ 1019 h 10000"/>
                  <a:gd name="connsiteX236" fmla="*/ 8958 w 10000"/>
                  <a:gd name="connsiteY236" fmla="*/ 1034 h 10000"/>
                  <a:gd name="connsiteX237" fmla="*/ 9061 w 10000"/>
                  <a:gd name="connsiteY237" fmla="*/ 1064 h 10000"/>
                  <a:gd name="connsiteX238" fmla="*/ 9188 w 10000"/>
                  <a:gd name="connsiteY238" fmla="*/ 1108 h 10000"/>
                  <a:gd name="connsiteX239" fmla="*/ 9264 w 10000"/>
                  <a:gd name="connsiteY239" fmla="*/ 1182 h 10000"/>
                  <a:gd name="connsiteX240" fmla="*/ 9339 w 10000"/>
                  <a:gd name="connsiteY240" fmla="*/ 1241 h 10000"/>
                  <a:gd name="connsiteX241" fmla="*/ 9391 w 10000"/>
                  <a:gd name="connsiteY241" fmla="*/ 1329 h 10000"/>
                  <a:gd name="connsiteX242" fmla="*/ 9442 w 10000"/>
                  <a:gd name="connsiteY242" fmla="*/ 1433 h 10000"/>
                  <a:gd name="connsiteX243" fmla="*/ 9492 w 10000"/>
                  <a:gd name="connsiteY243" fmla="*/ 1551 h 10000"/>
                  <a:gd name="connsiteX244" fmla="*/ 9466 w 10000"/>
                  <a:gd name="connsiteY244" fmla="*/ 1625 h 10000"/>
                  <a:gd name="connsiteX245" fmla="*/ 9442 w 10000"/>
                  <a:gd name="connsiteY245" fmla="*/ 1684 h 10000"/>
                  <a:gd name="connsiteX246" fmla="*/ 9391 w 10000"/>
                  <a:gd name="connsiteY246" fmla="*/ 1758 h 10000"/>
                  <a:gd name="connsiteX247" fmla="*/ 9315 w 10000"/>
                  <a:gd name="connsiteY247" fmla="*/ 1802 h 10000"/>
                  <a:gd name="connsiteX248" fmla="*/ 9264 w 10000"/>
                  <a:gd name="connsiteY248" fmla="*/ 1861 h 10000"/>
                  <a:gd name="connsiteX249" fmla="*/ 9240 w 10000"/>
                  <a:gd name="connsiteY249" fmla="*/ 1935 h 10000"/>
                  <a:gd name="connsiteX250" fmla="*/ 9264 w 10000"/>
                  <a:gd name="connsiteY250" fmla="*/ 2024 h 10000"/>
                  <a:gd name="connsiteX251" fmla="*/ 9543 w 10000"/>
                  <a:gd name="connsiteY251" fmla="*/ 2157 h 10000"/>
                  <a:gd name="connsiteX252" fmla="*/ 9873 w 10000"/>
                  <a:gd name="connsiteY252" fmla="*/ 2275 h 10000"/>
                  <a:gd name="connsiteX253" fmla="*/ 10000 w 10000"/>
                  <a:gd name="connsiteY253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7005 w 10000"/>
                  <a:gd name="connsiteY2" fmla="*/ 4697 h 10000"/>
                  <a:gd name="connsiteX3" fmla="*/ 6369 w 10000"/>
                  <a:gd name="connsiteY3" fmla="*/ 4313 h 10000"/>
                  <a:gd name="connsiteX4" fmla="*/ 7383 w 10000"/>
                  <a:gd name="connsiteY4" fmla="*/ 3894 h 10000"/>
                  <a:gd name="connsiteX5" fmla="*/ 8984 w 10000"/>
                  <a:gd name="connsiteY5" fmla="*/ 3412 h 10000"/>
                  <a:gd name="connsiteX6" fmla="*/ 9188 w 10000"/>
                  <a:gd name="connsiteY6" fmla="*/ 3338 h 10000"/>
                  <a:gd name="connsiteX7" fmla="*/ 9415 w 10000"/>
                  <a:gd name="connsiteY7" fmla="*/ 3117 h 10000"/>
                  <a:gd name="connsiteX8" fmla="*/ 9442 w 10000"/>
                  <a:gd name="connsiteY8" fmla="*/ 3072 h 10000"/>
                  <a:gd name="connsiteX9" fmla="*/ 9466 w 10000"/>
                  <a:gd name="connsiteY9" fmla="*/ 3013 h 10000"/>
                  <a:gd name="connsiteX10" fmla="*/ 9466 w 10000"/>
                  <a:gd name="connsiteY10" fmla="*/ 2954 h 10000"/>
                  <a:gd name="connsiteX11" fmla="*/ 9442 w 10000"/>
                  <a:gd name="connsiteY11" fmla="*/ 2866 h 10000"/>
                  <a:gd name="connsiteX12" fmla="*/ 9264 w 10000"/>
                  <a:gd name="connsiteY12" fmla="*/ 2984 h 10000"/>
                  <a:gd name="connsiteX13" fmla="*/ 9061 w 10000"/>
                  <a:gd name="connsiteY13" fmla="*/ 3072 h 10000"/>
                  <a:gd name="connsiteX14" fmla="*/ 8197 w 10000"/>
                  <a:gd name="connsiteY14" fmla="*/ 3397 h 10000"/>
                  <a:gd name="connsiteX15" fmla="*/ 7716 w 10000"/>
                  <a:gd name="connsiteY15" fmla="*/ 3545 h 10000"/>
                  <a:gd name="connsiteX16" fmla="*/ 6345 w 10000"/>
                  <a:gd name="connsiteY16" fmla="*/ 4003 h 10000"/>
                  <a:gd name="connsiteX17" fmla="*/ 6143 w 10000"/>
                  <a:gd name="connsiteY17" fmla="*/ 4106 h 10000"/>
                  <a:gd name="connsiteX18" fmla="*/ 5938 w 10000"/>
                  <a:gd name="connsiteY18" fmla="*/ 4195 h 10000"/>
                  <a:gd name="connsiteX19" fmla="*/ 6091 w 10000"/>
                  <a:gd name="connsiteY19" fmla="*/ 4417 h 10000"/>
                  <a:gd name="connsiteX20" fmla="*/ 6421 w 10000"/>
                  <a:gd name="connsiteY20" fmla="*/ 5318 h 10000"/>
                  <a:gd name="connsiteX21" fmla="*/ 6447 w 10000"/>
                  <a:gd name="connsiteY21" fmla="*/ 5539 h 10000"/>
                  <a:gd name="connsiteX22" fmla="*/ 6471 w 10000"/>
                  <a:gd name="connsiteY22" fmla="*/ 5775 h 10000"/>
                  <a:gd name="connsiteX23" fmla="*/ 6471 w 10000"/>
                  <a:gd name="connsiteY23" fmla="*/ 5997 h 10000"/>
                  <a:gd name="connsiteX24" fmla="*/ 6447 w 10000"/>
                  <a:gd name="connsiteY24" fmla="*/ 6233 h 10000"/>
                  <a:gd name="connsiteX25" fmla="*/ 6396 w 10000"/>
                  <a:gd name="connsiteY25" fmla="*/ 6470 h 10000"/>
                  <a:gd name="connsiteX26" fmla="*/ 6345 w 10000"/>
                  <a:gd name="connsiteY26" fmla="*/ 6677 h 10000"/>
                  <a:gd name="connsiteX27" fmla="*/ 6269 w 10000"/>
                  <a:gd name="connsiteY27" fmla="*/ 6898 h 10000"/>
                  <a:gd name="connsiteX28" fmla="*/ 6168 w 10000"/>
                  <a:gd name="connsiteY28" fmla="*/ 7105 h 10000"/>
                  <a:gd name="connsiteX29" fmla="*/ 6041 w 10000"/>
                  <a:gd name="connsiteY29" fmla="*/ 7297 h 10000"/>
                  <a:gd name="connsiteX30" fmla="*/ 5888 w 10000"/>
                  <a:gd name="connsiteY30" fmla="*/ 7489 h 10000"/>
                  <a:gd name="connsiteX31" fmla="*/ 5735 w 10000"/>
                  <a:gd name="connsiteY31" fmla="*/ 7681 h 10000"/>
                  <a:gd name="connsiteX32" fmla="*/ 6471 w 10000"/>
                  <a:gd name="connsiteY32" fmla="*/ 7799 h 10000"/>
                  <a:gd name="connsiteX33" fmla="*/ 7234 w 10000"/>
                  <a:gd name="connsiteY33" fmla="*/ 7962 h 10000"/>
                  <a:gd name="connsiteX34" fmla="*/ 7385 w 10000"/>
                  <a:gd name="connsiteY34" fmla="*/ 8021 h 10000"/>
                  <a:gd name="connsiteX35" fmla="*/ 7512 w 10000"/>
                  <a:gd name="connsiteY35" fmla="*/ 8080 h 10000"/>
                  <a:gd name="connsiteX36" fmla="*/ 7639 w 10000"/>
                  <a:gd name="connsiteY36" fmla="*/ 8139 h 10000"/>
                  <a:gd name="connsiteX37" fmla="*/ 7716 w 10000"/>
                  <a:gd name="connsiteY37" fmla="*/ 8227 h 10000"/>
                  <a:gd name="connsiteX38" fmla="*/ 7741 w 10000"/>
                  <a:gd name="connsiteY38" fmla="*/ 8301 h 10000"/>
                  <a:gd name="connsiteX39" fmla="*/ 7741 w 10000"/>
                  <a:gd name="connsiteY39" fmla="*/ 8405 h 10000"/>
                  <a:gd name="connsiteX40" fmla="*/ 7691 w 10000"/>
                  <a:gd name="connsiteY40" fmla="*/ 8523 h 10000"/>
                  <a:gd name="connsiteX41" fmla="*/ 7614 w 10000"/>
                  <a:gd name="connsiteY41" fmla="*/ 8641 h 10000"/>
                  <a:gd name="connsiteX42" fmla="*/ 7284 w 10000"/>
                  <a:gd name="connsiteY42" fmla="*/ 8552 h 10000"/>
                  <a:gd name="connsiteX43" fmla="*/ 6979 w 10000"/>
                  <a:gd name="connsiteY43" fmla="*/ 8449 h 10000"/>
                  <a:gd name="connsiteX44" fmla="*/ 6674 w 10000"/>
                  <a:gd name="connsiteY44" fmla="*/ 8360 h 10000"/>
                  <a:gd name="connsiteX45" fmla="*/ 6369 w 10000"/>
                  <a:gd name="connsiteY45" fmla="*/ 8287 h 10000"/>
                  <a:gd name="connsiteX46" fmla="*/ 6243 w 10000"/>
                  <a:gd name="connsiteY46" fmla="*/ 8449 h 10000"/>
                  <a:gd name="connsiteX47" fmla="*/ 6143 w 10000"/>
                  <a:gd name="connsiteY47" fmla="*/ 8597 h 10000"/>
                  <a:gd name="connsiteX48" fmla="*/ 6091 w 10000"/>
                  <a:gd name="connsiteY48" fmla="*/ 8656 h 10000"/>
                  <a:gd name="connsiteX49" fmla="*/ 5989 w 10000"/>
                  <a:gd name="connsiteY49" fmla="*/ 8700 h 10000"/>
                  <a:gd name="connsiteX50" fmla="*/ 5914 w 10000"/>
                  <a:gd name="connsiteY50" fmla="*/ 8744 h 10000"/>
                  <a:gd name="connsiteX51" fmla="*/ 5838 w 10000"/>
                  <a:gd name="connsiteY51" fmla="*/ 8774 h 10000"/>
                  <a:gd name="connsiteX52" fmla="*/ 5761 w 10000"/>
                  <a:gd name="connsiteY52" fmla="*/ 8804 h 10000"/>
                  <a:gd name="connsiteX53" fmla="*/ 5660 w 10000"/>
                  <a:gd name="connsiteY53" fmla="*/ 8818 h 10000"/>
                  <a:gd name="connsiteX54" fmla="*/ 5532 w 10000"/>
                  <a:gd name="connsiteY54" fmla="*/ 8833 h 10000"/>
                  <a:gd name="connsiteX55" fmla="*/ 5406 w 10000"/>
                  <a:gd name="connsiteY55" fmla="*/ 8833 h 10000"/>
                  <a:gd name="connsiteX56" fmla="*/ 5102 w 10000"/>
                  <a:gd name="connsiteY56" fmla="*/ 8818 h 10000"/>
                  <a:gd name="connsiteX57" fmla="*/ 4720 w 10000"/>
                  <a:gd name="connsiteY57" fmla="*/ 8744 h 10000"/>
                  <a:gd name="connsiteX58" fmla="*/ 4720 w 10000"/>
                  <a:gd name="connsiteY58" fmla="*/ 8922 h 10000"/>
                  <a:gd name="connsiteX59" fmla="*/ 4695 w 10000"/>
                  <a:gd name="connsiteY59" fmla="*/ 9069 h 10000"/>
                  <a:gd name="connsiteX60" fmla="*/ 4671 w 10000"/>
                  <a:gd name="connsiteY60" fmla="*/ 9232 h 10000"/>
                  <a:gd name="connsiteX61" fmla="*/ 4644 w 10000"/>
                  <a:gd name="connsiteY61" fmla="*/ 9365 h 10000"/>
                  <a:gd name="connsiteX62" fmla="*/ 4593 w 10000"/>
                  <a:gd name="connsiteY62" fmla="*/ 9498 h 10000"/>
                  <a:gd name="connsiteX63" fmla="*/ 4493 w 10000"/>
                  <a:gd name="connsiteY63" fmla="*/ 9616 h 10000"/>
                  <a:gd name="connsiteX64" fmla="*/ 4416 w 10000"/>
                  <a:gd name="connsiteY64" fmla="*/ 9734 h 10000"/>
                  <a:gd name="connsiteX65" fmla="*/ 4289 w 10000"/>
                  <a:gd name="connsiteY65" fmla="*/ 9838 h 10000"/>
                  <a:gd name="connsiteX66" fmla="*/ 3983 w 10000"/>
                  <a:gd name="connsiteY66" fmla="*/ 9897 h 10000"/>
                  <a:gd name="connsiteX67" fmla="*/ 3731 w 10000"/>
                  <a:gd name="connsiteY67" fmla="*/ 9941 h 10000"/>
                  <a:gd name="connsiteX68" fmla="*/ 3426 w 10000"/>
                  <a:gd name="connsiteY68" fmla="*/ 9985 h 10000"/>
                  <a:gd name="connsiteX69" fmla="*/ 3198 w 10000"/>
                  <a:gd name="connsiteY69" fmla="*/ 10000 h 10000"/>
                  <a:gd name="connsiteX70" fmla="*/ 2690 w 10000"/>
                  <a:gd name="connsiteY70" fmla="*/ 10000 h 10000"/>
                  <a:gd name="connsiteX71" fmla="*/ 2208 w 10000"/>
                  <a:gd name="connsiteY71" fmla="*/ 9985 h 10000"/>
                  <a:gd name="connsiteX72" fmla="*/ 1752 w 10000"/>
                  <a:gd name="connsiteY72" fmla="*/ 9941 h 10000"/>
                  <a:gd name="connsiteX73" fmla="*/ 1270 w 10000"/>
                  <a:gd name="connsiteY73" fmla="*/ 9911 h 10000"/>
                  <a:gd name="connsiteX74" fmla="*/ 990 w 10000"/>
                  <a:gd name="connsiteY74" fmla="*/ 9911 h 10000"/>
                  <a:gd name="connsiteX75" fmla="*/ 736 w 10000"/>
                  <a:gd name="connsiteY75" fmla="*/ 9911 h 10000"/>
                  <a:gd name="connsiteX76" fmla="*/ 457 w 10000"/>
                  <a:gd name="connsiteY76" fmla="*/ 9926 h 10000"/>
                  <a:gd name="connsiteX77" fmla="*/ 178 w 10000"/>
                  <a:gd name="connsiteY77" fmla="*/ 9970 h 10000"/>
                  <a:gd name="connsiteX78" fmla="*/ 102 w 10000"/>
                  <a:gd name="connsiteY78" fmla="*/ 9867 h 10000"/>
                  <a:gd name="connsiteX79" fmla="*/ 51 w 10000"/>
                  <a:gd name="connsiteY79" fmla="*/ 9793 h 10000"/>
                  <a:gd name="connsiteX80" fmla="*/ 0 w 10000"/>
                  <a:gd name="connsiteY80" fmla="*/ 9705 h 10000"/>
                  <a:gd name="connsiteX81" fmla="*/ 0 w 10000"/>
                  <a:gd name="connsiteY81" fmla="*/ 9601 h 10000"/>
                  <a:gd name="connsiteX82" fmla="*/ 51 w 10000"/>
                  <a:gd name="connsiteY82" fmla="*/ 9424 h 10000"/>
                  <a:gd name="connsiteX83" fmla="*/ 102 w 10000"/>
                  <a:gd name="connsiteY83" fmla="*/ 9202 h 10000"/>
                  <a:gd name="connsiteX84" fmla="*/ 151 w 10000"/>
                  <a:gd name="connsiteY84" fmla="*/ 8996 h 10000"/>
                  <a:gd name="connsiteX85" fmla="*/ 203 w 10000"/>
                  <a:gd name="connsiteY85" fmla="*/ 8759 h 10000"/>
                  <a:gd name="connsiteX86" fmla="*/ 228 w 10000"/>
                  <a:gd name="connsiteY86" fmla="*/ 8641 h 10000"/>
                  <a:gd name="connsiteX87" fmla="*/ 228 w 10000"/>
                  <a:gd name="connsiteY87" fmla="*/ 8538 h 10000"/>
                  <a:gd name="connsiteX88" fmla="*/ 203 w 10000"/>
                  <a:gd name="connsiteY88" fmla="*/ 8405 h 10000"/>
                  <a:gd name="connsiteX89" fmla="*/ 178 w 10000"/>
                  <a:gd name="connsiteY89" fmla="*/ 8287 h 10000"/>
                  <a:gd name="connsiteX90" fmla="*/ 431 w 10000"/>
                  <a:gd name="connsiteY90" fmla="*/ 8213 h 10000"/>
                  <a:gd name="connsiteX91" fmla="*/ 685 w 10000"/>
                  <a:gd name="connsiteY91" fmla="*/ 8139 h 10000"/>
                  <a:gd name="connsiteX92" fmla="*/ 939 w 10000"/>
                  <a:gd name="connsiteY92" fmla="*/ 8095 h 10000"/>
                  <a:gd name="connsiteX93" fmla="*/ 1218 w 10000"/>
                  <a:gd name="connsiteY93" fmla="*/ 8065 h 10000"/>
                  <a:gd name="connsiteX94" fmla="*/ 1725 w 10000"/>
                  <a:gd name="connsiteY94" fmla="*/ 8021 h 10000"/>
                  <a:gd name="connsiteX95" fmla="*/ 2234 w 10000"/>
                  <a:gd name="connsiteY95" fmla="*/ 7976 h 10000"/>
                  <a:gd name="connsiteX96" fmla="*/ 2462 w 10000"/>
                  <a:gd name="connsiteY96" fmla="*/ 7947 h 10000"/>
                  <a:gd name="connsiteX97" fmla="*/ 2690 w 10000"/>
                  <a:gd name="connsiteY97" fmla="*/ 7917 h 10000"/>
                  <a:gd name="connsiteX98" fmla="*/ 2892 w 10000"/>
                  <a:gd name="connsiteY98" fmla="*/ 7843 h 10000"/>
                  <a:gd name="connsiteX99" fmla="*/ 3096 w 10000"/>
                  <a:gd name="connsiteY99" fmla="*/ 7784 h 10000"/>
                  <a:gd name="connsiteX100" fmla="*/ 3274 w 10000"/>
                  <a:gd name="connsiteY100" fmla="*/ 7710 h 10000"/>
                  <a:gd name="connsiteX101" fmla="*/ 3426 w 10000"/>
                  <a:gd name="connsiteY101" fmla="*/ 7592 h 10000"/>
                  <a:gd name="connsiteX102" fmla="*/ 3579 w 10000"/>
                  <a:gd name="connsiteY102" fmla="*/ 7474 h 10000"/>
                  <a:gd name="connsiteX103" fmla="*/ 3680 w 10000"/>
                  <a:gd name="connsiteY103" fmla="*/ 7312 h 10000"/>
                  <a:gd name="connsiteX104" fmla="*/ 3477 w 10000"/>
                  <a:gd name="connsiteY104" fmla="*/ 7238 h 10000"/>
                  <a:gd name="connsiteX105" fmla="*/ 3299 w 10000"/>
                  <a:gd name="connsiteY105" fmla="*/ 7179 h 10000"/>
                  <a:gd name="connsiteX106" fmla="*/ 3147 w 10000"/>
                  <a:gd name="connsiteY106" fmla="*/ 7090 h 10000"/>
                  <a:gd name="connsiteX107" fmla="*/ 2995 w 10000"/>
                  <a:gd name="connsiteY107" fmla="*/ 6987 h 10000"/>
                  <a:gd name="connsiteX108" fmla="*/ 2892 w 10000"/>
                  <a:gd name="connsiteY108" fmla="*/ 6869 h 10000"/>
                  <a:gd name="connsiteX109" fmla="*/ 2843 w 10000"/>
                  <a:gd name="connsiteY109" fmla="*/ 6721 h 10000"/>
                  <a:gd name="connsiteX110" fmla="*/ 2817 w 10000"/>
                  <a:gd name="connsiteY110" fmla="*/ 6558 h 10000"/>
                  <a:gd name="connsiteX111" fmla="*/ 2843 w 10000"/>
                  <a:gd name="connsiteY111" fmla="*/ 6352 h 10000"/>
                  <a:gd name="connsiteX112" fmla="*/ 2716 w 10000"/>
                  <a:gd name="connsiteY112" fmla="*/ 6322 h 10000"/>
                  <a:gd name="connsiteX113" fmla="*/ 2564 w 10000"/>
                  <a:gd name="connsiteY113" fmla="*/ 6292 h 10000"/>
                  <a:gd name="connsiteX114" fmla="*/ 2386 w 10000"/>
                  <a:gd name="connsiteY114" fmla="*/ 6278 h 10000"/>
                  <a:gd name="connsiteX115" fmla="*/ 2208 w 10000"/>
                  <a:gd name="connsiteY115" fmla="*/ 6263 h 10000"/>
                  <a:gd name="connsiteX116" fmla="*/ 1853 w 10000"/>
                  <a:gd name="connsiteY116" fmla="*/ 6248 h 10000"/>
                  <a:gd name="connsiteX117" fmla="*/ 1472 w 10000"/>
                  <a:gd name="connsiteY117" fmla="*/ 6263 h 10000"/>
                  <a:gd name="connsiteX118" fmla="*/ 1143 w 10000"/>
                  <a:gd name="connsiteY118" fmla="*/ 6278 h 10000"/>
                  <a:gd name="connsiteX119" fmla="*/ 837 w 10000"/>
                  <a:gd name="connsiteY119" fmla="*/ 6278 h 10000"/>
                  <a:gd name="connsiteX120" fmla="*/ 585 w 10000"/>
                  <a:gd name="connsiteY120" fmla="*/ 6263 h 10000"/>
                  <a:gd name="connsiteX121" fmla="*/ 381 w 10000"/>
                  <a:gd name="connsiteY121" fmla="*/ 6233 h 10000"/>
                  <a:gd name="connsiteX122" fmla="*/ 633 w 10000"/>
                  <a:gd name="connsiteY122" fmla="*/ 5805 h 10000"/>
                  <a:gd name="connsiteX123" fmla="*/ 914 w 10000"/>
                  <a:gd name="connsiteY123" fmla="*/ 5391 h 10000"/>
                  <a:gd name="connsiteX124" fmla="*/ 1016 w 10000"/>
                  <a:gd name="connsiteY124" fmla="*/ 5170 h 10000"/>
                  <a:gd name="connsiteX125" fmla="*/ 1091 w 10000"/>
                  <a:gd name="connsiteY125" fmla="*/ 4963 h 10000"/>
                  <a:gd name="connsiteX126" fmla="*/ 1116 w 10000"/>
                  <a:gd name="connsiteY126" fmla="*/ 4860 h 10000"/>
                  <a:gd name="connsiteX127" fmla="*/ 1091 w 10000"/>
                  <a:gd name="connsiteY127" fmla="*/ 4756 h 10000"/>
                  <a:gd name="connsiteX128" fmla="*/ 1066 w 10000"/>
                  <a:gd name="connsiteY128" fmla="*/ 4653 h 10000"/>
                  <a:gd name="connsiteX129" fmla="*/ 990 w 10000"/>
                  <a:gd name="connsiteY129" fmla="*/ 4549 h 10000"/>
                  <a:gd name="connsiteX130" fmla="*/ 1270 w 10000"/>
                  <a:gd name="connsiteY130" fmla="*/ 4520 h 10000"/>
                  <a:gd name="connsiteX131" fmla="*/ 1472 w 10000"/>
                  <a:gd name="connsiteY131" fmla="*/ 4505 h 10000"/>
                  <a:gd name="connsiteX132" fmla="*/ 1650 w 10000"/>
                  <a:gd name="connsiteY132" fmla="*/ 4505 h 10000"/>
                  <a:gd name="connsiteX133" fmla="*/ 1802 w 10000"/>
                  <a:gd name="connsiteY133" fmla="*/ 4520 h 10000"/>
                  <a:gd name="connsiteX134" fmla="*/ 1929 w 10000"/>
                  <a:gd name="connsiteY134" fmla="*/ 4520 h 10000"/>
                  <a:gd name="connsiteX135" fmla="*/ 2081 w 10000"/>
                  <a:gd name="connsiteY135" fmla="*/ 4520 h 10000"/>
                  <a:gd name="connsiteX136" fmla="*/ 2234 w 10000"/>
                  <a:gd name="connsiteY136" fmla="*/ 4490 h 10000"/>
                  <a:gd name="connsiteX137" fmla="*/ 2436 w 10000"/>
                  <a:gd name="connsiteY137" fmla="*/ 4446 h 10000"/>
                  <a:gd name="connsiteX138" fmla="*/ 2436 w 10000"/>
                  <a:gd name="connsiteY138" fmla="*/ 4579 h 10000"/>
                  <a:gd name="connsiteX139" fmla="*/ 2436 w 10000"/>
                  <a:gd name="connsiteY139" fmla="*/ 4742 h 10000"/>
                  <a:gd name="connsiteX140" fmla="*/ 2436 w 10000"/>
                  <a:gd name="connsiteY140" fmla="*/ 4874 h 10000"/>
                  <a:gd name="connsiteX141" fmla="*/ 2436 w 10000"/>
                  <a:gd name="connsiteY141" fmla="*/ 5037 h 10000"/>
                  <a:gd name="connsiteX142" fmla="*/ 2665 w 10000"/>
                  <a:gd name="connsiteY142" fmla="*/ 5022 h 10000"/>
                  <a:gd name="connsiteX143" fmla="*/ 2817 w 10000"/>
                  <a:gd name="connsiteY143" fmla="*/ 5037 h 10000"/>
                  <a:gd name="connsiteX144" fmla="*/ 2944 w 10000"/>
                  <a:gd name="connsiteY144" fmla="*/ 5066 h 10000"/>
                  <a:gd name="connsiteX145" fmla="*/ 3071 w 10000"/>
                  <a:gd name="connsiteY145" fmla="*/ 5096 h 10000"/>
                  <a:gd name="connsiteX146" fmla="*/ 3173 w 10000"/>
                  <a:gd name="connsiteY146" fmla="*/ 5126 h 10000"/>
                  <a:gd name="connsiteX147" fmla="*/ 3299 w 10000"/>
                  <a:gd name="connsiteY147" fmla="*/ 5155 h 10000"/>
                  <a:gd name="connsiteX148" fmla="*/ 3452 w 10000"/>
                  <a:gd name="connsiteY148" fmla="*/ 5170 h 10000"/>
                  <a:gd name="connsiteX149" fmla="*/ 3680 w 10000"/>
                  <a:gd name="connsiteY149" fmla="*/ 5155 h 10000"/>
                  <a:gd name="connsiteX150" fmla="*/ 3757 w 10000"/>
                  <a:gd name="connsiteY150" fmla="*/ 5096 h 10000"/>
                  <a:gd name="connsiteX151" fmla="*/ 3832 w 10000"/>
                  <a:gd name="connsiteY151" fmla="*/ 5022 h 10000"/>
                  <a:gd name="connsiteX152" fmla="*/ 3857 w 10000"/>
                  <a:gd name="connsiteY152" fmla="*/ 4934 h 10000"/>
                  <a:gd name="connsiteX153" fmla="*/ 3884 w 10000"/>
                  <a:gd name="connsiteY153" fmla="*/ 4860 h 10000"/>
                  <a:gd name="connsiteX154" fmla="*/ 3908 w 10000"/>
                  <a:gd name="connsiteY154" fmla="*/ 4697 h 10000"/>
                  <a:gd name="connsiteX155" fmla="*/ 3884 w 10000"/>
                  <a:gd name="connsiteY155" fmla="*/ 4520 h 10000"/>
                  <a:gd name="connsiteX156" fmla="*/ 3807 w 10000"/>
                  <a:gd name="connsiteY156" fmla="*/ 4343 h 10000"/>
                  <a:gd name="connsiteX157" fmla="*/ 3731 w 10000"/>
                  <a:gd name="connsiteY157" fmla="*/ 4195 h 10000"/>
                  <a:gd name="connsiteX158" fmla="*/ 3604 w 10000"/>
                  <a:gd name="connsiteY158" fmla="*/ 4047 h 10000"/>
                  <a:gd name="connsiteX159" fmla="*/ 3477 w 10000"/>
                  <a:gd name="connsiteY159" fmla="*/ 3959 h 10000"/>
                  <a:gd name="connsiteX160" fmla="*/ 3629 w 10000"/>
                  <a:gd name="connsiteY160" fmla="*/ 3944 h 10000"/>
                  <a:gd name="connsiteX161" fmla="*/ 3757 w 10000"/>
                  <a:gd name="connsiteY161" fmla="*/ 3914 h 10000"/>
                  <a:gd name="connsiteX162" fmla="*/ 3857 w 10000"/>
                  <a:gd name="connsiteY162" fmla="*/ 3855 h 10000"/>
                  <a:gd name="connsiteX163" fmla="*/ 3983 w 10000"/>
                  <a:gd name="connsiteY163" fmla="*/ 3752 h 10000"/>
                  <a:gd name="connsiteX164" fmla="*/ 4111 w 10000"/>
                  <a:gd name="connsiteY164" fmla="*/ 3663 h 10000"/>
                  <a:gd name="connsiteX165" fmla="*/ 4213 w 10000"/>
                  <a:gd name="connsiteY165" fmla="*/ 3560 h 10000"/>
                  <a:gd name="connsiteX166" fmla="*/ 4289 w 10000"/>
                  <a:gd name="connsiteY166" fmla="*/ 3442 h 10000"/>
                  <a:gd name="connsiteX167" fmla="*/ 4366 w 10000"/>
                  <a:gd name="connsiteY167" fmla="*/ 3323 h 10000"/>
                  <a:gd name="connsiteX168" fmla="*/ 4416 w 10000"/>
                  <a:gd name="connsiteY168" fmla="*/ 3220 h 10000"/>
                  <a:gd name="connsiteX169" fmla="*/ 4441 w 10000"/>
                  <a:gd name="connsiteY169" fmla="*/ 3102 h 10000"/>
                  <a:gd name="connsiteX170" fmla="*/ 4468 w 10000"/>
                  <a:gd name="connsiteY170" fmla="*/ 3013 h 10000"/>
                  <a:gd name="connsiteX171" fmla="*/ 4441 w 10000"/>
                  <a:gd name="connsiteY171" fmla="*/ 2939 h 10000"/>
                  <a:gd name="connsiteX172" fmla="*/ 4416 w 10000"/>
                  <a:gd name="connsiteY172" fmla="*/ 2866 h 10000"/>
                  <a:gd name="connsiteX173" fmla="*/ 4340 w 10000"/>
                  <a:gd name="connsiteY173" fmla="*/ 2836 h 10000"/>
                  <a:gd name="connsiteX174" fmla="*/ 4239 w 10000"/>
                  <a:gd name="connsiteY174" fmla="*/ 2836 h 10000"/>
                  <a:gd name="connsiteX175" fmla="*/ 4111 w 10000"/>
                  <a:gd name="connsiteY175" fmla="*/ 2866 h 10000"/>
                  <a:gd name="connsiteX176" fmla="*/ 4213 w 10000"/>
                  <a:gd name="connsiteY176" fmla="*/ 2777 h 10000"/>
                  <a:gd name="connsiteX177" fmla="*/ 4265 w 10000"/>
                  <a:gd name="connsiteY177" fmla="*/ 2674 h 10000"/>
                  <a:gd name="connsiteX178" fmla="*/ 4289 w 10000"/>
                  <a:gd name="connsiteY178" fmla="*/ 2541 h 10000"/>
                  <a:gd name="connsiteX179" fmla="*/ 4289 w 10000"/>
                  <a:gd name="connsiteY179" fmla="*/ 2393 h 10000"/>
                  <a:gd name="connsiteX180" fmla="*/ 4314 w 10000"/>
                  <a:gd name="connsiteY180" fmla="*/ 2349 h 10000"/>
                  <a:gd name="connsiteX181" fmla="*/ 4366 w 10000"/>
                  <a:gd name="connsiteY181" fmla="*/ 2304 h 10000"/>
                  <a:gd name="connsiteX182" fmla="*/ 4416 w 10000"/>
                  <a:gd name="connsiteY182" fmla="*/ 2290 h 10000"/>
                  <a:gd name="connsiteX183" fmla="*/ 4493 w 10000"/>
                  <a:gd name="connsiteY183" fmla="*/ 2275 h 10000"/>
                  <a:gd name="connsiteX184" fmla="*/ 4720 w 10000"/>
                  <a:gd name="connsiteY184" fmla="*/ 2260 h 10000"/>
                  <a:gd name="connsiteX185" fmla="*/ 4923 w 10000"/>
                  <a:gd name="connsiteY185" fmla="*/ 2275 h 10000"/>
                  <a:gd name="connsiteX186" fmla="*/ 4898 w 10000"/>
                  <a:gd name="connsiteY186" fmla="*/ 2112 h 10000"/>
                  <a:gd name="connsiteX187" fmla="*/ 4848 w 10000"/>
                  <a:gd name="connsiteY187" fmla="*/ 1950 h 10000"/>
                  <a:gd name="connsiteX188" fmla="*/ 4771 w 10000"/>
                  <a:gd name="connsiteY188" fmla="*/ 1802 h 10000"/>
                  <a:gd name="connsiteX189" fmla="*/ 4671 w 10000"/>
                  <a:gd name="connsiteY189" fmla="*/ 1640 h 10000"/>
                  <a:gd name="connsiteX190" fmla="*/ 4416 w 10000"/>
                  <a:gd name="connsiteY190" fmla="*/ 1329 h 10000"/>
                  <a:gd name="connsiteX191" fmla="*/ 4162 w 10000"/>
                  <a:gd name="connsiteY191" fmla="*/ 1034 h 10000"/>
                  <a:gd name="connsiteX192" fmla="*/ 4035 w 10000"/>
                  <a:gd name="connsiteY192" fmla="*/ 901 h 10000"/>
                  <a:gd name="connsiteX193" fmla="*/ 3935 w 10000"/>
                  <a:gd name="connsiteY193" fmla="*/ 753 h 10000"/>
                  <a:gd name="connsiteX194" fmla="*/ 3857 w 10000"/>
                  <a:gd name="connsiteY194" fmla="*/ 620 h 10000"/>
                  <a:gd name="connsiteX195" fmla="*/ 3832 w 10000"/>
                  <a:gd name="connsiteY195" fmla="*/ 487 h 10000"/>
                  <a:gd name="connsiteX196" fmla="*/ 3807 w 10000"/>
                  <a:gd name="connsiteY196" fmla="*/ 355 h 10000"/>
                  <a:gd name="connsiteX197" fmla="*/ 3857 w 10000"/>
                  <a:gd name="connsiteY197" fmla="*/ 222 h 10000"/>
                  <a:gd name="connsiteX198" fmla="*/ 3884 w 10000"/>
                  <a:gd name="connsiteY198" fmla="*/ 162 h 10000"/>
                  <a:gd name="connsiteX199" fmla="*/ 3935 w 10000"/>
                  <a:gd name="connsiteY199" fmla="*/ 103 h 10000"/>
                  <a:gd name="connsiteX200" fmla="*/ 4011 w 10000"/>
                  <a:gd name="connsiteY200" fmla="*/ 59 h 10000"/>
                  <a:gd name="connsiteX201" fmla="*/ 4111 w 10000"/>
                  <a:gd name="connsiteY201" fmla="*/ 0 h 10000"/>
                  <a:gd name="connsiteX202" fmla="*/ 4289 w 10000"/>
                  <a:gd name="connsiteY202" fmla="*/ 0 h 10000"/>
                  <a:gd name="connsiteX203" fmla="*/ 4468 w 10000"/>
                  <a:gd name="connsiteY203" fmla="*/ 15 h 10000"/>
                  <a:gd name="connsiteX204" fmla="*/ 4644 w 10000"/>
                  <a:gd name="connsiteY204" fmla="*/ 44 h 10000"/>
                  <a:gd name="connsiteX205" fmla="*/ 4771 w 10000"/>
                  <a:gd name="connsiteY205" fmla="*/ 89 h 10000"/>
                  <a:gd name="connsiteX206" fmla="*/ 4975 w 10000"/>
                  <a:gd name="connsiteY206" fmla="*/ 192 h 10000"/>
                  <a:gd name="connsiteX207" fmla="*/ 5177 w 10000"/>
                  <a:gd name="connsiteY207" fmla="*/ 340 h 10000"/>
                  <a:gd name="connsiteX208" fmla="*/ 5329 w 10000"/>
                  <a:gd name="connsiteY208" fmla="*/ 473 h 10000"/>
                  <a:gd name="connsiteX209" fmla="*/ 5532 w 10000"/>
                  <a:gd name="connsiteY209" fmla="*/ 591 h 10000"/>
                  <a:gd name="connsiteX210" fmla="*/ 5660 w 10000"/>
                  <a:gd name="connsiteY210" fmla="*/ 650 h 10000"/>
                  <a:gd name="connsiteX211" fmla="*/ 5812 w 10000"/>
                  <a:gd name="connsiteY211" fmla="*/ 679 h 10000"/>
                  <a:gd name="connsiteX212" fmla="*/ 5965 w 10000"/>
                  <a:gd name="connsiteY212" fmla="*/ 709 h 10000"/>
                  <a:gd name="connsiteX213" fmla="*/ 6168 w 10000"/>
                  <a:gd name="connsiteY213" fmla="*/ 709 h 10000"/>
                  <a:gd name="connsiteX214" fmla="*/ 6168 w 10000"/>
                  <a:gd name="connsiteY214" fmla="*/ 768 h 10000"/>
                  <a:gd name="connsiteX215" fmla="*/ 6193 w 10000"/>
                  <a:gd name="connsiteY215" fmla="*/ 842 h 10000"/>
                  <a:gd name="connsiteX216" fmla="*/ 6243 w 10000"/>
                  <a:gd name="connsiteY216" fmla="*/ 916 h 10000"/>
                  <a:gd name="connsiteX217" fmla="*/ 6294 w 10000"/>
                  <a:gd name="connsiteY217" fmla="*/ 990 h 10000"/>
                  <a:gd name="connsiteX218" fmla="*/ 6369 w 10000"/>
                  <a:gd name="connsiteY218" fmla="*/ 1049 h 10000"/>
                  <a:gd name="connsiteX219" fmla="*/ 6471 w 10000"/>
                  <a:gd name="connsiteY219" fmla="*/ 1108 h 10000"/>
                  <a:gd name="connsiteX220" fmla="*/ 6598 w 10000"/>
                  <a:gd name="connsiteY220" fmla="*/ 1182 h 10000"/>
                  <a:gd name="connsiteX221" fmla="*/ 6700 w 10000"/>
                  <a:gd name="connsiteY221" fmla="*/ 1226 h 10000"/>
                  <a:gd name="connsiteX222" fmla="*/ 6802 w 10000"/>
                  <a:gd name="connsiteY222" fmla="*/ 1270 h 10000"/>
                  <a:gd name="connsiteX223" fmla="*/ 6903 w 10000"/>
                  <a:gd name="connsiteY223" fmla="*/ 1300 h 10000"/>
                  <a:gd name="connsiteX224" fmla="*/ 7005 w 10000"/>
                  <a:gd name="connsiteY224" fmla="*/ 1315 h 10000"/>
                  <a:gd name="connsiteX225" fmla="*/ 7132 w 10000"/>
                  <a:gd name="connsiteY225" fmla="*/ 1300 h 10000"/>
                  <a:gd name="connsiteX226" fmla="*/ 7234 w 10000"/>
                  <a:gd name="connsiteY226" fmla="*/ 1285 h 10000"/>
                  <a:gd name="connsiteX227" fmla="*/ 7309 w 10000"/>
                  <a:gd name="connsiteY227" fmla="*/ 1241 h 10000"/>
                  <a:gd name="connsiteX228" fmla="*/ 7361 w 10000"/>
                  <a:gd name="connsiteY228" fmla="*/ 1167 h 10000"/>
                  <a:gd name="connsiteX229" fmla="*/ 7385 w 10000"/>
                  <a:gd name="connsiteY229" fmla="*/ 1064 h 10000"/>
                  <a:gd name="connsiteX230" fmla="*/ 7766 w 10000"/>
                  <a:gd name="connsiteY230" fmla="*/ 1034 h 10000"/>
                  <a:gd name="connsiteX231" fmla="*/ 8121 w 10000"/>
                  <a:gd name="connsiteY231" fmla="*/ 1004 h 10000"/>
                  <a:gd name="connsiteX232" fmla="*/ 8427 w 10000"/>
                  <a:gd name="connsiteY232" fmla="*/ 990 h 10000"/>
                  <a:gd name="connsiteX233" fmla="*/ 8706 w 10000"/>
                  <a:gd name="connsiteY233" fmla="*/ 1004 h 10000"/>
                  <a:gd name="connsiteX234" fmla="*/ 8833 w 10000"/>
                  <a:gd name="connsiteY234" fmla="*/ 1019 h 10000"/>
                  <a:gd name="connsiteX235" fmla="*/ 8958 w 10000"/>
                  <a:gd name="connsiteY235" fmla="*/ 1034 h 10000"/>
                  <a:gd name="connsiteX236" fmla="*/ 9061 w 10000"/>
                  <a:gd name="connsiteY236" fmla="*/ 1064 h 10000"/>
                  <a:gd name="connsiteX237" fmla="*/ 9188 w 10000"/>
                  <a:gd name="connsiteY237" fmla="*/ 1108 h 10000"/>
                  <a:gd name="connsiteX238" fmla="*/ 9264 w 10000"/>
                  <a:gd name="connsiteY238" fmla="*/ 1182 h 10000"/>
                  <a:gd name="connsiteX239" fmla="*/ 9339 w 10000"/>
                  <a:gd name="connsiteY239" fmla="*/ 1241 h 10000"/>
                  <a:gd name="connsiteX240" fmla="*/ 9391 w 10000"/>
                  <a:gd name="connsiteY240" fmla="*/ 1329 h 10000"/>
                  <a:gd name="connsiteX241" fmla="*/ 9442 w 10000"/>
                  <a:gd name="connsiteY241" fmla="*/ 1433 h 10000"/>
                  <a:gd name="connsiteX242" fmla="*/ 9492 w 10000"/>
                  <a:gd name="connsiteY242" fmla="*/ 1551 h 10000"/>
                  <a:gd name="connsiteX243" fmla="*/ 9466 w 10000"/>
                  <a:gd name="connsiteY243" fmla="*/ 1625 h 10000"/>
                  <a:gd name="connsiteX244" fmla="*/ 9442 w 10000"/>
                  <a:gd name="connsiteY244" fmla="*/ 1684 h 10000"/>
                  <a:gd name="connsiteX245" fmla="*/ 9391 w 10000"/>
                  <a:gd name="connsiteY245" fmla="*/ 1758 h 10000"/>
                  <a:gd name="connsiteX246" fmla="*/ 9315 w 10000"/>
                  <a:gd name="connsiteY246" fmla="*/ 1802 h 10000"/>
                  <a:gd name="connsiteX247" fmla="*/ 9264 w 10000"/>
                  <a:gd name="connsiteY247" fmla="*/ 1861 h 10000"/>
                  <a:gd name="connsiteX248" fmla="*/ 9240 w 10000"/>
                  <a:gd name="connsiteY248" fmla="*/ 1935 h 10000"/>
                  <a:gd name="connsiteX249" fmla="*/ 9264 w 10000"/>
                  <a:gd name="connsiteY249" fmla="*/ 2024 h 10000"/>
                  <a:gd name="connsiteX250" fmla="*/ 9543 w 10000"/>
                  <a:gd name="connsiteY250" fmla="*/ 2157 h 10000"/>
                  <a:gd name="connsiteX251" fmla="*/ 9873 w 10000"/>
                  <a:gd name="connsiteY251" fmla="*/ 2275 h 10000"/>
                  <a:gd name="connsiteX252" fmla="*/ 10000 w 10000"/>
                  <a:gd name="connsiteY252" fmla="*/ 2349 h 10000"/>
                  <a:gd name="connsiteX0" fmla="*/ 7132 w 10000"/>
                  <a:gd name="connsiteY0" fmla="*/ 4564 h 10000"/>
                  <a:gd name="connsiteX1" fmla="*/ 7005 w 10000"/>
                  <a:gd name="connsiteY1" fmla="*/ 4638 h 10000"/>
                  <a:gd name="connsiteX2" fmla="*/ 6369 w 10000"/>
                  <a:gd name="connsiteY2" fmla="*/ 4313 h 10000"/>
                  <a:gd name="connsiteX3" fmla="*/ 7383 w 10000"/>
                  <a:gd name="connsiteY3" fmla="*/ 3894 h 10000"/>
                  <a:gd name="connsiteX4" fmla="*/ 8984 w 10000"/>
                  <a:gd name="connsiteY4" fmla="*/ 3412 h 10000"/>
                  <a:gd name="connsiteX5" fmla="*/ 9188 w 10000"/>
                  <a:gd name="connsiteY5" fmla="*/ 3338 h 10000"/>
                  <a:gd name="connsiteX6" fmla="*/ 9415 w 10000"/>
                  <a:gd name="connsiteY6" fmla="*/ 3117 h 10000"/>
                  <a:gd name="connsiteX7" fmla="*/ 9442 w 10000"/>
                  <a:gd name="connsiteY7" fmla="*/ 3072 h 10000"/>
                  <a:gd name="connsiteX8" fmla="*/ 9466 w 10000"/>
                  <a:gd name="connsiteY8" fmla="*/ 3013 h 10000"/>
                  <a:gd name="connsiteX9" fmla="*/ 9466 w 10000"/>
                  <a:gd name="connsiteY9" fmla="*/ 2954 h 10000"/>
                  <a:gd name="connsiteX10" fmla="*/ 9442 w 10000"/>
                  <a:gd name="connsiteY10" fmla="*/ 2866 h 10000"/>
                  <a:gd name="connsiteX11" fmla="*/ 9264 w 10000"/>
                  <a:gd name="connsiteY11" fmla="*/ 2984 h 10000"/>
                  <a:gd name="connsiteX12" fmla="*/ 9061 w 10000"/>
                  <a:gd name="connsiteY12" fmla="*/ 3072 h 10000"/>
                  <a:gd name="connsiteX13" fmla="*/ 8197 w 10000"/>
                  <a:gd name="connsiteY13" fmla="*/ 3397 h 10000"/>
                  <a:gd name="connsiteX14" fmla="*/ 7716 w 10000"/>
                  <a:gd name="connsiteY14" fmla="*/ 3545 h 10000"/>
                  <a:gd name="connsiteX15" fmla="*/ 6345 w 10000"/>
                  <a:gd name="connsiteY15" fmla="*/ 4003 h 10000"/>
                  <a:gd name="connsiteX16" fmla="*/ 6143 w 10000"/>
                  <a:gd name="connsiteY16" fmla="*/ 4106 h 10000"/>
                  <a:gd name="connsiteX17" fmla="*/ 5938 w 10000"/>
                  <a:gd name="connsiteY17" fmla="*/ 4195 h 10000"/>
                  <a:gd name="connsiteX18" fmla="*/ 6091 w 10000"/>
                  <a:gd name="connsiteY18" fmla="*/ 4417 h 10000"/>
                  <a:gd name="connsiteX19" fmla="*/ 6421 w 10000"/>
                  <a:gd name="connsiteY19" fmla="*/ 5318 h 10000"/>
                  <a:gd name="connsiteX20" fmla="*/ 6447 w 10000"/>
                  <a:gd name="connsiteY20" fmla="*/ 5539 h 10000"/>
                  <a:gd name="connsiteX21" fmla="*/ 6471 w 10000"/>
                  <a:gd name="connsiteY21" fmla="*/ 5775 h 10000"/>
                  <a:gd name="connsiteX22" fmla="*/ 6471 w 10000"/>
                  <a:gd name="connsiteY22" fmla="*/ 5997 h 10000"/>
                  <a:gd name="connsiteX23" fmla="*/ 6447 w 10000"/>
                  <a:gd name="connsiteY23" fmla="*/ 6233 h 10000"/>
                  <a:gd name="connsiteX24" fmla="*/ 6396 w 10000"/>
                  <a:gd name="connsiteY24" fmla="*/ 6470 h 10000"/>
                  <a:gd name="connsiteX25" fmla="*/ 6345 w 10000"/>
                  <a:gd name="connsiteY25" fmla="*/ 6677 h 10000"/>
                  <a:gd name="connsiteX26" fmla="*/ 6269 w 10000"/>
                  <a:gd name="connsiteY26" fmla="*/ 6898 h 10000"/>
                  <a:gd name="connsiteX27" fmla="*/ 6168 w 10000"/>
                  <a:gd name="connsiteY27" fmla="*/ 7105 h 10000"/>
                  <a:gd name="connsiteX28" fmla="*/ 6041 w 10000"/>
                  <a:gd name="connsiteY28" fmla="*/ 7297 h 10000"/>
                  <a:gd name="connsiteX29" fmla="*/ 5888 w 10000"/>
                  <a:gd name="connsiteY29" fmla="*/ 7489 h 10000"/>
                  <a:gd name="connsiteX30" fmla="*/ 5735 w 10000"/>
                  <a:gd name="connsiteY30" fmla="*/ 7681 h 10000"/>
                  <a:gd name="connsiteX31" fmla="*/ 6471 w 10000"/>
                  <a:gd name="connsiteY31" fmla="*/ 7799 h 10000"/>
                  <a:gd name="connsiteX32" fmla="*/ 7234 w 10000"/>
                  <a:gd name="connsiteY32" fmla="*/ 7962 h 10000"/>
                  <a:gd name="connsiteX33" fmla="*/ 7385 w 10000"/>
                  <a:gd name="connsiteY33" fmla="*/ 8021 h 10000"/>
                  <a:gd name="connsiteX34" fmla="*/ 7512 w 10000"/>
                  <a:gd name="connsiteY34" fmla="*/ 8080 h 10000"/>
                  <a:gd name="connsiteX35" fmla="*/ 7639 w 10000"/>
                  <a:gd name="connsiteY35" fmla="*/ 8139 h 10000"/>
                  <a:gd name="connsiteX36" fmla="*/ 7716 w 10000"/>
                  <a:gd name="connsiteY36" fmla="*/ 8227 h 10000"/>
                  <a:gd name="connsiteX37" fmla="*/ 7741 w 10000"/>
                  <a:gd name="connsiteY37" fmla="*/ 8301 h 10000"/>
                  <a:gd name="connsiteX38" fmla="*/ 7741 w 10000"/>
                  <a:gd name="connsiteY38" fmla="*/ 8405 h 10000"/>
                  <a:gd name="connsiteX39" fmla="*/ 7691 w 10000"/>
                  <a:gd name="connsiteY39" fmla="*/ 8523 h 10000"/>
                  <a:gd name="connsiteX40" fmla="*/ 7614 w 10000"/>
                  <a:gd name="connsiteY40" fmla="*/ 8641 h 10000"/>
                  <a:gd name="connsiteX41" fmla="*/ 7284 w 10000"/>
                  <a:gd name="connsiteY41" fmla="*/ 8552 h 10000"/>
                  <a:gd name="connsiteX42" fmla="*/ 6979 w 10000"/>
                  <a:gd name="connsiteY42" fmla="*/ 8449 h 10000"/>
                  <a:gd name="connsiteX43" fmla="*/ 6674 w 10000"/>
                  <a:gd name="connsiteY43" fmla="*/ 8360 h 10000"/>
                  <a:gd name="connsiteX44" fmla="*/ 6369 w 10000"/>
                  <a:gd name="connsiteY44" fmla="*/ 8287 h 10000"/>
                  <a:gd name="connsiteX45" fmla="*/ 6243 w 10000"/>
                  <a:gd name="connsiteY45" fmla="*/ 8449 h 10000"/>
                  <a:gd name="connsiteX46" fmla="*/ 6143 w 10000"/>
                  <a:gd name="connsiteY46" fmla="*/ 8597 h 10000"/>
                  <a:gd name="connsiteX47" fmla="*/ 6091 w 10000"/>
                  <a:gd name="connsiteY47" fmla="*/ 8656 h 10000"/>
                  <a:gd name="connsiteX48" fmla="*/ 5989 w 10000"/>
                  <a:gd name="connsiteY48" fmla="*/ 8700 h 10000"/>
                  <a:gd name="connsiteX49" fmla="*/ 5914 w 10000"/>
                  <a:gd name="connsiteY49" fmla="*/ 8744 h 10000"/>
                  <a:gd name="connsiteX50" fmla="*/ 5838 w 10000"/>
                  <a:gd name="connsiteY50" fmla="*/ 8774 h 10000"/>
                  <a:gd name="connsiteX51" fmla="*/ 5761 w 10000"/>
                  <a:gd name="connsiteY51" fmla="*/ 8804 h 10000"/>
                  <a:gd name="connsiteX52" fmla="*/ 5660 w 10000"/>
                  <a:gd name="connsiteY52" fmla="*/ 8818 h 10000"/>
                  <a:gd name="connsiteX53" fmla="*/ 5532 w 10000"/>
                  <a:gd name="connsiteY53" fmla="*/ 8833 h 10000"/>
                  <a:gd name="connsiteX54" fmla="*/ 5406 w 10000"/>
                  <a:gd name="connsiteY54" fmla="*/ 8833 h 10000"/>
                  <a:gd name="connsiteX55" fmla="*/ 5102 w 10000"/>
                  <a:gd name="connsiteY55" fmla="*/ 8818 h 10000"/>
                  <a:gd name="connsiteX56" fmla="*/ 4720 w 10000"/>
                  <a:gd name="connsiteY56" fmla="*/ 8744 h 10000"/>
                  <a:gd name="connsiteX57" fmla="*/ 4720 w 10000"/>
                  <a:gd name="connsiteY57" fmla="*/ 8922 h 10000"/>
                  <a:gd name="connsiteX58" fmla="*/ 4695 w 10000"/>
                  <a:gd name="connsiteY58" fmla="*/ 9069 h 10000"/>
                  <a:gd name="connsiteX59" fmla="*/ 4671 w 10000"/>
                  <a:gd name="connsiteY59" fmla="*/ 9232 h 10000"/>
                  <a:gd name="connsiteX60" fmla="*/ 4644 w 10000"/>
                  <a:gd name="connsiteY60" fmla="*/ 9365 h 10000"/>
                  <a:gd name="connsiteX61" fmla="*/ 4593 w 10000"/>
                  <a:gd name="connsiteY61" fmla="*/ 9498 h 10000"/>
                  <a:gd name="connsiteX62" fmla="*/ 4493 w 10000"/>
                  <a:gd name="connsiteY62" fmla="*/ 9616 h 10000"/>
                  <a:gd name="connsiteX63" fmla="*/ 4416 w 10000"/>
                  <a:gd name="connsiteY63" fmla="*/ 9734 h 10000"/>
                  <a:gd name="connsiteX64" fmla="*/ 4289 w 10000"/>
                  <a:gd name="connsiteY64" fmla="*/ 9838 h 10000"/>
                  <a:gd name="connsiteX65" fmla="*/ 3983 w 10000"/>
                  <a:gd name="connsiteY65" fmla="*/ 9897 h 10000"/>
                  <a:gd name="connsiteX66" fmla="*/ 3731 w 10000"/>
                  <a:gd name="connsiteY66" fmla="*/ 9941 h 10000"/>
                  <a:gd name="connsiteX67" fmla="*/ 3426 w 10000"/>
                  <a:gd name="connsiteY67" fmla="*/ 9985 h 10000"/>
                  <a:gd name="connsiteX68" fmla="*/ 3198 w 10000"/>
                  <a:gd name="connsiteY68" fmla="*/ 10000 h 10000"/>
                  <a:gd name="connsiteX69" fmla="*/ 2690 w 10000"/>
                  <a:gd name="connsiteY69" fmla="*/ 10000 h 10000"/>
                  <a:gd name="connsiteX70" fmla="*/ 2208 w 10000"/>
                  <a:gd name="connsiteY70" fmla="*/ 9985 h 10000"/>
                  <a:gd name="connsiteX71" fmla="*/ 1752 w 10000"/>
                  <a:gd name="connsiteY71" fmla="*/ 9941 h 10000"/>
                  <a:gd name="connsiteX72" fmla="*/ 1270 w 10000"/>
                  <a:gd name="connsiteY72" fmla="*/ 9911 h 10000"/>
                  <a:gd name="connsiteX73" fmla="*/ 990 w 10000"/>
                  <a:gd name="connsiteY73" fmla="*/ 9911 h 10000"/>
                  <a:gd name="connsiteX74" fmla="*/ 736 w 10000"/>
                  <a:gd name="connsiteY74" fmla="*/ 9911 h 10000"/>
                  <a:gd name="connsiteX75" fmla="*/ 457 w 10000"/>
                  <a:gd name="connsiteY75" fmla="*/ 9926 h 10000"/>
                  <a:gd name="connsiteX76" fmla="*/ 178 w 10000"/>
                  <a:gd name="connsiteY76" fmla="*/ 9970 h 10000"/>
                  <a:gd name="connsiteX77" fmla="*/ 102 w 10000"/>
                  <a:gd name="connsiteY77" fmla="*/ 9867 h 10000"/>
                  <a:gd name="connsiteX78" fmla="*/ 51 w 10000"/>
                  <a:gd name="connsiteY78" fmla="*/ 9793 h 10000"/>
                  <a:gd name="connsiteX79" fmla="*/ 0 w 10000"/>
                  <a:gd name="connsiteY79" fmla="*/ 9705 h 10000"/>
                  <a:gd name="connsiteX80" fmla="*/ 0 w 10000"/>
                  <a:gd name="connsiteY80" fmla="*/ 9601 h 10000"/>
                  <a:gd name="connsiteX81" fmla="*/ 51 w 10000"/>
                  <a:gd name="connsiteY81" fmla="*/ 9424 h 10000"/>
                  <a:gd name="connsiteX82" fmla="*/ 102 w 10000"/>
                  <a:gd name="connsiteY82" fmla="*/ 9202 h 10000"/>
                  <a:gd name="connsiteX83" fmla="*/ 151 w 10000"/>
                  <a:gd name="connsiteY83" fmla="*/ 8996 h 10000"/>
                  <a:gd name="connsiteX84" fmla="*/ 203 w 10000"/>
                  <a:gd name="connsiteY84" fmla="*/ 8759 h 10000"/>
                  <a:gd name="connsiteX85" fmla="*/ 228 w 10000"/>
                  <a:gd name="connsiteY85" fmla="*/ 8641 h 10000"/>
                  <a:gd name="connsiteX86" fmla="*/ 228 w 10000"/>
                  <a:gd name="connsiteY86" fmla="*/ 8538 h 10000"/>
                  <a:gd name="connsiteX87" fmla="*/ 203 w 10000"/>
                  <a:gd name="connsiteY87" fmla="*/ 8405 h 10000"/>
                  <a:gd name="connsiteX88" fmla="*/ 178 w 10000"/>
                  <a:gd name="connsiteY88" fmla="*/ 8287 h 10000"/>
                  <a:gd name="connsiteX89" fmla="*/ 431 w 10000"/>
                  <a:gd name="connsiteY89" fmla="*/ 8213 h 10000"/>
                  <a:gd name="connsiteX90" fmla="*/ 685 w 10000"/>
                  <a:gd name="connsiteY90" fmla="*/ 8139 h 10000"/>
                  <a:gd name="connsiteX91" fmla="*/ 939 w 10000"/>
                  <a:gd name="connsiteY91" fmla="*/ 8095 h 10000"/>
                  <a:gd name="connsiteX92" fmla="*/ 1218 w 10000"/>
                  <a:gd name="connsiteY92" fmla="*/ 8065 h 10000"/>
                  <a:gd name="connsiteX93" fmla="*/ 1725 w 10000"/>
                  <a:gd name="connsiteY93" fmla="*/ 8021 h 10000"/>
                  <a:gd name="connsiteX94" fmla="*/ 2234 w 10000"/>
                  <a:gd name="connsiteY94" fmla="*/ 7976 h 10000"/>
                  <a:gd name="connsiteX95" fmla="*/ 2462 w 10000"/>
                  <a:gd name="connsiteY95" fmla="*/ 7947 h 10000"/>
                  <a:gd name="connsiteX96" fmla="*/ 2690 w 10000"/>
                  <a:gd name="connsiteY96" fmla="*/ 7917 h 10000"/>
                  <a:gd name="connsiteX97" fmla="*/ 2892 w 10000"/>
                  <a:gd name="connsiteY97" fmla="*/ 7843 h 10000"/>
                  <a:gd name="connsiteX98" fmla="*/ 3096 w 10000"/>
                  <a:gd name="connsiteY98" fmla="*/ 7784 h 10000"/>
                  <a:gd name="connsiteX99" fmla="*/ 3274 w 10000"/>
                  <a:gd name="connsiteY99" fmla="*/ 7710 h 10000"/>
                  <a:gd name="connsiteX100" fmla="*/ 3426 w 10000"/>
                  <a:gd name="connsiteY100" fmla="*/ 7592 h 10000"/>
                  <a:gd name="connsiteX101" fmla="*/ 3579 w 10000"/>
                  <a:gd name="connsiteY101" fmla="*/ 7474 h 10000"/>
                  <a:gd name="connsiteX102" fmla="*/ 3680 w 10000"/>
                  <a:gd name="connsiteY102" fmla="*/ 7312 h 10000"/>
                  <a:gd name="connsiteX103" fmla="*/ 3477 w 10000"/>
                  <a:gd name="connsiteY103" fmla="*/ 7238 h 10000"/>
                  <a:gd name="connsiteX104" fmla="*/ 3299 w 10000"/>
                  <a:gd name="connsiteY104" fmla="*/ 7179 h 10000"/>
                  <a:gd name="connsiteX105" fmla="*/ 3147 w 10000"/>
                  <a:gd name="connsiteY105" fmla="*/ 7090 h 10000"/>
                  <a:gd name="connsiteX106" fmla="*/ 2995 w 10000"/>
                  <a:gd name="connsiteY106" fmla="*/ 6987 h 10000"/>
                  <a:gd name="connsiteX107" fmla="*/ 2892 w 10000"/>
                  <a:gd name="connsiteY107" fmla="*/ 6869 h 10000"/>
                  <a:gd name="connsiteX108" fmla="*/ 2843 w 10000"/>
                  <a:gd name="connsiteY108" fmla="*/ 6721 h 10000"/>
                  <a:gd name="connsiteX109" fmla="*/ 2817 w 10000"/>
                  <a:gd name="connsiteY109" fmla="*/ 6558 h 10000"/>
                  <a:gd name="connsiteX110" fmla="*/ 2843 w 10000"/>
                  <a:gd name="connsiteY110" fmla="*/ 6352 h 10000"/>
                  <a:gd name="connsiteX111" fmla="*/ 2716 w 10000"/>
                  <a:gd name="connsiteY111" fmla="*/ 6322 h 10000"/>
                  <a:gd name="connsiteX112" fmla="*/ 2564 w 10000"/>
                  <a:gd name="connsiteY112" fmla="*/ 6292 h 10000"/>
                  <a:gd name="connsiteX113" fmla="*/ 2386 w 10000"/>
                  <a:gd name="connsiteY113" fmla="*/ 6278 h 10000"/>
                  <a:gd name="connsiteX114" fmla="*/ 2208 w 10000"/>
                  <a:gd name="connsiteY114" fmla="*/ 6263 h 10000"/>
                  <a:gd name="connsiteX115" fmla="*/ 1853 w 10000"/>
                  <a:gd name="connsiteY115" fmla="*/ 6248 h 10000"/>
                  <a:gd name="connsiteX116" fmla="*/ 1472 w 10000"/>
                  <a:gd name="connsiteY116" fmla="*/ 6263 h 10000"/>
                  <a:gd name="connsiteX117" fmla="*/ 1143 w 10000"/>
                  <a:gd name="connsiteY117" fmla="*/ 6278 h 10000"/>
                  <a:gd name="connsiteX118" fmla="*/ 837 w 10000"/>
                  <a:gd name="connsiteY118" fmla="*/ 6278 h 10000"/>
                  <a:gd name="connsiteX119" fmla="*/ 585 w 10000"/>
                  <a:gd name="connsiteY119" fmla="*/ 6263 h 10000"/>
                  <a:gd name="connsiteX120" fmla="*/ 381 w 10000"/>
                  <a:gd name="connsiteY120" fmla="*/ 6233 h 10000"/>
                  <a:gd name="connsiteX121" fmla="*/ 633 w 10000"/>
                  <a:gd name="connsiteY121" fmla="*/ 5805 h 10000"/>
                  <a:gd name="connsiteX122" fmla="*/ 914 w 10000"/>
                  <a:gd name="connsiteY122" fmla="*/ 5391 h 10000"/>
                  <a:gd name="connsiteX123" fmla="*/ 1016 w 10000"/>
                  <a:gd name="connsiteY123" fmla="*/ 5170 h 10000"/>
                  <a:gd name="connsiteX124" fmla="*/ 1091 w 10000"/>
                  <a:gd name="connsiteY124" fmla="*/ 4963 h 10000"/>
                  <a:gd name="connsiteX125" fmla="*/ 1116 w 10000"/>
                  <a:gd name="connsiteY125" fmla="*/ 4860 h 10000"/>
                  <a:gd name="connsiteX126" fmla="*/ 1091 w 10000"/>
                  <a:gd name="connsiteY126" fmla="*/ 4756 h 10000"/>
                  <a:gd name="connsiteX127" fmla="*/ 1066 w 10000"/>
                  <a:gd name="connsiteY127" fmla="*/ 4653 h 10000"/>
                  <a:gd name="connsiteX128" fmla="*/ 990 w 10000"/>
                  <a:gd name="connsiteY128" fmla="*/ 4549 h 10000"/>
                  <a:gd name="connsiteX129" fmla="*/ 1270 w 10000"/>
                  <a:gd name="connsiteY129" fmla="*/ 4520 h 10000"/>
                  <a:gd name="connsiteX130" fmla="*/ 1472 w 10000"/>
                  <a:gd name="connsiteY130" fmla="*/ 4505 h 10000"/>
                  <a:gd name="connsiteX131" fmla="*/ 1650 w 10000"/>
                  <a:gd name="connsiteY131" fmla="*/ 4505 h 10000"/>
                  <a:gd name="connsiteX132" fmla="*/ 1802 w 10000"/>
                  <a:gd name="connsiteY132" fmla="*/ 4520 h 10000"/>
                  <a:gd name="connsiteX133" fmla="*/ 1929 w 10000"/>
                  <a:gd name="connsiteY133" fmla="*/ 4520 h 10000"/>
                  <a:gd name="connsiteX134" fmla="*/ 2081 w 10000"/>
                  <a:gd name="connsiteY134" fmla="*/ 4520 h 10000"/>
                  <a:gd name="connsiteX135" fmla="*/ 2234 w 10000"/>
                  <a:gd name="connsiteY135" fmla="*/ 4490 h 10000"/>
                  <a:gd name="connsiteX136" fmla="*/ 2436 w 10000"/>
                  <a:gd name="connsiteY136" fmla="*/ 4446 h 10000"/>
                  <a:gd name="connsiteX137" fmla="*/ 2436 w 10000"/>
                  <a:gd name="connsiteY137" fmla="*/ 4579 h 10000"/>
                  <a:gd name="connsiteX138" fmla="*/ 2436 w 10000"/>
                  <a:gd name="connsiteY138" fmla="*/ 4742 h 10000"/>
                  <a:gd name="connsiteX139" fmla="*/ 2436 w 10000"/>
                  <a:gd name="connsiteY139" fmla="*/ 4874 h 10000"/>
                  <a:gd name="connsiteX140" fmla="*/ 2436 w 10000"/>
                  <a:gd name="connsiteY140" fmla="*/ 5037 h 10000"/>
                  <a:gd name="connsiteX141" fmla="*/ 2665 w 10000"/>
                  <a:gd name="connsiteY141" fmla="*/ 5022 h 10000"/>
                  <a:gd name="connsiteX142" fmla="*/ 2817 w 10000"/>
                  <a:gd name="connsiteY142" fmla="*/ 5037 h 10000"/>
                  <a:gd name="connsiteX143" fmla="*/ 2944 w 10000"/>
                  <a:gd name="connsiteY143" fmla="*/ 5066 h 10000"/>
                  <a:gd name="connsiteX144" fmla="*/ 3071 w 10000"/>
                  <a:gd name="connsiteY144" fmla="*/ 5096 h 10000"/>
                  <a:gd name="connsiteX145" fmla="*/ 3173 w 10000"/>
                  <a:gd name="connsiteY145" fmla="*/ 5126 h 10000"/>
                  <a:gd name="connsiteX146" fmla="*/ 3299 w 10000"/>
                  <a:gd name="connsiteY146" fmla="*/ 5155 h 10000"/>
                  <a:gd name="connsiteX147" fmla="*/ 3452 w 10000"/>
                  <a:gd name="connsiteY147" fmla="*/ 5170 h 10000"/>
                  <a:gd name="connsiteX148" fmla="*/ 3680 w 10000"/>
                  <a:gd name="connsiteY148" fmla="*/ 5155 h 10000"/>
                  <a:gd name="connsiteX149" fmla="*/ 3757 w 10000"/>
                  <a:gd name="connsiteY149" fmla="*/ 5096 h 10000"/>
                  <a:gd name="connsiteX150" fmla="*/ 3832 w 10000"/>
                  <a:gd name="connsiteY150" fmla="*/ 5022 h 10000"/>
                  <a:gd name="connsiteX151" fmla="*/ 3857 w 10000"/>
                  <a:gd name="connsiteY151" fmla="*/ 4934 h 10000"/>
                  <a:gd name="connsiteX152" fmla="*/ 3884 w 10000"/>
                  <a:gd name="connsiteY152" fmla="*/ 4860 h 10000"/>
                  <a:gd name="connsiteX153" fmla="*/ 3908 w 10000"/>
                  <a:gd name="connsiteY153" fmla="*/ 4697 h 10000"/>
                  <a:gd name="connsiteX154" fmla="*/ 3884 w 10000"/>
                  <a:gd name="connsiteY154" fmla="*/ 4520 h 10000"/>
                  <a:gd name="connsiteX155" fmla="*/ 3807 w 10000"/>
                  <a:gd name="connsiteY155" fmla="*/ 4343 h 10000"/>
                  <a:gd name="connsiteX156" fmla="*/ 3731 w 10000"/>
                  <a:gd name="connsiteY156" fmla="*/ 4195 h 10000"/>
                  <a:gd name="connsiteX157" fmla="*/ 3604 w 10000"/>
                  <a:gd name="connsiteY157" fmla="*/ 4047 h 10000"/>
                  <a:gd name="connsiteX158" fmla="*/ 3477 w 10000"/>
                  <a:gd name="connsiteY158" fmla="*/ 3959 h 10000"/>
                  <a:gd name="connsiteX159" fmla="*/ 3629 w 10000"/>
                  <a:gd name="connsiteY159" fmla="*/ 3944 h 10000"/>
                  <a:gd name="connsiteX160" fmla="*/ 3757 w 10000"/>
                  <a:gd name="connsiteY160" fmla="*/ 3914 h 10000"/>
                  <a:gd name="connsiteX161" fmla="*/ 3857 w 10000"/>
                  <a:gd name="connsiteY161" fmla="*/ 3855 h 10000"/>
                  <a:gd name="connsiteX162" fmla="*/ 3983 w 10000"/>
                  <a:gd name="connsiteY162" fmla="*/ 3752 h 10000"/>
                  <a:gd name="connsiteX163" fmla="*/ 4111 w 10000"/>
                  <a:gd name="connsiteY163" fmla="*/ 3663 h 10000"/>
                  <a:gd name="connsiteX164" fmla="*/ 4213 w 10000"/>
                  <a:gd name="connsiteY164" fmla="*/ 3560 h 10000"/>
                  <a:gd name="connsiteX165" fmla="*/ 4289 w 10000"/>
                  <a:gd name="connsiteY165" fmla="*/ 3442 h 10000"/>
                  <a:gd name="connsiteX166" fmla="*/ 4366 w 10000"/>
                  <a:gd name="connsiteY166" fmla="*/ 3323 h 10000"/>
                  <a:gd name="connsiteX167" fmla="*/ 4416 w 10000"/>
                  <a:gd name="connsiteY167" fmla="*/ 3220 h 10000"/>
                  <a:gd name="connsiteX168" fmla="*/ 4441 w 10000"/>
                  <a:gd name="connsiteY168" fmla="*/ 3102 h 10000"/>
                  <a:gd name="connsiteX169" fmla="*/ 4468 w 10000"/>
                  <a:gd name="connsiteY169" fmla="*/ 3013 h 10000"/>
                  <a:gd name="connsiteX170" fmla="*/ 4441 w 10000"/>
                  <a:gd name="connsiteY170" fmla="*/ 2939 h 10000"/>
                  <a:gd name="connsiteX171" fmla="*/ 4416 w 10000"/>
                  <a:gd name="connsiteY171" fmla="*/ 2866 h 10000"/>
                  <a:gd name="connsiteX172" fmla="*/ 4340 w 10000"/>
                  <a:gd name="connsiteY172" fmla="*/ 2836 h 10000"/>
                  <a:gd name="connsiteX173" fmla="*/ 4239 w 10000"/>
                  <a:gd name="connsiteY173" fmla="*/ 2836 h 10000"/>
                  <a:gd name="connsiteX174" fmla="*/ 4111 w 10000"/>
                  <a:gd name="connsiteY174" fmla="*/ 2866 h 10000"/>
                  <a:gd name="connsiteX175" fmla="*/ 4213 w 10000"/>
                  <a:gd name="connsiteY175" fmla="*/ 2777 h 10000"/>
                  <a:gd name="connsiteX176" fmla="*/ 4265 w 10000"/>
                  <a:gd name="connsiteY176" fmla="*/ 2674 h 10000"/>
                  <a:gd name="connsiteX177" fmla="*/ 4289 w 10000"/>
                  <a:gd name="connsiteY177" fmla="*/ 2541 h 10000"/>
                  <a:gd name="connsiteX178" fmla="*/ 4289 w 10000"/>
                  <a:gd name="connsiteY178" fmla="*/ 2393 h 10000"/>
                  <a:gd name="connsiteX179" fmla="*/ 4314 w 10000"/>
                  <a:gd name="connsiteY179" fmla="*/ 2349 h 10000"/>
                  <a:gd name="connsiteX180" fmla="*/ 4366 w 10000"/>
                  <a:gd name="connsiteY180" fmla="*/ 2304 h 10000"/>
                  <a:gd name="connsiteX181" fmla="*/ 4416 w 10000"/>
                  <a:gd name="connsiteY181" fmla="*/ 2290 h 10000"/>
                  <a:gd name="connsiteX182" fmla="*/ 4493 w 10000"/>
                  <a:gd name="connsiteY182" fmla="*/ 2275 h 10000"/>
                  <a:gd name="connsiteX183" fmla="*/ 4720 w 10000"/>
                  <a:gd name="connsiteY183" fmla="*/ 2260 h 10000"/>
                  <a:gd name="connsiteX184" fmla="*/ 4923 w 10000"/>
                  <a:gd name="connsiteY184" fmla="*/ 2275 h 10000"/>
                  <a:gd name="connsiteX185" fmla="*/ 4898 w 10000"/>
                  <a:gd name="connsiteY185" fmla="*/ 2112 h 10000"/>
                  <a:gd name="connsiteX186" fmla="*/ 4848 w 10000"/>
                  <a:gd name="connsiteY186" fmla="*/ 1950 h 10000"/>
                  <a:gd name="connsiteX187" fmla="*/ 4771 w 10000"/>
                  <a:gd name="connsiteY187" fmla="*/ 1802 h 10000"/>
                  <a:gd name="connsiteX188" fmla="*/ 4671 w 10000"/>
                  <a:gd name="connsiteY188" fmla="*/ 1640 h 10000"/>
                  <a:gd name="connsiteX189" fmla="*/ 4416 w 10000"/>
                  <a:gd name="connsiteY189" fmla="*/ 1329 h 10000"/>
                  <a:gd name="connsiteX190" fmla="*/ 4162 w 10000"/>
                  <a:gd name="connsiteY190" fmla="*/ 1034 h 10000"/>
                  <a:gd name="connsiteX191" fmla="*/ 4035 w 10000"/>
                  <a:gd name="connsiteY191" fmla="*/ 901 h 10000"/>
                  <a:gd name="connsiteX192" fmla="*/ 3935 w 10000"/>
                  <a:gd name="connsiteY192" fmla="*/ 753 h 10000"/>
                  <a:gd name="connsiteX193" fmla="*/ 3857 w 10000"/>
                  <a:gd name="connsiteY193" fmla="*/ 620 h 10000"/>
                  <a:gd name="connsiteX194" fmla="*/ 3832 w 10000"/>
                  <a:gd name="connsiteY194" fmla="*/ 487 h 10000"/>
                  <a:gd name="connsiteX195" fmla="*/ 3807 w 10000"/>
                  <a:gd name="connsiteY195" fmla="*/ 355 h 10000"/>
                  <a:gd name="connsiteX196" fmla="*/ 3857 w 10000"/>
                  <a:gd name="connsiteY196" fmla="*/ 222 h 10000"/>
                  <a:gd name="connsiteX197" fmla="*/ 3884 w 10000"/>
                  <a:gd name="connsiteY197" fmla="*/ 162 h 10000"/>
                  <a:gd name="connsiteX198" fmla="*/ 3935 w 10000"/>
                  <a:gd name="connsiteY198" fmla="*/ 103 h 10000"/>
                  <a:gd name="connsiteX199" fmla="*/ 4011 w 10000"/>
                  <a:gd name="connsiteY199" fmla="*/ 59 h 10000"/>
                  <a:gd name="connsiteX200" fmla="*/ 4111 w 10000"/>
                  <a:gd name="connsiteY200" fmla="*/ 0 h 10000"/>
                  <a:gd name="connsiteX201" fmla="*/ 4289 w 10000"/>
                  <a:gd name="connsiteY201" fmla="*/ 0 h 10000"/>
                  <a:gd name="connsiteX202" fmla="*/ 4468 w 10000"/>
                  <a:gd name="connsiteY202" fmla="*/ 15 h 10000"/>
                  <a:gd name="connsiteX203" fmla="*/ 4644 w 10000"/>
                  <a:gd name="connsiteY203" fmla="*/ 44 h 10000"/>
                  <a:gd name="connsiteX204" fmla="*/ 4771 w 10000"/>
                  <a:gd name="connsiteY204" fmla="*/ 89 h 10000"/>
                  <a:gd name="connsiteX205" fmla="*/ 4975 w 10000"/>
                  <a:gd name="connsiteY205" fmla="*/ 192 h 10000"/>
                  <a:gd name="connsiteX206" fmla="*/ 5177 w 10000"/>
                  <a:gd name="connsiteY206" fmla="*/ 340 h 10000"/>
                  <a:gd name="connsiteX207" fmla="*/ 5329 w 10000"/>
                  <a:gd name="connsiteY207" fmla="*/ 473 h 10000"/>
                  <a:gd name="connsiteX208" fmla="*/ 5532 w 10000"/>
                  <a:gd name="connsiteY208" fmla="*/ 591 h 10000"/>
                  <a:gd name="connsiteX209" fmla="*/ 5660 w 10000"/>
                  <a:gd name="connsiteY209" fmla="*/ 650 h 10000"/>
                  <a:gd name="connsiteX210" fmla="*/ 5812 w 10000"/>
                  <a:gd name="connsiteY210" fmla="*/ 679 h 10000"/>
                  <a:gd name="connsiteX211" fmla="*/ 5965 w 10000"/>
                  <a:gd name="connsiteY211" fmla="*/ 709 h 10000"/>
                  <a:gd name="connsiteX212" fmla="*/ 6168 w 10000"/>
                  <a:gd name="connsiteY212" fmla="*/ 709 h 10000"/>
                  <a:gd name="connsiteX213" fmla="*/ 6168 w 10000"/>
                  <a:gd name="connsiteY213" fmla="*/ 768 h 10000"/>
                  <a:gd name="connsiteX214" fmla="*/ 6193 w 10000"/>
                  <a:gd name="connsiteY214" fmla="*/ 842 h 10000"/>
                  <a:gd name="connsiteX215" fmla="*/ 6243 w 10000"/>
                  <a:gd name="connsiteY215" fmla="*/ 916 h 10000"/>
                  <a:gd name="connsiteX216" fmla="*/ 6294 w 10000"/>
                  <a:gd name="connsiteY216" fmla="*/ 990 h 10000"/>
                  <a:gd name="connsiteX217" fmla="*/ 6369 w 10000"/>
                  <a:gd name="connsiteY217" fmla="*/ 1049 h 10000"/>
                  <a:gd name="connsiteX218" fmla="*/ 6471 w 10000"/>
                  <a:gd name="connsiteY218" fmla="*/ 1108 h 10000"/>
                  <a:gd name="connsiteX219" fmla="*/ 6598 w 10000"/>
                  <a:gd name="connsiteY219" fmla="*/ 1182 h 10000"/>
                  <a:gd name="connsiteX220" fmla="*/ 6700 w 10000"/>
                  <a:gd name="connsiteY220" fmla="*/ 1226 h 10000"/>
                  <a:gd name="connsiteX221" fmla="*/ 6802 w 10000"/>
                  <a:gd name="connsiteY221" fmla="*/ 1270 h 10000"/>
                  <a:gd name="connsiteX222" fmla="*/ 6903 w 10000"/>
                  <a:gd name="connsiteY222" fmla="*/ 1300 h 10000"/>
                  <a:gd name="connsiteX223" fmla="*/ 7005 w 10000"/>
                  <a:gd name="connsiteY223" fmla="*/ 1315 h 10000"/>
                  <a:gd name="connsiteX224" fmla="*/ 7132 w 10000"/>
                  <a:gd name="connsiteY224" fmla="*/ 1300 h 10000"/>
                  <a:gd name="connsiteX225" fmla="*/ 7234 w 10000"/>
                  <a:gd name="connsiteY225" fmla="*/ 1285 h 10000"/>
                  <a:gd name="connsiteX226" fmla="*/ 7309 w 10000"/>
                  <a:gd name="connsiteY226" fmla="*/ 1241 h 10000"/>
                  <a:gd name="connsiteX227" fmla="*/ 7361 w 10000"/>
                  <a:gd name="connsiteY227" fmla="*/ 1167 h 10000"/>
                  <a:gd name="connsiteX228" fmla="*/ 7385 w 10000"/>
                  <a:gd name="connsiteY228" fmla="*/ 1064 h 10000"/>
                  <a:gd name="connsiteX229" fmla="*/ 7766 w 10000"/>
                  <a:gd name="connsiteY229" fmla="*/ 1034 h 10000"/>
                  <a:gd name="connsiteX230" fmla="*/ 8121 w 10000"/>
                  <a:gd name="connsiteY230" fmla="*/ 1004 h 10000"/>
                  <a:gd name="connsiteX231" fmla="*/ 8427 w 10000"/>
                  <a:gd name="connsiteY231" fmla="*/ 990 h 10000"/>
                  <a:gd name="connsiteX232" fmla="*/ 8706 w 10000"/>
                  <a:gd name="connsiteY232" fmla="*/ 1004 h 10000"/>
                  <a:gd name="connsiteX233" fmla="*/ 8833 w 10000"/>
                  <a:gd name="connsiteY233" fmla="*/ 1019 h 10000"/>
                  <a:gd name="connsiteX234" fmla="*/ 8958 w 10000"/>
                  <a:gd name="connsiteY234" fmla="*/ 1034 h 10000"/>
                  <a:gd name="connsiteX235" fmla="*/ 9061 w 10000"/>
                  <a:gd name="connsiteY235" fmla="*/ 1064 h 10000"/>
                  <a:gd name="connsiteX236" fmla="*/ 9188 w 10000"/>
                  <a:gd name="connsiteY236" fmla="*/ 1108 h 10000"/>
                  <a:gd name="connsiteX237" fmla="*/ 9264 w 10000"/>
                  <a:gd name="connsiteY237" fmla="*/ 1182 h 10000"/>
                  <a:gd name="connsiteX238" fmla="*/ 9339 w 10000"/>
                  <a:gd name="connsiteY238" fmla="*/ 1241 h 10000"/>
                  <a:gd name="connsiteX239" fmla="*/ 9391 w 10000"/>
                  <a:gd name="connsiteY239" fmla="*/ 1329 h 10000"/>
                  <a:gd name="connsiteX240" fmla="*/ 9442 w 10000"/>
                  <a:gd name="connsiteY240" fmla="*/ 1433 h 10000"/>
                  <a:gd name="connsiteX241" fmla="*/ 9492 w 10000"/>
                  <a:gd name="connsiteY241" fmla="*/ 1551 h 10000"/>
                  <a:gd name="connsiteX242" fmla="*/ 9466 w 10000"/>
                  <a:gd name="connsiteY242" fmla="*/ 1625 h 10000"/>
                  <a:gd name="connsiteX243" fmla="*/ 9442 w 10000"/>
                  <a:gd name="connsiteY243" fmla="*/ 1684 h 10000"/>
                  <a:gd name="connsiteX244" fmla="*/ 9391 w 10000"/>
                  <a:gd name="connsiteY244" fmla="*/ 1758 h 10000"/>
                  <a:gd name="connsiteX245" fmla="*/ 9315 w 10000"/>
                  <a:gd name="connsiteY245" fmla="*/ 1802 h 10000"/>
                  <a:gd name="connsiteX246" fmla="*/ 9264 w 10000"/>
                  <a:gd name="connsiteY246" fmla="*/ 1861 h 10000"/>
                  <a:gd name="connsiteX247" fmla="*/ 9240 w 10000"/>
                  <a:gd name="connsiteY247" fmla="*/ 1935 h 10000"/>
                  <a:gd name="connsiteX248" fmla="*/ 9264 w 10000"/>
                  <a:gd name="connsiteY248" fmla="*/ 2024 h 10000"/>
                  <a:gd name="connsiteX249" fmla="*/ 9543 w 10000"/>
                  <a:gd name="connsiteY249" fmla="*/ 2157 h 10000"/>
                  <a:gd name="connsiteX250" fmla="*/ 9873 w 10000"/>
                  <a:gd name="connsiteY250" fmla="*/ 2275 h 10000"/>
                  <a:gd name="connsiteX251" fmla="*/ 10000 w 10000"/>
                  <a:gd name="connsiteY251" fmla="*/ 2349 h 10000"/>
                  <a:gd name="connsiteX0" fmla="*/ 7132 w 10000"/>
                  <a:gd name="connsiteY0" fmla="*/ 4564 h 10000"/>
                  <a:gd name="connsiteX1" fmla="*/ 6369 w 10000"/>
                  <a:gd name="connsiteY1" fmla="*/ 4313 h 10000"/>
                  <a:gd name="connsiteX2" fmla="*/ 7383 w 10000"/>
                  <a:gd name="connsiteY2" fmla="*/ 3894 h 10000"/>
                  <a:gd name="connsiteX3" fmla="*/ 8984 w 10000"/>
                  <a:gd name="connsiteY3" fmla="*/ 3412 h 10000"/>
                  <a:gd name="connsiteX4" fmla="*/ 9188 w 10000"/>
                  <a:gd name="connsiteY4" fmla="*/ 3338 h 10000"/>
                  <a:gd name="connsiteX5" fmla="*/ 9415 w 10000"/>
                  <a:gd name="connsiteY5" fmla="*/ 3117 h 10000"/>
                  <a:gd name="connsiteX6" fmla="*/ 9442 w 10000"/>
                  <a:gd name="connsiteY6" fmla="*/ 3072 h 10000"/>
                  <a:gd name="connsiteX7" fmla="*/ 9466 w 10000"/>
                  <a:gd name="connsiteY7" fmla="*/ 3013 h 10000"/>
                  <a:gd name="connsiteX8" fmla="*/ 9466 w 10000"/>
                  <a:gd name="connsiteY8" fmla="*/ 2954 h 10000"/>
                  <a:gd name="connsiteX9" fmla="*/ 9442 w 10000"/>
                  <a:gd name="connsiteY9" fmla="*/ 2866 h 10000"/>
                  <a:gd name="connsiteX10" fmla="*/ 9264 w 10000"/>
                  <a:gd name="connsiteY10" fmla="*/ 2984 h 10000"/>
                  <a:gd name="connsiteX11" fmla="*/ 9061 w 10000"/>
                  <a:gd name="connsiteY11" fmla="*/ 3072 h 10000"/>
                  <a:gd name="connsiteX12" fmla="*/ 8197 w 10000"/>
                  <a:gd name="connsiteY12" fmla="*/ 3397 h 10000"/>
                  <a:gd name="connsiteX13" fmla="*/ 7716 w 10000"/>
                  <a:gd name="connsiteY13" fmla="*/ 3545 h 10000"/>
                  <a:gd name="connsiteX14" fmla="*/ 6345 w 10000"/>
                  <a:gd name="connsiteY14" fmla="*/ 4003 h 10000"/>
                  <a:gd name="connsiteX15" fmla="*/ 6143 w 10000"/>
                  <a:gd name="connsiteY15" fmla="*/ 4106 h 10000"/>
                  <a:gd name="connsiteX16" fmla="*/ 5938 w 10000"/>
                  <a:gd name="connsiteY16" fmla="*/ 4195 h 10000"/>
                  <a:gd name="connsiteX17" fmla="*/ 6091 w 10000"/>
                  <a:gd name="connsiteY17" fmla="*/ 4417 h 10000"/>
                  <a:gd name="connsiteX18" fmla="*/ 6421 w 10000"/>
                  <a:gd name="connsiteY18" fmla="*/ 5318 h 10000"/>
                  <a:gd name="connsiteX19" fmla="*/ 6447 w 10000"/>
                  <a:gd name="connsiteY19" fmla="*/ 5539 h 10000"/>
                  <a:gd name="connsiteX20" fmla="*/ 6471 w 10000"/>
                  <a:gd name="connsiteY20" fmla="*/ 5775 h 10000"/>
                  <a:gd name="connsiteX21" fmla="*/ 6471 w 10000"/>
                  <a:gd name="connsiteY21" fmla="*/ 5997 h 10000"/>
                  <a:gd name="connsiteX22" fmla="*/ 6447 w 10000"/>
                  <a:gd name="connsiteY22" fmla="*/ 6233 h 10000"/>
                  <a:gd name="connsiteX23" fmla="*/ 6396 w 10000"/>
                  <a:gd name="connsiteY23" fmla="*/ 6470 h 10000"/>
                  <a:gd name="connsiteX24" fmla="*/ 6345 w 10000"/>
                  <a:gd name="connsiteY24" fmla="*/ 6677 h 10000"/>
                  <a:gd name="connsiteX25" fmla="*/ 6269 w 10000"/>
                  <a:gd name="connsiteY25" fmla="*/ 6898 h 10000"/>
                  <a:gd name="connsiteX26" fmla="*/ 6168 w 10000"/>
                  <a:gd name="connsiteY26" fmla="*/ 7105 h 10000"/>
                  <a:gd name="connsiteX27" fmla="*/ 6041 w 10000"/>
                  <a:gd name="connsiteY27" fmla="*/ 7297 h 10000"/>
                  <a:gd name="connsiteX28" fmla="*/ 5888 w 10000"/>
                  <a:gd name="connsiteY28" fmla="*/ 7489 h 10000"/>
                  <a:gd name="connsiteX29" fmla="*/ 5735 w 10000"/>
                  <a:gd name="connsiteY29" fmla="*/ 7681 h 10000"/>
                  <a:gd name="connsiteX30" fmla="*/ 6471 w 10000"/>
                  <a:gd name="connsiteY30" fmla="*/ 7799 h 10000"/>
                  <a:gd name="connsiteX31" fmla="*/ 7234 w 10000"/>
                  <a:gd name="connsiteY31" fmla="*/ 7962 h 10000"/>
                  <a:gd name="connsiteX32" fmla="*/ 7385 w 10000"/>
                  <a:gd name="connsiteY32" fmla="*/ 8021 h 10000"/>
                  <a:gd name="connsiteX33" fmla="*/ 7512 w 10000"/>
                  <a:gd name="connsiteY33" fmla="*/ 8080 h 10000"/>
                  <a:gd name="connsiteX34" fmla="*/ 7639 w 10000"/>
                  <a:gd name="connsiteY34" fmla="*/ 8139 h 10000"/>
                  <a:gd name="connsiteX35" fmla="*/ 7716 w 10000"/>
                  <a:gd name="connsiteY35" fmla="*/ 8227 h 10000"/>
                  <a:gd name="connsiteX36" fmla="*/ 7741 w 10000"/>
                  <a:gd name="connsiteY36" fmla="*/ 8301 h 10000"/>
                  <a:gd name="connsiteX37" fmla="*/ 7741 w 10000"/>
                  <a:gd name="connsiteY37" fmla="*/ 8405 h 10000"/>
                  <a:gd name="connsiteX38" fmla="*/ 7691 w 10000"/>
                  <a:gd name="connsiteY38" fmla="*/ 8523 h 10000"/>
                  <a:gd name="connsiteX39" fmla="*/ 7614 w 10000"/>
                  <a:gd name="connsiteY39" fmla="*/ 8641 h 10000"/>
                  <a:gd name="connsiteX40" fmla="*/ 7284 w 10000"/>
                  <a:gd name="connsiteY40" fmla="*/ 8552 h 10000"/>
                  <a:gd name="connsiteX41" fmla="*/ 6979 w 10000"/>
                  <a:gd name="connsiteY41" fmla="*/ 8449 h 10000"/>
                  <a:gd name="connsiteX42" fmla="*/ 6674 w 10000"/>
                  <a:gd name="connsiteY42" fmla="*/ 8360 h 10000"/>
                  <a:gd name="connsiteX43" fmla="*/ 6369 w 10000"/>
                  <a:gd name="connsiteY43" fmla="*/ 8287 h 10000"/>
                  <a:gd name="connsiteX44" fmla="*/ 6243 w 10000"/>
                  <a:gd name="connsiteY44" fmla="*/ 8449 h 10000"/>
                  <a:gd name="connsiteX45" fmla="*/ 6143 w 10000"/>
                  <a:gd name="connsiteY45" fmla="*/ 8597 h 10000"/>
                  <a:gd name="connsiteX46" fmla="*/ 6091 w 10000"/>
                  <a:gd name="connsiteY46" fmla="*/ 8656 h 10000"/>
                  <a:gd name="connsiteX47" fmla="*/ 5989 w 10000"/>
                  <a:gd name="connsiteY47" fmla="*/ 8700 h 10000"/>
                  <a:gd name="connsiteX48" fmla="*/ 5914 w 10000"/>
                  <a:gd name="connsiteY48" fmla="*/ 8744 h 10000"/>
                  <a:gd name="connsiteX49" fmla="*/ 5838 w 10000"/>
                  <a:gd name="connsiteY49" fmla="*/ 8774 h 10000"/>
                  <a:gd name="connsiteX50" fmla="*/ 5761 w 10000"/>
                  <a:gd name="connsiteY50" fmla="*/ 8804 h 10000"/>
                  <a:gd name="connsiteX51" fmla="*/ 5660 w 10000"/>
                  <a:gd name="connsiteY51" fmla="*/ 8818 h 10000"/>
                  <a:gd name="connsiteX52" fmla="*/ 5532 w 10000"/>
                  <a:gd name="connsiteY52" fmla="*/ 8833 h 10000"/>
                  <a:gd name="connsiteX53" fmla="*/ 5406 w 10000"/>
                  <a:gd name="connsiteY53" fmla="*/ 8833 h 10000"/>
                  <a:gd name="connsiteX54" fmla="*/ 5102 w 10000"/>
                  <a:gd name="connsiteY54" fmla="*/ 8818 h 10000"/>
                  <a:gd name="connsiteX55" fmla="*/ 4720 w 10000"/>
                  <a:gd name="connsiteY55" fmla="*/ 8744 h 10000"/>
                  <a:gd name="connsiteX56" fmla="*/ 4720 w 10000"/>
                  <a:gd name="connsiteY56" fmla="*/ 8922 h 10000"/>
                  <a:gd name="connsiteX57" fmla="*/ 4695 w 10000"/>
                  <a:gd name="connsiteY57" fmla="*/ 9069 h 10000"/>
                  <a:gd name="connsiteX58" fmla="*/ 4671 w 10000"/>
                  <a:gd name="connsiteY58" fmla="*/ 9232 h 10000"/>
                  <a:gd name="connsiteX59" fmla="*/ 4644 w 10000"/>
                  <a:gd name="connsiteY59" fmla="*/ 9365 h 10000"/>
                  <a:gd name="connsiteX60" fmla="*/ 4593 w 10000"/>
                  <a:gd name="connsiteY60" fmla="*/ 9498 h 10000"/>
                  <a:gd name="connsiteX61" fmla="*/ 4493 w 10000"/>
                  <a:gd name="connsiteY61" fmla="*/ 9616 h 10000"/>
                  <a:gd name="connsiteX62" fmla="*/ 4416 w 10000"/>
                  <a:gd name="connsiteY62" fmla="*/ 9734 h 10000"/>
                  <a:gd name="connsiteX63" fmla="*/ 4289 w 10000"/>
                  <a:gd name="connsiteY63" fmla="*/ 9838 h 10000"/>
                  <a:gd name="connsiteX64" fmla="*/ 3983 w 10000"/>
                  <a:gd name="connsiteY64" fmla="*/ 9897 h 10000"/>
                  <a:gd name="connsiteX65" fmla="*/ 3731 w 10000"/>
                  <a:gd name="connsiteY65" fmla="*/ 9941 h 10000"/>
                  <a:gd name="connsiteX66" fmla="*/ 3426 w 10000"/>
                  <a:gd name="connsiteY66" fmla="*/ 9985 h 10000"/>
                  <a:gd name="connsiteX67" fmla="*/ 3198 w 10000"/>
                  <a:gd name="connsiteY67" fmla="*/ 10000 h 10000"/>
                  <a:gd name="connsiteX68" fmla="*/ 2690 w 10000"/>
                  <a:gd name="connsiteY68" fmla="*/ 10000 h 10000"/>
                  <a:gd name="connsiteX69" fmla="*/ 2208 w 10000"/>
                  <a:gd name="connsiteY69" fmla="*/ 9985 h 10000"/>
                  <a:gd name="connsiteX70" fmla="*/ 1752 w 10000"/>
                  <a:gd name="connsiteY70" fmla="*/ 9941 h 10000"/>
                  <a:gd name="connsiteX71" fmla="*/ 1270 w 10000"/>
                  <a:gd name="connsiteY71" fmla="*/ 9911 h 10000"/>
                  <a:gd name="connsiteX72" fmla="*/ 990 w 10000"/>
                  <a:gd name="connsiteY72" fmla="*/ 9911 h 10000"/>
                  <a:gd name="connsiteX73" fmla="*/ 736 w 10000"/>
                  <a:gd name="connsiteY73" fmla="*/ 9911 h 10000"/>
                  <a:gd name="connsiteX74" fmla="*/ 457 w 10000"/>
                  <a:gd name="connsiteY74" fmla="*/ 9926 h 10000"/>
                  <a:gd name="connsiteX75" fmla="*/ 178 w 10000"/>
                  <a:gd name="connsiteY75" fmla="*/ 9970 h 10000"/>
                  <a:gd name="connsiteX76" fmla="*/ 102 w 10000"/>
                  <a:gd name="connsiteY76" fmla="*/ 9867 h 10000"/>
                  <a:gd name="connsiteX77" fmla="*/ 51 w 10000"/>
                  <a:gd name="connsiteY77" fmla="*/ 9793 h 10000"/>
                  <a:gd name="connsiteX78" fmla="*/ 0 w 10000"/>
                  <a:gd name="connsiteY78" fmla="*/ 9705 h 10000"/>
                  <a:gd name="connsiteX79" fmla="*/ 0 w 10000"/>
                  <a:gd name="connsiteY79" fmla="*/ 9601 h 10000"/>
                  <a:gd name="connsiteX80" fmla="*/ 51 w 10000"/>
                  <a:gd name="connsiteY80" fmla="*/ 9424 h 10000"/>
                  <a:gd name="connsiteX81" fmla="*/ 102 w 10000"/>
                  <a:gd name="connsiteY81" fmla="*/ 9202 h 10000"/>
                  <a:gd name="connsiteX82" fmla="*/ 151 w 10000"/>
                  <a:gd name="connsiteY82" fmla="*/ 8996 h 10000"/>
                  <a:gd name="connsiteX83" fmla="*/ 203 w 10000"/>
                  <a:gd name="connsiteY83" fmla="*/ 8759 h 10000"/>
                  <a:gd name="connsiteX84" fmla="*/ 228 w 10000"/>
                  <a:gd name="connsiteY84" fmla="*/ 8641 h 10000"/>
                  <a:gd name="connsiteX85" fmla="*/ 228 w 10000"/>
                  <a:gd name="connsiteY85" fmla="*/ 8538 h 10000"/>
                  <a:gd name="connsiteX86" fmla="*/ 203 w 10000"/>
                  <a:gd name="connsiteY86" fmla="*/ 8405 h 10000"/>
                  <a:gd name="connsiteX87" fmla="*/ 178 w 10000"/>
                  <a:gd name="connsiteY87" fmla="*/ 8287 h 10000"/>
                  <a:gd name="connsiteX88" fmla="*/ 431 w 10000"/>
                  <a:gd name="connsiteY88" fmla="*/ 8213 h 10000"/>
                  <a:gd name="connsiteX89" fmla="*/ 685 w 10000"/>
                  <a:gd name="connsiteY89" fmla="*/ 8139 h 10000"/>
                  <a:gd name="connsiteX90" fmla="*/ 939 w 10000"/>
                  <a:gd name="connsiteY90" fmla="*/ 8095 h 10000"/>
                  <a:gd name="connsiteX91" fmla="*/ 1218 w 10000"/>
                  <a:gd name="connsiteY91" fmla="*/ 8065 h 10000"/>
                  <a:gd name="connsiteX92" fmla="*/ 1725 w 10000"/>
                  <a:gd name="connsiteY92" fmla="*/ 8021 h 10000"/>
                  <a:gd name="connsiteX93" fmla="*/ 2234 w 10000"/>
                  <a:gd name="connsiteY93" fmla="*/ 7976 h 10000"/>
                  <a:gd name="connsiteX94" fmla="*/ 2462 w 10000"/>
                  <a:gd name="connsiteY94" fmla="*/ 7947 h 10000"/>
                  <a:gd name="connsiteX95" fmla="*/ 2690 w 10000"/>
                  <a:gd name="connsiteY95" fmla="*/ 7917 h 10000"/>
                  <a:gd name="connsiteX96" fmla="*/ 2892 w 10000"/>
                  <a:gd name="connsiteY96" fmla="*/ 7843 h 10000"/>
                  <a:gd name="connsiteX97" fmla="*/ 3096 w 10000"/>
                  <a:gd name="connsiteY97" fmla="*/ 7784 h 10000"/>
                  <a:gd name="connsiteX98" fmla="*/ 3274 w 10000"/>
                  <a:gd name="connsiteY98" fmla="*/ 7710 h 10000"/>
                  <a:gd name="connsiteX99" fmla="*/ 3426 w 10000"/>
                  <a:gd name="connsiteY99" fmla="*/ 7592 h 10000"/>
                  <a:gd name="connsiteX100" fmla="*/ 3579 w 10000"/>
                  <a:gd name="connsiteY100" fmla="*/ 7474 h 10000"/>
                  <a:gd name="connsiteX101" fmla="*/ 3680 w 10000"/>
                  <a:gd name="connsiteY101" fmla="*/ 7312 h 10000"/>
                  <a:gd name="connsiteX102" fmla="*/ 3477 w 10000"/>
                  <a:gd name="connsiteY102" fmla="*/ 7238 h 10000"/>
                  <a:gd name="connsiteX103" fmla="*/ 3299 w 10000"/>
                  <a:gd name="connsiteY103" fmla="*/ 7179 h 10000"/>
                  <a:gd name="connsiteX104" fmla="*/ 3147 w 10000"/>
                  <a:gd name="connsiteY104" fmla="*/ 7090 h 10000"/>
                  <a:gd name="connsiteX105" fmla="*/ 2995 w 10000"/>
                  <a:gd name="connsiteY105" fmla="*/ 6987 h 10000"/>
                  <a:gd name="connsiteX106" fmla="*/ 2892 w 10000"/>
                  <a:gd name="connsiteY106" fmla="*/ 6869 h 10000"/>
                  <a:gd name="connsiteX107" fmla="*/ 2843 w 10000"/>
                  <a:gd name="connsiteY107" fmla="*/ 6721 h 10000"/>
                  <a:gd name="connsiteX108" fmla="*/ 2817 w 10000"/>
                  <a:gd name="connsiteY108" fmla="*/ 6558 h 10000"/>
                  <a:gd name="connsiteX109" fmla="*/ 2843 w 10000"/>
                  <a:gd name="connsiteY109" fmla="*/ 6352 h 10000"/>
                  <a:gd name="connsiteX110" fmla="*/ 2716 w 10000"/>
                  <a:gd name="connsiteY110" fmla="*/ 6322 h 10000"/>
                  <a:gd name="connsiteX111" fmla="*/ 2564 w 10000"/>
                  <a:gd name="connsiteY111" fmla="*/ 6292 h 10000"/>
                  <a:gd name="connsiteX112" fmla="*/ 2386 w 10000"/>
                  <a:gd name="connsiteY112" fmla="*/ 6278 h 10000"/>
                  <a:gd name="connsiteX113" fmla="*/ 2208 w 10000"/>
                  <a:gd name="connsiteY113" fmla="*/ 6263 h 10000"/>
                  <a:gd name="connsiteX114" fmla="*/ 1853 w 10000"/>
                  <a:gd name="connsiteY114" fmla="*/ 6248 h 10000"/>
                  <a:gd name="connsiteX115" fmla="*/ 1472 w 10000"/>
                  <a:gd name="connsiteY115" fmla="*/ 6263 h 10000"/>
                  <a:gd name="connsiteX116" fmla="*/ 1143 w 10000"/>
                  <a:gd name="connsiteY116" fmla="*/ 6278 h 10000"/>
                  <a:gd name="connsiteX117" fmla="*/ 837 w 10000"/>
                  <a:gd name="connsiteY117" fmla="*/ 6278 h 10000"/>
                  <a:gd name="connsiteX118" fmla="*/ 585 w 10000"/>
                  <a:gd name="connsiteY118" fmla="*/ 6263 h 10000"/>
                  <a:gd name="connsiteX119" fmla="*/ 381 w 10000"/>
                  <a:gd name="connsiteY119" fmla="*/ 6233 h 10000"/>
                  <a:gd name="connsiteX120" fmla="*/ 633 w 10000"/>
                  <a:gd name="connsiteY120" fmla="*/ 5805 h 10000"/>
                  <a:gd name="connsiteX121" fmla="*/ 914 w 10000"/>
                  <a:gd name="connsiteY121" fmla="*/ 5391 h 10000"/>
                  <a:gd name="connsiteX122" fmla="*/ 1016 w 10000"/>
                  <a:gd name="connsiteY122" fmla="*/ 5170 h 10000"/>
                  <a:gd name="connsiteX123" fmla="*/ 1091 w 10000"/>
                  <a:gd name="connsiteY123" fmla="*/ 4963 h 10000"/>
                  <a:gd name="connsiteX124" fmla="*/ 1116 w 10000"/>
                  <a:gd name="connsiteY124" fmla="*/ 4860 h 10000"/>
                  <a:gd name="connsiteX125" fmla="*/ 1091 w 10000"/>
                  <a:gd name="connsiteY125" fmla="*/ 4756 h 10000"/>
                  <a:gd name="connsiteX126" fmla="*/ 1066 w 10000"/>
                  <a:gd name="connsiteY126" fmla="*/ 4653 h 10000"/>
                  <a:gd name="connsiteX127" fmla="*/ 990 w 10000"/>
                  <a:gd name="connsiteY127" fmla="*/ 4549 h 10000"/>
                  <a:gd name="connsiteX128" fmla="*/ 1270 w 10000"/>
                  <a:gd name="connsiteY128" fmla="*/ 4520 h 10000"/>
                  <a:gd name="connsiteX129" fmla="*/ 1472 w 10000"/>
                  <a:gd name="connsiteY129" fmla="*/ 4505 h 10000"/>
                  <a:gd name="connsiteX130" fmla="*/ 1650 w 10000"/>
                  <a:gd name="connsiteY130" fmla="*/ 4505 h 10000"/>
                  <a:gd name="connsiteX131" fmla="*/ 1802 w 10000"/>
                  <a:gd name="connsiteY131" fmla="*/ 4520 h 10000"/>
                  <a:gd name="connsiteX132" fmla="*/ 1929 w 10000"/>
                  <a:gd name="connsiteY132" fmla="*/ 4520 h 10000"/>
                  <a:gd name="connsiteX133" fmla="*/ 2081 w 10000"/>
                  <a:gd name="connsiteY133" fmla="*/ 4520 h 10000"/>
                  <a:gd name="connsiteX134" fmla="*/ 2234 w 10000"/>
                  <a:gd name="connsiteY134" fmla="*/ 4490 h 10000"/>
                  <a:gd name="connsiteX135" fmla="*/ 2436 w 10000"/>
                  <a:gd name="connsiteY135" fmla="*/ 4446 h 10000"/>
                  <a:gd name="connsiteX136" fmla="*/ 2436 w 10000"/>
                  <a:gd name="connsiteY136" fmla="*/ 4579 h 10000"/>
                  <a:gd name="connsiteX137" fmla="*/ 2436 w 10000"/>
                  <a:gd name="connsiteY137" fmla="*/ 4742 h 10000"/>
                  <a:gd name="connsiteX138" fmla="*/ 2436 w 10000"/>
                  <a:gd name="connsiteY138" fmla="*/ 4874 h 10000"/>
                  <a:gd name="connsiteX139" fmla="*/ 2436 w 10000"/>
                  <a:gd name="connsiteY139" fmla="*/ 5037 h 10000"/>
                  <a:gd name="connsiteX140" fmla="*/ 2665 w 10000"/>
                  <a:gd name="connsiteY140" fmla="*/ 5022 h 10000"/>
                  <a:gd name="connsiteX141" fmla="*/ 2817 w 10000"/>
                  <a:gd name="connsiteY141" fmla="*/ 5037 h 10000"/>
                  <a:gd name="connsiteX142" fmla="*/ 2944 w 10000"/>
                  <a:gd name="connsiteY142" fmla="*/ 5066 h 10000"/>
                  <a:gd name="connsiteX143" fmla="*/ 3071 w 10000"/>
                  <a:gd name="connsiteY143" fmla="*/ 5096 h 10000"/>
                  <a:gd name="connsiteX144" fmla="*/ 3173 w 10000"/>
                  <a:gd name="connsiteY144" fmla="*/ 5126 h 10000"/>
                  <a:gd name="connsiteX145" fmla="*/ 3299 w 10000"/>
                  <a:gd name="connsiteY145" fmla="*/ 5155 h 10000"/>
                  <a:gd name="connsiteX146" fmla="*/ 3452 w 10000"/>
                  <a:gd name="connsiteY146" fmla="*/ 5170 h 10000"/>
                  <a:gd name="connsiteX147" fmla="*/ 3680 w 10000"/>
                  <a:gd name="connsiteY147" fmla="*/ 5155 h 10000"/>
                  <a:gd name="connsiteX148" fmla="*/ 3757 w 10000"/>
                  <a:gd name="connsiteY148" fmla="*/ 5096 h 10000"/>
                  <a:gd name="connsiteX149" fmla="*/ 3832 w 10000"/>
                  <a:gd name="connsiteY149" fmla="*/ 5022 h 10000"/>
                  <a:gd name="connsiteX150" fmla="*/ 3857 w 10000"/>
                  <a:gd name="connsiteY150" fmla="*/ 4934 h 10000"/>
                  <a:gd name="connsiteX151" fmla="*/ 3884 w 10000"/>
                  <a:gd name="connsiteY151" fmla="*/ 4860 h 10000"/>
                  <a:gd name="connsiteX152" fmla="*/ 3908 w 10000"/>
                  <a:gd name="connsiteY152" fmla="*/ 4697 h 10000"/>
                  <a:gd name="connsiteX153" fmla="*/ 3884 w 10000"/>
                  <a:gd name="connsiteY153" fmla="*/ 4520 h 10000"/>
                  <a:gd name="connsiteX154" fmla="*/ 3807 w 10000"/>
                  <a:gd name="connsiteY154" fmla="*/ 4343 h 10000"/>
                  <a:gd name="connsiteX155" fmla="*/ 3731 w 10000"/>
                  <a:gd name="connsiteY155" fmla="*/ 4195 h 10000"/>
                  <a:gd name="connsiteX156" fmla="*/ 3604 w 10000"/>
                  <a:gd name="connsiteY156" fmla="*/ 4047 h 10000"/>
                  <a:gd name="connsiteX157" fmla="*/ 3477 w 10000"/>
                  <a:gd name="connsiteY157" fmla="*/ 3959 h 10000"/>
                  <a:gd name="connsiteX158" fmla="*/ 3629 w 10000"/>
                  <a:gd name="connsiteY158" fmla="*/ 3944 h 10000"/>
                  <a:gd name="connsiteX159" fmla="*/ 3757 w 10000"/>
                  <a:gd name="connsiteY159" fmla="*/ 3914 h 10000"/>
                  <a:gd name="connsiteX160" fmla="*/ 3857 w 10000"/>
                  <a:gd name="connsiteY160" fmla="*/ 3855 h 10000"/>
                  <a:gd name="connsiteX161" fmla="*/ 3983 w 10000"/>
                  <a:gd name="connsiteY161" fmla="*/ 3752 h 10000"/>
                  <a:gd name="connsiteX162" fmla="*/ 4111 w 10000"/>
                  <a:gd name="connsiteY162" fmla="*/ 3663 h 10000"/>
                  <a:gd name="connsiteX163" fmla="*/ 4213 w 10000"/>
                  <a:gd name="connsiteY163" fmla="*/ 3560 h 10000"/>
                  <a:gd name="connsiteX164" fmla="*/ 4289 w 10000"/>
                  <a:gd name="connsiteY164" fmla="*/ 3442 h 10000"/>
                  <a:gd name="connsiteX165" fmla="*/ 4366 w 10000"/>
                  <a:gd name="connsiteY165" fmla="*/ 3323 h 10000"/>
                  <a:gd name="connsiteX166" fmla="*/ 4416 w 10000"/>
                  <a:gd name="connsiteY166" fmla="*/ 3220 h 10000"/>
                  <a:gd name="connsiteX167" fmla="*/ 4441 w 10000"/>
                  <a:gd name="connsiteY167" fmla="*/ 3102 h 10000"/>
                  <a:gd name="connsiteX168" fmla="*/ 4468 w 10000"/>
                  <a:gd name="connsiteY168" fmla="*/ 3013 h 10000"/>
                  <a:gd name="connsiteX169" fmla="*/ 4441 w 10000"/>
                  <a:gd name="connsiteY169" fmla="*/ 2939 h 10000"/>
                  <a:gd name="connsiteX170" fmla="*/ 4416 w 10000"/>
                  <a:gd name="connsiteY170" fmla="*/ 2866 h 10000"/>
                  <a:gd name="connsiteX171" fmla="*/ 4340 w 10000"/>
                  <a:gd name="connsiteY171" fmla="*/ 2836 h 10000"/>
                  <a:gd name="connsiteX172" fmla="*/ 4239 w 10000"/>
                  <a:gd name="connsiteY172" fmla="*/ 2836 h 10000"/>
                  <a:gd name="connsiteX173" fmla="*/ 4111 w 10000"/>
                  <a:gd name="connsiteY173" fmla="*/ 2866 h 10000"/>
                  <a:gd name="connsiteX174" fmla="*/ 4213 w 10000"/>
                  <a:gd name="connsiteY174" fmla="*/ 2777 h 10000"/>
                  <a:gd name="connsiteX175" fmla="*/ 4265 w 10000"/>
                  <a:gd name="connsiteY175" fmla="*/ 2674 h 10000"/>
                  <a:gd name="connsiteX176" fmla="*/ 4289 w 10000"/>
                  <a:gd name="connsiteY176" fmla="*/ 2541 h 10000"/>
                  <a:gd name="connsiteX177" fmla="*/ 4289 w 10000"/>
                  <a:gd name="connsiteY177" fmla="*/ 2393 h 10000"/>
                  <a:gd name="connsiteX178" fmla="*/ 4314 w 10000"/>
                  <a:gd name="connsiteY178" fmla="*/ 2349 h 10000"/>
                  <a:gd name="connsiteX179" fmla="*/ 4366 w 10000"/>
                  <a:gd name="connsiteY179" fmla="*/ 2304 h 10000"/>
                  <a:gd name="connsiteX180" fmla="*/ 4416 w 10000"/>
                  <a:gd name="connsiteY180" fmla="*/ 2290 h 10000"/>
                  <a:gd name="connsiteX181" fmla="*/ 4493 w 10000"/>
                  <a:gd name="connsiteY181" fmla="*/ 2275 h 10000"/>
                  <a:gd name="connsiteX182" fmla="*/ 4720 w 10000"/>
                  <a:gd name="connsiteY182" fmla="*/ 2260 h 10000"/>
                  <a:gd name="connsiteX183" fmla="*/ 4923 w 10000"/>
                  <a:gd name="connsiteY183" fmla="*/ 2275 h 10000"/>
                  <a:gd name="connsiteX184" fmla="*/ 4898 w 10000"/>
                  <a:gd name="connsiteY184" fmla="*/ 2112 h 10000"/>
                  <a:gd name="connsiteX185" fmla="*/ 4848 w 10000"/>
                  <a:gd name="connsiteY185" fmla="*/ 1950 h 10000"/>
                  <a:gd name="connsiteX186" fmla="*/ 4771 w 10000"/>
                  <a:gd name="connsiteY186" fmla="*/ 1802 h 10000"/>
                  <a:gd name="connsiteX187" fmla="*/ 4671 w 10000"/>
                  <a:gd name="connsiteY187" fmla="*/ 1640 h 10000"/>
                  <a:gd name="connsiteX188" fmla="*/ 4416 w 10000"/>
                  <a:gd name="connsiteY188" fmla="*/ 1329 h 10000"/>
                  <a:gd name="connsiteX189" fmla="*/ 4162 w 10000"/>
                  <a:gd name="connsiteY189" fmla="*/ 1034 h 10000"/>
                  <a:gd name="connsiteX190" fmla="*/ 4035 w 10000"/>
                  <a:gd name="connsiteY190" fmla="*/ 901 h 10000"/>
                  <a:gd name="connsiteX191" fmla="*/ 3935 w 10000"/>
                  <a:gd name="connsiteY191" fmla="*/ 753 h 10000"/>
                  <a:gd name="connsiteX192" fmla="*/ 3857 w 10000"/>
                  <a:gd name="connsiteY192" fmla="*/ 620 h 10000"/>
                  <a:gd name="connsiteX193" fmla="*/ 3832 w 10000"/>
                  <a:gd name="connsiteY193" fmla="*/ 487 h 10000"/>
                  <a:gd name="connsiteX194" fmla="*/ 3807 w 10000"/>
                  <a:gd name="connsiteY194" fmla="*/ 355 h 10000"/>
                  <a:gd name="connsiteX195" fmla="*/ 3857 w 10000"/>
                  <a:gd name="connsiteY195" fmla="*/ 222 h 10000"/>
                  <a:gd name="connsiteX196" fmla="*/ 3884 w 10000"/>
                  <a:gd name="connsiteY196" fmla="*/ 162 h 10000"/>
                  <a:gd name="connsiteX197" fmla="*/ 3935 w 10000"/>
                  <a:gd name="connsiteY197" fmla="*/ 103 h 10000"/>
                  <a:gd name="connsiteX198" fmla="*/ 4011 w 10000"/>
                  <a:gd name="connsiteY198" fmla="*/ 59 h 10000"/>
                  <a:gd name="connsiteX199" fmla="*/ 4111 w 10000"/>
                  <a:gd name="connsiteY199" fmla="*/ 0 h 10000"/>
                  <a:gd name="connsiteX200" fmla="*/ 4289 w 10000"/>
                  <a:gd name="connsiteY200" fmla="*/ 0 h 10000"/>
                  <a:gd name="connsiteX201" fmla="*/ 4468 w 10000"/>
                  <a:gd name="connsiteY201" fmla="*/ 15 h 10000"/>
                  <a:gd name="connsiteX202" fmla="*/ 4644 w 10000"/>
                  <a:gd name="connsiteY202" fmla="*/ 44 h 10000"/>
                  <a:gd name="connsiteX203" fmla="*/ 4771 w 10000"/>
                  <a:gd name="connsiteY203" fmla="*/ 89 h 10000"/>
                  <a:gd name="connsiteX204" fmla="*/ 4975 w 10000"/>
                  <a:gd name="connsiteY204" fmla="*/ 192 h 10000"/>
                  <a:gd name="connsiteX205" fmla="*/ 5177 w 10000"/>
                  <a:gd name="connsiteY205" fmla="*/ 340 h 10000"/>
                  <a:gd name="connsiteX206" fmla="*/ 5329 w 10000"/>
                  <a:gd name="connsiteY206" fmla="*/ 473 h 10000"/>
                  <a:gd name="connsiteX207" fmla="*/ 5532 w 10000"/>
                  <a:gd name="connsiteY207" fmla="*/ 591 h 10000"/>
                  <a:gd name="connsiteX208" fmla="*/ 5660 w 10000"/>
                  <a:gd name="connsiteY208" fmla="*/ 650 h 10000"/>
                  <a:gd name="connsiteX209" fmla="*/ 5812 w 10000"/>
                  <a:gd name="connsiteY209" fmla="*/ 679 h 10000"/>
                  <a:gd name="connsiteX210" fmla="*/ 5965 w 10000"/>
                  <a:gd name="connsiteY210" fmla="*/ 709 h 10000"/>
                  <a:gd name="connsiteX211" fmla="*/ 6168 w 10000"/>
                  <a:gd name="connsiteY211" fmla="*/ 709 h 10000"/>
                  <a:gd name="connsiteX212" fmla="*/ 6168 w 10000"/>
                  <a:gd name="connsiteY212" fmla="*/ 768 h 10000"/>
                  <a:gd name="connsiteX213" fmla="*/ 6193 w 10000"/>
                  <a:gd name="connsiteY213" fmla="*/ 842 h 10000"/>
                  <a:gd name="connsiteX214" fmla="*/ 6243 w 10000"/>
                  <a:gd name="connsiteY214" fmla="*/ 916 h 10000"/>
                  <a:gd name="connsiteX215" fmla="*/ 6294 w 10000"/>
                  <a:gd name="connsiteY215" fmla="*/ 990 h 10000"/>
                  <a:gd name="connsiteX216" fmla="*/ 6369 w 10000"/>
                  <a:gd name="connsiteY216" fmla="*/ 1049 h 10000"/>
                  <a:gd name="connsiteX217" fmla="*/ 6471 w 10000"/>
                  <a:gd name="connsiteY217" fmla="*/ 1108 h 10000"/>
                  <a:gd name="connsiteX218" fmla="*/ 6598 w 10000"/>
                  <a:gd name="connsiteY218" fmla="*/ 1182 h 10000"/>
                  <a:gd name="connsiteX219" fmla="*/ 6700 w 10000"/>
                  <a:gd name="connsiteY219" fmla="*/ 1226 h 10000"/>
                  <a:gd name="connsiteX220" fmla="*/ 6802 w 10000"/>
                  <a:gd name="connsiteY220" fmla="*/ 1270 h 10000"/>
                  <a:gd name="connsiteX221" fmla="*/ 6903 w 10000"/>
                  <a:gd name="connsiteY221" fmla="*/ 1300 h 10000"/>
                  <a:gd name="connsiteX222" fmla="*/ 7005 w 10000"/>
                  <a:gd name="connsiteY222" fmla="*/ 1315 h 10000"/>
                  <a:gd name="connsiteX223" fmla="*/ 7132 w 10000"/>
                  <a:gd name="connsiteY223" fmla="*/ 1300 h 10000"/>
                  <a:gd name="connsiteX224" fmla="*/ 7234 w 10000"/>
                  <a:gd name="connsiteY224" fmla="*/ 1285 h 10000"/>
                  <a:gd name="connsiteX225" fmla="*/ 7309 w 10000"/>
                  <a:gd name="connsiteY225" fmla="*/ 1241 h 10000"/>
                  <a:gd name="connsiteX226" fmla="*/ 7361 w 10000"/>
                  <a:gd name="connsiteY226" fmla="*/ 1167 h 10000"/>
                  <a:gd name="connsiteX227" fmla="*/ 7385 w 10000"/>
                  <a:gd name="connsiteY227" fmla="*/ 1064 h 10000"/>
                  <a:gd name="connsiteX228" fmla="*/ 7766 w 10000"/>
                  <a:gd name="connsiteY228" fmla="*/ 1034 h 10000"/>
                  <a:gd name="connsiteX229" fmla="*/ 8121 w 10000"/>
                  <a:gd name="connsiteY229" fmla="*/ 1004 h 10000"/>
                  <a:gd name="connsiteX230" fmla="*/ 8427 w 10000"/>
                  <a:gd name="connsiteY230" fmla="*/ 990 h 10000"/>
                  <a:gd name="connsiteX231" fmla="*/ 8706 w 10000"/>
                  <a:gd name="connsiteY231" fmla="*/ 1004 h 10000"/>
                  <a:gd name="connsiteX232" fmla="*/ 8833 w 10000"/>
                  <a:gd name="connsiteY232" fmla="*/ 1019 h 10000"/>
                  <a:gd name="connsiteX233" fmla="*/ 8958 w 10000"/>
                  <a:gd name="connsiteY233" fmla="*/ 1034 h 10000"/>
                  <a:gd name="connsiteX234" fmla="*/ 9061 w 10000"/>
                  <a:gd name="connsiteY234" fmla="*/ 1064 h 10000"/>
                  <a:gd name="connsiteX235" fmla="*/ 9188 w 10000"/>
                  <a:gd name="connsiteY235" fmla="*/ 1108 h 10000"/>
                  <a:gd name="connsiteX236" fmla="*/ 9264 w 10000"/>
                  <a:gd name="connsiteY236" fmla="*/ 1182 h 10000"/>
                  <a:gd name="connsiteX237" fmla="*/ 9339 w 10000"/>
                  <a:gd name="connsiteY237" fmla="*/ 1241 h 10000"/>
                  <a:gd name="connsiteX238" fmla="*/ 9391 w 10000"/>
                  <a:gd name="connsiteY238" fmla="*/ 1329 h 10000"/>
                  <a:gd name="connsiteX239" fmla="*/ 9442 w 10000"/>
                  <a:gd name="connsiteY239" fmla="*/ 1433 h 10000"/>
                  <a:gd name="connsiteX240" fmla="*/ 9492 w 10000"/>
                  <a:gd name="connsiteY240" fmla="*/ 1551 h 10000"/>
                  <a:gd name="connsiteX241" fmla="*/ 9466 w 10000"/>
                  <a:gd name="connsiteY241" fmla="*/ 1625 h 10000"/>
                  <a:gd name="connsiteX242" fmla="*/ 9442 w 10000"/>
                  <a:gd name="connsiteY242" fmla="*/ 1684 h 10000"/>
                  <a:gd name="connsiteX243" fmla="*/ 9391 w 10000"/>
                  <a:gd name="connsiteY243" fmla="*/ 1758 h 10000"/>
                  <a:gd name="connsiteX244" fmla="*/ 9315 w 10000"/>
                  <a:gd name="connsiteY244" fmla="*/ 1802 h 10000"/>
                  <a:gd name="connsiteX245" fmla="*/ 9264 w 10000"/>
                  <a:gd name="connsiteY245" fmla="*/ 1861 h 10000"/>
                  <a:gd name="connsiteX246" fmla="*/ 9240 w 10000"/>
                  <a:gd name="connsiteY246" fmla="*/ 1935 h 10000"/>
                  <a:gd name="connsiteX247" fmla="*/ 9264 w 10000"/>
                  <a:gd name="connsiteY247" fmla="*/ 2024 h 10000"/>
                  <a:gd name="connsiteX248" fmla="*/ 9543 w 10000"/>
                  <a:gd name="connsiteY248" fmla="*/ 2157 h 10000"/>
                  <a:gd name="connsiteX249" fmla="*/ 9873 w 10000"/>
                  <a:gd name="connsiteY249" fmla="*/ 2275 h 10000"/>
                  <a:gd name="connsiteX250" fmla="*/ 10000 w 10000"/>
                  <a:gd name="connsiteY250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8984 w 10000"/>
                  <a:gd name="connsiteY2" fmla="*/ 3412 h 10000"/>
                  <a:gd name="connsiteX3" fmla="*/ 9188 w 10000"/>
                  <a:gd name="connsiteY3" fmla="*/ 3338 h 10000"/>
                  <a:gd name="connsiteX4" fmla="*/ 9415 w 10000"/>
                  <a:gd name="connsiteY4" fmla="*/ 3117 h 10000"/>
                  <a:gd name="connsiteX5" fmla="*/ 9442 w 10000"/>
                  <a:gd name="connsiteY5" fmla="*/ 3072 h 10000"/>
                  <a:gd name="connsiteX6" fmla="*/ 9466 w 10000"/>
                  <a:gd name="connsiteY6" fmla="*/ 3013 h 10000"/>
                  <a:gd name="connsiteX7" fmla="*/ 9466 w 10000"/>
                  <a:gd name="connsiteY7" fmla="*/ 2954 h 10000"/>
                  <a:gd name="connsiteX8" fmla="*/ 9442 w 10000"/>
                  <a:gd name="connsiteY8" fmla="*/ 2866 h 10000"/>
                  <a:gd name="connsiteX9" fmla="*/ 9264 w 10000"/>
                  <a:gd name="connsiteY9" fmla="*/ 2984 h 10000"/>
                  <a:gd name="connsiteX10" fmla="*/ 9061 w 10000"/>
                  <a:gd name="connsiteY10" fmla="*/ 3072 h 10000"/>
                  <a:gd name="connsiteX11" fmla="*/ 8197 w 10000"/>
                  <a:gd name="connsiteY11" fmla="*/ 3397 h 10000"/>
                  <a:gd name="connsiteX12" fmla="*/ 7716 w 10000"/>
                  <a:gd name="connsiteY12" fmla="*/ 3545 h 10000"/>
                  <a:gd name="connsiteX13" fmla="*/ 6345 w 10000"/>
                  <a:gd name="connsiteY13" fmla="*/ 4003 h 10000"/>
                  <a:gd name="connsiteX14" fmla="*/ 6143 w 10000"/>
                  <a:gd name="connsiteY14" fmla="*/ 4106 h 10000"/>
                  <a:gd name="connsiteX15" fmla="*/ 5938 w 10000"/>
                  <a:gd name="connsiteY15" fmla="*/ 4195 h 10000"/>
                  <a:gd name="connsiteX16" fmla="*/ 6091 w 10000"/>
                  <a:gd name="connsiteY16" fmla="*/ 4417 h 10000"/>
                  <a:gd name="connsiteX17" fmla="*/ 6421 w 10000"/>
                  <a:gd name="connsiteY17" fmla="*/ 5318 h 10000"/>
                  <a:gd name="connsiteX18" fmla="*/ 6447 w 10000"/>
                  <a:gd name="connsiteY18" fmla="*/ 5539 h 10000"/>
                  <a:gd name="connsiteX19" fmla="*/ 6471 w 10000"/>
                  <a:gd name="connsiteY19" fmla="*/ 5775 h 10000"/>
                  <a:gd name="connsiteX20" fmla="*/ 6471 w 10000"/>
                  <a:gd name="connsiteY20" fmla="*/ 5997 h 10000"/>
                  <a:gd name="connsiteX21" fmla="*/ 6447 w 10000"/>
                  <a:gd name="connsiteY21" fmla="*/ 6233 h 10000"/>
                  <a:gd name="connsiteX22" fmla="*/ 6396 w 10000"/>
                  <a:gd name="connsiteY22" fmla="*/ 6470 h 10000"/>
                  <a:gd name="connsiteX23" fmla="*/ 6345 w 10000"/>
                  <a:gd name="connsiteY23" fmla="*/ 6677 h 10000"/>
                  <a:gd name="connsiteX24" fmla="*/ 6269 w 10000"/>
                  <a:gd name="connsiteY24" fmla="*/ 6898 h 10000"/>
                  <a:gd name="connsiteX25" fmla="*/ 6168 w 10000"/>
                  <a:gd name="connsiteY25" fmla="*/ 7105 h 10000"/>
                  <a:gd name="connsiteX26" fmla="*/ 6041 w 10000"/>
                  <a:gd name="connsiteY26" fmla="*/ 7297 h 10000"/>
                  <a:gd name="connsiteX27" fmla="*/ 5888 w 10000"/>
                  <a:gd name="connsiteY27" fmla="*/ 7489 h 10000"/>
                  <a:gd name="connsiteX28" fmla="*/ 5735 w 10000"/>
                  <a:gd name="connsiteY28" fmla="*/ 7681 h 10000"/>
                  <a:gd name="connsiteX29" fmla="*/ 6471 w 10000"/>
                  <a:gd name="connsiteY29" fmla="*/ 7799 h 10000"/>
                  <a:gd name="connsiteX30" fmla="*/ 7234 w 10000"/>
                  <a:gd name="connsiteY30" fmla="*/ 7962 h 10000"/>
                  <a:gd name="connsiteX31" fmla="*/ 7385 w 10000"/>
                  <a:gd name="connsiteY31" fmla="*/ 8021 h 10000"/>
                  <a:gd name="connsiteX32" fmla="*/ 7512 w 10000"/>
                  <a:gd name="connsiteY32" fmla="*/ 8080 h 10000"/>
                  <a:gd name="connsiteX33" fmla="*/ 7639 w 10000"/>
                  <a:gd name="connsiteY33" fmla="*/ 8139 h 10000"/>
                  <a:gd name="connsiteX34" fmla="*/ 7716 w 10000"/>
                  <a:gd name="connsiteY34" fmla="*/ 8227 h 10000"/>
                  <a:gd name="connsiteX35" fmla="*/ 7741 w 10000"/>
                  <a:gd name="connsiteY35" fmla="*/ 8301 h 10000"/>
                  <a:gd name="connsiteX36" fmla="*/ 7741 w 10000"/>
                  <a:gd name="connsiteY36" fmla="*/ 8405 h 10000"/>
                  <a:gd name="connsiteX37" fmla="*/ 7691 w 10000"/>
                  <a:gd name="connsiteY37" fmla="*/ 8523 h 10000"/>
                  <a:gd name="connsiteX38" fmla="*/ 7614 w 10000"/>
                  <a:gd name="connsiteY38" fmla="*/ 8641 h 10000"/>
                  <a:gd name="connsiteX39" fmla="*/ 7284 w 10000"/>
                  <a:gd name="connsiteY39" fmla="*/ 8552 h 10000"/>
                  <a:gd name="connsiteX40" fmla="*/ 6979 w 10000"/>
                  <a:gd name="connsiteY40" fmla="*/ 8449 h 10000"/>
                  <a:gd name="connsiteX41" fmla="*/ 6674 w 10000"/>
                  <a:gd name="connsiteY41" fmla="*/ 8360 h 10000"/>
                  <a:gd name="connsiteX42" fmla="*/ 6369 w 10000"/>
                  <a:gd name="connsiteY42" fmla="*/ 8287 h 10000"/>
                  <a:gd name="connsiteX43" fmla="*/ 6243 w 10000"/>
                  <a:gd name="connsiteY43" fmla="*/ 8449 h 10000"/>
                  <a:gd name="connsiteX44" fmla="*/ 6143 w 10000"/>
                  <a:gd name="connsiteY44" fmla="*/ 8597 h 10000"/>
                  <a:gd name="connsiteX45" fmla="*/ 6091 w 10000"/>
                  <a:gd name="connsiteY45" fmla="*/ 8656 h 10000"/>
                  <a:gd name="connsiteX46" fmla="*/ 5989 w 10000"/>
                  <a:gd name="connsiteY46" fmla="*/ 8700 h 10000"/>
                  <a:gd name="connsiteX47" fmla="*/ 5914 w 10000"/>
                  <a:gd name="connsiteY47" fmla="*/ 8744 h 10000"/>
                  <a:gd name="connsiteX48" fmla="*/ 5838 w 10000"/>
                  <a:gd name="connsiteY48" fmla="*/ 8774 h 10000"/>
                  <a:gd name="connsiteX49" fmla="*/ 5761 w 10000"/>
                  <a:gd name="connsiteY49" fmla="*/ 8804 h 10000"/>
                  <a:gd name="connsiteX50" fmla="*/ 5660 w 10000"/>
                  <a:gd name="connsiteY50" fmla="*/ 8818 h 10000"/>
                  <a:gd name="connsiteX51" fmla="*/ 5532 w 10000"/>
                  <a:gd name="connsiteY51" fmla="*/ 8833 h 10000"/>
                  <a:gd name="connsiteX52" fmla="*/ 5406 w 10000"/>
                  <a:gd name="connsiteY52" fmla="*/ 8833 h 10000"/>
                  <a:gd name="connsiteX53" fmla="*/ 5102 w 10000"/>
                  <a:gd name="connsiteY53" fmla="*/ 8818 h 10000"/>
                  <a:gd name="connsiteX54" fmla="*/ 4720 w 10000"/>
                  <a:gd name="connsiteY54" fmla="*/ 8744 h 10000"/>
                  <a:gd name="connsiteX55" fmla="*/ 4720 w 10000"/>
                  <a:gd name="connsiteY55" fmla="*/ 8922 h 10000"/>
                  <a:gd name="connsiteX56" fmla="*/ 4695 w 10000"/>
                  <a:gd name="connsiteY56" fmla="*/ 9069 h 10000"/>
                  <a:gd name="connsiteX57" fmla="*/ 4671 w 10000"/>
                  <a:gd name="connsiteY57" fmla="*/ 9232 h 10000"/>
                  <a:gd name="connsiteX58" fmla="*/ 4644 w 10000"/>
                  <a:gd name="connsiteY58" fmla="*/ 9365 h 10000"/>
                  <a:gd name="connsiteX59" fmla="*/ 4593 w 10000"/>
                  <a:gd name="connsiteY59" fmla="*/ 9498 h 10000"/>
                  <a:gd name="connsiteX60" fmla="*/ 4493 w 10000"/>
                  <a:gd name="connsiteY60" fmla="*/ 9616 h 10000"/>
                  <a:gd name="connsiteX61" fmla="*/ 4416 w 10000"/>
                  <a:gd name="connsiteY61" fmla="*/ 9734 h 10000"/>
                  <a:gd name="connsiteX62" fmla="*/ 4289 w 10000"/>
                  <a:gd name="connsiteY62" fmla="*/ 9838 h 10000"/>
                  <a:gd name="connsiteX63" fmla="*/ 3983 w 10000"/>
                  <a:gd name="connsiteY63" fmla="*/ 9897 h 10000"/>
                  <a:gd name="connsiteX64" fmla="*/ 3731 w 10000"/>
                  <a:gd name="connsiteY64" fmla="*/ 9941 h 10000"/>
                  <a:gd name="connsiteX65" fmla="*/ 3426 w 10000"/>
                  <a:gd name="connsiteY65" fmla="*/ 9985 h 10000"/>
                  <a:gd name="connsiteX66" fmla="*/ 3198 w 10000"/>
                  <a:gd name="connsiteY66" fmla="*/ 10000 h 10000"/>
                  <a:gd name="connsiteX67" fmla="*/ 2690 w 10000"/>
                  <a:gd name="connsiteY67" fmla="*/ 10000 h 10000"/>
                  <a:gd name="connsiteX68" fmla="*/ 2208 w 10000"/>
                  <a:gd name="connsiteY68" fmla="*/ 9985 h 10000"/>
                  <a:gd name="connsiteX69" fmla="*/ 1752 w 10000"/>
                  <a:gd name="connsiteY69" fmla="*/ 9941 h 10000"/>
                  <a:gd name="connsiteX70" fmla="*/ 1270 w 10000"/>
                  <a:gd name="connsiteY70" fmla="*/ 9911 h 10000"/>
                  <a:gd name="connsiteX71" fmla="*/ 990 w 10000"/>
                  <a:gd name="connsiteY71" fmla="*/ 9911 h 10000"/>
                  <a:gd name="connsiteX72" fmla="*/ 736 w 10000"/>
                  <a:gd name="connsiteY72" fmla="*/ 9911 h 10000"/>
                  <a:gd name="connsiteX73" fmla="*/ 457 w 10000"/>
                  <a:gd name="connsiteY73" fmla="*/ 9926 h 10000"/>
                  <a:gd name="connsiteX74" fmla="*/ 178 w 10000"/>
                  <a:gd name="connsiteY74" fmla="*/ 9970 h 10000"/>
                  <a:gd name="connsiteX75" fmla="*/ 102 w 10000"/>
                  <a:gd name="connsiteY75" fmla="*/ 9867 h 10000"/>
                  <a:gd name="connsiteX76" fmla="*/ 51 w 10000"/>
                  <a:gd name="connsiteY76" fmla="*/ 9793 h 10000"/>
                  <a:gd name="connsiteX77" fmla="*/ 0 w 10000"/>
                  <a:gd name="connsiteY77" fmla="*/ 9705 h 10000"/>
                  <a:gd name="connsiteX78" fmla="*/ 0 w 10000"/>
                  <a:gd name="connsiteY78" fmla="*/ 9601 h 10000"/>
                  <a:gd name="connsiteX79" fmla="*/ 51 w 10000"/>
                  <a:gd name="connsiteY79" fmla="*/ 9424 h 10000"/>
                  <a:gd name="connsiteX80" fmla="*/ 102 w 10000"/>
                  <a:gd name="connsiteY80" fmla="*/ 9202 h 10000"/>
                  <a:gd name="connsiteX81" fmla="*/ 151 w 10000"/>
                  <a:gd name="connsiteY81" fmla="*/ 8996 h 10000"/>
                  <a:gd name="connsiteX82" fmla="*/ 203 w 10000"/>
                  <a:gd name="connsiteY82" fmla="*/ 8759 h 10000"/>
                  <a:gd name="connsiteX83" fmla="*/ 228 w 10000"/>
                  <a:gd name="connsiteY83" fmla="*/ 8641 h 10000"/>
                  <a:gd name="connsiteX84" fmla="*/ 228 w 10000"/>
                  <a:gd name="connsiteY84" fmla="*/ 8538 h 10000"/>
                  <a:gd name="connsiteX85" fmla="*/ 203 w 10000"/>
                  <a:gd name="connsiteY85" fmla="*/ 8405 h 10000"/>
                  <a:gd name="connsiteX86" fmla="*/ 178 w 10000"/>
                  <a:gd name="connsiteY86" fmla="*/ 8287 h 10000"/>
                  <a:gd name="connsiteX87" fmla="*/ 431 w 10000"/>
                  <a:gd name="connsiteY87" fmla="*/ 8213 h 10000"/>
                  <a:gd name="connsiteX88" fmla="*/ 685 w 10000"/>
                  <a:gd name="connsiteY88" fmla="*/ 8139 h 10000"/>
                  <a:gd name="connsiteX89" fmla="*/ 939 w 10000"/>
                  <a:gd name="connsiteY89" fmla="*/ 8095 h 10000"/>
                  <a:gd name="connsiteX90" fmla="*/ 1218 w 10000"/>
                  <a:gd name="connsiteY90" fmla="*/ 8065 h 10000"/>
                  <a:gd name="connsiteX91" fmla="*/ 1725 w 10000"/>
                  <a:gd name="connsiteY91" fmla="*/ 8021 h 10000"/>
                  <a:gd name="connsiteX92" fmla="*/ 2234 w 10000"/>
                  <a:gd name="connsiteY92" fmla="*/ 7976 h 10000"/>
                  <a:gd name="connsiteX93" fmla="*/ 2462 w 10000"/>
                  <a:gd name="connsiteY93" fmla="*/ 7947 h 10000"/>
                  <a:gd name="connsiteX94" fmla="*/ 2690 w 10000"/>
                  <a:gd name="connsiteY94" fmla="*/ 7917 h 10000"/>
                  <a:gd name="connsiteX95" fmla="*/ 2892 w 10000"/>
                  <a:gd name="connsiteY95" fmla="*/ 7843 h 10000"/>
                  <a:gd name="connsiteX96" fmla="*/ 3096 w 10000"/>
                  <a:gd name="connsiteY96" fmla="*/ 7784 h 10000"/>
                  <a:gd name="connsiteX97" fmla="*/ 3274 w 10000"/>
                  <a:gd name="connsiteY97" fmla="*/ 7710 h 10000"/>
                  <a:gd name="connsiteX98" fmla="*/ 3426 w 10000"/>
                  <a:gd name="connsiteY98" fmla="*/ 7592 h 10000"/>
                  <a:gd name="connsiteX99" fmla="*/ 3579 w 10000"/>
                  <a:gd name="connsiteY99" fmla="*/ 7474 h 10000"/>
                  <a:gd name="connsiteX100" fmla="*/ 3680 w 10000"/>
                  <a:gd name="connsiteY100" fmla="*/ 7312 h 10000"/>
                  <a:gd name="connsiteX101" fmla="*/ 3477 w 10000"/>
                  <a:gd name="connsiteY101" fmla="*/ 7238 h 10000"/>
                  <a:gd name="connsiteX102" fmla="*/ 3299 w 10000"/>
                  <a:gd name="connsiteY102" fmla="*/ 7179 h 10000"/>
                  <a:gd name="connsiteX103" fmla="*/ 3147 w 10000"/>
                  <a:gd name="connsiteY103" fmla="*/ 7090 h 10000"/>
                  <a:gd name="connsiteX104" fmla="*/ 2995 w 10000"/>
                  <a:gd name="connsiteY104" fmla="*/ 6987 h 10000"/>
                  <a:gd name="connsiteX105" fmla="*/ 2892 w 10000"/>
                  <a:gd name="connsiteY105" fmla="*/ 6869 h 10000"/>
                  <a:gd name="connsiteX106" fmla="*/ 2843 w 10000"/>
                  <a:gd name="connsiteY106" fmla="*/ 6721 h 10000"/>
                  <a:gd name="connsiteX107" fmla="*/ 2817 w 10000"/>
                  <a:gd name="connsiteY107" fmla="*/ 6558 h 10000"/>
                  <a:gd name="connsiteX108" fmla="*/ 2843 w 10000"/>
                  <a:gd name="connsiteY108" fmla="*/ 6352 h 10000"/>
                  <a:gd name="connsiteX109" fmla="*/ 2716 w 10000"/>
                  <a:gd name="connsiteY109" fmla="*/ 6322 h 10000"/>
                  <a:gd name="connsiteX110" fmla="*/ 2564 w 10000"/>
                  <a:gd name="connsiteY110" fmla="*/ 6292 h 10000"/>
                  <a:gd name="connsiteX111" fmla="*/ 2386 w 10000"/>
                  <a:gd name="connsiteY111" fmla="*/ 6278 h 10000"/>
                  <a:gd name="connsiteX112" fmla="*/ 2208 w 10000"/>
                  <a:gd name="connsiteY112" fmla="*/ 6263 h 10000"/>
                  <a:gd name="connsiteX113" fmla="*/ 1853 w 10000"/>
                  <a:gd name="connsiteY113" fmla="*/ 6248 h 10000"/>
                  <a:gd name="connsiteX114" fmla="*/ 1472 w 10000"/>
                  <a:gd name="connsiteY114" fmla="*/ 6263 h 10000"/>
                  <a:gd name="connsiteX115" fmla="*/ 1143 w 10000"/>
                  <a:gd name="connsiteY115" fmla="*/ 6278 h 10000"/>
                  <a:gd name="connsiteX116" fmla="*/ 837 w 10000"/>
                  <a:gd name="connsiteY116" fmla="*/ 6278 h 10000"/>
                  <a:gd name="connsiteX117" fmla="*/ 585 w 10000"/>
                  <a:gd name="connsiteY117" fmla="*/ 6263 h 10000"/>
                  <a:gd name="connsiteX118" fmla="*/ 381 w 10000"/>
                  <a:gd name="connsiteY118" fmla="*/ 6233 h 10000"/>
                  <a:gd name="connsiteX119" fmla="*/ 633 w 10000"/>
                  <a:gd name="connsiteY119" fmla="*/ 5805 h 10000"/>
                  <a:gd name="connsiteX120" fmla="*/ 914 w 10000"/>
                  <a:gd name="connsiteY120" fmla="*/ 5391 h 10000"/>
                  <a:gd name="connsiteX121" fmla="*/ 1016 w 10000"/>
                  <a:gd name="connsiteY121" fmla="*/ 5170 h 10000"/>
                  <a:gd name="connsiteX122" fmla="*/ 1091 w 10000"/>
                  <a:gd name="connsiteY122" fmla="*/ 4963 h 10000"/>
                  <a:gd name="connsiteX123" fmla="*/ 1116 w 10000"/>
                  <a:gd name="connsiteY123" fmla="*/ 4860 h 10000"/>
                  <a:gd name="connsiteX124" fmla="*/ 1091 w 10000"/>
                  <a:gd name="connsiteY124" fmla="*/ 4756 h 10000"/>
                  <a:gd name="connsiteX125" fmla="*/ 1066 w 10000"/>
                  <a:gd name="connsiteY125" fmla="*/ 4653 h 10000"/>
                  <a:gd name="connsiteX126" fmla="*/ 990 w 10000"/>
                  <a:gd name="connsiteY126" fmla="*/ 4549 h 10000"/>
                  <a:gd name="connsiteX127" fmla="*/ 1270 w 10000"/>
                  <a:gd name="connsiteY127" fmla="*/ 4520 h 10000"/>
                  <a:gd name="connsiteX128" fmla="*/ 1472 w 10000"/>
                  <a:gd name="connsiteY128" fmla="*/ 4505 h 10000"/>
                  <a:gd name="connsiteX129" fmla="*/ 1650 w 10000"/>
                  <a:gd name="connsiteY129" fmla="*/ 4505 h 10000"/>
                  <a:gd name="connsiteX130" fmla="*/ 1802 w 10000"/>
                  <a:gd name="connsiteY130" fmla="*/ 4520 h 10000"/>
                  <a:gd name="connsiteX131" fmla="*/ 1929 w 10000"/>
                  <a:gd name="connsiteY131" fmla="*/ 4520 h 10000"/>
                  <a:gd name="connsiteX132" fmla="*/ 2081 w 10000"/>
                  <a:gd name="connsiteY132" fmla="*/ 4520 h 10000"/>
                  <a:gd name="connsiteX133" fmla="*/ 2234 w 10000"/>
                  <a:gd name="connsiteY133" fmla="*/ 4490 h 10000"/>
                  <a:gd name="connsiteX134" fmla="*/ 2436 w 10000"/>
                  <a:gd name="connsiteY134" fmla="*/ 4446 h 10000"/>
                  <a:gd name="connsiteX135" fmla="*/ 2436 w 10000"/>
                  <a:gd name="connsiteY135" fmla="*/ 4579 h 10000"/>
                  <a:gd name="connsiteX136" fmla="*/ 2436 w 10000"/>
                  <a:gd name="connsiteY136" fmla="*/ 4742 h 10000"/>
                  <a:gd name="connsiteX137" fmla="*/ 2436 w 10000"/>
                  <a:gd name="connsiteY137" fmla="*/ 4874 h 10000"/>
                  <a:gd name="connsiteX138" fmla="*/ 2436 w 10000"/>
                  <a:gd name="connsiteY138" fmla="*/ 5037 h 10000"/>
                  <a:gd name="connsiteX139" fmla="*/ 2665 w 10000"/>
                  <a:gd name="connsiteY139" fmla="*/ 5022 h 10000"/>
                  <a:gd name="connsiteX140" fmla="*/ 2817 w 10000"/>
                  <a:gd name="connsiteY140" fmla="*/ 5037 h 10000"/>
                  <a:gd name="connsiteX141" fmla="*/ 2944 w 10000"/>
                  <a:gd name="connsiteY141" fmla="*/ 5066 h 10000"/>
                  <a:gd name="connsiteX142" fmla="*/ 3071 w 10000"/>
                  <a:gd name="connsiteY142" fmla="*/ 5096 h 10000"/>
                  <a:gd name="connsiteX143" fmla="*/ 3173 w 10000"/>
                  <a:gd name="connsiteY143" fmla="*/ 5126 h 10000"/>
                  <a:gd name="connsiteX144" fmla="*/ 3299 w 10000"/>
                  <a:gd name="connsiteY144" fmla="*/ 5155 h 10000"/>
                  <a:gd name="connsiteX145" fmla="*/ 3452 w 10000"/>
                  <a:gd name="connsiteY145" fmla="*/ 5170 h 10000"/>
                  <a:gd name="connsiteX146" fmla="*/ 3680 w 10000"/>
                  <a:gd name="connsiteY146" fmla="*/ 5155 h 10000"/>
                  <a:gd name="connsiteX147" fmla="*/ 3757 w 10000"/>
                  <a:gd name="connsiteY147" fmla="*/ 5096 h 10000"/>
                  <a:gd name="connsiteX148" fmla="*/ 3832 w 10000"/>
                  <a:gd name="connsiteY148" fmla="*/ 5022 h 10000"/>
                  <a:gd name="connsiteX149" fmla="*/ 3857 w 10000"/>
                  <a:gd name="connsiteY149" fmla="*/ 4934 h 10000"/>
                  <a:gd name="connsiteX150" fmla="*/ 3884 w 10000"/>
                  <a:gd name="connsiteY150" fmla="*/ 4860 h 10000"/>
                  <a:gd name="connsiteX151" fmla="*/ 3908 w 10000"/>
                  <a:gd name="connsiteY151" fmla="*/ 4697 h 10000"/>
                  <a:gd name="connsiteX152" fmla="*/ 3884 w 10000"/>
                  <a:gd name="connsiteY152" fmla="*/ 4520 h 10000"/>
                  <a:gd name="connsiteX153" fmla="*/ 3807 w 10000"/>
                  <a:gd name="connsiteY153" fmla="*/ 4343 h 10000"/>
                  <a:gd name="connsiteX154" fmla="*/ 3731 w 10000"/>
                  <a:gd name="connsiteY154" fmla="*/ 4195 h 10000"/>
                  <a:gd name="connsiteX155" fmla="*/ 3604 w 10000"/>
                  <a:gd name="connsiteY155" fmla="*/ 4047 h 10000"/>
                  <a:gd name="connsiteX156" fmla="*/ 3477 w 10000"/>
                  <a:gd name="connsiteY156" fmla="*/ 3959 h 10000"/>
                  <a:gd name="connsiteX157" fmla="*/ 3629 w 10000"/>
                  <a:gd name="connsiteY157" fmla="*/ 3944 h 10000"/>
                  <a:gd name="connsiteX158" fmla="*/ 3757 w 10000"/>
                  <a:gd name="connsiteY158" fmla="*/ 3914 h 10000"/>
                  <a:gd name="connsiteX159" fmla="*/ 3857 w 10000"/>
                  <a:gd name="connsiteY159" fmla="*/ 3855 h 10000"/>
                  <a:gd name="connsiteX160" fmla="*/ 3983 w 10000"/>
                  <a:gd name="connsiteY160" fmla="*/ 3752 h 10000"/>
                  <a:gd name="connsiteX161" fmla="*/ 4111 w 10000"/>
                  <a:gd name="connsiteY161" fmla="*/ 3663 h 10000"/>
                  <a:gd name="connsiteX162" fmla="*/ 4213 w 10000"/>
                  <a:gd name="connsiteY162" fmla="*/ 3560 h 10000"/>
                  <a:gd name="connsiteX163" fmla="*/ 4289 w 10000"/>
                  <a:gd name="connsiteY163" fmla="*/ 3442 h 10000"/>
                  <a:gd name="connsiteX164" fmla="*/ 4366 w 10000"/>
                  <a:gd name="connsiteY164" fmla="*/ 3323 h 10000"/>
                  <a:gd name="connsiteX165" fmla="*/ 4416 w 10000"/>
                  <a:gd name="connsiteY165" fmla="*/ 3220 h 10000"/>
                  <a:gd name="connsiteX166" fmla="*/ 4441 w 10000"/>
                  <a:gd name="connsiteY166" fmla="*/ 3102 h 10000"/>
                  <a:gd name="connsiteX167" fmla="*/ 4468 w 10000"/>
                  <a:gd name="connsiteY167" fmla="*/ 3013 h 10000"/>
                  <a:gd name="connsiteX168" fmla="*/ 4441 w 10000"/>
                  <a:gd name="connsiteY168" fmla="*/ 2939 h 10000"/>
                  <a:gd name="connsiteX169" fmla="*/ 4416 w 10000"/>
                  <a:gd name="connsiteY169" fmla="*/ 2866 h 10000"/>
                  <a:gd name="connsiteX170" fmla="*/ 4340 w 10000"/>
                  <a:gd name="connsiteY170" fmla="*/ 2836 h 10000"/>
                  <a:gd name="connsiteX171" fmla="*/ 4239 w 10000"/>
                  <a:gd name="connsiteY171" fmla="*/ 2836 h 10000"/>
                  <a:gd name="connsiteX172" fmla="*/ 4111 w 10000"/>
                  <a:gd name="connsiteY172" fmla="*/ 2866 h 10000"/>
                  <a:gd name="connsiteX173" fmla="*/ 4213 w 10000"/>
                  <a:gd name="connsiteY173" fmla="*/ 2777 h 10000"/>
                  <a:gd name="connsiteX174" fmla="*/ 4265 w 10000"/>
                  <a:gd name="connsiteY174" fmla="*/ 2674 h 10000"/>
                  <a:gd name="connsiteX175" fmla="*/ 4289 w 10000"/>
                  <a:gd name="connsiteY175" fmla="*/ 2541 h 10000"/>
                  <a:gd name="connsiteX176" fmla="*/ 4289 w 10000"/>
                  <a:gd name="connsiteY176" fmla="*/ 2393 h 10000"/>
                  <a:gd name="connsiteX177" fmla="*/ 4314 w 10000"/>
                  <a:gd name="connsiteY177" fmla="*/ 2349 h 10000"/>
                  <a:gd name="connsiteX178" fmla="*/ 4366 w 10000"/>
                  <a:gd name="connsiteY178" fmla="*/ 2304 h 10000"/>
                  <a:gd name="connsiteX179" fmla="*/ 4416 w 10000"/>
                  <a:gd name="connsiteY179" fmla="*/ 2290 h 10000"/>
                  <a:gd name="connsiteX180" fmla="*/ 4493 w 10000"/>
                  <a:gd name="connsiteY180" fmla="*/ 2275 h 10000"/>
                  <a:gd name="connsiteX181" fmla="*/ 4720 w 10000"/>
                  <a:gd name="connsiteY181" fmla="*/ 2260 h 10000"/>
                  <a:gd name="connsiteX182" fmla="*/ 4923 w 10000"/>
                  <a:gd name="connsiteY182" fmla="*/ 2275 h 10000"/>
                  <a:gd name="connsiteX183" fmla="*/ 4898 w 10000"/>
                  <a:gd name="connsiteY183" fmla="*/ 2112 h 10000"/>
                  <a:gd name="connsiteX184" fmla="*/ 4848 w 10000"/>
                  <a:gd name="connsiteY184" fmla="*/ 1950 h 10000"/>
                  <a:gd name="connsiteX185" fmla="*/ 4771 w 10000"/>
                  <a:gd name="connsiteY185" fmla="*/ 1802 h 10000"/>
                  <a:gd name="connsiteX186" fmla="*/ 4671 w 10000"/>
                  <a:gd name="connsiteY186" fmla="*/ 1640 h 10000"/>
                  <a:gd name="connsiteX187" fmla="*/ 4416 w 10000"/>
                  <a:gd name="connsiteY187" fmla="*/ 1329 h 10000"/>
                  <a:gd name="connsiteX188" fmla="*/ 4162 w 10000"/>
                  <a:gd name="connsiteY188" fmla="*/ 1034 h 10000"/>
                  <a:gd name="connsiteX189" fmla="*/ 4035 w 10000"/>
                  <a:gd name="connsiteY189" fmla="*/ 901 h 10000"/>
                  <a:gd name="connsiteX190" fmla="*/ 3935 w 10000"/>
                  <a:gd name="connsiteY190" fmla="*/ 753 h 10000"/>
                  <a:gd name="connsiteX191" fmla="*/ 3857 w 10000"/>
                  <a:gd name="connsiteY191" fmla="*/ 620 h 10000"/>
                  <a:gd name="connsiteX192" fmla="*/ 3832 w 10000"/>
                  <a:gd name="connsiteY192" fmla="*/ 487 h 10000"/>
                  <a:gd name="connsiteX193" fmla="*/ 3807 w 10000"/>
                  <a:gd name="connsiteY193" fmla="*/ 355 h 10000"/>
                  <a:gd name="connsiteX194" fmla="*/ 3857 w 10000"/>
                  <a:gd name="connsiteY194" fmla="*/ 222 h 10000"/>
                  <a:gd name="connsiteX195" fmla="*/ 3884 w 10000"/>
                  <a:gd name="connsiteY195" fmla="*/ 162 h 10000"/>
                  <a:gd name="connsiteX196" fmla="*/ 3935 w 10000"/>
                  <a:gd name="connsiteY196" fmla="*/ 103 h 10000"/>
                  <a:gd name="connsiteX197" fmla="*/ 4011 w 10000"/>
                  <a:gd name="connsiteY197" fmla="*/ 59 h 10000"/>
                  <a:gd name="connsiteX198" fmla="*/ 4111 w 10000"/>
                  <a:gd name="connsiteY198" fmla="*/ 0 h 10000"/>
                  <a:gd name="connsiteX199" fmla="*/ 4289 w 10000"/>
                  <a:gd name="connsiteY199" fmla="*/ 0 h 10000"/>
                  <a:gd name="connsiteX200" fmla="*/ 4468 w 10000"/>
                  <a:gd name="connsiteY200" fmla="*/ 15 h 10000"/>
                  <a:gd name="connsiteX201" fmla="*/ 4644 w 10000"/>
                  <a:gd name="connsiteY201" fmla="*/ 44 h 10000"/>
                  <a:gd name="connsiteX202" fmla="*/ 4771 w 10000"/>
                  <a:gd name="connsiteY202" fmla="*/ 89 h 10000"/>
                  <a:gd name="connsiteX203" fmla="*/ 4975 w 10000"/>
                  <a:gd name="connsiteY203" fmla="*/ 192 h 10000"/>
                  <a:gd name="connsiteX204" fmla="*/ 5177 w 10000"/>
                  <a:gd name="connsiteY204" fmla="*/ 340 h 10000"/>
                  <a:gd name="connsiteX205" fmla="*/ 5329 w 10000"/>
                  <a:gd name="connsiteY205" fmla="*/ 473 h 10000"/>
                  <a:gd name="connsiteX206" fmla="*/ 5532 w 10000"/>
                  <a:gd name="connsiteY206" fmla="*/ 591 h 10000"/>
                  <a:gd name="connsiteX207" fmla="*/ 5660 w 10000"/>
                  <a:gd name="connsiteY207" fmla="*/ 650 h 10000"/>
                  <a:gd name="connsiteX208" fmla="*/ 5812 w 10000"/>
                  <a:gd name="connsiteY208" fmla="*/ 679 h 10000"/>
                  <a:gd name="connsiteX209" fmla="*/ 5965 w 10000"/>
                  <a:gd name="connsiteY209" fmla="*/ 709 h 10000"/>
                  <a:gd name="connsiteX210" fmla="*/ 6168 w 10000"/>
                  <a:gd name="connsiteY210" fmla="*/ 709 h 10000"/>
                  <a:gd name="connsiteX211" fmla="*/ 6168 w 10000"/>
                  <a:gd name="connsiteY211" fmla="*/ 768 h 10000"/>
                  <a:gd name="connsiteX212" fmla="*/ 6193 w 10000"/>
                  <a:gd name="connsiteY212" fmla="*/ 842 h 10000"/>
                  <a:gd name="connsiteX213" fmla="*/ 6243 w 10000"/>
                  <a:gd name="connsiteY213" fmla="*/ 916 h 10000"/>
                  <a:gd name="connsiteX214" fmla="*/ 6294 w 10000"/>
                  <a:gd name="connsiteY214" fmla="*/ 990 h 10000"/>
                  <a:gd name="connsiteX215" fmla="*/ 6369 w 10000"/>
                  <a:gd name="connsiteY215" fmla="*/ 1049 h 10000"/>
                  <a:gd name="connsiteX216" fmla="*/ 6471 w 10000"/>
                  <a:gd name="connsiteY216" fmla="*/ 1108 h 10000"/>
                  <a:gd name="connsiteX217" fmla="*/ 6598 w 10000"/>
                  <a:gd name="connsiteY217" fmla="*/ 1182 h 10000"/>
                  <a:gd name="connsiteX218" fmla="*/ 6700 w 10000"/>
                  <a:gd name="connsiteY218" fmla="*/ 1226 h 10000"/>
                  <a:gd name="connsiteX219" fmla="*/ 6802 w 10000"/>
                  <a:gd name="connsiteY219" fmla="*/ 1270 h 10000"/>
                  <a:gd name="connsiteX220" fmla="*/ 6903 w 10000"/>
                  <a:gd name="connsiteY220" fmla="*/ 1300 h 10000"/>
                  <a:gd name="connsiteX221" fmla="*/ 7005 w 10000"/>
                  <a:gd name="connsiteY221" fmla="*/ 1315 h 10000"/>
                  <a:gd name="connsiteX222" fmla="*/ 7132 w 10000"/>
                  <a:gd name="connsiteY222" fmla="*/ 1300 h 10000"/>
                  <a:gd name="connsiteX223" fmla="*/ 7234 w 10000"/>
                  <a:gd name="connsiteY223" fmla="*/ 1285 h 10000"/>
                  <a:gd name="connsiteX224" fmla="*/ 7309 w 10000"/>
                  <a:gd name="connsiteY224" fmla="*/ 1241 h 10000"/>
                  <a:gd name="connsiteX225" fmla="*/ 7361 w 10000"/>
                  <a:gd name="connsiteY225" fmla="*/ 1167 h 10000"/>
                  <a:gd name="connsiteX226" fmla="*/ 7385 w 10000"/>
                  <a:gd name="connsiteY226" fmla="*/ 1064 h 10000"/>
                  <a:gd name="connsiteX227" fmla="*/ 7766 w 10000"/>
                  <a:gd name="connsiteY227" fmla="*/ 1034 h 10000"/>
                  <a:gd name="connsiteX228" fmla="*/ 8121 w 10000"/>
                  <a:gd name="connsiteY228" fmla="*/ 1004 h 10000"/>
                  <a:gd name="connsiteX229" fmla="*/ 8427 w 10000"/>
                  <a:gd name="connsiteY229" fmla="*/ 990 h 10000"/>
                  <a:gd name="connsiteX230" fmla="*/ 8706 w 10000"/>
                  <a:gd name="connsiteY230" fmla="*/ 1004 h 10000"/>
                  <a:gd name="connsiteX231" fmla="*/ 8833 w 10000"/>
                  <a:gd name="connsiteY231" fmla="*/ 1019 h 10000"/>
                  <a:gd name="connsiteX232" fmla="*/ 8958 w 10000"/>
                  <a:gd name="connsiteY232" fmla="*/ 1034 h 10000"/>
                  <a:gd name="connsiteX233" fmla="*/ 9061 w 10000"/>
                  <a:gd name="connsiteY233" fmla="*/ 1064 h 10000"/>
                  <a:gd name="connsiteX234" fmla="*/ 9188 w 10000"/>
                  <a:gd name="connsiteY234" fmla="*/ 1108 h 10000"/>
                  <a:gd name="connsiteX235" fmla="*/ 9264 w 10000"/>
                  <a:gd name="connsiteY235" fmla="*/ 1182 h 10000"/>
                  <a:gd name="connsiteX236" fmla="*/ 9339 w 10000"/>
                  <a:gd name="connsiteY236" fmla="*/ 1241 h 10000"/>
                  <a:gd name="connsiteX237" fmla="*/ 9391 w 10000"/>
                  <a:gd name="connsiteY237" fmla="*/ 1329 h 10000"/>
                  <a:gd name="connsiteX238" fmla="*/ 9442 w 10000"/>
                  <a:gd name="connsiteY238" fmla="*/ 1433 h 10000"/>
                  <a:gd name="connsiteX239" fmla="*/ 9492 w 10000"/>
                  <a:gd name="connsiteY239" fmla="*/ 1551 h 10000"/>
                  <a:gd name="connsiteX240" fmla="*/ 9466 w 10000"/>
                  <a:gd name="connsiteY240" fmla="*/ 1625 h 10000"/>
                  <a:gd name="connsiteX241" fmla="*/ 9442 w 10000"/>
                  <a:gd name="connsiteY241" fmla="*/ 1684 h 10000"/>
                  <a:gd name="connsiteX242" fmla="*/ 9391 w 10000"/>
                  <a:gd name="connsiteY242" fmla="*/ 1758 h 10000"/>
                  <a:gd name="connsiteX243" fmla="*/ 9315 w 10000"/>
                  <a:gd name="connsiteY243" fmla="*/ 1802 h 10000"/>
                  <a:gd name="connsiteX244" fmla="*/ 9264 w 10000"/>
                  <a:gd name="connsiteY244" fmla="*/ 1861 h 10000"/>
                  <a:gd name="connsiteX245" fmla="*/ 9240 w 10000"/>
                  <a:gd name="connsiteY245" fmla="*/ 1935 h 10000"/>
                  <a:gd name="connsiteX246" fmla="*/ 9264 w 10000"/>
                  <a:gd name="connsiteY246" fmla="*/ 2024 h 10000"/>
                  <a:gd name="connsiteX247" fmla="*/ 9543 w 10000"/>
                  <a:gd name="connsiteY247" fmla="*/ 2157 h 10000"/>
                  <a:gd name="connsiteX248" fmla="*/ 9873 w 10000"/>
                  <a:gd name="connsiteY248" fmla="*/ 2275 h 10000"/>
                  <a:gd name="connsiteX249" fmla="*/ 10000 w 10000"/>
                  <a:gd name="connsiteY249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8984 w 10000"/>
                  <a:gd name="connsiteY2" fmla="*/ 3412 h 10000"/>
                  <a:gd name="connsiteX3" fmla="*/ 9415 w 10000"/>
                  <a:gd name="connsiteY3" fmla="*/ 3117 h 10000"/>
                  <a:gd name="connsiteX4" fmla="*/ 9442 w 10000"/>
                  <a:gd name="connsiteY4" fmla="*/ 3072 h 10000"/>
                  <a:gd name="connsiteX5" fmla="*/ 9466 w 10000"/>
                  <a:gd name="connsiteY5" fmla="*/ 3013 h 10000"/>
                  <a:gd name="connsiteX6" fmla="*/ 9466 w 10000"/>
                  <a:gd name="connsiteY6" fmla="*/ 2954 h 10000"/>
                  <a:gd name="connsiteX7" fmla="*/ 9442 w 10000"/>
                  <a:gd name="connsiteY7" fmla="*/ 2866 h 10000"/>
                  <a:gd name="connsiteX8" fmla="*/ 9264 w 10000"/>
                  <a:gd name="connsiteY8" fmla="*/ 2984 h 10000"/>
                  <a:gd name="connsiteX9" fmla="*/ 9061 w 10000"/>
                  <a:gd name="connsiteY9" fmla="*/ 3072 h 10000"/>
                  <a:gd name="connsiteX10" fmla="*/ 8197 w 10000"/>
                  <a:gd name="connsiteY10" fmla="*/ 3397 h 10000"/>
                  <a:gd name="connsiteX11" fmla="*/ 7716 w 10000"/>
                  <a:gd name="connsiteY11" fmla="*/ 3545 h 10000"/>
                  <a:gd name="connsiteX12" fmla="*/ 6345 w 10000"/>
                  <a:gd name="connsiteY12" fmla="*/ 4003 h 10000"/>
                  <a:gd name="connsiteX13" fmla="*/ 6143 w 10000"/>
                  <a:gd name="connsiteY13" fmla="*/ 4106 h 10000"/>
                  <a:gd name="connsiteX14" fmla="*/ 5938 w 10000"/>
                  <a:gd name="connsiteY14" fmla="*/ 4195 h 10000"/>
                  <a:gd name="connsiteX15" fmla="*/ 6091 w 10000"/>
                  <a:gd name="connsiteY15" fmla="*/ 4417 h 10000"/>
                  <a:gd name="connsiteX16" fmla="*/ 6421 w 10000"/>
                  <a:gd name="connsiteY16" fmla="*/ 5318 h 10000"/>
                  <a:gd name="connsiteX17" fmla="*/ 6447 w 10000"/>
                  <a:gd name="connsiteY17" fmla="*/ 5539 h 10000"/>
                  <a:gd name="connsiteX18" fmla="*/ 6471 w 10000"/>
                  <a:gd name="connsiteY18" fmla="*/ 5775 h 10000"/>
                  <a:gd name="connsiteX19" fmla="*/ 6471 w 10000"/>
                  <a:gd name="connsiteY19" fmla="*/ 5997 h 10000"/>
                  <a:gd name="connsiteX20" fmla="*/ 6447 w 10000"/>
                  <a:gd name="connsiteY20" fmla="*/ 6233 h 10000"/>
                  <a:gd name="connsiteX21" fmla="*/ 6396 w 10000"/>
                  <a:gd name="connsiteY21" fmla="*/ 6470 h 10000"/>
                  <a:gd name="connsiteX22" fmla="*/ 6345 w 10000"/>
                  <a:gd name="connsiteY22" fmla="*/ 6677 h 10000"/>
                  <a:gd name="connsiteX23" fmla="*/ 6269 w 10000"/>
                  <a:gd name="connsiteY23" fmla="*/ 6898 h 10000"/>
                  <a:gd name="connsiteX24" fmla="*/ 6168 w 10000"/>
                  <a:gd name="connsiteY24" fmla="*/ 7105 h 10000"/>
                  <a:gd name="connsiteX25" fmla="*/ 6041 w 10000"/>
                  <a:gd name="connsiteY25" fmla="*/ 7297 h 10000"/>
                  <a:gd name="connsiteX26" fmla="*/ 5888 w 10000"/>
                  <a:gd name="connsiteY26" fmla="*/ 7489 h 10000"/>
                  <a:gd name="connsiteX27" fmla="*/ 5735 w 10000"/>
                  <a:gd name="connsiteY27" fmla="*/ 7681 h 10000"/>
                  <a:gd name="connsiteX28" fmla="*/ 6471 w 10000"/>
                  <a:gd name="connsiteY28" fmla="*/ 7799 h 10000"/>
                  <a:gd name="connsiteX29" fmla="*/ 7234 w 10000"/>
                  <a:gd name="connsiteY29" fmla="*/ 7962 h 10000"/>
                  <a:gd name="connsiteX30" fmla="*/ 7385 w 10000"/>
                  <a:gd name="connsiteY30" fmla="*/ 8021 h 10000"/>
                  <a:gd name="connsiteX31" fmla="*/ 7512 w 10000"/>
                  <a:gd name="connsiteY31" fmla="*/ 8080 h 10000"/>
                  <a:gd name="connsiteX32" fmla="*/ 7639 w 10000"/>
                  <a:gd name="connsiteY32" fmla="*/ 8139 h 10000"/>
                  <a:gd name="connsiteX33" fmla="*/ 7716 w 10000"/>
                  <a:gd name="connsiteY33" fmla="*/ 8227 h 10000"/>
                  <a:gd name="connsiteX34" fmla="*/ 7741 w 10000"/>
                  <a:gd name="connsiteY34" fmla="*/ 8301 h 10000"/>
                  <a:gd name="connsiteX35" fmla="*/ 7741 w 10000"/>
                  <a:gd name="connsiteY35" fmla="*/ 8405 h 10000"/>
                  <a:gd name="connsiteX36" fmla="*/ 7691 w 10000"/>
                  <a:gd name="connsiteY36" fmla="*/ 8523 h 10000"/>
                  <a:gd name="connsiteX37" fmla="*/ 7614 w 10000"/>
                  <a:gd name="connsiteY37" fmla="*/ 8641 h 10000"/>
                  <a:gd name="connsiteX38" fmla="*/ 7284 w 10000"/>
                  <a:gd name="connsiteY38" fmla="*/ 8552 h 10000"/>
                  <a:gd name="connsiteX39" fmla="*/ 6979 w 10000"/>
                  <a:gd name="connsiteY39" fmla="*/ 8449 h 10000"/>
                  <a:gd name="connsiteX40" fmla="*/ 6674 w 10000"/>
                  <a:gd name="connsiteY40" fmla="*/ 8360 h 10000"/>
                  <a:gd name="connsiteX41" fmla="*/ 6369 w 10000"/>
                  <a:gd name="connsiteY41" fmla="*/ 8287 h 10000"/>
                  <a:gd name="connsiteX42" fmla="*/ 6243 w 10000"/>
                  <a:gd name="connsiteY42" fmla="*/ 8449 h 10000"/>
                  <a:gd name="connsiteX43" fmla="*/ 6143 w 10000"/>
                  <a:gd name="connsiteY43" fmla="*/ 8597 h 10000"/>
                  <a:gd name="connsiteX44" fmla="*/ 6091 w 10000"/>
                  <a:gd name="connsiteY44" fmla="*/ 8656 h 10000"/>
                  <a:gd name="connsiteX45" fmla="*/ 5989 w 10000"/>
                  <a:gd name="connsiteY45" fmla="*/ 8700 h 10000"/>
                  <a:gd name="connsiteX46" fmla="*/ 5914 w 10000"/>
                  <a:gd name="connsiteY46" fmla="*/ 8744 h 10000"/>
                  <a:gd name="connsiteX47" fmla="*/ 5838 w 10000"/>
                  <a:gd name="connsiteY47" fmla="*/ 8774 h 10000"/>
                  <a:gd name="connsiteX48" fmla="*/ 5761 w 10000"/>
                  <a:gd name="connsiteY48" fmla="*/ 8804 h 10000"/>
                  <a:gd name="connsiteX49" fmla="*/ 5660 w 10000"/>
                  <a:gd name="connsiteY49" fmla="*/ 8818 h 10000"/>
                  <a:gd name="connsiteX50" fmla="*/ 5532 w 10000"/>
                  <a:gd name="connsiteY50" fmla="*/ 8833 h 10000"/>
                  <a:gd name="connsiteX51" fmla="*/ 5406 w 10000"/>
                  <a:gd name="connsiteY51" fmla="*/ 8833 h 10000"/>
                  <a:gd name="connsiteX52" fmla="*/ 5102 w 10000"/>
                  <a:gd name="connsiteY52" fmla="*/ 8818 h 10000"/>
                  <a:gd name="connsiteX53" fmla="*/ 4720 w 10000"/>
                  <a:gd name="connsiteY53" fmla="*/ 8744 h 10000"/>
                  <a:gd name="connsiteX54" fmla="*/ 4720 w 10000"/>
                  <a:gd name="connsiteY54" fmla="*/ 8922 h 10000"/>
                  <a:gd name="connsiteX55" fmla="*/ 4695 w 10000"/>
                  <a:gd name="connsiteY55" fmla="*/ 9069 h 10000"/>
                  <a:gd name="connsiteX56" fmla="*/ 4671 w 10000"/>
                  <a:gd name="connsiteY56" fmla="*/ 9232 h 10000"/>
                  <a:gd name="connsiteX57" fmla="*/ 4644 w 10000"/>
                  <a:gd name="connsiteY57" fmla="*/ 9365 h 10000"/>
                  <a:gd name="connsiteX58" fmla="*/ 4593 w 10000"/>
                  <a:gd name="connsiteY58" fmla="*/ 9498 h 10000"/>
                  <a:gd name="connsiteX59" fmla="*/ 4493 w 10000"/>
                  <a:gd name="connsiteY59" fmla="*/ 9616 h 10000"/>
                  <a:gd name="connsiteX60" fmla="*/ 4416 w 10000"/>
                  <a:gd name="connsiteY60" fmla="*/ 9734 h 10000"/>
                  <a:gd name="connsiteX61" fmla="*/ 4289 w 10000"/>
                  <a:gd name="connsiteY61" fmla="*/ 9838 h 10000"/>
                  <a:gd name="connsiteX62" fmla="*/ 3983 w 10000"/>
                  <a:gd name="connsiteY62" fmla="*/ 9897 h 10000"/>
                  <a:gd name="connsiteX63" fmla="*/ 3731 w 10000"/>
                  <a:gd name="connsiteY63" fmla="*/ 9941 h 10000"/>
                  <a:gd name="connsiteX64" fmla="*/ 3426 w 10000"/>
                  <a:gd name="connsiteY64" fmla="*/ 9985 h 10000"/>
                  <a:gd name="connsiteX65" fmla="*/ 3198 w 10000"/>
                  <a:gd name="connsiteY65" fmla="*/ 10000 h 10000"/>
                  <a:gd name="connsiteX66" fmla="*/ 2690 w 10000"/>
                  <a:gd name="connsiteY66" fmla="*/ 10000 h 10000"/>
                  <a:gd name="connsiteX67" fmla="*/ 2208 w 10000"/>
                  <a:gd name="connsiteY67" fmla="*/ 9985 h 10000"/>
                  <a:gd name="connsiteX68" fmla="*/ 1752 w 10000"/>
                  <a:gd name="connsiteY68" fmla="*/ 9941 h 10000"/>
                  <a:gd name="connsiteX69" fmla="*/ 1270 w 10000"/>
                  <a:gd name="connsiteY69" fmla="*/ 9911 h 10000"/>
                  <a:gd name="connsiteX70" fmla="*/ 990 w 10000"/>
                  <a:gd name="connsiteY70" fmla="*/ 9911 h 10000"/>
                  <a:gd name="connsiteX71" fmla="*/ 736 w 10000"/>
                  <a:gd name="connsiteY71" fmla="*/ 9911 h 10000"/>
                  <a:gd name="connsiteX72" fmla="*/ 457 w 10000"/>
                  <a:gd name="connsiteY72" fmla="*/ 9926 h 10000"/>
                  <a:gd name="connsiteX73" fmla="*/ 178 w 10000"/>
                  <a:gd name="connsiteY73" fmla="*/ 9970 h 10000"/>
                  <a:gd name="connsiteX74" fmla="*/ 102 w 10000"/>
                  <a:gd name="connsiteY74" fmla="*/ 9867 h 10000"/>
                  <a:gd name="connsiteX75" fmla="*/ 51 w 10000"/>
                  <a:gd name="connsiteY75" fmla="*/ 9793 h 10000"/>
                  <a:gd name="connsiteX76" fmla="*/ 0 w 10000"/>
                  <a:gd name="connsiteY76" fmla="*/ 9705 h 10000"/>
                  <a:gd name="connsiteX77" fmla="*/ 0 w 10000"/>
                  <a:gd name="connsiteY77" fmla="*/ 9601 h 10000"/>
                  <a:gd name="connsiteX78" fmla="*/ 51 w 10000"/>
                  <a:gd name="connsiteY78" fmla="*/ 9424 h 10000"/>
                  <a:gd name="connsiteX79" fmla="*/ 102 w 10000"/>
                  <a:gd name="connsiteY79" fmla="*/ 9202 h 10000"/>
                  <a:gd name="connsiteX80" fmla="*/ 151 w 10000"/>
                  <a:gd name="connsiteY80" fmla="*/ 8996 h 10000"/>
                  <a:gd name="connsiteX81" fmla="*/ 203 w 10000"/>
                  <a:gd name="connsiteY81" fmla="*/ 8759 h 10000"/>
                  <a:gd name="connsiteX82" fmla="*/ 228 w 10000"/>
                  <a:gd name="connsiteY82" fmla="*/ 8641 h 10000"/>
                  <a:gd name="connsiteX83" fmla="*/ 228 w 10000"/>
                  <a:gd name="connsiteY83" fmla="*/ 8538 h 10000"/>
                  <a:gd name="connsiteX84" fmla="*/ 203 w 10000"/>
                  <a:gd name="connsiteY84" fmla="*/ 8405 h 10000"/>
                  <a:gd name="connsiteX85" fmla="*/ 178 w 10000"/>
                  <a:gd name="connsiteY85" fmla="*/ 8287 h 10000"/>
                  <a:gd name="connsiteX86" fmla="*/ 431 w 10000"/>
                  <a:gd name="connsiteY86" fmla="*/ 8213 h 10000"/>
                  <a:gd name="connsiteX87" fmla="*/ 685 w 10000"/>
                  <a:gd name="connsiteY87" fmla="*/ 8139 h 10000"/>
                  <a:gd name="connsiteX88" fmla="*/ 939 w 10000"/>
                  <a:gd name="connsiteY88" fmla="*/ 8095 h 10000"/>
                  <a:gd name="connsiteX89" fmla="*/ 1218 w 10000"/>
                  <a:gd name="connsiteY89" fmla="*/ 8065 h 10000"/>
                  <a:gd name="connsiteX90" fmla="*/ 1725 w 10000"/>
                  <a:gd name="connsiteY90" fmla="*/ 8021 h 10000"/>
                  <a:gd name="connsiteX91" fmla="*/ 2234 w 10000"/>
                  <a:gd name="connsiteY91" fmla="*/ 7976 h 10000"/>
                  <a:gd name="connsiteX92" fmla="*/ 2462 w 10000"/>
                  <a:gd name="connsiteY92" fmla="*/ 7947 h 10000"/>
                  <a:gd name="connsiteX93" fmla="*/ 2690 w 10000"/>
                  <a:gd name="connsiteY93" fmla="*/ 7917 h 10000"/>
                  <a:gd name="connsiteX94" fmla="*/ 2892 w 10000"/>
                  <a:gd name="connsiteY94" fmla="*/ 7843 h 10000"/>
                  <a:gd name="connsiteX95" fmla="*/ 3096 w 10000"/>
                  <a:gd name="connsiteY95" fmla="*/ 7784 h 10000"/>
                  <a:gd name="connsiteX96" fmla="*/ 3274 w 10000"/>
                  <a:gd name="connsiteY96" fmla="*/ 7710 h 10000"/>
                  <a:gd name="connsiteX97" fmla="*/ 3426 w 10000"/>
                  <a:gd name="connsiteY97" fmla="*/ 7592 h 10000"/>
                  <a:gd name="connsiteX98" fmla="*/ 3579 w 10000"/>
                  <a:gd name="connsiteY98" fmla="*/ 7474 h 10000"/>
                  <a:gd name="connsiteX99" fmla="*/ 3680 w 10000"/>
                  <a:gd name="connsiteY99" fmla="*/ 7312 h 10000"/>
                  <a:gd name="connsiteX100" fmla="*/ 3477 w 10000"/>
                  <a:gd name="connsiteY100" fmla="*/ 7238 h 10000"/>
                  <a:gd name="connsiteX101" fmla="*/ 3299 w 10000"/>
                  <a:gd name="connsiteY101" fmla="*/ 7179 h 10000"/>
                  <a:gd name="connsiteX102" fmla="*/ 3147 w 10000"/>
                  <a:gd name="connsiteY102" fmla="*/ 7090 h 10000"/>
                  <a:gd name="connsiteX103" fmla="*/ 2995 w 10000"/>
                  <a:gd name="connsiteY103" fmla="*/ 6987 h 10000"/>
                  <a:gd name="connsiteX104" fmla="*/ 2892 w 10000"/>
                  <a:gd name="connsiteY104" fmla="*/ 6869 h 10000"/>
                  <a:gd name="connsiteX105" fmla="*/ 2843 w 10000"/>
                  <a:gd name="connsiteY105" fmla="*/ 6721 h 10000"/>
                  <a:gd name="connsiteX106" fmla="*/ 2817 w 10000"/>
                  <a:gd name="connsiteY106" fmla="*/ 6558 h 10000"/>
                  <a:gd name="connsiteX107" fmla="*/ 2843 w 10000"/>
                  <a:gd name="connsiteY107" fmla="*/ 6352 h 10000"/>
                  <a:gd name="connsiteX108" fmla="*/ 2716 w 10000"/>
                  <a:gd name="connsiteY108" fmla="*/ 6322 h 10000"/>
                  <a:gd name="connsiteX109" fmla="*/ 2564 w 10000"/>
                  <a:gd name="connsiteY109" fmla="*/ 6292 h 10000"/>
                  <a:gd name="connsiteX110" fmla="*/ 2386 w 10000"/>
                  <a:gd name="connsiteY110" fmla="*/ 6278 h 10000"/>
                  <a:gd name="connsiteX111" fmla="*/ 2208 w 10000"/>
                  <a:gd name="connsiteY111" fmla="*/ 6263 h 10000"/>
                  <a:gd name="connsiteX112" fmla="*/ 1853 w 10000"/>
                  <a:gd name="connsiteY112" fmla="*/ 6248 h 10000"/>
                  <a:gd name="connsiteX113" fmla="*/ 1472 w 10000"/>
                  <a:gd name="connsiteY113" fmla="*/ 6263 h 10000"/>
                  <a:gd name="connsiteX114" fmla="*/ 1143 w 10000"/>
                  <a:gd name="connsiteY114" fmla="*/ 6278 h 10000"/>
                  <a:gd name="connsiteX115" fmla="*/ 837 w 10000"/>
                  <a:gd name="connsiteY115" fmla="*/ 6278 h 10000"/>
                  <a:gd name="connsiteX116" fmla="*/ 585 w 10000"/>
                  <a:gd name="connsiteY116" fmla="*/ 6263 h 10000"/>
                  <a:gd name="connsiteX117" fmla="*/ 381 w 10000"/>
                  <a:gd name="connsiteY117" fmla="*/ 6233 h 10000"/>
                  <a:gd name="connsiteX118" fmla="*/ 633 w 10000"/>
                  <a:gd name="connsiteY118" fmla="*/ 5805 h 10000"/>
                  <a:gd name="connsiteX119" fmla="*/ 914 w 10000"/>
                  <a:gd name="connsiteY119" fmla="*/ 5391 h 10000"/>
                  <a:gd name="connsiteX120" fmla="*/ 1016 w 10000"/>
                  <a:gd name="connsiteY120" fmla="*/ 5170 h 10000"/>
                  <a:gd name="connsiteX121" fmla="*/ 1091 w 10000"/>
                  <a:gd name="connsiteY121" fmla="*/ 4963 h 10000"/>
                  <a:gd name="connsiteX122" fmla="*/ 1116 w 10000"/>
                  <a:gd name="connsiteY122" fmla="*/ 4860 h 10000"/>
                  <a:gd name="connsiteX123" fmla="*/ 1091 w 10000"/>
                  <a:gd name="connsiteY123" fmla="*/ 4756 h 10000"/>
                  <a:gd name="connsiteX124" fmla="*/ 1066 w 10000"/>
                  <a:gd name="connsiteY124" fmla="*/ 4653 h 10000"/>
                  <a:gd name="connsiteX125" fmla="*/ 990 w 10000"/>
                  <a:gd name="connsiteY125" fmla="*/ 4549 h 10000"/>
                  <a:gd name="connsiteX126" fmla="*/ 1270 w 10000"/>
                  <a:gd name="connsiteY126" fmla="*/ 4520 h 10000"/>
                  <a:gd name="connsiteX127" fmla="*/ 1472 w 10000"/>
                  <a:gd name="connsiteY127" fmla="*/ 4505 h 10000"/>
                  <a:gd name="connsiteX128" fmla="*/ 1650 w 10000"/>
                  <a:gd name="connsiteY128" fmla="*/ 4505 h 10000"/>
                  <a:gd name="connsiteX129" fmla="*/ 1802 w 10000"/>
                  <a:gd name="connsiteY129" fmla="*/ 4520 h 10000"/>
                  <a:gd name="connsiteX130" fmla="*/ 1929 w 10000"/>
                  <a:gd name="connsiteY130" fmla="*/ 4520 h 10000"/>
                  <a:gd name="connsiteX131" fmla="*/ 2081 w 10000"/>
                  <a:gd name="connsiteY131" fmla="*/ 4520 h 10000"/>
                  <a:gd name="connsiteX132" fmla="*/ 2234 w 10000"/>
                  <a:gd name="connsiteY132" fmla="*/ 4490 h 10000"/>
                  <a:gd name="connsiteX133" fmla="*/ 2436 w 10000"/>
                  <a:gd name="connsiteY133" fmla="*/ 4446 h 10000"/>
                  <a:gd name="connsiteX134" fmla="*/ 2436 w 10000"/>
                  <a:gd name="connsiteY134" fmla="*/ 4579 h 10000"/>
                  <a:gd name="connsiteX135" fmla="*/ 2436 w 10000"/>
                  <a:gd name="connsiteY135" fmla="*/ 4742 h 10000"/>
                  <a:gd name="connsiteX136" fmla="*/ 2436 w 10000"/>
                  <a:gd name="connsiteY136" fmla="*/ 4874 h 10000"/>
                  <a:gd name="connsiteX137" fmla="*/ 2436 w 10000"/>
                  <a:gd name="connsiteY137" fmla="*/ 5037 h 10000"/>
                  <a:gd name="connsiteX138" fmla="*/ 2665 w 10000"/>
                  <a:gd name="connsiteY138" fmla="*/ 5022 h 10000"/>
                  <a:gd name="connsiteX139" fmla="*/ 2817 w 10000"/>
                  <a:gd name="connsiteY139" fmla="*/ 5037 h 10000"/>
                  <a:gd name="connsiteX140" fmla="*/ 2944 w 10000"/>
                  <a:gd name="connsiteY140" fmla="*/ 5066 h 10000"/>
                  <a:gd name="connsiteX141" fmla="*/ 3071 w 10000"/>
                  <a:gd name="connsiteY141" fmla="*/ 5096 h 10000"/>
                  <a:gd name="connsiteX142" fmla="*/ 3173 w 10000"/>
                  <a:gd name="connsiteY142" fmla="*/ 5126 h 10000"/>
                  <a:gd name="connsiteX143" fmla="*/ 3299 w 10000"/>
                  <a:gd name="connsiteY143" fmla="*/ 5155 h 10000"/>
                  <a:gd name="connsiteX144" fmla="*/ 3452 w 10000"/>
                  <a:gd name="connsiteY144" fmla="*/ 5170 h 10000"/>
                  <a:gd name="connsiteX145" fmla="*/ 3680 w 10000"/>
                  <a:gd name="connsiteY145" fmla="*/ 5155 h 10000"/>
                  <a:gd name="connsiteX146" fmla="*/ 3757 w 10000"/>
                  <a:gd name="connsiteY146" fmla="*/ 5096 h 10000"/>
                  <a:gd name="connsiteX147" fmla="*/ 3832 w 10000"/>
                  <a:gd name="connsiteY147" fmla="*/ 5022 h 10000"/>
                  <a:gd name="connsiteX148" fmla="*/ 3857 w 10000"/>
                  <a:gd name="connsiteY148" fmla="*/ 4934 h 10000"/>
                  <a:gd name="connsiteX149" fmla="*/ 3884 w 10000"/>
                  <a:gd name="connsiteY149" fmla="*/ 4860 h 10000"/>
                  <a:gd name="connsiteX150" fmla="*/ 3908 w 10000"/>
                  <a:gd name="connsiteY150" fmla="*/ 4697 h 10000"/>
                  <a:gd name="connsiteX151" fmla="*/ 3884 w 10000"/>
                  <a:gd name="connsiteY151" fmla="*/ 4520 h 10000"/>
                  <a:gd name="connsiteX152" fmla="*/ 3807 w 10000"/>
                  <a:gd name="connsiteY152" fmla="*/ 4343 h 10000"/>
                  <a:gd name="connsiteX153" fmla="*/ 3731 w 10000"/>
                  <a:gd name="connsiteY153" fmla="*/ 4195 h 10000"/>
                  <a:gd name="connsiteX154" fmla="*/ 3604 w 10000"/>
                  <a:gd name="connsiteY154" fmla="*/ 4047 h 10000"/>
                  <a:gd name="connsiteX155" fmla="*/ 3477 w 10000"/>
                  <a:gd name="connsiteY155" fmla="*/ 3959 h 10000"/>
                  <a:gd name="connsiteX156" fmla="*/ 3629 w 10000"/>
                  <a:gd name="connsiteY156" fmla="*/ 3944 h 10000"/>
                  <a:gd name="connsiteX157" fmla="*/ 3757 w 10000"/>
                  <a:gd name="connsiteY157" fmla="*/ 3914 h 10000"/>
                  <a:gd name="connsiteX158" fmla="*/ 3857 w 10000"/>
                  <a:gd name="connsiteY158" fmla="*/ 3855 h 10000"/>
                  <a:gd name="connsiteX159" fmla="*/ 3983 w 10000"/>
                  <a:gd name="connsiteY159" fmla="*/ 3752 h 10000"/>
                  <a:gd name="connsiteX160" fmla="*/ 4111 w 10000"/>
                  <a:gd name="connsiteY160" fmla="*/ 3663 h 10000"/>
                  <a:gd name="connsiteX161" fmla="*/ 4213 w 10000"/>
                  <a:gd name="connsiteY161" fmla="*/ 3560 h 10000"/>
                  <a:gd name="connsiteX162" fmla="*/ 4289 w 10000"/>
                  <a:gd name="connsiteY162" fmla="*/ 3442 h 10000"/>
                  <a:gd name="connsiteX163" fmla="*/ 4366 w 10000"/>
                  <a:gd name="connsiteY163" fmla="*/ 3323 h 10000"/>
                  <a:gd name="connsiteX164" fmla="*/ 4416 w 10000"/>
                  <a:gd name="connsiteY164" fmla="*/ 3220 h 10000"/>
                  <a:gd name="connsiteX165" fmla="*/ 4441 w 10000"/>
                  <a:gd name="connsiteY165" fmla="*/ 3102 h 10000"/>
                  <a:gd name="connsiteX166" fmla="*/ 4468 w 10000"/>
                  <a:gd name="connsiteY166" fmla="*/ 3013 h 10000"/>
                  <a:gd name="connsiteX167" fmla="*/ 4441 w 10000"/>
                  <a:gd name="connsiteY167" fmla="*/ 2939 h 10000"/>
                  <a:gd name="connsiteX168" fmla="*/ 4416 w 10000"/>
                  <a:gd name="connsiteY168" fmla="*/ 2866 h 10000"/>
                  <a:gd name="connsiteX169" fmla="*/ 4340 w 10000"/>
                  <a:gd name="connsiteY169" fmla="*/ 2836 h 10000"/>
                  <a:gd name="connsiteX170" fmla="*/ 4239 w 10000"/>
                  <a:gd name="connsiteY170" fmla="*/ 2836 h 10000"/>
                  <a:gd name="connsiteX171" fmla="*/ 4111 w 10000"/>
                  <a:gd name="connsiteY171" fmla="*/ 2866 h 10000"/>
                  <a:gd name="connsiteX172" fmla="*/ 4213 w 10000"/>
                  <a:gd name="connsiteY172" fmla="*/ 2777 h 10000"/>
                  <a:gd name="connsiteX173" fmla="*/ 4265 w 10000"/>
                  <a:gd name="connsiteY173" fmla="*/ 2674 h 10000"/>
                  <a:gd name="connsiteX174" fmla="*/ 4289 w 10000"/>
                  <a:gd name="connsiteY174" fmla="*/ 2541 h 10000"/>
                  <a:gd name="connsiteX175" fmla="*/ 4289 w 10000"/>
                  <a:gd name="connsiteY175" fmla="*/ 2393 h 10000"/>
                  <a:gd name="connsiteX176" fmla="*/ 4314 w 10000"/>
                  <a:gd name="connsiteY176" fmla="*/ 2349 h 10000"/>
                  <a:gd name="connsiteX177" fmla="*/ 4366 w 10000"/>
                  <a:gd name="connsiteY177" fmla="*/ 2304 h 10000"/>
                  <a:gd name="connsiteX178" fmla="*/ 4416 w 10000"/>
                  <a:gd name="connsiteY178" fmla="*/ 2290 h 10000"/>
                  <a:gd name="connsiteX179" fmla="*/ 4493 w 10000"/>
                  <a:gd name="connsiteY179" fmla="*/ 2275 h 10000"/>
                  <a:gd name="connsiteX180" fmla="*/ 4720 w 10000"/>
                  <a:gd name="connsiteY180" fmla="*/ 2260 h 10000"/>
                  <a:gd name="connsiteX181" fmla="*/ 4923 w 10000"/>
                  <a:gd name="connsiteY181" fmla="*/ 2275 h 10000"/>
                  <a:gd name="connsiteX182" fmla="*/ 4898 w 10000"/>
                  <a:gd name="connsiteY182" fmla="*/ 2112 h 10000"/>
                  <a:gd name="connsiteX183" fmla="*/ 4848 w 10000"/>
                  <a:gd name="connsiteY183" fmla="*/ 1950 h 10000"/>
                  <a:gd name="connsiteX184" fmla="*/ 4771 w 10000"/>
                  <a:gd name="connsiteY184" fmla="*/ 1802 h 10000"/>
                  <a:gd name="connsiteX185" fmla="*/ 4671 w 10000"/>
                  <a:gd name="connsiteY185" fmla="*/ 1640 h 10000"/>
                  <a:gd name="connsiteX186" fmla="*/ 4416 w 10000"/>
                  <a:gd name="connsiteY186" fmla="*/ 1329 h 10000"/>
                  <a:gd name="connsiteX187" fmla="*/ 4162 w 10000"/>
                  <a:gd name="connsiteY187" fmla="*/ 1034 h 10000"/>
                  <a:gd name="connsiteX188" fmla="*/ 4035 w 10000"/>
                  <a:gd name="connsiteY188" fmla="*/ 901 h 10000"/>
                  <a:gd name="connsiteX189" fmla="*/ 3935 w 10000"/>
                  <a:gd name="connsiteY189" fmla="*/ 753 h 10000"/>
                  <a:gd name="connsiteX190" fmla="*/ 3857 w 10000"/>
                  <a:gd name="connsiteY190" fmla="*/ 620 h 10000"/>
                  <a:gd name="connsiteX191" fmla="*/ 3832 w 10000"/>
                  <a:gd name="connsiteY191" fmla="*/ 487 h 10000"/>
                  <a:gd name="connsiteX192" fmla="*/ 3807 w 10000"/>
                  <a:gd name="connsiteY192" fmla="*/ 355 h 10000"/>
                  <a:gd name="connsiteX193" fmla="*/ 3857 w 10000"/>
                  <a:gd name="connsiteY193" fmla="*/ 222 h 10000"/>
                  <a:gd name="connsiteX194" fmla="*/ 3884 w 10000"/>
                  <a:gd name="connsiteY194" fmla="*/ 162 h 10000"/>
                  <a:gd name="connsiteX195" fmla="*/ 3935 w 10000"/>
                  <a:gd name="connsiteY195" fmla="*/ 103 h 10000"/>
                  <a:gd name="connsiteX196" fmla="*/ 4011 w 10000"/>
                  <a:gd name="connsiteY196" fmla="*/ 59 h 10000"/>
                  <a:gd name="connsiteX197" fmla="*/ 4111 w 10000"/>
                  <a:gd name="connsiteY197" fmla="*/ 0 h 10000"/>
                  <a:gd name="connsiteX198" fmla="*/ 4289 w 10000"/>
                  <a:gd name="connsiteY198" fmla="*/ 0 h 10000"/>
                  <a:gd name="connsiteX199" fmla="*/ 4468 w 10000"/>
                  <a:gd name="connsiteY199" fmla="*/ 15 h 10000"/>
                  <a:gd name="connsiteX200" fmla="*/ 4644 w 10000"/>
                  <a:gd name="connsiteY200" fmla="*/ 44 h 10000"/>
                  <a:gd name="connsiteX201" fmla="*/ 4771 w 10000"/>
                  <a:gd name="connsiteY201" fmla="*/ 89 h 10000"/>
                  <a:gd name="connsiteX202" fmla="*/ 4975 w 10000"/>
                  <a:gd name="connsiteY202" fmla="*/ 192 h 10000"/>
                  <a:gd name="connsiteX203" fmla="*/ 5177 w 10000"/>
                  <a:gd name="connsiteY203" fmla="*/ 340 h 10000"/>
                  <a:gd name="connsiteX204" fmla="*/ 5329 w 10000"/>
                  <a:gd name="connsiteY204" fmla="*/ 473 h 10000"/>
                  <a:gd name="connsiteX205" fmla="*/ 5532 w 10000"/>
                  <a:gd name="connsiteY205" fmla="*/ 591 h 10000"/>
                  <a:gd name="connsiteX206" fmla="*/ 5660 w 10000"/>
                  <a:gd name="connsiteY206" fmla="*/ 650 h 10000"/>
                  <a:gd name="connsiteX207" fmla="*/ 5812 w 10000"/>
                  <a:gd name="connsiteY207" fmla="*/ 679 h 10000"/>
                  <a:gd name="connsiteX208" fmla="*/ 5965 w 10000"/>
                  <a:gd name="connsiteY208" fmla="*/ 709 h 10000"/>
                  <a:gd name="connsiteX209" fmla="*/ 6168 w 10000"/>
                  <a:gd name="connsiteY209" fmla="*/ 709 h 10000"/>
                  <a:gd name="connsiteX210" fmla="*/ 6168 w 10000"/>
                  <a:gd name="connsiteY210" fmla="*/ 768 h 10000"/>
                  <a:gd name="connsiteX211" fmla="*/ 6193 w 10000"/>
                  <a:gd name="connsiteY211" fmla="*/ 842 h 10000"/>
                  <a:gd name="connsiteX212" fmla="*/ 6243 w 10000"/>
                  <a:gd name="connsiteY212" fmla="*/ 916 h 10000"/>
                  <a:gd name="connsiteX213" fmla="*/ 6294 w 10000"/>
                  <a:gd name="connsiteY213" fmla="*/ 990 h 10000"/>
                  <a:gd name="connsiteX214" fmla="*/ 6369 w 10000"/>
                  <a:gd name="connsiteY214" fmla="*/ 1049 h 10000"/>
                  <a:gd name="connsiteX215" fmla="*/ 6471 w 10000"/>
                  <a:gd name="connsiteY215" fmla="*/ 1108 h 10000"/>
                  <a:gd name="connsiteX216" fmla="*/ 6598 w 10000"/>
                  <a:gd name="connsiteY216" fmla="*/ 1182 h 10000"/>
                  <a:gd name="connsiteX217" fmla="*/ 6700 w 10000"/>
                  <a:gd name="connsiteY217" fmla="*/ 1226 h 10000"/>
                  <a:gd name="connsiteX218" fmla="*/ 6802 w 10000"/>
                  <a:gd name="connsiteY218" fmla="*/ 1270 h 10000"/>
                  <a:gd name="connsiteX219" fmla="*/ 6903 w 10000"/>
                  <a:gd name="connsiteY219" fmla="*/ 1300 h 10000"/>
                  <a:gd name="connsiteX220" fmla="*/ 7005 w 10000"/>
                  <a:gd name="connsiteY220" fmla="*/ 1315 h 10000"/>
                  <a:gd name="connsiteX221" fmla="*/ 7132 w 10000"/>
                  <a:gd name="connsiteY221" fmla="*/ 1300 h 10000"/>
                  <a:gd name="connsiteX222" fmla="*/ 7234 w 10000"/>
                  <a:gd name="connsiteY222" fmla="*/ 1285 h 10000"/>
                  <a:gd name="connsiteX223" fmla="*/ 7309 w 10000"/>
                  <a:gd name="connsiteY223" fmla="*/ 1241 h 10000"/>
                  <a:gd name="connsiteX224" fmla="*/ 7361 w 10000"/>
                  <a:gd name="connsiteY224" fmla="*/ 1167 h 10000"/>
                  <a:gd name="connsiteX225" fmla="*/ 7385 w 10000"/>
                  <a:gd name="connsiteY225" fmla="*/ 1064 h 10000"/>
                  <a:gd name="connsiteX226" fmla="*/ 7766 w 10000"/>
                  <a:gd name="connsiteY226" fmla="*/ 1034 h 10000"/>
                  <a:gd name="connsiteX227" fmla="*/ 8121 w 10000"/>
                  <a:gd name="connsiteY227" fmla="*/ 1004 h 10000"/>
                  <a:gd name="connsiteX228" fmla="*/ 8427 w 10000"/>
                  <a:gd name="connsiteY228" fmla="*/ 990 h 10000"/>
                  <a:gd name="connsiteX229" fmla="*/ 8706 w 10000"/>
                  <a:gd name="connsiteY229" fmla="*/ 1004 h 10000"/>
                  <a:gd name="connsiteX230" fmla="*/ 8833 w 10000"/>
                  <a:gd name="connsiteY230" fmla="*/ 1019 h 10000"/>
                  <a:gd name="connsiteX231" fmla="*/ 8958 w 10000"/>
                  <a:gd name="connsiteY231" fmla="*/ 1034 h 10000"/>
                  <a:gd name="connsiteX232" fmla="*/ 9061 w 10000"/>
                  <a:gd name="connsiteY232" fmla="*/ 1064 h 10000"/>
                  <a:gd name="connsiteX233" fmla="*/ 9188 w 10000"/>
                  <a:gd name="connsiteY233" fmla="*/ 1108 h 10000"/>
                  <a:gd name="connsiteX234" fmla="*/ 9264 w 10000"/>
                  <a:gd name="connsiteY234" fmla="*/ 1182 h 10000"/>
                  <a:gd name="connsiteX235" fmla="*/ 9339 w 10000"/>
                  <a:gd name="connsiteY235" fmla="*/ 1241 h 10000"/>
                  <a:gd name="connsiteX236" fmla="*/ 9391 w 10000"/>
                  <a:gd name="connsiteY236" fmla="*/ 1329 h 10000"/>
                  <a:gd name="connsiteX237" fmla="*/ 9442 w 10000"/>
                  <a:gd name="connsiteY237" fmla="*/ 1433 h 10000"/>
                  <a:gd name="connsiteX238" fmla="*/ 9492 w 10000"/>
                  <a:gd name="connsiteY238" fmla="*/ 1551 h 10000"/>
                  <a:gd name="connsiteX239" fmla="*/ 9466 w 10000"/>
                  <a:gd name="connsiteY239" fmla="*/ 1625 h 10000"/>
                  <a:gd name="connsiteX240" fmla="*/ 9442 w 10000"/>
                  <a:gd name="connsiteY240" fmla="*/ 1684 h 10000"/>
                  <a:gd name="connsiteX241" fmla="*/ 9391 w 10000"/>
                  <a:gd name="connsiteY241" fmla="*/ 1758 h 10000"/>
                  <a:gd name="connsiteX242" fmla="*/ 9315 w 10000"/>
                  <a:gd name="connsiteY242" fmla="*/ 1802 h 10000"/>
                  <a:gd name="connsiteX243" fmla="*/ 9264 w 10000"/>
                  <a:gd name="connsiteY243" fmla="*/ 1861 h 10000"/>
                  <a:gd name="connsiteX244" fmla="*/ 9240 w 10000"/>
                  <a:gd name="connsiteY244" fmla="*/ 1935 h 10000"/>
                  <a:gd name="connsiteX245" fmla="*/ 9264 w 10000"/>
                  <a:gd name="connsiteY245" fmla="*/ 2024 h 10000"/>
                  <a:gd name="connsiteX246" fmla="*/ 9543 w 10000"/>
                  <a:gd name="connsiteY246" fmla="*/ 2157 h 10000"/>
                  <a:gd name="connsiteX247" fmla="*/ 9873 w 10000"/>
                  <a:gd name="connsiteY247" fmla="*/ 2275 h 10000"/>
                  <a:gd name="connsiteX248" fmla="*/ 10000 w 10000"/>
                  <a:gd name="connsiteY248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9415 w 10000"/>
                  <a:gd name="connsiteY2" fmla="*/ 3117 h 10000"/>
                  <a:gd name="connsiteX3" fmla="*/ 9442 w 10000"/>
                  <a:gd name="connsiteY3" fmla="*/ 3072 h 10000"/>
                  <a:gd name="connsiteX4" fmla="*/ 9466 w 10000"/>
                  <a:gd name="connsiteY4" fmla="*/ 3013 h 10000"/>
                  <a:gd name="connsiteX5" fmla="*/ 9466 w 10000"/>
                  <a:gd name="connsiteY5" fmla="*/ 2954 h 10000"/>
                  <a:gd name="connsiteX6" fmla="*/ 9442 w 10000"/>
                  <a:gd name="connsiteY6" fmla="*/ 2866 h 10000"/>
                  <a:gd name="connsiteX7" fmla="*/ 9264 w 10000"/>
                  <a:gd name="connsiteY7" fmla="*/ 2984 h 10000"/>
                  <a:gd name="connsiteX8" fmla="*/ 9061 w 10000"/>
                  <a:gd name="connsiteY8" fmla="*/ 3072 h 10000"/>
                  <a:gd name="connsiteX9" fmla="*/ 8197 w 10000"/>
                  <a:gd name="connsiteY9" fmla="*/ 3397 h 10000"/>
                  <a:gd name="connsiteX10" fmla="*/ 7716 w 10000"/>
                  <a:gd name="connsiteY10" fmla="*/ 3545 h 10000"/>
                  <a:gd name="connsiteX11" fmla="*/ 6345 w 10000"/>
                  <a:gd name="connsiteY11" fmla="*/ 4003 h 10000"/>
                  <a:gd name="connsiteX12" fmla="*/ 6143 w 10000"/>
                  <a:gd name="connsiteY12" fmla="*/ 4106 h 10000"/>
                  <a:gd name="connsiteX13" fmla="*/ 5938 w 10000"/>
                  <a:gd name="connsiteY13" fmla="*/ 4195 h 10000"/>
                  <a:gd name="connsiteX14" fmla="*/ 6091 w 10000"/>
                  <a:gd name="connsiteY14" fmla="*/ 4417 h 10000"/>
                  <a:gd name="connsiteX15" fmla="*/ 6421 w 10000"/>
                  <a:gd name="connsiteY15" fmla="*/ 5318 h 10000"/>
                  <a:gd name="connsiteX16" fmla="*/ 6447 w 10000"/>
                  <a:gd name="connsiteY16" fmla="*/ 5539 h 10000"/>
                  <a:gd name="connsiteX17" fmla="*/ 6471 w 10000"/>
                  <a:gd name="connsiteY17" fmla="*/ 5775 h 10000"/>
                  <a:gd name="connsiteX18" fmla="*/ 6471 w 10000"/>
                  <a:gd name="connsiteY18" fmla="*/ 5997 h 10000"/>
                  <a:gd name="connsiteX19" fmla="*/ 6447 w 10000"/>
                  <a:gd name="connsiteY19" fmla="*/ 6233 h 10000"/>
                  <a:gd name="connsiteX20" fmla="*/ 6396 w 10000"/>
                  <a:gd name="connsiteY20" fmla="*/ 6470 h 10000"/>
                  <a:gd name="connsiteX21" fmla="*/ 6345 w 10000"/>
                  <a:gd name="connsiteY21" fmla="*/ 6677 h 10000"/>
                  <a:gd name="connsiteX22" fmla="*/ 6269 w 10000"/>
                  <a:gd name="connsiteY22" fmla="*/ 6898 h 10000"/>
                  <a:gd name="connsiteX23" fmla="*/ 6168 w 10000"/>
                  <a:gd name="connsiteY23" fmla="*/ 7105 h 10000"/>
                  <a:gd name="connsiteX24" fmla="*/ 6041 w 10000"/>
                  <a:gd name="connsiteY24" fmla="*/ 7297 h 10000"/>
                  <a:gd name="connsiteX25" fmla="*/ 5888 w 10000"/>
                  <a:gd name="connsiteY25" fmla="*/ 7489 h 10000"/>
                  <a:gd name="connsiteX26" fmla="*/ 5735 w 10000"/>
                  <a:gd name="connsiteY26" fmla="*/ 7681 h 10000"/>
                  <a:gd name="connsiteX27" fmla="*/ 6471 w 10000"/>
                  <a:gd name="connsiteY27" fmla="*/ 7799 h 10000"/>
                  <a:gd name="connsiteX28" fmla="*/ 7234 w 10000"/>
                  <a:gd name="connsiteY28" fmla="*/ 7962 h 10000"/>
                  <a:gd name="connsiteX29" fmla="*/ 7385 w 10000"/>
                  <a:gd name="connsiteY29" fmla="*/ 8021 h 10000"/>
                  <a:gd name="connsiteX30" fmla="*/ 7512 w 10000"/>
                  <a:gd name="connsiteY30" fmla="*/ 8080 h 10000"/>
                  <a:gd name="connsiteX31" fmla="*/ 7639 w 10000"/>
                  <a:gd name="connsiteY31" fmla="*/ 8139 h 10000"/>
                  <a:gd name="connsiteX32" fmla="*/ 7716 w 10000"/>
                  <a:gd name="connsiteY32" fmla="*/ 8227 h 10000"/>
                  <a:gd name="connsiteX33" fmla="*/ 7741 w 10000"/>
                  <a:gd name="connsiteY33" fmla="*/ 8301 h 10000"/>
                  <a:gd name="connsiteX34" fmla="*/ 7741 w 10000"/>
                  <a:gd name="connsiteY34" fmla="*/ 8405 h 10000"/>
                  <a:gd name="connsiteX35" fmla="*/ 7691 w 10000"/>
                  <a:gd name="connsiteY35" fmla="*/ 8523 h 10000"/>
                  <a:gd name="connsiteX36" fmla="*/ 7614 w 10000"/>
                  <a:gd name="connsiteY36" fmla="*/ 8641 h 10000"/>
                  <a:gd name="connsiteX37" fmla="*/ 7284 w 10000"/>
                  <a:gd name="connsiteY37" fmla="*/ 8552 h 10000"/>
                  <a:gd name="connsiteX38" fmla="*/ 6979 w 10000"/>
                  <a:gd name="connsiteY38" fmla="*/ 8449 h 10000"/>
                  <a:gd name="connsiteX39" fmla="*/ 6674 w 10000"/>
                  <a:gd name="connsiteY39" fmla="*/ 8360 h 10000"/>
                  <a:gd name="connsiteX40" fmla="*/ 6369 w 10000"/>
                  <a:gd name="connsiteY40" fmla="*/ 8287 h 10000"/>
                  <a:gd name="connsiteX41" fmla="*/ 6243 w 10000"/>
                  <a:gd name="connsiteY41" fmla="*/ 8449 h 10000"/>
                  <a:gd name="connsiteX42" fmla="*/ 6143 w 10000"/>
                  <a:gd name="connsiteY42" fmla="*/ 8597 h 10000"/>
                  <a:gd name="connsiteX43" fmla="*/ 6091 w 10000"/>
                  <a:gd name="connsiteY43" fmla="*/ 8656 h 10000"/>
                  <a:gd name="connsiteX44" fmla="*/ 5989 w 10000"/>
                  <a:gd name="connsiteY44" fmla="*/ 8700 h 10000"/>
                  <a:gd name="connsiteX45" fmla="*/ 5914 w 10000"/>
                  <a:gd name="connsiteY45" fmla="*/ 8744 h 10000"/>
                  <a:gd name="connsiteX46" fmla="*/ 5838 w 10000"/>
                  <a:gd name="connsiteY46" fmla="*/ 8774 h 10000"/>
                  <a:gd name="connsiteX47" fmla="*/ 5761 w 10000"/>
                  <a:gd name="connsiteY47" fmla="*/ 8804 h 10000"/>
                  <a:gd name="connsiteX48" fmla="*/ 5660 w 10000"/>
                  <a:gd name="connsiteY48" fmla="*/ 8818 h 10000"/>
                  <a:gd name="connsiteX49" fmla="*/ 5532 w 10000"/>
                  <a:gd name="connsiteY49" fmla="*/ 8833 h 10000"/>
                  <a:gd name="connsiteX50" fmla="*/ 5406 w 10000"/>
                  <a:gd name="connsiteY50" fmla="*/ 8833 h 10000"/>
                  <a:gd name="connsiteX51" fmla="*/ 5102 w 10000"/>
                  <a:gd name="connsiteY51" fmla="*/ 8818 h 10000"/>
                  <a:gd name="connsiteX52" fmla="*/ 4720 w 10000"/>
                  <a:gd name="connsiteY52" fmla="*/ 8744 h 10000"/>
                  <a:gd name="connsiteX53" fmla="*/ 4720 w 10000"/>
                  <a:gd name="connsiteY53" fmla="*/ 8922 h 10000"/>
                  <a:gd name="connsiteX54" fmla="*/ 4695 w 10000"/>
                  <a:gd name="connsiteY54" fmla="*/ 9069 h 10000"/>
                  <a:gd name="connsiteX55" fmla="*/ 4671 w 10000"/>
                  <a:gd name="connsiteY55" fmla="*/ 9232 h 10000"/>
                  <a:gd name="connsiteX56" fmla="*/ 4644 w 10000"/>
                  <a:gd name="connsiteY56" fmla="*/ 9365 h 10000"/>
                  <a:gd name="connsiteX57" fmla="*/ 4593 w 10000"/>
                  <a:gd name="connsiteY57" fmla="*/ 9498 h 10000"/>
                  <a:gd name="connsiteX58" fmla="*/ 4493 w 10000"/>
                  <a:gd name="connsiteY58" fmla="*/ 9616 h 10000"/>
                  <a:gd name="connsiteX59" fmla="*/ 4416 w 10000"/>
                  <a:gd name="connsiteY59" fmla="*/ 9734 h 10000"/>
                  <a:gd name="connsiteX60" fmla="*/ 4289 w 10000"/>
                  <a:gd name="connsiteY60" fmla="*/ 9838 h 10000"/>
                  <a:gd name="connsiteX61" fmla="*/ 3983 w 10000"/>
                  <a:gd name="connsiteY61" fmla="*/ 9897 h 10000"/>
                  <a:gd name="connsiteX62" fmla="*/ 3731 w 10000"/>
                  <a:gd name="connsiteY62" fmla="*/ 9941 h 10000"/>
                  <a:gd name="connsiteX63" fmla="*/ 3426 w 10000"/>
                  <a:gd name="connsiteY63" fmla="*/ 9985 h 10000"/>
                  <a:gd name="connsiteX64" fmla="*/ 3198 w 10000"/>
                  <a:gd name="connsiteY64" fmla="*/ 10000 h 10000"/>
                  <a:gd name="connsiteX65" fmla="*/ 2690 w 10000"/>
                  <a:gd name="connsiteY65" fmla="*/ 10000 h 10000"/>
                  <a:gd name="connsiteX66" fmla="*/ 2208 w 10000"/>
                  <a:gd name="connsiteY66" fmla="*/ 9985 h 10000"/>
                  <a:gd name="connsiteX67" fmla="*/ 1752 w 10000"/>
                  <a:gd name="connsiteY67" fmla="*/ 9941 h 10000"/>
                  <a:gd name="connsiteX68" fmla="*/ 1270 w 10000"/>
                  <a:gd name="connsiteY68" fmla="*/ 9911 h 10000"/>
                  <a:gd name="connsiteX69" fmla="*/ 990 w 10000"/>
                  <a:gd name="connsiteY69" fmla="*/ 9911 h 10000"/>
                  <a:gd name="connsiteX70" fmla="*/ 736 w 10000"/>
                  <a:gd name="connsiteY70" fmla="*/ 9911 h 10000"/>
                  <a:gd name="connsiteX71" fmla="*/ 457 w 10000"/>
                  <a:gd name="connsiteY71" fmla="*/ 9926 h 10000"/>
                  <a:gd name="connsiteX72" fmla="*/ 178 w 10000"/>
                  <a:gd name="connsiteY72" fmla="*/ 9970 h 10000"/>
                  <a:gd name="connsiteX73" fmla="*/ 102 w 10000"/>
                  <a:gd name="connsiteY73" fmla="*/ 9867 h 10000"/>
                  <a:gd name="connsiteX74" fmla="*/ 51 w 10000"/>
                  <a:gd name="connsiteY74" fmla="*/ 9793 h 10000"/>
                  <a:gd name="connsiteX75" fmla="*/ 0 w 10000"/>
                  <a:gd name="connsiteY75" fmla="*/ 9705 h 10000"/>
                  <a:gd name="connsiteX76" fmla="*/ 0 w 10000"/>
                  <a:gd name="connsiteY76" fmla="*/ 9601 h 10000"/>
                  <a:gd name="connsiteX77" fmla="*/ 51 w 10000"/>
                  <a:gd name="connsiteY77" fmla="*/ 9424 h 10000"/>
                  <a:gd name="connsiteX78" fmla="*/ 102 w 10000"/>
                  <a:gd name="connsiteY78" fmla="*/ 9202 h 10000"/>
                  <a:gd name="connsiteX79" fmla="*/ 151 w 10000"/>
                  <a:gd name="connsiteY79" fmla="*/ 8996 h 10000"/>
                  <a:gd name="connsiteX80" fmla="*/ 203 w 10000"/>
                  <a:gd name="connsiteY80" fmla="*/ 8759 h 10000"/>
                  <a:gd name="connsiteX81" fmla="*/ 228 w 10000"/>
                  <a:gd name="connsiteY81" fmla="*/ 8641 h 10000"/>
                  <a:gd name="connsiteX82" fmla="*/ 228 w 10000"/>
                  <a:gd name="connsiteY82" fmla="*/ 8538 h 10000"/>
                  <a:gd name="connsiteX83" fmla="*/ 203 w 10000"/>
                  <a:gd name="connsiteY83" fmla="*/ 8405 h 10000"/>
                  <a:gd name="connsiteX84" fmla="*/ 178 w 10000"/>
                  <a:gd name="connsiteY84" fmla="*/ 8287 h 10000"/>
                  <a:gd name="connsiteX85" fmla="*/ 431 w 10000"/>
                  <a:gd name="connsiteY85" fmla="*/ 8213 h 10000"/>
                  <a:gd name="connsiteX86" fmla="*/ 685 w 10000"/>
                  <a:gd name="connsiteY86" fmla="*/ 8139 h 10000"/>
                  <a:gd name="connsiteX87" fmla="*/ 939 w 10000"/>
                  <a:gd name="connsiteY87" fmla="*/ 8095 h 10000"/>
                  <a:gd name="connsiteX88" fmla="*/ 1218 w 10000"/>
                  <a:gd name="connsiteY88" fmla="*/ 8065 h 10000"/>
                  <a:gd name="connsiteX89" fmla="*/ 1725 w 10000"/>
                  <a:gd name="connsiteY89" fmla="*/ 8021 h 10000"/>
                  <a:gd name="connsiteX90" fmla="*/ 2234 w 10000"/>
                  <a:gd name="connsiteY90" fmla="*/ 7976 h 10000"/>
                  <a:gd name="connsiteX91" fmla="*/ 2462 w 10000"/>
                  <a:gd name="connsiteY91" fmla="*/ 7947 h 10000"/>
                  <a:gd name="connsiteX92" fmla="*/ 2690 w 10000"/>
                  <a:gd name="connsiteY92" fmla="*/ 7917 h 10000"/>
                  <a:gd name="connsiteX93" fmla="*/ 2892 w 10000"/>
                  <a:gd name="connsiteY93" fmla="*/ 7843 h 10000"/>
                  <a:gd name="connsiteX94" fmla="*/ 3096 w 10000"/>
                  <a:gd name="connsiteY94" fmla="*/ 7784 h 10000"/>
                  <a:gd name="connsiteX95" fmla="*/ 3274 w 10000"/>
                  <a:gd name="connsiteY95" fmla="*/ 7710 h 10000"/>
                  <a:gd name="connsiteX96" fmla="*/ 3426 w 10000"/>
                  <a:gd name="connsiteY96" fmla="*/ 7592 h 10000"/>
                  <a:gd name="connsiteX97" fmla="*/ 3579 w 10000"/>
                  <a:gd name="connsiteY97" fmla="*/ 7474 h 10000"/>
                  <a:gd name="connsiteX98" fmla="*/ 3680 w 10000"/>
                  <a:gd name="connsiteY98" fmla="*/ 7312 h 10000"/>
                  <a:gd name="connsiteX99" fmla="*/ 3477 w 10000"/>
                  <a:gd name="connsiteY99" fmla="*/ 7238 h 10000"/>
                  <a:gd name="connsiteX100" fmla="*/ 3299 w 10000"/>
                  <a:gd name="connsiteY100" fmla="*/ 7179 h 10000"/>
                  <a:gd name="connsiteX101" fmla="*/ 3147 w 10000"/>
                  <a:gd name="connsiteY101" fmla="*/ 7090 h 10000"/>
                  <a:gd name="connsiteX102" fmla="*/ 2995 w 10000"/>
                  <a:gd name="connsiteY102" fmla="*/ 6987 h 10000"/>
                  <a:gd name="connsiteX103" fmla="*/ 2892 w 10000"/>
                  <a:gd name="connsiteY103" fmla="*/ 6869 h 10000"/>
                  <a:gd name="connsiteX104" fmla="*/ 2843 w 10000"/>
                  <a:gd name="connsiteY104" fmla="*/ 6721 h 10000"/>
                  <a:gd name="connsiteX105" fmla="*/ 2817 w 10000"/>
                  <a:gd name="connsiteY105" fmla="*/ 6558 h 10000"/>
                  <a:gd name="connsiteX106" fmla="*/ 2843 w 10000"/>
                  <a:gd name="connsiteY106" fmla="*/ 6352 h 10000"/>
                  <a:gd name="connsiteX107" fmla="*/ 2716 w 10000"/>
                  <a:gd name="connsiteY107" fmla="*/ 6322 h 10000"/>
                  <a:gd name="connsiteX108" fmla="*/ 2564 w 10000"/>
                  <a:gd name="connsiteY108" fmla="*/ 6292 h 10000"/>
                  <a:gd name="connsiteX109" fmla="*/ 2386 w 10000"/>
                  <a:gd name="connsiteY109" fmla="*/ 6278 h 10000"/>
                  <a:gd name="connsiteX110" fmla="*/ 2208 w 10000"/>
                  <a:gd name="connsiteY110" fmla="*/ 6263 h 10000"/>
                  <a:gd name="connsiteX111" fmla="*/ 1853 w 10000"/>
                  <a:gd name="connsiteY111" fmla="*/ 6248 h 10000"/>
                  <a:gd name="connsiteX112" fmla="*/ 1472 w 10000"/>
                  <a:gd name="connsiteY112" fmla="*/ 6263 h 10000"/>
                  <a:gd name="connsiteX113" fmla="*/ 1143 w 10000"/>
                  <a:gd name="connsiteY113" fmla="*/ 6278 h 10000"/>
                  <a:gd name="connsiteX114" fmla="*/ 837 w 10000"/>
                  <a:gd name="connsiteY114" fmla="*/ 6278 h 10000"/>
                  <a:gd name="connsiteX115" fmla="*/ 585 w 10000"/>
                  <a:gd name="connsiteY115" fmla="*/ 6263 h 10000"/>
                  <a:gd name="connsiteX116" fmla="*/ 381 w 10000"/>
                  <a:gd name="connsiteY116" fmla="*/ 6233 h 10000"/>
                  <a:gd name="connsiteX117" fmla="*/ 633 w 10000"/>
                  <a:gd name="connsiteY117" fmla="*/ 5805 h 10000"/>
                  <a:gd name="connsiteX118" fmla="*/ 914 w 10000"/>
                  <a:gd name="connsiteY118" fmla="*/ 5391 h 10000"/>
                  <a:gd name="connsiteX119" fmla="*/ 1016 w 10000"/>
                  <a:gd name="connsiteY119" fmla="*/ 5170 h 10000"/>
                  <a:gd name="connsiteX120" fmla="*/ 1091 w 10000"/>
                  <a:gd name="connsiteY120" fmla="*/ 4963 h 10000"/>
                  <a:gd name="connsiteX121" fmla="*/ 1116 w 10000"/>
                  <a:gd name="connsiteY121" fmla="*/ 4860 h 10000"/>
                  <a:gd name="connsiteX122" fmla="*/ 1091 w 10000"/>
                  <a:gd name="connsiteY122" fmla="*/ 4756 h 10000"/>
                  <a:gd name="connsiteX123" fmla="*/ 1066 w 10000"/>
                  <a:gd name="connsiteY123" fmla="*/ 4653 h 10000"/>
                  <a:gd name="connsiteX124" fmla="*/ 990 w 10000"/>
                  <a:gd name="connsiteY124" fmla="*/ 4549 h 10000"/>
                  <a:gd name="connsiteX125" fmla="*/ 1270 w 10000"/>
                  <a:gd name="connsiteY125" fmla="*/ 4520 h 10000"/>
                  <a:gd name="connsiteX126" fmla="*/ 1472 w 10000"/>
                  <a:gd name="connsiteY126" fmla="*/ 4505 h 10000"/>
                  <a:gd name="connsiteX127" fmla="*/ 1650 w 10000"/>
                  <a:gd name="connsiteY127" fmla="*/ 4505 h 10000"/>
                  <a:gd name="connsiteX128" fmla="*/ 1802 w 10000"/>
                  <a:gd name="connsiteY128" fmla="*/ 4520 h 10000"/>
                  <a:gd name="connsiteX129" fmla="*/ 1929 w 10000"/>
                  <a:gd name="connsiteY129" fmla="*/ 4520 h 10000"/>
                  <a:gd name="connsiteX130" fmla="*/ 2081 w 10000"/>
                  <a:gd name="connsiteY130" fmla="*/ 4520 h 10000"/>
                  <a:gd name="connsiteX131" fmla="*/ 2234 w 10000"/>
                  <a:gd name="connsiteY131" fmla="*/ 4490 h 10000"/>
                  <a:gd name="connsiteX132" fmla="*/ 2436 w 10000"/>
                  <a:gd name="connsiteY132" fmla="*/ 4446 h 10000"/>
                  <a:gd name="connsiteX133" fmla="*/ 2436 w 10000"/>
                  <a:gd name="connsiteY133" fmla="*/ 4579 h 10000"/>
                  <a:gd name="connsiteX134" fmla="*/ 2436 w 10000"/>
                  <a:gd name="connsiteY134" fmla="*/ 4742 h 10000"/>
                  <a:gd name="connsiteX135" fmla="*/ 2436 w 10000"/>
                  <a:gd name="connsiteY135" fmla="*/ 4874 h 10000"/>
                  <a:gd name="connsiteX136" fmla="*/ 2436 w 10000"/>
                  <a:gd name="connsiteY136" fmla="*/ 5037 h 10000"/>
                  <a:gd name="connsiteX137" fmla="*/ 2665 w 10000"/>
                  <a:gd name="connsiteY137" fmla="*/ 5022 h 10000"/>
                  <a:gd name="connsiteX138" fmla="*/ 2817 w 10000"/>
                  <a:gd name="connsiteY138" fmla="*/ 5037 h 10000"/>
                  <a:gd name="connsiteX139" fmla="*/ 2944 w 10000"/>
                  <a:gd name="connsiteY139" fmla="*/ 5066 h 10000"/>
                  <a:gd name="connsiteX140" fmla="*/ 3071 w 10000"/>
                  <a:gd name="connsiteY140" fmla="*/ 5096 h 10000"/>
                  <a:gd name="connsiteX141" fmla="*/ 3173 w 10000"/>
                  <a:gd name="connsiteY141" fmla="*/ 5126 h 10000"/>
                  <a:gd name="connsiteX142" fmla="*/ 3299 w 10000"/>
                  <a:gd name="connsiteY142" fmla="*/ 5155 h 10000"/>
                  <a:gd name="connsiteX143" fmla="*/ 3452 w 10000"/>
                  <a:gd name="connsiteY143" fmla="*/ 5170 h 10000"/>
                  <a:gd name="connsiteX144" fmla="*/ 3680 w 10000"/>
                  <a:gd name="connsiteY144" fmla="*/ 5155 h 10000"/>
                  <a:gd name="connsiteX145" fmla="*/ 3757 w 10000"/>
                  <a:gd name="connsiteY145" fmla="*/ 5096 h 10000"/>
                  <a:gd name="connsiteX146" fmla="*/ 3832 w 10000"/>
                  <a:gd name="connsiteY146" fmla="*/ 5022 h 10000"/>
                  <a:gd name="connsiteX147" fmla="*/ 3857 w 10000"/>
                  <a:gd name="connsiteY147" fmla="*/ 4934 h 10000"/>
                  <a:gd name="connsiteX148" fmla="*/ 3884 w 10000"/>
                  <a:gd name="connsiteY148" fmla="*/ 4860 h 10000"/>
                  <a:gd name="connsiteX149" fmla="*/ 3908 w 10000"/>
                  <a:gd name="connsiteY149" fmla="*/ 4697 h 10000"/>
                  <a:gd name="connsiteX150" fmla="*/ 3884 w 10000"/>
                  <a:gd name="connsiteY150" fmla="*/ 4520 h 10000"/>
                  <a:gd name="connsiteX151" fmla="*/ 3807 w 10000"/>
                  <a:gd name="connsiteY151" fmla="*/ 4343 h 10000"/>
                  <a:gd name="connsiteX152" fmla="*/ 3731 w 10000"/>
                  <a:gd name="connsiteY152" fmla="*/ 4195 h 10000"/>
                  <a:gd name="connsiteX153" fmla="*/ 3604 w 10000"/>
                  <a:gd name="connsiteY153" fmla="*/ 4047 h 10000"/>
                  <a:gd name="connsiteX154" fmla="*/ 3477 w 10000"/>
                  <a:gd name="connsiteY154" fmla="*/ 3959 h 10000"/>
                  <a:gd name="connsiteX155" fmla="*/ 3629 w 10000"/>
                  <a:gd name="connsiteY155" fmla="*/ 3944 h 10000"/>
                  <a:gd name="connsiteX156" fmla="*/ 3757 w 10000"/>
                  <a:gd name="connsiteY156" fmla="*/ 3914 h 10000"/>
                  <a:gd name="connsiteX157" fmla="*/ 3857 w 10000"/>
                  <a:gd name="connsiteY157" fmla="*/ 3855 h 10000"/>
                  <a:gd name="connsiteX158" fmla="*/ 3983 w 10000"/>
                  <a:gd name="connsiteY158" fmla="*/ 3752 h 10000"/>
                  <a:gd name="connsiteX159" fmla="*/ 4111 w 10000"/>
                  <a:gd name="connsiteY159" fmla="*/ 3663 h 10000"/>
                  <a:gd name="connsiteX160" fmla="*/ 4213 w 10000"/>
                  <a:gd name="connsiteY160" fmla="*/ 3560 h 10000"/>
                  <a:gd name="connsiteX161" fmla="*/ 4289 w 10000"/>
                  <a:gd name="connsiteY161" fmla="*/ 3442 h 10000"/>
                  <a:gd name="connsiteX162" fmla="*/ 4366 w 10000"/>
                  <a:gd name="connsiteY162" fmla="*/ 3323 h 10000"/>
                  <a:gd name="connsiteX163" fmla="*/ 4416 w 10000"/>
                  <a:gd name="connsiteY163" fmla="*/ 3220 h 10000"/>
                  <a:gd name="connsiteX164" fmla="*/ 4441 w 10000"/>
                  <a:gd name="connsiteY164" fmla="*/ 3102 h 10000"/>
                  <a:gd name="connsiteX165" fmla="*/ 4468 w 10000"/>
                  <a:gd name="connsiteY165" fmla="*/ 3013 h 10000"/>
                  <a:gd name="connsiteX166" fmla="*/ 4441 w 10000"/>
                  <a:gd name="connsiteY166" fmla="*/ 2939 h 10000"/>
                  <a:gd name="connsiteX167" fmla="*/ 4416 w 10000"/>
                  <a:gd name="connsiteY167" fmla="*/ 2866 h 10000"/>
                  <a:gd name="connsiteX168" fmla="*/ 4340 w 10000"/>
                  <a:gd name="connsiteY168" fmla="*/ 2836 h 10000"/>
                  <a:gd name="connsiteX169" fmla="*/ 4239 w 10000"/>
                  <a:gd name="connsiteY169" fmla="*/ 2836 h 10000"/>
                  <a:gd name="connsiteX170" fmla="*/ 4111 w 10000"/>
                  <a:gd name="connsiteY170" fmla="*/ 2866 h 10000"/>
                  <a:gd name="connsiteX171" fmla="*/ 4213 w 10000"/>
                  <a:gd name="connsiteY171" fmla="*/ 2777 h 10000"/>
                  <a:gd name="connsiteX172" fmla="*/ 4265 w 10000"/>
                  <a:gd name="connsiteY172" fmla="*/ 2674 h 10000"/>
                  <a:gd name="connsiteX173" fmla="*/ 4289 w 10000"/>
                  <a:gd name="connsiteY173" fmla="*/ 2541 h 10000"/>
                  <a:gd name="connsiteX174" fmla="*/ 4289 w 10000"/>
                  <a:gd name="connsiteY174" fmla="*/ 2393 h 10000"/>
                  <a:gd name="connsiteX175" fmla="*/ 4314 w 10000"/>
                  <a:gd name="connsiteY175" fmla="*/ 2349 h 10000"/>
                  <a:gd name="connsiteX176" fmla="*/ 4366 w 10000"/>
                  <a:gd name="connsiteY176" fmla="*/ 2304 h 10000"/>
                  <a:gd name="connsiteX177" fmla="*/ 4416 w 10000"/>
                  <a:gd name="connsiteY177" fmla="*/ 2290 h 10000"/>
                  <a:gd name="connsiteX178" fmla="*/ 4493 w 10000"/>
                  <a:gd name="connsiteY178" fmla="*/ 2275 h 10000"/>
                  <a:gd name="connsiteX179" fmla="*/ 4720 w 10000"/>
                  <a:gd name="connsiteY179" fmla="*/ 2260 h 10000"/>
                  <a:gd name="connsiteX180" fmla="*/ 4923 w 10000"/>
                  <a:gd name="connsiteY180" fmla="*/ 2275 h 10000"/>
                  <a:gd name="connsiteX181" fmla="*/ 4898 w 10000"/>
                  <a:gd name="connsiteY181" fmla="*/ 2112 h 10000"/>
                  <a:gd name="connsiteX182" fmla="*/ 4848 w 10000"/>
                  <a:gd name="connsiteY182" fmla="*/ 1950 h 10000"/>
                  <a:gd name="connsiteX183" fmla="*/ 4771 w 10000"/>
                  <a:gd name="connsiteY183" fmla="*/ 1802 h 10000"/>
                  <a:gd name="connsiteX184" fmla="*/ 4671 w 10000"/>
                  <a:gd name="connsiteY184" fmla="*/ 1640 h 10000"/>
                  <a:gd name="connsiteX185" fmla="*/ 4416 w 10000"/>
                  <a:gd name="connsiteY185" fmla="*/ 1329 h 10000"/>
                  <a:gd name="connsiteX186" fmla="*/ 4162 w 10000"/>
                  <a:gd name="connsiteY186" fmla="*/ 1034 h 10000"/>
                  <a:gd name="connsiteX187" fmla="*/ 4035 w 10000"/>
                  <a:gd name="connsiteY187" fmla="*/ 901 h 10000"/>
                  <a:gd name="connsiteX188" fmla="*/ 3935 w 10000"/>
                  <a:gd name="connsiteY188" fmla="*/ 753 h 10000"/>
                  <a:gd name="connsiteX189" fmla="*/ 3857 w 10000"/>
                  <a:gd name="connsiteY189" fmla="*/ 620 h 10000"/>
                  <a:gd name="connsiteX190" fmla="*/ 3832 w 10000"/>
                  <a:gd name="connsiteY190" fmla="*/ 487 h 10000"/>
                  <a:gd name="connsiteX191" fmla="*/ 3807 w 10000"/>
                  <a:gd name="connsiteY191" fmla="*/ 355 h 10000"/>
                  <a:gd name="connsiteX192" fmla="*/ 3857 w 10000"/>
                  <a:gd name="connsiteY192" fmla="*/ 222 h 10000"/>
                  <a:gd name="connsiteX193" fmla="*/ 3884 w 10000"/>
                  <a:gd name="connsiteY193" fmla="*/ 162 h 10000"/>
                  <a:gd name="connsiteX194" fmla="*/ 3935 w 10000"/>
                  <a:gd name="connsiteY194" fmla="*/ 103 h 10000"/>
                  <a:gd name="connsiteX195" fmla="*/ 4011 w 10000"/>
                  <a:gd name="connsiteY195" fmla="*/ 59 h 10000"/>
                  <a:gd name="connsiteX196" fmla="*/ 4111 w 10000"/>
                  <a:gd name="connsiteY196" fmla="*/ 0 h 10000"/>
                  <a:gd name="connsiteX197" fmla="*/ 4289 w 10000"/>
                  <a:gd name="connsiteY197" fmla="*/ 0 h 10000"/>
                  <a:gd name="connsiteX198" fmla="*/ 4468 w 10000"/>
                  <a:gd name="connsiteY198" fmla="*/ 15 h 10000"/>
                  <a:gd name="connsiteX199" fmla="*/ 4644 w 10000"/>
                  <a:gd name="connsiteY199" fmla="*/ 44 h 10000"/>
                  <a:gd name="connsiteX200" fmla="*/ 4771 w 10000"/>
                  <a:gd name="connsiteY200" fmla="*/ 89 h 10000"/>
                  <a:gd name="connsiteX201" fmla="*/ 4975 w 10000"/>
                  <a:gd name="connsiteY201" fmla="*/ 192 h 10000"/>
                  <a:gd name="connsiteX202" fmla="*/ 5177 w 10000"/>
                  <a:gd name="connsiteY202" fmla="*/ 340 h 10000"/>
                  <a:gd name="connsiteX203" fmla="*/ 5329 w 10000"/>
                  <a:gd name="connsiteY203" fmla="*/ 473 h 10000"/>
                  <a:gd name="connsiteX204" fmla="*/ 5532 w 10000"/>
                  <a:gd name="connsiteY204" fmla="*/ 591 h 10000"/>
                  <a:gd name="connsiteX205" fmla="*/ 5660 w 10000"/>
                  <a:gd name="connsiteY205" fmla="*/ 650 h 10000"/>
                  <a:gd name="connsiteX206" fmla="*/ 5812 w 10000"/>
                  <a:gd name="connsiteY206" fmla="*/ 679 h 10000"/>
                  <a:gd name="connsiteX207" fmla="*/ 5965 w 10000"/>
                  <a:gd name="connsiteY207" fmla="*/ 709 h 10000"/>
                  <a:gd name="connsiteX208" fmla="*/ 6168 w 10000"/>
                  <a:gd name="connsiteY208" fmla="*/ 709 h 10000"/>
                  <a:gd name="connsiteX209" fmla="*/ 6168 w 10000"/>
                  <a:gd name="connsiteY209" fmla="*/ 768 h 10000"/>
                  <a:gd name="connsiteX210" fmla="*/ 6193 w 10000"/>
                  <a:gd name="connsiteY210" fmla="*/ 842 h 10000"/>
                  <a:gd name="connsiteX211" fmla="*/ 6243 w 10000"/>
                  <a:gd name="connsiteY211" fmla="*/ 916 h 10000"/>
                  <a:gd name="connsiteX212" fmla="*/ 6294 w 10000"/>
                  <a:gd name="connsiteY212" fmla="*/ 990 h 10000"/>
                  <a:gd name="connsiteX213" fmla="*/ 6369 w 10000"/>
                  <a:gd name="connsiteY213" fmla="*/ 1049 h 10000"/>
                  <a:gd name="connsiteX214" fmla="*/ 6471 w 10000"/>
                  <a:gd name="connsiteY214" fmla="*/ 1108 h 10000"/>
                  <a:gd name="connsiteX215" fmla="*/ 6598 w 10000"/>
                  <a:gd name="connsiteY215" fmla="*/ 1182 h 10000"/>
                  <a:gd name="connsiteX216" fmla="*/ 6700 w 10000"/>
                  <a:gd name="connsiteY216" fmla="*/ 1226 h 10000"/>
                  <a:gd name="connsiteX217" fmla="*/ 6802 w 10000"/>
                  <a:gd name="connsiteY217" fmla="*/ 1270 h 10000"/>
                  <a:gd name="connsiteX218" fmla="*/ 6903 w 10000"/>
                  <a:gd name="connsiteY218" fmla="*/ 1300 h 10000"/>
                  <a:gd name="connsiteX219" fmla="*/ 7005 w 10000"/>
                  <a:gd name="connsiteY219" fmla="*/ 1315 h 10000"/>
                  <a:gd name="connsiteX220" fmla="*/ 7132 w 10000"/>
                  <a:gd name="connsiteY220" fmla="*/ 1300 h 10000"/>
                  <a:gd name="connsiteX221" fmla="*/ 7234 w 10000"/>
                  <a:gd name="connsiteY221" fmla="*/ 1285 h 10000"/>
                  <a:gd name="connsiteX222" fmla="*/ 7309 w 10000"/>
                  <a:gd name="connsiteY222" fmla="*/ 1241 h 10000"/>
                  <a:gd name="connsiteX223" fmla="*/ 7361 w 10000"/>
                  <a:gd name="connsiteY223" fmla="*/ 1167 h 10000"/>
                  <a:gd name="connsiteX224" fmla="*/ 7385 w 10000"/>
                  <a:gd name="connsiteY224" fmla="*/ 1064 h 10000"/>
                  <a:gd name="connsiteX225" fmla="*/ 7766 w 10000"/>
                  <a:gd name="connsiteY225" fmla="*/ 1034 h 10000"/>
                  <a:gd name="connsiteX226" fmla="*/ 8121 w 10000"/>
                  <a:gd name="connsiteY226" fmla="*/ 1004 h 10000"/>
                  <a:gd name="connsiteX227" fmla="*/ 8427 w 10000"/>
                  <a:gd name="connsiteY227" fmla="*/ 990 h 10000"/>
                  <a:gd name="connsiteX228" fmla="*/ 8706 w 10000"/>
                  <a:gd name="connsiteY228" fmla="*/ 1004 h 10000"/>
                  <a:gd name="connsiteX229" fmla="*/ 8833 w 10000"/>
                  <a:gd name="connsiteY229" fmla="*/ 1019 h 10000"/>
                  <a:gd name="connsiteX230" fmla="*/ 8958 w 10000"/>
                  <a:gd name="connsiteY230" fmla="*/ 1034 h 10000"/>
                  <a:gd name="connsiteX231" fmla="*/ 9061 w 10000"/>
                  <a:gd name="connsiteY231" fmla="*/ 1064 h 10000"/>
                  <a:gd name="connsiteX232" fmla="*/ 9188 w 10000"/>
                  <a:gd name="connsiteY232" fmla="*/ 1108 h 10000"/>
                  <a:gd name="connsiteX233" fmla="*/ 9264 w 10000"/>
                  <a:gd name="connsiteY233" fmla="*/ 1182 h 10000"/>
                  <a:gd name="connsiteX234" fmla="*/ 9339 w 10000"/>
                  <a:gd name="connsiteY234" fmla="*/ 1241 h 10000"/>
                  <a:gd name="connsiteX235" fmla="*/ 9391 w 10000"/>
                  <a:gd name="connsiteY235" fmla="*/ 1329 h 10000"/>
                  <a:gd name="connsiteX236" fmla="*/ 9442 w 10000"/>
                  <a:gd name="connsiteY236" fmla="*/ 1433 h 10000"/>
                  <a:gd name="connsiteX237" fmla="*/ 9492 w 10000"/>
                  <a:gd name="connsiteY237" fmla="*/ 1551 h 10000"/>
                  <a:gd name="connsiteX238" fmla="*/ 9466 w 10000"/>
                  <a:gd name="connsiteY238" fmla="*/ 1625 h 10000"/>
                  <a:gd name="connsiteX239" fmla="*/ 9442 w 10000"/>
                  <a:gd name="connsiteY239" fmla="*/ 1684 h 10000"/>
                  <a:gd name="connsiteX240" fmla="*/ 9391 w 10000"/>
                  <a:gd name="connsiteY240" fmla="*/ 1758 h 10000"/>
                  <a:gd name="connsiteX241" fmla="*/ 9315 w 10000"/>
                  <a:gd name="connsiteY241" fmla="*/ 1802 h 10000"/>
                  <a:gd name="connsiteX242" fmla="*/ 9264 w 10000"/>
                  <a:gd name="connsiteY242" fmla="*/ 1861 h 10000"/>
                  <a:gd name="connsiteX243" fmla="*/ 9240 w 10000"/>
                  <a:gd name="connsiteY243" fmla="*/ 1935 h 10000"/>
                  <a:gd name="connsiteX244" fmla="*/ 9264 w 10000"/>
                  <a:gd name="connsiteY244" fmla="*/ 2024 h 10000"/>
                  <a:gd name="connsiteX245" fmla="*/ 9543 w 10000"/>
                  <a:gd name="connsiteY245" fmla="*/ 2157 h 10000"/>
                  <a:gd name="connsiteX246" fmla="*/ 9873 w 10000"/>
                  <a:gd name="connsiteY246" fmla="*/ 2275 h 10000"/>
                  <a:gd name="connsiteX247" fmla="*/ 10000 w 10000"/>
                  <a:gd name="connsiteY247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9415 w 10000"/>
                  <a:gd name="connsiteY2" fmla="*/ 3117 h 10000"/>
                  <a:gd name="connsiteX3" fmla="*/ 9442 w 10000"/>
                  <a:gd name="connsiteY3" fmla="*/ 3072 h 10000"/>
                  <a:gd name="connsiteX4" fmla="*/ 9466 w 10000"/>
                  <a:gd name="connsiteY4" fmla="*/ 3013 h 10000"/>
                  <a:gd name="connsiteX5" fmla="*/ 9466 w 10000"/>
                  <a:gd name="connsiteY5" fmla="*/ 2954 h 10000"/>
                  <a:gd name="connsiteX6" fmla="*/ 9442 w 10000"/>
                  <a:gd name="connsiteY6" fmla="*/ 2866 h 10000"/>
                  <a:gd name="connsiteX7" fmla="*/ 9264 w 10000"/>
                  <a:gd name="connsiteY7" fmla="*/ 2984 h 10000"/>
                  <a:gd name="connsiteX8" fmla="*/ 9061 w 10000"/>
                  <a:gd name="connsiteY8" fmla="*/ 3072 h 10000"/>
                  <a:gd name="connsiteX9" fmla="*/ 7716 w 10000"/>
                  <a:gd name="connsiteY9" fmla="*/ 3545 h 10000"/>
                  <a:gd name="connsiteX10" fmla="*/ 6345 w 10000"/>
                  <a:gd name="connsiteY10" fmla="*/ 4003 h 10000"/>
                  <a:gd name="connsiteX11" fmla="*/ 6143 w 10000"/>
                  <a:gd name="connsiteY11" fmla="*/ 4106 h 10000"/>
                  <a:gd name="connsiteX12" fmla="*/ 5938 w 10000"/>
                  <a:gd name="connsiteY12" fmla="*/ 4195 h 10000"/>
                  <a:gd name="connsiteX13" fmla="*/ 6091 w 10000"/>
                  <a:gd name="connsiteY13" fmla="*/ 4417 h 10000"/>
                  <a:gd name="connsiteX14" fmla="*/ 6421 w 10000"/>
                  <a:gd name="connsiteY14" fmla="*/ 5318 h 10000"/>
                  <a:gd name="connsiteX15" fmla="*/ 6447 w 10000"/>
                  <a:gd name="connsiteY15" fmla="*/ 5539 h 10000"/>
                  <a:gd name="connsiteX16" fmla="*/ 6471 w 10000"/>
                  <a:gd name="connsiteY16" fmla="*/ 5775 h 10000"/>
                  <a:gd name="connsiteX17" fmla="*/ 6471 w 10000"/>
                  <a:gd name="connsiteY17" fmla="*/ 5997 h 10000"/>
                  <a:gd name="connsiteX18" fmla="*/ 6447 w 10000"/>
                  <a:gd name="connsiteY18" fmla="*/ 6233 h 10000"/>
                  <a:gd name="connsiteX19" fmla="*/ 6396 w 10000"/>
                  <a:gd name="connsiteY19" fmla="*/ 6470 h 10000"/>
                  <a:gd name="connsiteX20" fmla="*/ 6345 w 10000"/>
                  <a:gd name="connsiteY20" fmla="*/ 6677 h 10000"/>
                  <a:gd name="connsiteX21" fmla="*/ 6269 w 10000"/>
                  <a:gd name="connsiteY21" fmla="*/ 6898 h 10000"/>
                  <a:gd name="connsiteX22" fmla="*/ 6168 w 10000"/>
                  <a:gd name="connsiteY22" fmla="*/ 7105 h 10000"/>
                  <a:gd name="connsiteX23" fmla="*/ 6041 w 10000"/>
                  <a:gd name="connsiteY23" fmla="*/ 7297 h 10000"/>
                  <a:gd name="connsiteX24" fmla="*/ 5888 w 10000"/>
                  <a:gd name="connsiteY24" fmla="*/ 7489 h 10000"/>
                  <a:gd name="connsiteX25" fmla="*/ 5735 w 10000"/>
                  <a:gd name="connsiteY25" fmla="*/ 7681 h 10000"/>
                  <a:gd name="connsiteX26" fmla="*/ 6471 w 10000"/>
                  <a:gd name="connsiteY26" fmla="*/ 7799 h 10000"/>
                  <a:gd name="connsiteX27" fmla="*/ 7234 w 10000"/>
                  <a:gd name="connsiteY27" fmla="*/ 7962 h 10000"/>
                  <a:gd name="connsiteX28" fmla="*/ 7385 w 10000"/>
                  <a:gd name="connsiteY28" fmla="*/ 8021 h 10000"/>
                  <a:gd name="connsiteX29" fmla="*/ 7512 w 10000"/>
                  <a:gd name="connsiteY29" fmla="*/ 8080 h 10000"/>
                  <a:gd name="connsiteX30" fmla="*/ 7639 w 10000"/>
                  <a:gd name="connsiteY30" fmla="*/ 8139 h 10000"/>
                  <a:gd name="connsiteX31" fmla="*/ 7716 w 10000"/>
                  <a:gd name="connsiteY31" fmla="*/ 8227 h 10000"/>
                  <a:gd name="connsiteX32" fmla="*/ 7741 w 10000"/>
                  <a:gd name="connsiteY32" fmla="*/ 8301 h 10000"/>
                  <a:gd name="connsiteX33" fmla="*/ 7741 w 10000"/>
                  <a:gd name="connsiteY33" fmla="*/ 8405 h 10000"/>
                  <a:gd name="connsiteX34" fmla="*/ 7691 w 10000"/>
                  <a:gd name="connsiteY34" fmla="*/ 8523 h 10000"/>
                  <a:gd name="connsiteX35" fmla="*/ 7614 w 10000"/>
                  <a:gd name="connsiteY35" fmla="*/ 8641 h 10000"/>
                  <a:gd name="connsiteX36" fmla="*/ 7284 w 10000"/>
                  <a:gd name="connsiteY36" fmla="*/ 8552 h 10000"/>
                  <a:gd name="connsiteX37" fmla="*/ 6979 w 10000"/>
                  <a:gd name="connsiteY37" fmla="*/ 8449 h 10000"/>
                  <a:gd name="connsiteX38" fmla="*/ 6674 w 10000"/>
                  <a:gd name="connsiteY38" fmla="*/ 8360 h 10000"/>
                  <a:gd name="connsiteX39" fmla="*/ 6369 w 10000"/>
                  <a:gd name="connsiteY39" fmla="*/ 8287 h 10000"/>
                  <a:gd name="connsiteX40" fmla="*/ 6243 w 10000"/>
                  <a:gd name="connsiteY40" fmla="*/ 8449 h 10000"/>
                  <a:gd name="connsiteX41" fmla="*/ 6143 w 10000"/>
                  <a:gd name="connsiteY41" fmla="*/ 8597 h 10000"/>
                  <a:gd name="connsiteX42" fmla="*/ 6091 w 10000"/>
                  <a:gd name="connsiteY42" fmla="*/ 8656 h 10000"/>
                  <a:gd name="connsiteX43" fmla="*/ 5989 w 10000"/>
                  <a:gd name="connsiteY43" fmla="*/ 8700 h 10000"/>
                  <a:gd name="connsiteX44" fmla="*/ 5914 w 10000"/>
                  <a:gd name="connsiteY44" fmla="*/ 8744 h 10000"/>
                  <a:gd name="connsiteX45" fmla="*/ 5838 w 10000"/>
                  <a:gd name="connsiteY45" fmla="*/ 8774 h 10000"/>
                  <a:gd name="connsiteX46" fmla="*/ 5761 w 10000"/>
                  <a:gd name="connsiteY46" fmla="*/ 8804 h 10000"/>
                  <a:gd name="connsiteX47" fmla="*/ 5660 w 10000"/>
                  <a:gd name="connsiteY47" fmla="*/ 8818 h 10000"/>
                  <a:gd name="connsiteX48" fmla="*/ 5532 w 10000"/>
                  <a:gd name="connsiteY48" fmla="*/ 8833 h 10000"/>
                  <a:gd name="connsiteX49" fmla="*/ 5406 w 10000"/>
                  <a:gd name="connsiteY49" fmla="*/ 8833 h 10000"/>
                  <a:gd name="connsiteX50" fmla="*/ 5102 w 10000"/>
                  <a:gd name="connsiteY50" fmla="*/ 8818 h 10000"/>
                  <a:gd name="connsiteX51" fmla="*/ 4720 w 10000"/>
                  <a:gd name="connsiteY51" fmla="*/ 8744 h 10000"/>
                  <a:gd name="connsiteX52" fmla="*/ 4720 w 10000"/>
                  <a:gd name="connsiteY52" fmla="*/ 8922 h 10000"/>
                  <a:gd name="connsiteX53" fmla="*/ 4695 w 10000"/>
                  <a:gd name="connsiteY53" fmla="*/ 9069 h 10000"/>
                  <a:gd name="connsiteX54" fmla="*/ 4671 w 10000"/>
                  <a:gd name="connsiteY54" fmla="*/ 9232 h 10000"/>
                  <a:gd name="connsiteX55" fmla="*/ 4644 w 10000"/>
                  <a:gd name="connsiteY55" fmla="*/ 9365 h 10000"/>
                  <a:gd name="connsiteX56" fmla="*/ 4593 w 10000"/>
                  <a:gd name="connsiteY56" fmla="*/ 9498 h 10000"/>
                  <a:gd name="connsiteX57" fmla="*/ 4493 w 10000"/>
                  <a:gd name="connsiteY57" fmla="*/ 9616 h 10000"/>
                  <a:gd name="connsiteX58" fmla="*/ 4416 w 10000"/>
                  <a:gd name="connsiteY58" fmla="*/ 9734 h 10000"/>
                  <a:gd name="connsiteX59" fmla="*/ 4289 w 10000"/>
                  <a:gd name="connsiteY59" fmla="*/ 9838 h 10000"/>
                  <a:gd name="connsiteX60" fmla="*/ 3983 w 10000"/>
                  <a:gd name="connsiteY60" fmla="*/ 9897 h 10000"/>
                  <a:gd name="connsiteX61" fmla="*/ 3731 w 10000"/>
                  <a:gd name="connsiteY61" fmla="*/ 9941 h 10000"/>
                  <a:gd name="connsiteX62" fmla="*/ 3426 w 10000"/>
                  <a:gd name="connsiteY62" fmla="*/ 9985 h 10000"/>
                  <a:gd name="connsiteX63" fmla="*/ 3198 w 10000"/>
                  <a:gd name="connsiteY63" fmla="*/ 10000 h 10000"/>
                  <a:gd name="connsiteX64" fmla="*/ 2690 w 10000"/>
                  <a:gd name="connsiteY64" fmla="*/ 10000 h 10000"/>
                  <a:gd name="connsiteX65" fmla="*/ 2208 w 10000"/>
                  <a:gd name="connsiteY65" fmla="*/ 9985 h 10000"/>
                  <a:gd name="connsiteX66" fmla="*/ 1752 w 10000"/>
                  <a:gd name="connsiteY66" fmla="*/ 9941 h 10000"/>
                  <a:gd name="connsiteX67" fmla="*/ 1270 w 10000"/>
                  <a:gd name="connsiteY67" fmla="*/ 9911 h 10000"/>
                  <a:gd name="connsiteX68" fmla="*/ 990 w 10000"/>
                  <a:gd name="connsiteY68" fmla="*/ 9911 h 10000"/>
                  <a:gd name="connsiteX69" fmla="*/ 736 w 10000"/>
                  <a:gd name="connsiteY69" fmla="*/ 9911 h 10000"/>
                  <a:gd name="connsiteX70" fmla="*/ 457 w 10000"/>
                  <a:gd name="connsiteY70" fmla="*/ 9926 h 10000"/>
                  <a:gd name="connsiteX71" fmla="*/ 178 w 10000"/>
                  <a:gd name="connsiteY71" fmla="*/ 9970 h 10000"/>
                  <a:gd name="connsiteX72" fmla="*/ 102 w 10000"/>
                  <a:gd name="connsiteY72" fmla="*/ 9867 h 10000"/>
                  <a:gd name="connsiteX73" fmla="*/ 51 w 10000"/>
                  <a:gd name="connsiteY73" fmla="*/ 9793 h 10000"/>
                  <a:gd name="connsiteX74" fmla="*/ 0 w 10000"/>
                  <a:gd name="connsiteY74" fmla="*/ 9705 h 10000"/>
                  <a:gd name="connsiteX75" fmla="*/ 0 w 10000"/>
                  <a:gd name="connsiteY75" fmla="*/ 9601 h 10000"/>
                  <a:gd name="connsiteX76" fmla="*/ 51 w 10000"/>
                  <a:gd name="connsiteY76" fmla="*/ 9424 h 10000"/>
                  <a:gd name="connsiteX77" fmla="*/ 102 w 10000"/>
                  <a:gd name="connsiteY77" fmla="*/ 9202 h 10000"/>
                  <a:gd name="connsiteX78" fmla="*/ 151 w 10000"/>
                  <a:gd name="connsiteY78" fmla="*/ 8996 h 10000"/>
                  <a:gd name="connsiteX79" fmla="*/ 203 w 10000"/>
                  <a:gd name="connsiteY79" fmla="*/ 8759 h 10000"/>
                  <a:gd name="connsiteX80" fmla="*/ 228 w 10000"/>
                  <a:gd name="connsiteY80" fmla="*/ 8641 h 10000"/>
                  <a:gd name="connsiteX81" fmla="*/ 228 w 10000"/>
                  <a:gd name="connsiteY81" fmla="*/ 8538 h 10000"/>
                  <a:gd name="connsiteX82" fmla="*/ 203 w 10000"/>
                  <a:gd name="connsiteY82" fmla="*/ 8405 h 10000"/>
                  <a:gd name="connsiteX83" fmla="*/ 178 w 10000"/>
                  <a:gd name="connsiteY83" fmla="*/ 8287 h 10000"/>
                  <a:gd name="connsiteX84" fmla="*/ 431 w 10000"/>
                  <a:gd name="connsiteY84" fmla="*/ 8213 h 10000"/>
                  <a:gd name="connsiteX85" fmla="*/ 685 w 10000"/>
                  <a:gd name="connsiteY85" fmla="*/ 8139 h 10000"/>
                  <a:gd name="connsiteX86" fmla="*/ 939 w 10000"/>
                  <a:gd name="connsiteY86" fmla="*/ 8095 h 10000"/>
                  <a:gd name="connsiteX87" fmla="*/ 1218 w 10000"/>
                  <a:gd name="connsiteY87" fmla="*/ 8065 h 10000"/>
                  <a:gd name="connsiteX88" fmla="*/ 1725 w 10000"/>
                  <a:gd name="connsiteY88" fmla="*/ 8021 h 10000"/>
                  <a:gd name="connsiteX89" fmla="*/ 2234 w 10000"/>
                  <a:gd name="connsiteY89" fmla="*/ 7976 h 10000"/>
                  <a:gd name="connsiteX90" fmla="*/ 2462 w 10000"/>
                  <a:gd name="connsiteY90" fmla="*/ 7947 h 10000"/>
                  <a:gd name="connsiteX91" fmla="*/ 2690 w 10000"/>
                  <a:gd name="connsiteY91" fmla="*/ 7917 h 10000"/>
                  <a:gd name="connsiteX92" fmla="*/ 2892 w 10000"/>
                  <a:gd name="connsiteY92" fmla="*/ 7843 h 10000"/>
                  <a:gd name="connsiteX93" fmla="*/ 3096 w 10000"/>
                  <a:gd name="connsiteY93" fmla="*/ 7784 h 10000"/>
                  <a:gd name="connsiteX94" fmla="*/ 3274 w 10000"/>
                  <a:gd name="connsiteY94" fmla="*/ 7710 h 10000"/>
                  <a:gd name="connsiteX95" fmla="*/ 3426 w 10000"/>
                  <a:gd name="connsiteY95" fmla="*/ 7592 h 10000"/>
                  <a:gd name="connsiteX96" fmla="*/ 3579 w 10000"/>
                  <a:gd name="connsiteY96" fmla="*/ 7474 h 10000"/>
                  <a:gd name="connsiteX97" fmla="*/ 3680 w 10000"/>
                  <a:gd name="connsiteY97" fmla="*/ 7312 h 10000"/>
                  <a:gd name="connsiteX98" fmla="*/ 3477 w 10000"/>
                  <a:gd name="connsiteY98" fmla="*/ 7238 h 10000"/>
                  <a:gd name="connsiteX99" fmla="*/ 3299 w 10000"/>
                  <a:gd name="connsiteY99" fmla="*/ 7179 h 10000"/>
                  <a:gd name="connsiteX100" fmla="*/ 3147 w 10000"/>
                  <a:gd name="connsiteY100" fmla="*/ 7090 h 10000"/>
                  <a:gd name="connsiteX101" fmla="*/ 2995 w 10000"/>
                  <a:gd name="connsiteY101" fmla="*/ 6987 h 10000"/>
                  <a:gd name="connsiteX102" fmla="*/ 2892 w 10000"/>
                  <a:gd name="connsiteY102" fmla="*/ 6869 h 10000"/>
                  <a:gd name="connsiteX103" fmla="*/ 2843 w 10000"/>
                  <a:gd name="connsiteY103" fmla="*/ 6721 h 10000"/>
                  <a:gd name="connsiteX104" fmla="*/ 2817 w 10000"/>
                  <a:gd name="connsiteY104" fmla="*/ 6558 h 10000"/>
                  <a:gd name="connsiteX105" fmla="*/ 2843 w 10000"/>
                  <a:gd name="connsiteY105" fmla="*/ 6352 h 10000"/>
                  <a:gd name="connsiteX106" fmla="*/ 2716 w 10000"/>
                  <a:gd name="connsiteY106" fmla="*/ 6322 h 10000"/>
                  <a:gd name="connsiteX107" fmla="*/ 2564 w 10000"/>
                  <a:gd name="connsiteY107" fmla="*/ 6292 h 10000"/>
                  <a:gd name="connsiteX108" fmla="*/ 2386 w 10000"/>
                  <a:gd name="connsiteY108" fmla="*/ 6278 h 10000"/>
                  <a:gd name="connsiteX109" fmla="*/ 2208 w 10000"/>
                  <a:gd name="connsiteY109" fmla="*/ 6263 h 10000"/>
                  <a:gd name="connsiteX110" fmla="*/ 1853 w 10000"/>
                  <a:gd name="connsiteY110" fmla="*/ 6248 h 10000"/>
                  <a:gd name="connsiteX111" fmla="*/ 1472 w 10000"/>
                  <a:gd name="connsiteY111" fmla="*/ 6263 h 10000"/>
                  <a:gd name="connsiteX112" fmla="*/ 1143 w 10000"/>
                  <a:gd name="connsiteY112" fmla="*/ 6278 h 10000"/>
                  <a:gd name="connsiteX113" fmla="*/ 837 w 10000"/>
                  <a:gd name="connsiteY113" fmla="*/ 6278 h 10000"/>
                  <a:gd name="connsiteX114" fmla="*/ 585 w 10000"/>
                  <a:gd name="connsiteY114" fmla="*/ 6263 h 10000"/>
                  <a:gd name="connsiteX115" fmla="*/ 381 w 10000"/>
                  <a:gd name="connsiteY115" fmla="*/ 6233 h 10000"/>
                  <a:gd name="connsiteX116" fmla="*/ 633 w 10000"/>
                  <a:gd name="connsiteY116" fmla="*/ 5805 h 10000"/>
                  <a:gd name="connsiteX117" fmla="*/ 914 w 10000"/>
                  <a:gd name="connsiteY117" fmla="*/ 5391 h 10000"/>
                  <a:gd name="connsiteX118" fmla="*/ 1016 w 10000"/>
                  <a:gd name="connsiteY118" fmla="*/ 5170 h 10000"/>
                  <a:gd name="connsiteX119" fmla="*/ 1091 w 10000"/>
                  <a:gd name="connsiteY119" fmla="*/ 4963 h 10000"/>
                  <a:gd name="connsiteX120" fmla="*/ 1116 w 10000"/>
                  <a:gd name="connsiteY120" fmla="*/ 4860 h 10000"/>
                  <a:gd name="connsiteX121" fmla="*/ 1091 w 10000"/>
                  <a:gd name="connsiteY121" fmla="*/ 4756 h 10000"/>
                  <a:gd name="connsiteX122" fmla="*/ 1066 w 10000"/>
                  <a:gd name="connsiteY122" fmla="*/ 4653 h 10000"/>
                  <a:gd name="connsiteX123" fmla="*/ 990 w 10000"/>
                  <a:gd name="connsiteY123" fmla="*/ 4549 h 10000"/>
                  <a:gd name="connsiteX124" fmla="*/ 1270 w 10000"/>
                  <a:gd name="connsiteY124" fmla="*/ 4520 h 10000"/>
                  <a:gd name="connsiteX125" fmla="*/ 1472 w 10000"/>
                  <a:gd name="connsiteY125" fmla="*/ 4505 h 10000"/>
                  <a:gd name="connsiteX126" fmla="*/ 1650 w 10000"/>
                  <a:gd name="connsiteY126" fmla="*/ 4505 h 10000"/>
                  <a:gd name="connsiteX127" fmla="*/ 1802 w 10000"/>
                  <a:gd name="connsiteY127" fmla="*/ 4520 h 10000"/>
                  <a:gd name="connsiteX128" fmla="*/ 1929 w 10000"/>
                  <a:gd name="connsiteY128" fmla="*/ 4520 h 10000"/>
                  <a:gd name="connsiteX129" fmla="*/ 2081 w 10000"/>
                  <a:gd name="connsiteY129" fmla="*/ 4520 h 10000"/>
                  <a:gd name="connsiteX130" fmla="*/ 2234 w 10000"/>
                  <a:gd name="connsiteY130" fmla="*/ 4490 h 10000"/>
                  <a:gd name="connsiteX131" fmla="*/ 2436 w 10000"/>
                  <a:gd name="connsiteY131" fmla="*/ 4446 h 10000"/>
                  <a:gd name="connsiteX132" fmla="*/ 2436 w 10000"/>
                  <a:gd name="connsiteY132" fmla="*/ 4579 h 10000"/>
                  <a:gd name="connsiteX133" fmla="*/ 2436 w 10000"/>
                  <a:gd name="connsiteY133" fmla="*/ 4742 h 10000"/>
                  <a:gd name="connsiteX134" fmla="*/ 2436 w 10000"/>
                  <a:gd name="connsiteY134" fmla="*/ 4874 h 10000"/>
                  <a:gd name="connsiteX135" fmla="*/ 2436 w 10000"/>
                  <a:gd name="connsiteY135" fmla="*/ 5037 h 10000"/>
                  <a:gd name="connsiteX136" fmla="*/ 2665 w 10000"/>
                  <a:gd name="connsiteY136" fmla="*/ 5022 h 10000"/>
                  <a:gd name="connsiteX137" fmla="*/ 2817 w 10000"/>
                  <a:gd name="connsiteY137" fmla="*/ 5037 h 10000"/>
                  <a:gd name="connsiteX138" fmla="*/ 2944 w 10000"/>
                  <a:gd name="connsiteY138" fmla="*/ 5066 h 10000"/>
                  <a:gd name="connsiteX139" fmla="*/ 3071 w 10000"/>
                  <a:gd name="connsiteY139" fmla="*/ 5096 h 10000"/>
                  <a:gd name="connsiteX140" fmla="*/ 3173 w 10000"/>
                  <a:gd name="connsiteY140" fmla="*/ 5126 h 10000"/>
                  <a:gd name="connsiteX141" fmla="*/ 3299 w 10000"/>
                  <a:gd name="connsiteY141" fmla="*/ 5155 h 10000"/>
                  <a:gd name="connsiteX142" fmla="*/ 3452 w 10000"/>
                  <a:gd name="connsiteY142" fmla="*/ 5170 h 10000"/>
                  <a:gd name="connsiteX143" fmla="*/ 3680 w 10000"/>
                  <a:gd name="connsiteY143" fmla="*/ 5155 h 10000"/>
                  <a:gd name="connsiteX144" fmla="*/ 3757 w 10000"/>
                  <a:gd name="connsiteY144" fmla="*/ 5096 h 10000"/>
                  <a:gd name="connsiteX145" fmla="*/ 3832 w 10000"/>
                  <a:gd name="connsiteY145" fmla="*/ 5022 h 10000"/>
                  <a:gd name="connsiteX146" fmla="*/ 3857 w 10000"/>
                  <a:gd name="connsiteY146" fmla="*/ 4934 h 10000"/>
                  <a:gd name="connsiteX147" fmla="*/ 3884 w 10000"/>
                  <a:gd name="connsiteY147" fmla="*/ 4860 h 10000"/>
                  <a:gd name="connsiteX148" fmla="*/ 3908 w 10000"/>
                  <a:gd name="connsiteY148" fmla="*/ 4697 h 10000"/>
                  <a:gd name="connsiteX149" fmla="*/ 3884 w 10000"/>
                  <a:gd name="connsiteY149" fmla="*/ 4520 h 10000"/>
                  <a:gd name="connsiteX150" fmla="*/ 3807 w 10000"/>
                  <a:gd name="connsiteY150" fmla="*/ 4343 h 10000"/>
                  <a:gd name="connsiteX151" fmla="*/ 3731 w 10000"/>
                  <a:gd name="connsiteY151" fmla="*/ 4195 h 10000"/>
                  <a:gd name="connsiteX152" fmla="*/ 3604 w 10000"/>
                  <a:gd name="connsiteY152" fmla="*/ 4047 h 10000"/>
                  <a:gd name="connsiteX153" fmla="*/ 3477 w 10000"/>
                  <a:gd name="connsiteY153" fmla="*/ 3959 h 10000"/>
                  <a:gd name="connsiteX154" fmla="*/ 3629 w 10000"/>
                  <a:gd name="connsiteY154" fmla="*/ 3944 h 10000"/>
                  <a:gd name="connsiteX155" fmla="*/ 3757 w 10000"/>
                  <a:gd name="connsiteY155" fmla="*/ 3914 h 10000"/>
                  <a:gd name="connsiteX156" fmla="*/ 3857 w 10000"/>
                  <a:gd name="connsiteY156" fmla="*/ 3855 h 10000"/>
                  <a:gd name="connsiteX157" fmla="*/ 3983 w 10000"/>
                  <a:gd name="connsiteY157" fmla="*/ 3752 h 10000"/>
                  <a:gd name="connsiteX158" fmla="*/ 4111 w 10000"/>
                  <a:gd name="connsiteY158" fmla="*/ 3663 h 10000"/>
                  <a:gd name="connsiteX159" fmla="*/ 4213 w 10000"/>
                  <a:gd name="connsiteY159" fmla="*/ 3560 h 10000"/>
                  <a:gd name="connsiteX160" fmla="*/ 4289 w 10000"/>
                  <a:gd name="connsiteY160" fmla="*/ 3442 h 10000"/>
                  <a:gd name="connsiteX161" fmla="*/ 4366 w 10000"/>
                  <a:gd name="connsiteY161" fmla="*/ 3323 h 10000"/>
                  <a:gd name="connsiteX162" fmla="*/ 4416 w 10000"/>
                  <a:gd name="connsiteY162" fmla="*/ 3220 h 10000"/>
                  <a:gd name="connsiteX163" fmla="*/ 4441 w 10000"/>
                  <a:gd name="connsiteY163" fmla="*/ 3102 h 10000"/>
                  <a:gd name="connsiteX164" fmla="*/ 4468 w 10000"/>
                  <a:gd name="connsiteY164" fmla="*/ 3013 h 10000"/>
                  <a:gd name="connsiteX165" fmla="*/ 4441 w 10000"/>
                  <a:gd name="connsiteY165" fmla="*/ 2939 h 10000"/>
                  <a:gd name="connsiteX166" fmla="*/ 4416 w 10000"/>
                  <a:gd name="connsiteY166" fmla="*/ 2866 h 10000"/>
                  <a:gd name="connsiteX167" fmla="*/ 4340 w 10000"/>
                  <a:gd name="connsiteY167" fmla="*/ 2836 h 10000"/>
                  <a:gd name="connsiteX168" fmla="*/ 4239 w 10000"/>
                  <a:gd name="connsiteY168" fmla="*/ 2836 h 10000"/>
                  <a:gd name="connsiteX169" fmla="*/ 4111 w 10000"/>
                  <a:gd name="connsiteY169" fmla="*/ 2866 h 10000"/>
                  <a:gd name="connsiteX170" fmla="*/ 4213 w 10000"/>
                  <a:gd name="connsiteY170" fmla="*/ 2777 h 10000"/>
                  <a:gd name="connsiteX171" fmla="*/ 4265 w 10000"/>
                  <a:gd name="connsiteY171" fmla="*/ 2674 h 10000"/>
                  <a:gd name="connsiteX172" fmla="*/ 4289 w 10000"/>
                  <a:gd name="connsiteY172" fmla="*/ 2541 h 10000"/>
                  <a:gd name="connsiteX173" fmla="*/ 4289 w 10000"/>
                  <a:gd name="connsiteY173" fmla="*/ 2393 h 10000"/>
                  <a:gd name="connsiteX174" fmla="*/ 4314 w 10000"/>
                  <a:gd name="connsiteY174" fmla="*/ 2349 h 10000"/>
                  <a:gd name="connsiteX175" fmla="*/ 4366 w 10000"/>
                  <a:gd name="connsiteY175" fmla="*/ 2304 h 10000"/>
                  <a:gd name="connsiteX176" fmla="*/ 4416 w 10000"/>
                  <a:gd name="connsiteY176" fmla="*/ 2290 h 10000"/>
                  <a:gd name="connsiteX177" fmla="*/ 4493 w 10000"/>
                  <a:gd name="connsiteY177" fmla="*/ 2275 h 10000"/>
                  <a:gd name="connsiteX178" fmla="*/ 4720 w 10000"/>
                  <a:gd name="connsiteY178" fmla="*/ 2260 h 10000"/>
                  <a:gd name="connsiteX179" fmla="*/ 4923 w 10000"/>
                  <a:gd name="connsiteY179" fmla="*/ 2275 h 10000"/>
                  <a:gd name="connsiteX180" fmla="*/ 4898 w 10000"/>
                  <a:gd name="connsiteY180" fmla="*/ 2112 h 10000"/>
                  <a:gd name="connsiteX181" fmla="*/ 4848 w 10000"/>
                  <a:gd name="connsiteY181" fmla="*/ 1950 h 10000"/>
                  <a:gd name="connsiteX182" fmla="*/ 4771 w 10000"/>
                  <a:gd name="connsiteY182" fmla="*/ 1802 h 10000"/>
                  <a:gd name="connsiteX183" fmla="*/ 4671 w 10000"/>
                  <a:gd name="connsiteY183" fmla="*/ 1640 h 10000"/>
                  <a:gd name="connsiteX184" fmla="*/ 4416 w 10000"/>
                  <a:gd name="connsiteY184" fmla="*/ 1329 h 10000"/>
                  <a:gd name="connsiteX185" fmla="*/ 4162 w 10000"/>
                  <a:gd name="connsiteY185" fmla="*/ 1034 h 10000"/>
                  <a:gd name="connsiteX186" fmla="*/ 4035 w 10000"/>
                  <a:gd name="connsiteY186" fmla="*/ 901 h 10000"/>
                  <a:gd name="connsiteX187" fmla="*/ 3935 w 10000"/>
                  <a:gd name="connsiteY187" fmla="*/ 753 h 10000"/>
                  <a:gd name="connsiteX188" fmla="*/ 3857 w 10000"/>
                  <a:gd name="connsiteY188" fmla="*/ 620 h 10000"/>
                  <a:gd name="connsiteX189" fmla="*/ 3832 w 10000"/>
                  <a:gd name="connsiteY189" fmla="*/ 487 h 10000"/>
                  <a:gd name="connsiteX190" fmla="*/ 3807 w 10000"/>
                  <a:gd name="connsiteY190" fmla="*/ 355 h 10000"/>
                  <a:gd name="connsiteX191" fmla="*/ 3857 w 10000"/>
                  <a:gd name="connsiteY191" fmla="*/ 222 h 10000"/>
                  <a:gd name="connsiteX192" fmla="*/ 3884 w 10000"/>
                  <a:gd name="connsiteY192" fmla="*/ 162 h 10000"/>
                  <a:gd name="connsiteX193" fmla="*/ 3935 w 10000"/>
                  <a:gd name="connsiteY193" fmla="*/ 103 h 10000"/>
                  <a:gd name="connsiteX194" fmla="*/ 4011 w 10000"/>
                  <a:gd name="connsiteY194" fmla="*/ 59 h 10000"/>
                  <a:gd name="connsiteX195" fmla="*/ 4111 w 10000"/>
                  <a:gd name="connsiteY195" fmla="*/ 0 h 10000"/>
                  <a:gd name="connsiteX196" fmla="*/ 4289 w 10000"/>
                  <a:gd name="connsiteY196" fmla="*/ 0 h 10000"/>
                  <a:gd name="connsiteX197" fmla="*/ 4468 w 10000"/>
                  <a:gd name="connsiteY197" fmla="*/ 15 h 10000"/>
                  <a:gd name="connsiteX198" fmla="*/ 4644 w 10000"/>
                  <a:gd name="connsiteY198" fmla="*/ 44 h 10000"/>
                  <a:gd name="connsiteX199" fmla="*/ 4771 w 10000"/>
                  <a:gd name="connsiteY199" fmla="*/ 89 h 10000"/>
                  <a:gd name="connsiteX200" fmla="*/ 4975 w 10000"/>
                  <a:gd name="connsiteY200" fmla="*/ 192 h 10000"/>
                  <a:gd name="connsiteX201" fmla="*/ 5177 w 10000"/>
                  <a:gd name="connsiteY201" fmla="*/ 340 h 10000"/>
                  <a:gd name="connsiteX202" fmla="*/ 5329 w 10000"/>
                  <a:gd name="connsiteY202" fmla="*/ 473 h 10000"/>
                  <a:gd name="connsiteX203" fmla="*/ 5532 w 10000"/>
                  <a:gd name="connsiteY203" fmla="*/ 591 h 10000"/>
                  <a:gd name="connsiteX204" fmla="*/ 5660 w 10000"/>
                  <a:gd name="connsiteY204" fmla="*/ 650 h 10000"/>
                  <a:gd name="connsiteX205" fmla="*/ 5812 w 10000"/>
                  <a:gd name="connsiteY205" fmla="*/ 679 h 10000"/>
                  <a:gd name="connsiteX206" fmla="*/ 5965 w 10000"/>
                  <a:gd name="connsiteY206" fmla="*/ 709 h 10000"/>
                  <a:gd name="connsiteX207" fmla="*/ 6168 w 10000"/>
                  <a:gd name="connsiteY207" fmla="*/ 709 h 10000"/>
                  <a:gd name="connsiteX208" fmla="*/ 6168 w 10000"/>
                  <a:gd name="connsiteY208" fmla="*/ 768 h 10000"/>
                  <a:gd name="connsiteX209" fmla="*/ 6193 w 10000"/>
                  <a:gd name="connsiteY209" fmla="*/ 842 h 10000"/>
                  <a:gd name="connsiteX210" fmla="*/ 6243 w 10000"/>
                  <a:gd name="connsiteY210" fmla="*/ 916 h 10000"/>
                  <a:gd name="connsiteX211" fmla="*/ 6294 w 10000"/>
                  <a:gd name="connsiteY211" fmla="*/ 990 h 10000"/>
                  <a:gd name="connsiteX212" fmla="*/ 6369 w 10000"/>
                  <a:gd name="connsiteY212" fmla="*/ 1049 h 10000"/>
                  <a:gd name="connsiteX213" fmla="*/ 6471 w 10000"/>
                  <a:gd name="connsiteY213" fmla="*/ 1108 h 10000"/>
                  <a:gd name="connsiteX214" fmla="*/ 6598 w 10000"/>
                  <a:gd name="connsiteY214" fmla="*/ 1182 h 10000"/>
                  <a:gd name="connsiteX215" fmla="*/ 6700 w 10000"/>
                  <a:gd name="connsiteY215" fmla="*/ 1226 h 10000"/>
                  <a:gd name="connsiteX216" fmla="*/ 6802 w 10000"/>
                  <a:gd name="connsiteY216" fmla="*/ 1270 h 10000"/>
                  <a:gd name="connsiteX217" fmla="*/ 6903 w 10000"/>
                  <a:gd name="connsiteY217" fmla="*/ 1300 h 10000"/>
                  <a:gd name="connsiteX218" fmla="*/ 7005 w 10000"/>
                  <a:gd name="connsiteY218" fmla="*/ 1315 h 10000"/>
                  <a:gd name="connsiteX219" fmla="*/ 7132 w 10000"/>
                  <a:gd name="connsiteY219" fmla="*/ 1300 h 10000"/>
                  <a:gd name="connsiteX220" fmla="*/ 7234 w 10000"/>
                  <a:gd name="connsiteY220" fmla="*/ 1285 h 10000"/>
                  <a:gd name="connsiteX221" fmla="*/ 7309 w 10000"/>
                  <a:gd name="connsiteY221" fmla="*/ 1241 h 10000"/>
                  <a:gd name="connsiteX222" fmla="*/ 7361 w 10000"/>
                  <a:gd name="connsiteY222" fmla="*/ 1167 h 10000"/>
                  <a:gd name="connsiteX223" fmla="*/ 7385 w 10000"/>
                  <a:gd name="connsiteY223" fmla="*/ 1064 h 10000"/>
                  <a:gd name="connsiteX224" fmla="*/ 7766 w 10000"/>
                  <a:gd name="connsiteY224" fmla="*/ 1034 h 10000"/>
                  <a:gd name="connsiteX225" fmla="*/ 8121 w 10000"/>
                  <a:gd name="connsiteY225" fmla="*/ 1004 h 10000"/>
                  <a:gd name="connsiteX226" fmla="*/ 8427 w 10000"/>
                  <a:gd name="connsiteY226" fmla="*/ 990 h 10000"/>
                  <a:gd name="connsiteX227" fmla="*/ 8706 w 10000"/>
                  <a:gd name="connsiteY227" fmla="*/ 1004 h 10000"/>
                  <a:gd name="connsiteX228" fmla="*/ 8833 w 10000"/>
                  <a:gd name="connsiteY228" fmla="*/ 1019 h 10000"/>
                  <a:gd name="connsiteX229" fmla="*/ 8958 w 10000"/>
                  <a:gd name="connsiteY229" fmla="*/ 1034 h 10000"/>
                  <a:gd name="connsiteX230" fmla="*/ 9061 w 10000"/>
                  <a:gd name="connsiteY230" fmla="*/ 1064 h 10000"/>
                  <a:gd name="connsiteX231" fmla="*/ 9188 w 10000"/>
                  <a:gd name="connsiteY231" fmla="*/ 1108 h 10000"/>
                  <a:gd name="connsiteX232" fmla="*/ 9264 w 10000"/>
                  <a:gd name="connsiteY232" fmla="*/ 1182 h 10000"/>
                  <a:gd name="connsiteX233" fmla="*/ 9339 w 10000"/>
                  <a:gd name="connsiteY233" fmla="*/ 1241 h 10000"/>
                  <a:gd name="connsiteX234" fmla="*/ 9391 w 10000"/>
                  <a:gd name="connsiteY234" fmla="*/ 1329 h 10000"/>
                  <a:gd name="connsiteX235" fmla="*/ 9442 w 10000"/>
                  <a:gd name="connsiteY235" fmla="*/ 1433 h 10000"/>
                  <a:gd name="connsiteX236" fmla="*/ 9492 w 10000"/>
                  <a:gd name="connsiteY236" fmla="*/ 1551 h 10000"/>
                  <a:gd name="connsiteX237" fmla="*/ 9466 w 10000"/>
                  <a:gd name="connsiteY237" fmla="*/ 1625 h 10000"/>
                  <a:gd name="connsiteX238" fmla="*/ 9442 w 10000"/>
                  <a:gd name="connsiteY238" fmla="*/ 1684 h 10000"/>
                  <a:gd name="connsiteX239" fmla="*/ 9391 w 10000"/>
                  <a:gd name="connsiteY239" fmla="*/ 1758 h 10000"/>
                  <a:gd name="connsiteX240" fmla="*/ 9315 w 10000"/>
                  <a:gd name="connsiteY240" fmla="*/ 1802 h 10000"/>
                  <a:gd name="connsiteX241" fmla="*/ 9264 w 10000"/>
                  <a:gd name="connsiteY241" fmla="*/ 1861 h 10000"/>
                  <a:gd name="connsiteX242" fmla="*/ 9240 w 10000"/>
                  <a:gd name="connsiteY242" fmla="*/ 1935 h 10000"/>
                  <a:gd name="connsiteX243" fmla="*/ 9264 w 10000"/>
                  <a:gd name="connsiteY243" fmla="*/ 2024 h 10000"/>
                  <a:gd name="connsiteX244" fmla="*/ 9543 w 10000"/>
                  <a:gd name="connsiteY244" fmla="*/ 2157 h 10000"/>
                  <a:gd name="connsiteX245" fmla="*/ 9873 w 10000"/>
                  <a:gd name="connsiteY245" fmla="*/ 2275 h 10000"/>
                  <a:gd name="connsiteX246" fmla="*/ 10000 w 10000"/>
                  <a:gd name="connsiteY246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9415 w 10000"/>
                  <a:gd name="connsiteY2" fmla="*/ 3117 h 10000"/>
                  <a:gd name="connsiteX3" fmla="*/ 9442 w 10000"/>
                  <a:gd name="connsiteY3" fmla="*/ 3072 h 10000"/>
                  <a:gd name="connsiteX4" fmla="*/ 9466 w 10000"/>
                  <a:gd name="connsiteY4" fmla="*/ 3013 h 10000"/>
                  <a:gd name="connsiteX5" fmla="*/ 9466 w 10000"/>
                  <a:gd name="connsiteY5" fmla="*/ 2954 h 10000"/>
                  <a:gd name="connsiteX6" fmla="*/ 9442 w 10000"/>
                  <a:gd name="connsiteY6" fmla="*/ 2866 h 10000"/>
                  <a:gd name="connsiteX7" fmla="*/ 9264 w 10000"/>
                  <a:gd name="connsiteY7" fmla="*/ 2984 h 10000"/>
                  <a:gd name="connsiteX8" fmla="*/ 7716 w 10000"/>
                  <a:gd name="connsiteY8" fmla="*/ 3545 h 10000"/>
                  <a:gd name="connsiteX9" fmla="*/ 6345 w 10000"/>
                  <a:gd name="connsiteY9" fmla="*/ 4003 h 10000"/>
                  <a:gd name="connsiteX10" fmla="*/ 6143 w 10000"/>
                  <a:gd name="connsiteY10" fmla="*/ 4106 h 10000"/>
                  <a:gd name="connsiteX11" fmla="*/ 5938 w 10000"/>
                  <a:gd name="connsiteY11" fmla="*/ 4195 h 10000"/>
                  <a:gd name="connsiteX12" fmla="*/ 6091 w 10000"/>
                  <a:gd name="connsiteY12" fmla="*/ 4417 h 10000"/>
                  <a:gd name="connsiteX13" fmla="*/ 6421 w 10000"/>
                  <a:gd name="connsiteY13" fmla="*/ 5318 h 10000"/>
                  <a:gd name="connsiteX14" fmla="*/ 6447 w 10000"/>
                  <a:gd name="connsiteY14" fmla="*/ 5539 h 10000"/>
                  <a:gd name="connsiteX15" fmla="*/ 6471 w 10000"/>
                  <a:gd name="connsiteY15" fmla="*/ 5775 h 10000"/>
                  <a:gd name="connsiteX16" fmla="*/ 6471 w 10000"/>
                  <a:gd name="connsiteY16" fmla="*/ 5997 h 10000"/>
                  <a:gd name="connsiteX17" fmla="*/ 6447 w 10000"/>
                  <a:gd name="connsiteY17" fmla="*/ 6233 h 10000"/>
                  <a:gd name="connsiteX18" fmla="*/ 6396 w 10000"/>
                  <a:gd name="connsiteY18" fmla="*/ 6470 h 10000"/>
                  <a:gd name="connsiteX19" fmla="*/ 6345 w 10000"/>
                  <a:gd name="connsiteY19" fmla="*/ 6677 h 10000"/>
                  <a:gd name="connsiteX20" fmla="*/ 6269 w 10000"/>
                  <a:gd name="connsiteY20" fmla="*/ 6898 h 10000"/>
                  <a:gd name="connsiteX21" fmla="*/ 6168 w 10000"/>
                  <a:gd name="connsiteY21" fmla="*/ 7105 h 10000"/>
                  <a:gd name="connsiteX22" fmla="*/ 6041 w 10000"/>
                  <a:gd name="connsiteY22" fmla="*/ 7297 h 10000"/>
                  <a:gd name="connsiteX23" fmla="*/ 5888 w 10000"/>
                  <a:gd name="connsiteY23" fmla="*/ 7489 h 10000"/>
                  <a:gd name="connsiteX24" fmla="*/ 5735 w 10000"/>
                  <a:gd name="connsiteY24" fmla="*/ 7681 h 10000"/>
                  <a:gd name="connsiteX25" fmla="*/ 6471 w 10000"/>
                  <a:gd name="connsiteY25" fmla="*/ 7799 h 10000"/>
                  <a:gd name="connsiteX26" fmla="*/ 7234 w 10000"/>
                  <a:gd name="connsiteY26" fmla="*/ 7962 h 10000"/>
                  <a:gd name="connsiteX27" fmla="*/ 7385 w 10000"/>
                  <a:gd name="connsiteY27" fmla="*/ 8021 h 10000"/>
                  <a:gd name="connsiteX28" fmla="*/ 7512 w 10000"/>
                  <a:gd name="connsiteY28" fmla="*/ 8080 h 10000"/>
                  <a:gd name="connsiteX29" fmla="*/ 7639 w 10000"/>
                  <a:gd name="connsiteY29" fmla="*/ 8139 h 10000"/>
                  <a:gd name="connsiteX30" fmla="*/ 7716 w 10000"/>
                  <a:gd name="connsiteY30" fmla="*/ 8227 h 10000"/>
                  <a:gd name="connsiteX31" fmla="*/ 7741 w 10000"/>
                  <a:gd name="connsiteY31" fmla="*/ 8301 h 10000"/>
                  <a:gd name="connsiteX32" fmla="*/ 7741 w 10000"/>
                  <a:gd name="connsiteY32" fmla="*/ 8405 h 10000"/>
                  <a:gd name="connsiteX33" fmla="*/ 7691 w 10000"/>
                  <a:gd name="connsiteY33" fmla="*/ 8523 h 10000"/>
                  <a:gd name="connsiteX34" fmla="*/ 7614 w 10000"/>
                  <a:gd name="connsiteY34" fmla="*/ 8641 h 10000"/>
                  <a:gd name="connsiteX35" fmla="*/ 7284 w 10000"/>
                  <a:gd name="connsiteY35" fmla="*/ 8552 h 10000"/>
                  <a:gd name="connsiteX36" fmla="*/ 6979 w 10000"/>
                  <a:gd name="connsiteY36" fmla="*/ 8449 h 10000"/>
                  <a:gd name="connsiteX37" fmla="*/ 6674 w 10000"/>
                  <a:gd name="connsiteY37" fmla="*/ 8360 h 10000"/>
                  <a:gd name="connsiteX38" fmla="*/ 6369 w 10000"/>
                  <a:gd name="connsiteY38" fmla="*/ 8287 h 10000"/>
                  <a:gd name="connsiteX39" fmla="*/ 6243 w 10000"/>
                  <a:gd name="connsiteY39" fmla="*/ 8449 h 10000"/>
                  <a:gd name="connsiteX40" fmla="*/ 6143 w 10000"/>
                  <a:gd name="connsiteY40" fmla="*/ 8597 h 10000"/>
                  <a:gd name="connsiteX41" fmla="*/ 6091 w 10000"/>
                  <a:gd name="connsiteY41" fmla="*/ 8656 h 10000"/>
                  <a:gd name="connsiteX42" fmla="*/ 5989 w 10000"/>
                  <a:gd name="connsiteY42" fmla="*/ 8700 h 10000"/>
                  <a:gd name="connsiteX43" fmla="*/ 5914 w 10000"/>
                  <a:gd name="connsiteY43" fmla="*/ 8744 h 10000"/>
                  <a:gd name="connsiteX44" fmla="*/ 5838 w 10000"/>
                  <a:gd name="connsiteY44" fmla="*/ 8774 h 10000"/>
                  <a:gd name="connsiteX45" fmla="*/ 5761 w 10000"/>
                  <a:gd name="connsiteY45" fmla="*/ 8804 h 10000"/>
                  <a:gd name="connsiteX46" fmla="*/ 5660 w 10000"/>
                  <a:gd name="connsiteY46" fmla="*/ 8818 h 10000"/>
                  <a:gd name="connsiteX47" fmla="*/ 5532 w 10000"/>
                  <a:gd name="connsiteY47" fmla="*/ 8833 h 10000"/>
                  <a:gd name="connsiteX48" fmla="*/ 5406 w 10000"/>
                  <a:gd name="connsiteY48" fmla="*/ 8833 h 10000"/>
                  <a:gd name="connsiteX49" fmla="*/ 5102 w 10000"/>
                  <a:gd name="connsiteY49" fmla="*/ 8818 h 10000"/>
                  <a:gd name="connsiteX50" fmla="*/ 4720 w 10000"/>
                  <a:gd name="connsiteY50" fmla="*/ 8744 h 10000"/>
                  <a:gd name="connsiteX51" fmla="*/ 4720 w 10000"/>
                  <a:gd name="connsiteY51" fmla="*/ 8922 h 10000"/>
                  <a:gd name="connsiteX52" fmla="*/ 4695 w 10000"/>
                  <a:gd name="connsiteY52" fmla="*/ 9069 h 10000"/>
                  <a:gd name="connsiteX53" fmla="*/ 4671 w 10000"/>
                  <a:gd name="connsiteY53" fmla="*/ 9232 h 10000"/>
                  <a:gd name="connsiteX54" fmla="*/ 4644 w 10000"/>
                  <a:gd name="connsiteY54" fmla="*/ 9365 h 10000"/>
                  <a:gd name="connsiteX55" fmla="*/ 4593 w 10000"/>
                  <a:gd name="connsiteY55" fmla="*/ 9498 h 10000"/>
                  <a:gd name="connsiteX56" fmla="*/ 4493 w 10000"/>
                  <a:gd name="connsiteY56" fmla="*/ 9616 h 10000"/>
                  <a:gd name="connsiteX57" fmla="*/ 4416 w 10000"/>
                  <a:gd name="connsiteY57" fmla="*/ 9734 h 10000"/>
                  <a:gd name="connsiteX58" fmla="*/ 4289 w 10000"/>
                  <a:gd name="connsiteY58" fmla="*/ 9838 h 10000"/>
                  <a:gd name="connsiteX59" fmla="*/ 3983 w 10000"/>
                  <a:gd name="connsiteY59" fmla="*/ 9897 h 10000"/>
                  <a:gd name="connsiteX60" fmla="*/ 3731 w 10000"/>
                  <a:gd name="connsiteY60" fmla="*/ 9941 h 10000"/>
                  <a:gd name="connsiteX61" fmla="*/ 3426 w 10000"/>
                  <a:gd name="connsiteY61" fmla="*/ 9985 h 10000"/>
                  <a:gd name="connsiteX62" fmla="*/ 3198 w 10000"/>
                  <a:gd name="connsiteY62" fmla="*/ 10000 h 10000"/>
                  <a:gd name="connsiteX63" fmla="*/ 2690 w 10000"/>
                  <a:gd name="connsiteY63" fmla="*/ 10000 h 10000"/>
                  <a:gd name="connsiteX64" fmla="*/ 2208 w 10000"/>
                  <a:gd name="connsiteY64" fmla="*/ 9985 h 10000"/>
                  <a:gd name="connsiteX65" fmla="*/ 1752 w 10000"/>
                  <a:gd name="connsiteY65" fmla="*/ 9941 h 10000"/>
                  <a:gd name="connsiteX66" fmla="*/ 1270 w 10000"/>
                  <a:gd name="connsiteY66" fmla="*/ 9911 h 10000"/>
                  <a:gd name="connsiteX67" fmla="*/ 990 w 10000"/>
                  <a:gd name="connsiteY67" fmla="*/ 9911 h 10000"/>
                  <a:gd name="connsiteX68" fmla="*/ 736 w 10000"/>
                  <a:gd name="connsiteY68" fmla="*/ 9911 h 10000"/>
                  <a:gd name="connsiteX69" fmla="*/ 457 w 10000"/>
                  <a:gd name="connsiteY69" fmla="*/ 9926 h 10000"/>
                  <a:gd name="connsiteX70" fmla="*/ 178 w 10000"/>
                  <a:gd name="connsiteY70" fmla="*/ 9970 h 10000"/>
                  <a:gd name="connsiteX71" fmla="*/ 102 w 10000"/>
                  <a:gd name="connsiteY71" fmla="*/ 9867 h 10000"/>
                  <a:gd name="connsiteX72" fmla="*/ 51 w 10000"/>
                  <a:gd name="connsiteY72" fmla="*/ 9793 h 10000"/>
                  <a:gd name="connsiteX73" fmla="*/ 0 w 10000"/>
                  <a:gd name="connsiteY73" fmla="*/ 9705 h 10000"/>
                  <a:gd name="connsiteX74" fmla="*/ 0 w 10000"/>
                  <a:gd name="connsiteY74" fmla="*/ 9601 h 10000"/>
                  <a:gd name="connsiteX75" fmla="*/ 51 w 10000"/>
                  <a:gd name="connsiteY75" fmla="*/ 9424 h 10000"/>
                  <a:gd name="connsiteX76" fmla="*/ 102 w 10000"/>
                  <a:gd name="connsiteY76" fmla="*/ 9202 h 10000"/>
                  <a:gd name="connsiteX77" fmla="*/ 151 w 10000"/>
                  <a:gd name="connsiteY77" fmla="*/ 8996 h 10000"/>
                  <a:gd name="connsiteX78" fmla="*/ 203 w 10000"/>
                  <a:gd name="connsiteY78" fmla="*/ 8759 h 10000"/>
                  <a:gd name="connsiteX79" fmla="*/ 228 w 10000"/>
                  <a:gd name="connsiteY79" fmla="*/ 8641 h 10000"/>
                  <a:gd name="connsiteX80" fmla="*/ 228 w 10000"/>
                  <a:gd name="connsiteY80" fmla="*/ 8538 h 10000"/>
                  <a:gd name="connsiteX81" fmla="*/ 203 w 10000"/>
                  <a:gd name="connsiteY81" fmla="*/ 8405 h 10000"/>
                  <a:gd name="connsiteX82" fmla="*/ 178 w 10000"/>
                  <a:gd name="connsiteY82" fmla="*/ 8287 h 10000"/>
                  <a:gd name="connsiteX83" fmla="*/ 431 w 10000"/>
                  <a:gd name="connsiteY83" fmla="*/ 8213 h 10000"/>
                  <a:gd name="connsiteX84" fmla="*/ 685 w 10000"/>
                  <a:gd name="connsiteY84" fmla="*/ 8139 h 10000"/>
                  <a:gd name="connsiteX85" fmla="*/ 939 w 10000"/>
                  <a:gd name="connsiteY85" fmla="*/ 8095 h 10000"/>
                  <a:gd name="connsiteX86" fmla="*/ 1218 w 10000"/>
                  <a:gd name="connsiteY86" fmla="*/ 8065 h 10000"/>
                  <a:gd name="connsiteX87" fmla="*/ 1725 w 10000"/>
                  <a:gd name="connsiteY87" fmla="*/ 8021 h 10000"/>
                  <a:gd name="connsiteX88" fmla="*/ 2234 w 10000"/>
                  <a:gd name="connsiteY88" fmla="*/ 7976 h 10000"/>
                  <a:gd name="connsiteX89" fmla="*/ 2462 w 10000"/>
                  <a:gd name="connsiteY89" fmla="*/ 7947 h 10000"/>
                  <a:gd name="connsiteX90" fmla="*/ 2690 w 10000"/>
                  <a:gd name="connsiteY90" fmla="*/ 7917 h 10000"/>
                  <a:gd name="connsiteX91" fmla="*/ 2892 w 10000"/>
                  <a:gd name="connsiteY91" fmla="*/ 7843 h 10000"/>
                  <a:gd name="connsiteX92" fmla="*/ 3096 w 10000"/>
                  <a:gd name="connsiteY92" fmla="*/ 7784 h 10000"/>
                  <a:gd name="connsiteX93" fmla="*/ 3274 w 10000"/>
                  <a:gd name="connsiteY93" fmla="*/ 7710 h 10000"/>
                  <a:gd name="connsiteX94" fmla="*/ 3426 w 10000"/>
                  <a:gd name="connsiteY94" fmla="*/ 7592 h 10000"/>
                  <a:gd name="connsiteX95" fmla="*/ 3579 w 10000"/>
                  <a:gd name="connsiteY95" fmla="*/ 7474 h 10000"/>
                  <a:gd name="connsiteX96" fmla="*/ 3680 w 10000"/>
                  <a:gd name="connsiteY96" fmla="*/ 7312 h 10000"/>
                  <a:gd name="connsiteX97" fmla="*/ 3477 w 10000"/>
                  <a:gd name="connsiteY97" fmla="*/ 7238 h 10000"/>
                  <a:gd name="connsiteX98" fmla="*/ 3299 w 10000"/>
                  <a:gd name="connsiteY98" fmla="*/ 7179 h 10000"/>
                  <a:gd name="connsiteX99" fmla="*/ 3147 w 10000"/>
                  <a:gd name="connsiteY99" fmla="*/ 7090 h 10000"/>
                  <a:gd name="connsiteX100" fmla="*/ 2995 w 10000"/>
                  <a:gd name="connsiteY100" fmla="*/ 6987 h 10000"/>
                  <a:gd name="connsiteX101" fmla="*/ 2892 w 10000"/>
                  <a:gd name="connsiteY101" fmla="*/ 6869 h 10000"/>
                  <a:gd name="connsiteX102" fmla="*/ 2843 w 10000"/>
                  <a:gd name="connsiteY102" fmla="*/ 6721 h 10000"/>
                  <a:gd name="connsiteX103" fmla="*/ 2817 w 10000"/>
                  <a:gd name="connsiteY103" fmla="*/ 6558 h 10000"/>
                  <a:gd name="connsiteX104" fmla="*/ 2843 w 10000"/>
                  <a:gd name="connsiteY104" fmla="*/ 6352 h 10000"/>
                  <a:gd name="connsiteX105" fmla="*/ 2716 w 10000"/>
                  <a:gd name="connsiteY105" fmla="*/ 6322 h 10000"/>
                  <a:gd name="connsiteX106" fmla="*/ 2564 w 10000"/>
                  <a:gd name="connsiteY106" fmla="*/ 6292 h 10000"/>
                  <a:gd name="connsiteX107" fmla="*/ 2386 w 10000"/>
                  <a:gd name="connsiteY107" fmla="*/ 6278 h 10000"/>
                  <a:gd name="connsiteX108" fmla="*/ 2208 w 10000"/>
                  <a:gd name="connsiteY108" fmla="*/ 6263 h 10000"/>
                  <a:gd name="connsiteX109" fmla="*/ 1853 w 10000"/>
                  <a:gd name="connsiteY109" fmla="*/ 6248 h 10000"/>
                  <a:gd name="connsiteX110" fmla="*/ 1472 w 10000"/>
                  <a:gd name="connsiteY110" fmla="*/ 6263 h 10000"/>
                  <a:gd name="connsiteX111" fmla="*/ 1143 w 10000"/>
                  <a:gd name="connsiteY111" fmla="*/ 6278 h 10000"/>
                  <a:gd name="connsiteX112" fmla="*/ 837 w 10000"/>
                  <a:gd name="connsiteY112" fmla="*/ 6278 h 10000"/>
                  <a:gd name="connsiteX113" fmla="*/ 585 w 10000"/>
                  <a:gd name="connsiteY113" fmla="*/ 6263 h 10000"/>
                  <a:gd name="connsiteX114" fmla="*/ 381 w 10000"/>
                  <a:gd name="connsiteY114" fmla="*/ 6233 h 10000"/>
                  <a:gd name="connsiteX115" fmla="*/ 633 w 10000"/>
                  <a:gd name="connsiteY115" fmla="*/ 5805 h 10000"/>
                  <a:gd name="connsiteX116" fmla="*/ 914 w 10000"/>
                  <a:gd name="connsiteY116" fmla="*/ 5391 h 10000"/>
                  <a:gd name="connsiteX117" fmla="*/ 1016 w 10000"/>
                  <a:gd name="connsiteY117" fmla="*/ 5170 h 10000"/>
                  <a:gd name="connsiteX118" fmla="*/ 1091 w 10000"/>
                  <a:gd name="connsiteY118" fmla="*/ 4963 h 10000"/>
                  <a:gd name="connsiteX119" fmla="*/ 1116 w 10000"/>
                  <a:gd name="connsiteY119" fmla="*/ 4860 h 10000"/>
                  <a:gd name="connsiteX120" fmla="*/ 1091 w 10000"/>
                  <a:gd name="connsiteY120" fmla="*/ 4756 h 10000"/>
                  <a:gd name="connsiteX121" fmla="*/ 1066 w 10000"/>
                  <a:gd name="connsiteY121" fmla="*/ 4653 h 10000"/>
                  <a:gd name="connsiteX122" fmla="*/ 990 w 10000"/>
                  <a:gd name="connsiteY122" fmla="*/ 4549 h 10000"/>
                  <a:gd name="connsiteX123" fmla="*/ 1270 w 10000"/>
                  <a:gd name="connsiteY123" fmla="*/ 4520 h 10000"/>
                  <a:gd name="connsiteX124" fmla="*/ 1472 w 10000"/>
                  <a:gd name="connsiteY124" fmla="*/ 4505 h 10000"/>
                  <a:gd name="connsiteX125" fmla="*/ 1650 w 10000"/>
                  <a:gd name="connsiteY125" fmla="*/ 4505 h 10000"/>
                  <a:gd name="connsiteX126" fmla="*/ 1802 w 10000"/>
                  <a:gd name="connsiteY126" fmla="*/ 4520 h 10000"/>
                  <a:gd name="connsiteX127" fmla="*/ 1929 w 10000"/>
                  <a:gd name="connsiteY127" fmla="*/ 4520 h 10000"/>
                  <a:gd name="connsiteX128" fmla="*/ 2081 w 10000"/>
                  <a:gd name="connsiteY128" fmla="*/ 4520 h 10000"/>
                  <a:gd name="connsiteX129" fmla="*/ 2234 w 10000"/>
                  <a:gd name="connsiteY129" fmla="*/ 4490 h 10000"/>
                  <a:gd name="connsiteX130" fmla="*/ 2436 w 10000"/>
                  <a:gd name="connsiteY130" fmla="*/ 4446 h 10000"/>
                  <a:gd name="connsiteX131" fmla="*/ 2436 w 10000"/>
                  <a:gd name="connsiteY131" fmla="*/ 4579 h 10000"/>
                  <a:gd name="connsiteX132" fmla="*/ 2436 w 10000"/>
                  <a:gd name="connsiteY132" fmla="*/ 4742 h 10000"/>
                  <a:gd name="connsiteX133" fmla="*/ 2436 w 10000"/>
                  <a:gd name="connsiteY133" fmla="*/ 4874 h 10000"/>
                  <a:gd name="connsiteX134" fmla="*/ 2436 w 10000"/>
                  <a:gd name="connsiteY134" fmla="*/ 5037 h 10000"/>
                  <a:gd name="connsiteX135" fmla="*/ 2665 w 10000"/>
                  <a:gd name="connsiteY135" fmla="*/ 5022 h 10000"/>
                  <a:gd name="connsiteX136" fmla="*/ 2817 w 10000"/>
                  <a:gd name="connsiteY136" fmla="*/ 5037 h 10000"/>
                  <a:gd name="connsiteX137" fmla="*/ 2944 w 10000"/>
                  <a:gd name="connsiteY137" fmla="*/ 5066 h 10000"/>
                  <a:gd name="connsiteX138" fmla="*/ 3071 w 10000"/>
                  <a:gd name="connsiteY138" fmla="*/ 5096 h 10000"/>
                  <a:gd name="connsiteX139" fmla="*/ 3173 w 10000"/>
                  <a:gd name="connsiteY139" fmla="*/ 5126 h 10000"/>
                  <a:gd name="connsiteX140" fmla="*/ 3299 w 10000"/>
                  <a:gd name="connsiteY140" fmla="*/ 5155 h 10000"/>
                  <a:gd name="connsiteX141" fmla="*/ 3452 w 10000"/>
                  <a:gd name="connsiteY141" fmla="*/ 5170 h 10000"/>
                  <a:gd name="connsiteX142" fmla="*/ 3680 w 10000"/>
                  <a:gd name="connsiteY142" fmla="*/ 5155 h 10000"/>
                  <a:gd name="connsiteX143" fmla="*/ 3757 w 10000"/>
                  <a:gd name="connsiteY143" fmla="*/ 5096 h 10000"/>
                  <a:gd name="connsiteX144" fmla="*/ 3832 w 10000"/>
                  <a:gd name="connsiteY144" fmla="*/ 5022 h 10000"/>
                  <a:gd name="connsiteX145" fmla="*/ 3857 w 10000"/>
                  <a:gd name="connsiteY145" fmla="*/ 4934 h 10000"/>
                  <a:gd name="connsiteX146" fmla="*/ 3884 w 10000"/>
                  <a:gd name="connsiteY146" fmla="*/ 4860 h 10000"/>
                  <a:gd name="connsiteX147" fmla="*/ 3908 w 10000"/>
                  <a:gd name="connsiteY147" fmla="*/ 4697 h 10000"/>
                  <a:gd name="connsiteX148" fmla="*/ 3884 w 10000"/>
                  <a:gd name="connsiteY148" fmla="*/ 4520 h 10000"/>
                  <a:gd name="connsiteX149" fmla="*/ 3807 w 10000"/>
                  <a:gd name="connsiteY149" fmla="*/ 4343 h 10000"/>
                  <a:gd name="connsiteX150" fmla="*/ 3731 w 10000"/>
                  <a:gd name="connsiteY150" fmla="*/ 4195 h 10000"/>
                  <a:gd name="connsiteX151" fmla="*/ 3604 w 10000"/>
                  <a:gd name="connsiteY151" fmla="*/ 4047 h 10000"/>
                  <a:gd name="connsiteX152" fmla="*/ 3477 w 10000"/>
                  <a:gd name="connsiteY152" fmla="*/ 3959 h 10000"/>
                  <a:gd name="connsiteX153" fmla="*/ 3629 w 10000"/>
                  <a:gd name="connsiteY153" fmla="*/ 3944 h 10000"/>
                  <a:gd name="connsiteX154" fmla="*/ 3757 w 10000"/>
                  <a:gd name="connsiteY154" fmla="*/ 3914 h 10000"/>
                  <a:gd name="connsiteX155" fmla="*/ 3857 w 10000"/>
                  <a:gd name="connsiteY155" fmla="*/ 3855 h 10000"/>
                  <a:gd name="connsiteX156" fmla="*/ 3983 w 10000"/>
                  <a:gd name="connsiteY156" fmla="*/ 3752 h 10000"/>
                  <a:gd name="connsiteX157" fmla="*/ 4111 w 10000"/>
                  <a:gd name="connsiteY157" fmla="*/ 3663 h 10000"/>
                  <a:gd name="connsiteX158" fmla="*/ 4213 w 10000"/>
                  <a:gd name="connsiteY158" fmla="*/ 3560 h 10000"/>
                  <a:gd name="connsiteX159" fmla="*/ 4289 w 10000"/>
                  <a:gd name="connsiteY159" fmla="*/ 3442 h 10000"/>
                  <a:gd name="connsiteX160" fmla="*/ 4366 w 10000"/>
                  <a:gd name="connsiteY160" fmla="*/ 3323 h 10000"/>
                  <a:gd name="connsiteX161" fmla="*/ 4416 w 10000"/>
                  <a:gd name="connsiteY161" fmla="*/ 3220 h 10000"/>
                  <a:gd name="connsiteX162" fmla="*/ 4441 w 10000"/>
                  <a:gd name="connsiteY162" fmla="*/ 3102 h 10000"/>
                  <a:gd name="connsiteX163" fmla="*/ 4468 w 10000"/>
                  <a:gd name="connsiteY163" fmla="*/ 3013 h 10000"/>
                  <a:gd name="connsiteX164" fmla="*/ 4441 w 10000"/>
                  <a:gd name="connsiteY164" fmla="*/ 2939 h 10000"/>
                  <a:gd name="connsiteX165" fmla="*/ 4416 w 10000"/>
                  <a:gd name="connsiteY165" fmla="*/ 2866 h 10000"/>
                  <a:gd name="connsiteX166" fmla="*/ 4340 w 10000"/>
                  <a:gd name="connsiteY166" fmla="*/ 2836 h 10000"/>
                  <a:gd name="connsiteX167" fmla="*/ 4239 w 10000"/>
                  <a:gd name="connsiteY167" fmla="*/ 2836 h 10000"/>
                  <a:gd name="connsiteX168" fmla="*/ 4111 w 10000"/>
                  <a:gd name="connsiteY168" fmla="*/ 2866 h 10000"/>
                  <a:gd name="connsiteX169" fmla="*/ 4213 w 10000"/>
                  <a:gd name="connsiteY169" fmla="*/ 2777 h 10000"/>
                  <a:gd name="connsiteX170" fmla="*/ 4265 w 10000"/>
                  <a:gd name="connsiteY170" fmla="*/ 2674 h 10000"/>
                  <a:gd name="connsiteX171" fmla="*/ 4289 w 10000"/>
                  <a:gd name="connsiteY171" fmla="*/ 2541 h 10000"/>
                  <a:gd name="connsiteX172" fmla="*/ 4289 w 10000"/>
                  <a:gd name="connsiteY172" fmla="*/ 2393 h 10000"/>
                  <a:gd name="connsiteX173" fmla="*/ 4314 w 10000"/>
                  <a:gd name="connsiteY173" fmla="*/ 2349 h 10000"/>
                  <a:gd name="connsiteX174" fmla="*/ 4366 w 10000"/>
                  <a:gd name="connsiteY174" fmla="*/ 2304 h 10000"/>
                  <a:gd name="connsiteX175" fmla="*/ 4416 w 10000"/>
                  <a:gd name="connsiteY175" fmla="*/ 2290 h 10000"/>
                  <a:gd name="connsiteX176" fmla="*/ 4493 w 10000"/>
                  <a:gd name="connsiteY176" fmla="*/ 2275 h 10000"/>
                  <a:gd name="connsiteX177" fmla="*/ 4720 w 10000"/>
                  <a:gd name="connsiteY177" fmla="*/ 2260 h 10000"/>
                  <a:gd name="connsiteX178" fmla="*/ 4923 w 10000"/>
                  <a:gd name="connsiteY178" fmla="*/ 2275 h 10000"/>
                  <a:gd name="connsiteX179" fmla="*/ 4898 w 10000"/>
                  <a:gd name="connsiteY179" fmla="*/ 2112 h 10000"/>
                  <a:gd name="connsiteX180" fmla="*/ 4848 w 10000"/>
                  <a:gd name="connsiteY180" fmla="*/ 1950 h 10000"/>
                  <a:gd name="connsiteX181" fmla="*/ 4771 w 10000"/>
                  <a:gd name="connsiteY181" fmla="*/ 1802 h 10000"/>
                  <a:gd name="connsiteX182" fmla="*/ 4671 w 10000"/>
                  <a:gd name="connsiteY182" fmla="*/ 1640 h 10000"/>
                  <a:gd name="connsiteX183" fmla="*/ 4416 w 10000"/>
                  <a:gd name="connsiteY183" fmla="*/ 1329 h 10000"/>
                  <a:gd name="connsiteX184" fmla="*/ 4162 w 10000"/>
                  <a:gd name="connsiteY184" fmla="*/ 1034 h 10000"/>
                  <a:gd name="connsiteX185" fmla="*/ 4035 w 10000"/>
                  <a:gd name="connsiteY185" fmla="*/ 901 h 10000"/>
                  <a:gd name="connsiteX186" fmla="*/ 3935 w 10000"/>
                  <a:gd name="connsiteY186" fmla="*/ 753 h 10000"/>
                  <a:gd name="connsiteX187" fmla="*/ 3857 w 10000"/>
                  <a:gd name="connsiteY187" fmla="*/ 620 h 10000"/>
                  <a:gd name="connsiteX188" fmla="*/ 3832 w 10000"/>
                  <a:gd name="connsiteY188" fmla="*/ 487 h 10000"/>
                  <a:gd name="connsiteX189" fmla="*/ 3807 w 10000"/>
                  <a:gd name="connsiteY189" fmla="*/ 355 h 10000"/>
                  <a:gd name="connsiteX190" fmla="*/ 3857 w 10000"/>
                  <a:gd name="connsiteY190" fmla="*/ 222 h 10000"/>
                  <a:gd name="connsiteX191" fmla="*/ 3884 w 10000"/>
                  <a:gd name="connsiteY191" fmla="*/ 162 h 10000"/>
                  <a:gd name="connsiteX192" fmla="*/ 3935 w 10000"/>
                  <a:gd name="connsiteY192" fmla="*/ 103 h 10000"/>
                  <a:gd name="connsiteX193" fmla="*/ 4011 w 10000"/>
                  <a:gd name="connsiteY193" fmla="*/ 59 h 10000"/>
                  <a:gd name="connsiteX194" fmla="*/ 4111 w 10000"/>
                  <a:gd name="connsiteY194" fmla="*/ 0 h 10000"/>
                  <a:gd name="connsiteX195" fmla="*/ 4289 w 10000"/>
                  <a:gd name="connsiteY195" fmla="*/ 0 h 10000"/>
                  <a:gd name="connsiteX196" fmla="*/ 4468 w 10000"/>
                  <a:gd name="connsiteY196" fmla="*/ 15 h 10000"/>
                  <a:gd name="connsiteX197" fmla="*/ 4644 w 10000"/>
                  <a:gd name="connsiteY197" fmla="*/ 44 h 10000"/>
                  <a:gd name="connsiteX198" fmla="*/ 4771 w 10000"/>
                  <a:gd name="connsiteY198" fmla="*/ 89 h 10000"/>
                  <a:gd name="connsiteX199" fmla="*/ 4975 w 10000"/>
                  <a:gd name="connsiteY199" fmla="*/ 192 h 10000"/>
                  <a:gd name="connsiteX200" fmla="*/ 5177 w 10000"/>
                  <a:gd name="connsiteY200" fmla="*/ 340 h 10000"/>
                  <a:gd name="connsiteX201" fmla="*/ 5329 w 10000"/>
                  <a:gd name="connsiteY201" fmla="*/ 473 h 10000"/>
                  <a:gd name="connsiteX202" fmla="*/ 5532 w 10000"/>
                  <a:gd name="connsiteY202" fmla="*/ 591 h 10000"/>
                  <a:gd name="connsiteX203" fmla="*/ 5660 w 10000"/>
                  <a:gd name="connsiteY203" fmla="*/ 650 h 10000"/>
                  <a:gd name="connsiteX204" fmla="*/ 5812 w 10000"/>
                  <a:gd name="connsiteY204" fmla="*/ 679 h 10000"/>
                  <a:gd name="connsiteX205" fmla="*/ 5965 w 10000"/>
                  <a:gd name="connsiteY205" fmla="*/ 709 h 10000"/>
                  <a:gd name="connsiteX206" fmla="*/ 6168 w 10000"/>
                  <a:gd name="connsiteY206" fmla="*/ 709 h 10000"/>
                  <a:gd name="connsiteX207" fmla="*/ 6168 w 10000"/>
                  <a:gd name="connsiteY207" fmla="*/ 768 h 10000"/>
                  <a:gd name="connsiteX208" fmla="*/ 6193 w 10000"/>
                  <a:gd name="connsiteY208" fmla="*/ 842 h 10000"/>
                  <a:gd name="connsiteX209" fmla="*/ 6243 w 10000"/>
                  <a:gd name="connsiteY209" fmla="*/ 916 h 10000"/>
                  <a:gd name="connsiteX210" fmla="*/ 6294 w 10000"/>
                  <a:gd name="connsiteY210" fmla="*/ 990 h 10000"/>
                  <a:gd name="connsiteX211" fmla="*/ 6369 w 10000"/>
                  <a:gd name="connsiteY211" fmla="*/ 1049 h 10000"/>
                  <a:gd name="connsiteX212" fmla="*/ 6471 w 10000"/>
                  <a:gd name="connsiteY212" fmla="*/ 1108 h 10000"/>
                  <a:gd name="connsiteX213" fmla="*/ 6598 w 10000"/>
                  <a:gd name="connsiteY213" fmla="*/ 1182 h 10000"/>
                  <a:gd name="connsiteX214" fmla="*/ 6700 w 10000"/>
                  <a:gd name="connsiteY214" fmla="*/ 1226 h 10000"/>
                  <a:gd name="connsiteX215" fmla="*/ 6802 w 10000"/>
                  <a:gd name="connsiteY215" fmla="*/ 1270 h 10000"/>
                  <a:gd name="connsiteX216" fmla="*/ 6903 w 10000"/>
                  <a:gd name="connsiteY216" fmla="*/ 1300 h 10000"/>
                  <a:gd name="connsiteX217" fmla="*/ 7005 w 10000"/>
                  <a:gd name="connsiteY217" fmla="*/ 1315 h 10000"/>
                  <a:gd name="connsiteX218" fmla="*/ 7132 w 10000"/>
                  <a:gd name="connsiteY218" fmla="*/ 1300 h 10000"/>
                  <a:gd name="connsiteX219" fmla="*/ 7234 w 10000"/>
                  <a:gd name="connsiteY219" fmla="*/ 1285 h 10000"/>
                  <a:gd name="connsiteX220" fmla="*/ 7309 w 10000"/>
                  <a:gd name="connsiteY220" fmla="*/ 1241 h 10000"/>
                  <a:gd name="connsiteX221" fmla="*/ 7361 w 10000"/>
                  <a:gd name="connsiteY221" fmla="*/ 1167 h 10000"/>
                  <a:gd name="connsiteX222" fmla="*/ 7385 w 10000"/>
                  <a:gd name="connsiteY222" fmla="*/ 1064 h 10000"/>
                  <a:gd name="connsiteX223" fmla="*/ 7766 w 10000"/>
                  <a:gd name="connsiteY223" fmla="*/ 1034 h 10000"/>
                  <a:gd name="connsiteX224" fmla="*/ 8121 w 10000"/>
                  <a:gd name="connsiteY224" fmla="*/ 1004 h 10000"/>
                  <a:gd name="connsiteX225" fmla="*/ 8427 w 10000"/>
                  <a:gd name="connsiteY225" fmla="*/ 990 h 10000"/>
                  <a:gd name="connsiteX226" fmla="*/ 8706 w 10000"/>
                  <a:gd name="connsiteY226" fmla="*/ 1004 h 10000"/>
                  <a:gd name="connsiteX227" fmla="*/ 8833 w 10000"/>
                  <a:gd name="connsiteY227" fmla="*/ 1019 h 10000"/>
                  <a:gd name="connsiteX228" fmla="*/ 8958 w 10000"/>
                  <a:gd name="connsiteY228" fmla="*/ 1034 h 10000"/>
                  <a:gd name="connsiteX229" fmla="*/ 9061 w 10000"/>
                  <a:gd name="connsiteY229" fmla="*/ 1064 h 10000"/>
                  <a:gd name="connsiteX230" fmla="*/ 9188 w 10000"/>
                  <a:gd name="connsiteY230" fmla="*/ 1108 h 10000"/>
                  <a:gd name="connsiteX231" fmla="*/ 9264 w 10000"/>
                  <a:gd name="connsiteY231" fmla="*/ 1182 h 10000"/>
                  <a:gd name="connsiteX232" fmla="*/ 9339 w 10000"/>
                  <a:gd name="connsiteY232" fmla="*/ 1241 h 10000"/>
                  <a:gd name="connsiteX233" fmla="*/ 9391 w 10000"/>
                  <a:gd name="connsiteY233" fmla="*/ 1329 h 10000"/>
                  <a:gd name="connsiteX234" fmla="*/ 9442 w 10000"/>
                  <a:gd name="connsiteY234" fmla="*/ 1433 h 10000"/>
                  <a:gd name="connsiteX235" fmla="*/ 9492 w 10000"/>
                  <a:gd name="connsiteY235" fmla="*/ 1551 h 10000"/>
                  <a:gd name="connsiteX236" fmla="*/ 9466 w 10000"/>
                  <a:gd name="connsiteY236" fmla="*/ 1625 h 10000"/>
                  <a:gd name="connsiteX237" fmla="*/ 9442 w 10000"/>
                  <a:gd name="connsiteY237" fmla="*/ 1684 h 10000"/>
                  <a:gd name="connsiteX238" fmla="*/ 9391 w 10000"/>
                  <a:gd name="connsiteY238" fmla="*/ 1758 h 10000"/>
                  <a:gd name="connsiteX239" fmla="*/ 9315 w 10000"/>
                  <a:gd name="connsiteY239" fmla="*/ 1802 h 10000"/>
                  <a:gd name="connsiteX240" fmla="*/ 9264 w 10000"/>
                  <a:gd name="connsiteY240" fmla="*/ 1861 h 10000"/>
                  <a:gd name="connsiteX241" fmla="*/ 9240 w 10000"/>
                  <a:gd name="connsiteY241" fmla="*/ 1935 h 10000"/>
                  <a:gd name="connsiteX242" fmla="*/ 9264 w 10000"/>
                  <a:gd name="connsiteY242" fmla="*/ 2024 h 10000"/>
                  <a:gd name="connsiteX243" fmla="*/ 9543 w 10000"/>
                  <a:gd name="connsiteY243" fmla="*/ 2157 h 10000"/>
                  <a:gd name="connsiteX244" fmla="*/ 9873 w 10000"/>
                  <a:gd name="connsiteY244" fmla="*/ 2275 h 10000"/>
                  <a:gd name="connsiteX245" fmla="*/ 10000 w 10000"/>
                  <a:gd name="connsiteY245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9415 w 10000"/>
                  <a:gd name="connsiteY2" fmla="*/ 3117 h 10000"/>
                  <a:gd name="connsiteX3" fmla="*/ 9442 w 10000"/>
                  <a:gd name="connsiteY3" fmla="*/ 3072 h 10000"/>
                  <a:gd name="connsiteX4" fmla="*/ 9466 w 10000"/>
                  <a:gd name="connsiteY4" fmla="*/ 3013 h 10000"/>
                  <a:gd name="connsiteX5" fmla="*/ 9466 w 10000"/>
                  <a:gd name="connsiteY5" fmla="*/ 2954 h 10000"/>
                  <a:gd name="connsiteX6" fmla="*/ 9442 w 10000"/>
                  <a:gd name="connsiteY6" fmla="*/ 2866 h 10000"/>
                  <a:gd name="connsiteX7" fmla="*/ 7716 w 10000"/>
                  <a:gd name="connsiteY7" fmla="*/ 3545 h 10000"/>
                  <a:gd name="connsiteX8" fmla="*/ 6345 w 10000"/>
                  <a:gd name="connsiteY8" fmla="*/ 4003 h 10000"/>
                  <a:gd name="connsiteX9" fmla="*/ 6143 w 10000"/>
                  <a:gd name="connsiteY9" fmla="*/ 4106 h 10000"/>
                  <a:gd name="connsiteX10" fmla="*/ 5938 w 10000"/>
                  <a:gd name="connsiteY10" fmla="*/ 4195 h 10000"/>
                  <a:gd name="connsiteX11" fmla="*/ 6091 w 10000"/>
                  <a:gd name="connsiteY11" fmla="*/ 4417 h 10000"/>
                  <a:gd name="connsiteX12" fmla="*/ 6421 w 10000"/>
                  <a:gd name="connsiteY12" fmla="*/ 5318 h 10000"/>
                  <a:gd name="connsiteX13" fmla="*/ 6447 w 10000"/>
                  <a:gd name="connsiteY13" fmla="*/ 5539 h 10000"/>
                  <a:gd name="connsiteX14" fmla="*/ 6471 w 10000"/>
                  <a:gd name="connsiteY14" fmla="*/ 5775 h 10000"/>
                  <a:gd name="connsiteX15" fmla="*/ 6471 w 10000"/>
                  <a:gd name="connsiteY15" fmla="*/ 5997 h 10000"/>
                  <a:gd name="connsiteX16" fmla="*/ 6447 w 10000"/>
                  <a:gd name="connsiteY16" fmla="*/ 6233 h 10000"/>
                  <a:gd name="connsiteX17" fmla="*/ 6396 w 10000"/>
                  <a:gd name="connsiteY17" fmla="*/ 6470 h 10000"/>
                  <a:gd name="connsiteX18" fmla="*/ 6345 w 10000"/>
                  <a:gd name="connsiteY18" fmla="*/ 6677 h 10000"/>
                  <a:gd name="connsiteX19" fmla="*/ 6269 w 10000"/>
                  <a:gd name="connsiteY19" fmla="*/ 6898 h 10000"/>
                  <a:gd name="connsiteX20" fmla="*/ 6168 w 10000"/>
                  <a:gd name="connsiteY20" fmla="*/ 7105 h 10000"/>
                  <a:gd name="connsiteX21" fmla="*/ 6041 w 10000"/>
                  <a:gd name="connsiteY21" fmla="*/ 7297 h 10000"/>
                  <a:gd name="connsiteX22" fmla="*/ 5888 w 10000"/>
                  <a:gd name="connsiteY22" fmla="*/ 7489 h 10000"/>
                  <a:gd name="connsiteX23" fmla="*/ 5735 w 10000"/>
                  <a:gd name="connsiteY23" fmla="*/ 7681 h 10000"/>
                  <a:gd name="connsiteX24" fmla="*/ 6471 w 10000"/>
                  <a:gd name="connsiteY24" fmla="*/ 7799 h 10000"/>
                  <a:gd name="connsiteX25" fmla="*/ 7234 w 10000"/>
                  <a:gd name="connsiteY25" fmla="*/ 7962 h 10000"/>
                  <a:gd name="connsiteX26" fmla="*/ 7385 w 10000"/>
                  <a:gd name="connsiteY26" fmla="*/ 8021 h 10000"/>
                  <a:gd name="connsiteX27" fmla="*/ 7512 w 10000"/>
                  <a:gd name="connsiteY27" fmla="*/ 8080 h 10000"/>
                  <a:gd name="connsiteX28" fmla="*/ 7639 w 10000"/>
                  <a:gd name="connsiteY28" fmla="*/ 8139 h 10000"/>
                  <a:gd name="connsiteX29" fmla="*/ 7716 w 10000"/>
                  <a:gd name="connsiteY29" fmla="*/ 8227 h 10000"/>
                  <a:gd name="connsiteX30" fmla="*/ 7741 w 10000"/>
                  <a:gd name="connsiteY30" fmla="*/ 8301 h 10000"/>
                  <a:gd name="connsiteX31" fmla="*/ 7741 w 10000"/>
                  <a:gd name="connsiteY31" fmla="*/ 8405 h 10000"/>
                  <a:gd name="connsiteX32" fmla="*/ 7691 w 10000"/>
                  <a:gd name="connsiteY32" fmla="*/ 8523 h 10000"/>
                  <a:gd name="connsiteX33" fmla="*/ 7614 w 10000"/>
                  <a:gd name="connsiteY33" fmla="*/ 8641 h 10000"/>
                  <a:gd name="connsiteX34" fmla="*/ 7284 w 10000"/>
                  <a:gd name="connsiteY34" fmla="*/ 8552 h 10000"/>
                  <a:gd name="connsiteX35" fmla="*/ 6979 w 10000"/>
                  <a:gd name="connsiteY35" fmla="*/ 8449 h 10000"/>
                  <a:gd name="connsiteX36" fmla="*/ 6674 w 10000"/>
                  <a:gd name="connsiteY36" fmla="*/ 8360 h 10000"/>
                  <a:gd name="connsiteX37" fmla="*/ 6369 w 10000"/>
                  <a:gd name="connsiteY37" fmla="*/ 8287 h 10000"/>
                  <a:gd name="connsiteX38" fmla="*/ 6243 w 10000"/>
                  <a:gd name="connsiteY38" fmla="*/ 8449 h 10000"/>
                  <a:gd name="connsiteX39" fmla="*/ 6143 w 10000"/>
                  <a:gd name="connsiteY39" fmla="*/ 8597 h 10000"/>
                  <a:gd name="connsiteX40" fmla="*/ 6091 w 10000"/>
                  <a:gd name="connsiteY40" fmla="*/ 8656 h 10000"/>
                  <a:gd name="connsiteX41" fmla="*/ 5989 w 10000"/>
                  <a:gd name="connsiteY41" fmla="*/ 8700 h 10000"/>
                  <a:gd name="connsiteX42" fmla="*/ 5914 w 10000"/>
                  <a:gd name="connsiteY42" fmla="*/ 8744 h 10000"/>
                  <a:gd name="connsiteX43" fmla="*/ 5838 w 10000"/>
                  <a:gd name="connsiteY43" fmla="*/ 8774 h 10000"/>
                  <a:gd name="connsiteX44" fmla="*/ 5761 w 10000"/>
                  <a:gd name="connsiteY44" fmla="*/ 8804 h 10000"/>
                  <a:gd name="connsiteX45" fmla="*/ 5660 w 10000"/>
                  <a:gd name="connsiteY45" fmla="*/ 8818 h 10000"/>
                  <a:gd name="connsiteX46" fmla="*/ 5532 w 10000"/>
                  <a:gd name="connsiteY46" fmla="*/ 8833 h 10000"/>
                  <a:gd name="connsiteX47" fmla="*/ 5406 w 10000"/>
                  <a:gd name="connsiteY47" fmla="*/ 8833 h 10000"/>
                  <a:gd name="connsiteX48" fmla="*/ 5102 w 10000"/>
                  <a:gd name="connsiteY48" fmla="*/ 8818 h 10000"/>
                  <a:gd name="connsiteX49" fmla="*/ 4720 w 10000"/>
                  <a:gd name="connsiteY49" fmla="*/ 8744 h 10000"/>
                  <a:gd name="connsiteX50" fmla="*/ 4720 w 10000"/>
                  <a:gd name="connsiteY50" fmla="*/ 8922 h 10000"/>
                  <a:gd name="connsiteX51" fmla="*/ 4695 w 10000"/>
                  <a:gd name="connsiteY51" fmla="*/ 9069 h 10000"/>
                  <a:gd name="connsiteX52" fmla="*/ 4671 w 10000"/>
                  <a:gd name="connsiteY52" fmla="*/ 9232 h 10000"/>
                  <a:gd name="connsiteX53" fmla="*/ 4644 w 10000"/>
                  <a:gd name="connsiteY53" fmla="*/ 9365 h 10000"/>
                  <a:gd name="connsiteX54" fmla="*/ 4593 w 10000"/>
                  <a:gd name="connsiteY54" fmla="*/ 9498 h 10000"/>
                  <a:gd name="connsiteX55" fmla="*/ 4493 w 10000"/>
                  <a:gd name="connsiteY55" fmla="*/ 9616 h 10000"/>
                  <a:gd name="connsiteX56" fmla="*/ 4416 w 10000"/>
                  <a:gd name="connsiteY56" fmla="*/ 9734 h 10000"/>
                  <a:gd name="connsiteX57" fmla="*/ 4289 w 10000"/>
                  <a:gd name="connsiteY57" fmla="*/ 9838 h 10000"/>
                  <a:gd name="connsiteX58" fmla="*/ 3983 w 10000"/>
                  <a:gd name="connsiteY58" fmla="*/ 9897 h 10000"/>
                  <a:gd name="connsiteX59" fmla="*/ 3731 w 10000"/>
                  <a:gd name="connsiteY59" fmla="*/ 9941 h 10000"/>
                  <a:gd name="connsiteX60" fmla="*/ 3426 w 10000"/>
                  <a:gd name="connsiteY60" fmla="*/ 9985 h 10000"/>
                  <a:gd name="connsiteX61" fmla="*/ 3198 w 10000"/>
                  <a:gd name="connsiteY61" fmla="*/ 10000 h 10000"/>
                  <a:gd name="connsiteX62" fmla="*/ 2690 w 10000"/>
                  <a:gd name="connsiteY62" fmla="*/ 10000 h 10000"/>
                  <a:gd name="connsiteX63" fmla="*/ 2208 w 10000"/>
                  <a:gd name="connsiteY63" fmla="*/ 9985 h 10000"/>
                  <a:gd name="connsiteX64" fmla="*/ 1752 w 10000"/>
                  <a:gd name="connsiteY64" fmla="*/ 9941 h 10000"/>
                  <a:gd name="connsiteX65" fmla="*/ 1270 w 10000"/>
                  <a:gd name="connsiteY65" fmla="*/ 9911 h 10000"/>
                  <a:gd name="connsiteX66" fmla="*/ 990 w 10000"/>
                  <a:gd name="connsiteY66" fmla="*/ 9911 h 10000"/>
                  <a:gd name="connsiteX67" fmla="*/ 736 w 10000"/>
                  <a:gd name="connsiteY67" fmla="*/ 9911 h 10000"/>
                  <a:gd name="connsiteX68" fmla="*/ 457 w 10000"/>
                  <a:gd name="connsiteY68" fmla="*/ 9926 h 10000"/>
                  <a:gd name="connsiteX69" fmla="*/ 178 w 10000"/>
                  <a:gd name="connsiteY69" fmla="*/ 9970 h 10000"/>
                  <a:gd name="connsiteX70" fmla="*/ 102 w 10000"/>
                  <a:gd name="connsiteY70" fmla="*/ 9867 h 10000"/>
                  <a:gd name="connsiteX71" fmla="*/ 51 w 10000"/>
                  <a:gd name="connsiteY71" fmla="*/ 9793 h 10000"/>
                  <a:gd name="connsiteX72" fmla="*/ 0 w 10000"/>
                  <a:gd name="connsiteY72" fmla="*/ 9705 h 10000"/>
                  <a:gd name="connsiteX73" fmla="*/ 0 w 10000"/>
                  <a:gd name="connsiteY73" fmla="*/ 9601 h 10000"/>
                  <a:gd name="connsiteX74" fmla="*/ 51 w 10000"/>
                  <a:gd name="connsiteY74" fmla="*/ 9424 h 10000"/>
                  <a:gd name="connsiteX75" fmla="*/ 102 w 10000"/>
                  <a:gd name="connsiteY75" fmla="*/ 9202 h 10000"/>
                  <a:gd name="connsiteX76" fmla="*/ 151 w 10000"/>
                  <a:gd name="connsiteY76" fmla="*/ 8996 h 10000"/>
                  <a:gd name="connsiteX77" fmla="*/ 203 w 10000"/>
                  <a:gd name="connsiteY77" fmla="*/ 8759 h 10000"/>
                  <a:gd name="connsiteX78" fmla="*/ 228 w 10000"/>
                  <a:gd name="connsiteY78" fmla="*/ 8641 h 10000"/>
                  <a:gd name="connsiteX79" fmla="*/ 228 w 10000"/>
                  <a:gd name="connsiteY79" fmla="*/ 8538 h 10000"/>
                  <a:gd name="connsiteX80" fmla="*/ 203 w 10000"/>
                  <a:gd name="connsiteY80" fmla="*/ 8405 h 10000"/>
                  <a:gd name="connsiteX81" fmla="*/ 178 w 10000"/>
                  <a:gd name="connsiteY81" fmla="*/ 8287 h 10000"/>
                  <a:gd name="connsiteX82" fmla="*/ 431 w 10000"/>
                  <a:gd name="connsiteY82" fmla="*/ 8213 h 10000"/>
                  <a:gd name="connsiteX83" fmla="*/ 685 w 10000"/>
                  <a:gd name="connsiteY83" fmla="*/ 8139 h 10000"/>
                  <a:gd name="connsiteX84" fmla="*/ 939 w 10000"/>
                  <a:gd name="connsiteY84" fmla="*/ 8095 h 10000"/>
                  <a:gd name="connsiteX85" fmla="*/ 1218 w 10000"/>
                  <a:gd name="connsiteY85" fmla="*/ 8065 h 10000"/>
                  <a:gd name="connsiteX86" fmla="*/ 1725 w 10000"/>
                  <a:gd name="connsiteY86" fmla="*/ 8021 h 10000"/>
                  <a:gd name="connsiteX87" fmla="*/ 2234 w 10000"/>
                  <a:gd name="connsiteY87" fmla="*/ 7976 h 10000"/>
                  <a:gd name="connsiteX88" fmla="*/ 2462 w 10000"/>
                  <a:gd name="connsiteY88" fmla="*/ 7947 h 10000"/>
                  <a:gd name="connsiteX89" fmla="*/ 2690 w 10000"/>
                  <a:gd name="connsiteY89" fmla="*/ 7917 h 10000"/>
                  <a:gd name="connsiteX90" fmla="*/ 2892 w 10000"/>
                  <a:gd name="connsiteY90" fmla="*/ 7843 h 10000"/>
                  <a:gd name="connsiteX91" fmla="*/ 3096 w 10000"/>
                  <a:gd name="connsiteY91" fmla="*/ 7784 h 10000"/>
                  <a:gd name="connsiteX92" fmla="*/ 3274 w 10000"/>
                  <a:gd name="connsiteY92" fmla="*/ 7710 h 10000"/>
                  <a:gd name="connsiteX93" fmla="*/ 3426 w 10000"/>
                  <a:gd name="connsiteY93" fmla="*/ 7592 h 10000"/>
                  <a:gd name="connsiteX94" fmla="*/ 3579 w 10000"/>
                  <a:gd name="connsiteY94" fmla="*/ 7474 h 10000"/>
                  <a:gd name="connsiteX95" fmla="*/ 3680 w 10000"/>
                  <a:gd name="connsiteY95" fmla="*/ 7312 h 10000"/>
                  <a:gd name="connsiteX96" fmla="*/ 3477 w 10000"/>
                  <a:gd name="connsiteY96" fmla="*/ 7238 h 10000"/>
                  <a:gd name="connsiteX97" fmla="*/ 3299 w 10000"/>
                  <a:gd name="connsiteY97" fmla="*/ 7179 h 10000"/>
                  <a:gd name="connsiteX98" fmla="*/ 3147 w 10000"/>
                  <a:gd name="connsiteY98" fmla="*/ 7090 h 10000"/>
                  <a:gd name="connsiteX99" fmla="*/ 2995 w 10000"/>
                  <a:gd name="connsiteY99" fmla="*/ 6987 h 10000"/>
                  <a:gd name="connsiteX100" fmla="*/ 2892 w 10000"/>
                  <a:gd name="connsiteY100" fmla="*/ 6869 h 10000"/>
                  <a:gd name="connsiteX101" fmla="*/ 2843 w 10000"/>
                  <a:gd name="connsiteY101" fmla="*/ 6721 h 10000"/>
                  <a:gd name="connsiteX102" fmla="*/ 2817 w 10000"/>
                  <a:gd name="connsiteY102" fmla="*/ 6558 h 10000"/>
                  <a:gd name="connsiteX103" fmla="*/ 2843 w 10000"/>
                  <a:gd name="connsiteY103" fmla="*/ 6352 h 10000"/>
                  <a:gd name="connsiteX104" fmla="*/ 2716 w 10000"/>
                  <a:gd name="connsiteY104" fmla="*/ 6322 h 10000"/>
                  <a:gd name="connsiteX105" fmla="*/ 2564 w 10000"/>
                  <a:gd name="connsiteY105" fmla="*/ 6292 h 10000"/>
                  <a:gd name="connsiteX106" fmla="*/ 2386 w 10000"/>
                  <a:gd name="connsiteY106" fmla="*/ 6278 h 10000"/>
                  <a:gd name="connsiteX107" fmla="*/ 2208 w 10000"/>
                  <a:gd name="connsiteY107" fmla="*/ 6263 h 10000"/>
                  <a:gd name="connsiteX108" fmla="*/ 1853 w 10000"/>
                  <a:gd name="connsiteY108" fmla="*/ 6248 h 10000"/>
                  <a:gd name="connsiteX109" fmla="*/ 1472 w 10000"/>
                  <a:gd name="connsiteY109" fmla="*/ 6263 h 10000"/>
                  <a:gd name="connsiteX110" fmla="*/ 1143 w 10000"/>
                  <a:gd name="connsiteY110" fmla="*/ 6278 h 10000"/>
                  <a:gd name="connsiteX111" fmla="*/ 837 w 10000"/>
                  <a:gd name="connsiteY111" fmla="*/ 6278 h 10000"/>
                  <a:gd name="connsiteX112" fmla="*/ 585 w 10000"/>
                  <a:gd name="connsiteY112" fmla="*/ 6263 h 10000"/>
                  <a:gd name="connsiteX113" fmla="*/ 381 w 10000"/>
                  <a:gd name="connsiteY113" fmla="*/ 6233 h 10000"/>
                  <a:gd name="connsiteX114" fmla="*/ 633 w 10000"/>
                  <a:gd name="connsiteY114" fmla="*/ 5805 h 10000"/>
                  <a:gd name="connsiteX115" fmla="*/ 914 w 10000"/>
                  <a:gd name="connsiteY115" fmla="*/ 5391 h 10000"/>
                  <a:gd name="connsiteX116" fmla="*/ 1016 w 10000"/>
                  <a:gd name="connsiteY116" fmla="*/ 5170 h 10000"/>
                  <a:gd name="connsiteX117" fmla="*/ 1091 w 10000"/>
                  <a:gd name="connsiteY117" fmla="*/ 4963 h 10000"/>
                  <a:gd name="connsiteX118" fmla="*/ 1116 w 10000"/>
                  <a:gd name="connsiteY118" fmla="*/ 4860 h 10000"/>
                  <a:gd name="connsiteX119" fmla="*/ 1091 w 10000"/>
                  <a:gd name="connsiteY119" fmla="*/ 4756 h 10000"/>
                  <a:gd name="connsiteX120" fmla="*/ 1066 w 10000"/>
                  <a:gd name="connsiteY120" fmla="*/ 4653 h 10000"/>
                  <a:gd name="connsiteX121" fmla="*/ 990 w 10000"/>
                  <a:gd name="connsiteY121" fmla="*/ 4549 h 10000"/>
                  <a:gd name="connsiteX122" fmla="*/ 1270 w 10000"/>
                  <a:gd name="connsiteY122" fmla="*/ 4520 h 10000"/>
                  <a:gd name="connsiteX123" fmla="*/ 1472 w 10000"/>
                  <a:gd name="connsiteY123" fmla="*/ 4505 h 10000"/>
                  <a:gd name="connsiteX124" fmla="*/ 1650 w 10000"/>
                  <a:gd name="connsiteY124" fmla="*/ 4505 h 10000"/>
                  <a:gd name="connsiteX125" fmla="*/ 1802 w 10000"/>
                  <a:gd name="connsiteY125" fmla="*/ 4520 h 10000"/>
                  <a:gd name="connsiteX126" fmla="*/ 1929 w 10000"/>
                  <a:gd name="connsiteY126" fmla="*/ 4520 h 10000"/>
                  <a:gd name="connsiteX127" fmla="*/ 2081 w 10000"/>
                  <a:gd name="connsiteY127" fmla="*/ 4520 h 10000"/>
                  <a:gd name="connsiteX128" fmla="*/ 2234 w 10000"/>
                  <a:gd name="connsiteY128" fmla="*/ 4490 h 10000"/>
                  <a:gd name="connsiteX129" fmla="*/ 2436 w 10000"/>
                  <a:gd name="connsiteY129" fmla="*/ 4446 h 10000"/>
                  <a:gd name="connsiteX130" fmla="*/ 2436 w 10000"/>
                  <a:gd name="connsiteY130" fmla="*/ 4579 h 10000"/>
                  <a:gd name="connsiteX131" fmla="*/ 2436 w 10000"/>
                  <a:gd name="connsiteY131" fmla="*/ 4742 h 10000"/>
                  <a:gd name="connsiteX132" fmla="*/ 2436 w 10000"/>
                  <a:gd name="connsiteY132" fmla="*/ 4874 h 10000"/>
                  <a:gd name="connsiteX133" fmla="*/ 2436 w 10000"/>
                  <a:gd name="connsiteY133" fmla="*/ 5037 h 10000"/>
                  <a:gd name="connsiteX134" fmla="*/ 2665 w 10000"/>
                  <a:gd name="connsiteY134" fmla="*/ 5022 h 10000"/>
                  <a:gd name="connsiteX135" fmla="*/ 2817 w 10000"/>
                  <a:gd name="connsiteY135" fmla="*/ 5037 h 10000"/>
                  <a:gd name="connsiteX136" fmla="*/ 2944 w 10000"/>
                  <a:gd name="connsiteY136" fmla="*/ 5066 h 10000"/>
                  <a:gd name="connsiteX137" fmla="*/ 3071 w 10000"/>
                  <a:gd name="connsiteY137" fmla="*/ 5096 h 10000"/>
                  <a:gd name="connsiteX138" fmla="*/ 3173 w 10000"/>
                  <a:gd name="connsiteY138" fmla="*/ 5126 h 10000"/>
                  <a:gd name="connsiteX139" fmla="*/ 3299 w 10000"/>
                  <a:gd name="connsiteY139" fmla="*/ 5155 h 10000"/>
                  <a:gd name="connsiteX140" fmla="*/ 3452 w 10000"/>
                  <a:gd name="connsiteY140" fmla="*/ 5170 h 10000"/>
                  <a:gd name="connsiteX141" fmla="*/ 3680 w 10000"/>
                  <a:gd name="connsiteY141" fmla="*/ 5155 h 10000"/>
                  <a:gd name="connsiteX142" fmla="*/ 3757 w 10000"/>
                  <a:gd name="connsiteY142" fmla="*/ 5096 h 10000"/>
                  <a:gd name="connsiteX143" fmla="*/ 3832 w 10000"/>
                  <a:gd name="connsiteY143" fmla="*/ 5022 h 10000"/>
                  <a:gd name="connsiteX144" fmla="*/ 3857 w 10000"/>
                  <a:gd name="connsiteY144" fmla="*/ 4934 h 10000"/>
                  <a:gd name="connsiteX145" fmla="*/ 3884 w 10000"/>
                  <a:gd name="connsiteY145" fmla="*/ 4860 h 10000"/>
                  <a:gd name="connsiteX146" fmla="*/ 3908 w 10000"/>
                  <a:gd name="connsiteY146" fmla="*/ 4697 h 10000"/>
                  <a:gd name="connsiteX147" fmla="*/ 3884 w 10000"/>
                  <a:gd name="connsiteY147" fmla="*/ 4520 h 10000"/>
                  <a:gd name="connsiteX148" fmla="*/ 3807 w 10000"/>
                  <a:gd name="connsiteY148" fmla="*/ 4343 h 10000"/>
                  <a:gd name="connsiteX149" fmla="*/ 3731 w 10000"/>
                  <a:gd name="connsiteY149" fmla="*/ 4195 h 10000"/>
                  <a:gd name="connsiteX150" fmla="*/ 3604 w 10000"/>
                  <a:gd name="connsiteY150" fmla="*/ 4047 h 10000"/>
                  <a:gd name="connsiteX151" fmla="*/ 3477 w 10000"/>
                  <a:gd name="connsiteY151" fmla="*/ 3959 h 10000"/>
                  <a:gd name="connsiteX152" fmla="*/ 3629 w 10000"/>
                  <a:gd name="connsiteY152" fmla="*/ 3944 h 10000"/>
                  <a:gd name="connsiteX153" fmla="*/ 3757 w 10000"/>
                  <a:gd name="connsiteY153" fmla="*/ 3914 h 10000"/>
                  <a:gd name="connsiteX154" fmla="*/ 3857 w 10000"/>
                  <a:gd name="connsiteY154" fmla="*/ 3855 h 10000"/>
                  <a:gd name="connsiteX155" fmla="*/ 3983 w 10000"/>
                  <a:gd name="connsiteY155" fmla="*/ 3752 h 10000"/>
                  <a:gd name="connsiteX156" fmla="*/ 4111 w 10000"/>
                  <a:gd name="connsiteY156" fmla="*/ 3663 h 10000"/>
                  <a:gd name="connsiteX157" fmla="*/ 4213 w 10000"/>
                  <a:gd name="connsiteY157" fmla="*/ 3560 h 10000"/>
                  <a:gd name="connsiteX158" fmla="*/ 4289 w 10000"/>
                  <a:gd name="connsiteY158" fmla="*/ 3442 h 10000"/>
                  <a:gd name="connsiteX159" fmla="*/ 4366 w 10000"/>
                  <a:gd name="connsiteY159" fmla="*/ 3323 h 10000"/>
                  <a:gd name="connsiteX160" fmla="*/ 4416 w 10000"/>
                  <a:gd name="connsiteY160" fmla="*/ 3220 h 10000"/>
                  <a:gd name="connsiteX161" fmla="*/ 4441 w 10000"/>
                  <a:gd name="connsiteY161" fmla="*/ 3102 h 10000"/>
                  <a:gd name="connsiteX162" fmla="*/ 4468 w 10000"/>
                  <a:gd name="connsiteY162" fmla="*/ 3013 h 10000"/>
                  <a:gd name="connsiteX163" fmla="*/ 4441 w 10000"/>
                  <a:gd name="connsiteY163" fmla="*/ 2939 h 10000"/>
                  <a:gd name="connsiteX164" fmla="*/ 4416 w 10000"/>
                  <a:gd name="connsiteY164" fmla="*/ 2866 h 10000"/>
                  <a:gd name="connsiteX165" fmla="*/ 4340 w 10000"/>
                  <a:gd name="connsiteY165" fmla="*/ 2836 h 10000"/>
                  <a:gd name="connsiteX166" fmla="*/ 4239 w 10000"/>
                  <a:gd name="connsiteY166" fmla="*/ 2836 h 10000"/>
                  <a:gd name="connsiteX167" fmla="*/ 4111 w 10000"/>
                  <a:gd name="connsiteY167" fmla="*/ 2866 h 10000"/>
                  <a:gd name="connsiteX168" fmla="*/ 4213 w 10000"/>
                  <a:gd name="connsiteY168" fmla="*/ 2777 h 10000"/>
                  <a:gd name="connsiteX169" fmla="*/ 4265 w 10000"/>
                  <a:gd name="connsiteY169" fmla="*/ 2674 h 10000"/>
                  <a:gd name="connsiteX170" fmla="*/ 4289 w 10000"/>
                  <a:gd name="connsiteY170" fmla="*/ 2541 h 10000"/>
                  <a:gd name="connsiteX171" fmla="*/ 4289 w 10000"/>
                  <a:gd name="connsiteY171" fmla="*/ 2393 h 10000"/>
                  <a:gd name="connsiteX172" fmla="*/ 4314 w 10000"/>
                  <a:gd name="connsiteY172" fmla="*/ 2349 h 10000"/>
                  <a:gd name="connsiteX173" fmla="*/ 4366 w 10000"/>
                  <a:gd name="connsiteY173" fmla="*/ 2304 h 10000"/>
                  <a:gd name="connsiteX174" fmla="*/ 4416 w 10000"/>
                  <a:gd name="connsiteY174" fmla="*/ 2290 h 10000"/>
                  <a:gd name="connsiteX175" fmla="*/ 4493 w 10000"/>
                  <a:gd name="connsiteY175" fmla="*/ 2275 h 10000"/>
                  <a:gd name="connsiteX176" fmla="*/ 4720 w 10000"/>
                  <a:gd name="connsiteY176" fmla="*/ 2260 h 10000"/>
                  <a:gd name="connsiteX177" fmla="*/ 4923 w 10000"/>
                  <a:gd name="connsiteY177" fmla="*/ 2275 h 10000"/>
                  <a:gd name="connsiteX178" fmla="*/ 4898 w 10000"/>
                  <a:gd name="connsiteY178" fmla="*/ 2112 h 10000"/>
                  <a:gd name="connsiteX179" fmla="*/ 4848 w 10000"/>
                  <a:gd name="connsiteY179" fmla="*/ 1950 h 10000"/>
                  <a:gd name="connsiteX180" fmla="*/ 4771 w 10000"/>
                  <a:gd name="connsiteY180" fmla="*/ 1802 h 10000"/>
                  <a:gd name="connsiteX181" fmla="*/ 4671 w 10000"/>
                  <a:gd name="connsiteY181" fmla="*/ 1640 h 10000"/>
                  <a:gd name="connsiteX182" fmla="*/ 4416 w 10000"/>
                  <a:gd name="connsiteY182" fmla="*/ 1329 h 10000"/>
                  <a:gd name="connsiteX183" fmla="*/ 4162 w 10000"/>
                  <a:gd name="connsiteY183" fmla="*/ 1034 h 10000"/>
                  <a:gd name="connsiteX184" fmla="*/ 4035 w 10000"/>
                  <a:gd name="connsiteY184" fmla="*/ 901 h 10000"/>
                  <a:gd name="connsiteX185" fmla="*/ 3935 w 10000"/>
                  <a:gd name="connsiteY185" fmla="*/ 753 h 10000"/>
                  <a:gd name="connsiteX186" fmla="*/ 3857 w 10000"/>
                  <a:gd name="connsiteY186" fmla="*/ 620 h 10000"/>
                  <a:gd name="connsiteX187" fmla="*/ 3832 w 10000"/>
                  <a:gd name="connsiteY187" fmla="*/ 487 h 10000"/>
                  <a:gd name="connsiteX188" fmla="*/ 3807 w 10000"/>
                  <a:gd name="connsiteY188" fmla="*/ 355 h 10000"/>
                  <a:gd name="connsiteX189" fmla="*/ 3857 w 10000"/>
                  <a:gd name="connsiteY189" fmla="*/ 222 h 10000"/>
                  <a:gd name="connsiteX190" fmla="*/ 3884 w 10000"/>
                  <a:gd name="connsiteY190" fmla="*/ 162 h 10000"/>
                  <a:gd name="connsiteX191" fmla="*/ 3935 w 10000"/>
                  <a:gd name="connsiteY191" fmla="*/ 103 h 10000"/>
                  <a:gd name="connsiteX192" fmla="*/ 4011 w 10000"/>
                  <a:gd name="connsiteY192" fmla="*/ 59 h 10000"/>
                  <a:gd name="connsiteX193" fmla="*/ 4111 w 10000"/>
                  <a:gd name="connsiteY193" fmla="*/ 0 h 10000"/>
                  <a:gd name="connsiteX194" fmla="*/ 4289 w 10000"/>
                  <a:gd name="connsiteY194" fmla="*/ 0 h 10000"/>
                  <a:gd name="connsiteX195" fmla="*/ 4468 w 10000"/>
                  <a:gd name="connsiteY195" fmla="*/ 15 h 10000"/>
                  <a:gd name="connsiteX196" fmla="*/ 4644 w 10000"/>
                  <a:gd name="connsiteY196" fmla="*/ 44 h 10000"/>
                  <a:gd name="connsiteX197" fmla="*/ 4771 w 10000"/>
                  <a:gd name="connsiteY197" fmla="*/ 89 h 10000"/>
                  <a:gd name="connsiteX198" fmla="*/ 4975 w 10000"/>
                  <a:gd name="connsiteY198" fmla="*/ 192 h 10000"/>
                  <a:gd name="connsiteX199" fmla="*/ 5177 w 10000"/>
                  <a:gd name="connsiteY199" fmla="*/ 340 h 10000"/>
                  <a:gd name="connsiteX200" fmla="*/ 5329 w 10000"/>
                  <a:gd name="connsiteY200" fmla="*/ 473 h 10000"/>
                  <a:gd name="connsiteX201" fmla="*/ 5532 w 10000"/>
                  <a:gd name="connsiteY201" fmla="*/ 591 h 10000"/>
                  <a:gd name="connsiteX202" fmla="*/ 5660 w 10000"/>
                  <a:gd name="connsiteY202" fmla="*/ 650 h 10000"/>
                  <a:gd name="connsiteX203" fmla="*/ 5812 w 10000"/>
                  <a:gd name="connsiteY203" fmla="*/ 679 h 10000"/>
                  <a:gd name="connsiteX204" fmla="*/ 5965 w 10000"/>
                  <a:gd name="connsiteY204" fmla="*/ 709 h 10000"/>
                  <a:gd name="connsiteX205" fmla="*/ 6168 w 10000"/>
                  <a:gd name="connsiteY205" fmla="*/ 709 h 10000"/>
                  <a:gd name="connsiteX206" fmla="*/ 6168 w 10000"/>
                  <a:gd name="connsiteY206" fmla="*/ 768 h 10000"/>
                  <a:gd name="connsiteX207" fmla="*/ 6193 w 10000"/>
                  <a:gd name="connsiteY207" fmla="*/ 842 h 10000"/>
                  <a:gd name="connsiteX208" fmla="*/ 6243 w 10000"/>
                  <a:gd name="connsiteY208" fmla="*/ 916 h 10000"/>
                  <a:gd name="connsiteX209" fmla="*/ 6294 w 10000"/>
                  <a:gd name="connsiteY209" fmla="*/ 990 h 10000"/>
                  <a:gd name="connsiteX210" fmla="*/ 6369 w 10000"/>
                  <a:gd name="connsiteY210" fmla="*/ 1049 h 10000"/>
                  <a:gd name="connsiteX211" fmla="*/ 6471 w 10000"/>
                  <a:gd name="connsiteY211" fmla="*/ 1108 h 10000"/>
                  <a:gd name="connsiteX212" fmla="*/ 6598 w 10000"/>
                  <a:gd name="connsiteY212" fmla="*/ 1182 h 10000"/>
                  <a:gd name="connsiteX213" fmla="*/ 6700 w 10000"/>
                  <a:gd name="connsiteY213" fmla="*/ 1226 h 10000"/>
                  <a:gd name="connsiteX214" fmla="*/ 6802 w 10000"/>
                  <a:gd name="connsiteY214" fmla="*/ 1270 h 10000"/>
                  <a:gd name="connsiteX215" fmla="*/ 6903 w 10000"/>
                  <a:gd name="connsiteY215" fmla="*/ 1300 h 10000"/>
                  <a:gd name="connsiteX216" fmla="*/ 7005 w 10000"/>
                  <a:gd name="connsiteY216" fmla="*/ 1315 h 10000"/>
                  <a:gd name="connsiteX217" fmla="*/ 7132 w 10000"/>
                  <a:gd name="connsiteY217" fmla="*/ 1300 h 10000"/>
                  <a:gd name="connsiteX218" fmla="*/ 7234 w 10000"/>
                  <a:gd name="connsiteY218" fmla="*/ 1285 h 10000"/>
                  <a:gd name="connsiteX219" fmla="*/ 7309 w 10000"/>
                  <a:gd name="connsiteY219" fmla="*/ 1241 h 10000"/>
                  <a:gd name="connsiteX220" fmla="*/ 7361 w 10000"/>
                  <a:gd name="connsiteY220" fmla="*/ 1167 h 10000"/>
                  <a:gd name="connsiteX221" fmla="*/ 7385 w 10000"/>
                  <a:gd name="connsiteY221" fmla="*/ 1064 h 10000"/>
                  <a:gd name="connsiteX222" fmla="*/ 7766 w 10000"/>
                  <a:gd name="connsiteY222" fmla="*/ 1034 h 10000"/>
                  <a:gd name="connsiteX223" fmla="*/ 8121 w 10000"/>
                  <a:gd name="connsiteY223" fmla="*/ 1004 h 10000"/>
                  <a:gd name="connsiteX224" fmla="*/ 8427 w 10000"/>
                  <a:gd name="connsiteY224" fmla="*/ 990 h 10000"/>
                  <a:gd name="connsiteX225" fmla="*/ 8706 w 10000"/>
                  <a:gd name="connsiteY225" fmla="*/ 1004 h 10000"/>
                  <a:gd name="connsiteX226" fmla="*/ 8833 w 10000"/>
                  <a:gd name="connsiteY226" fmla="*/ 1019 h 10000"/>
                  <a:gd name="connsiteX227" fmla="*/ 8958 w 10000"/>
                  <a:gd name="connsiteY227" fmla="*/ 1034 h 10000"/>
                  <a:gd name="connsiteX228" fmla="*/ 9061 w 10000"/>
                  <a:gd name="connsiteY228" fmla="*/ 1064 h 10000"/>
                  <a:gd name="connsiteX229" fmla="*/ 9188 w 10000"/>
                  <a:gd name="connsiteY229" fmla="*/ 1108 h 10000"/>
                  <a:gd name="connsiteX230" fmla="*/ 9264 w 10000"/>
                  <a:gd name="connsiteY230" fmla="*/ 1182 h 10000"/>
                  <a:gd name="connsiteX231" fmla="*/ 9339 w 10000"/>
                  <a:gd name="connsiteY231" fmla="*/ 1241 h 10000"/>
                  <a:gd name="connsiteX232" fmla="*/ 9391 w 10000"/>
                  <a:gd name="connsiteY232" fmla="*/ 1329 h 10000"/>
                  <a:gd name="connsiteX233" fmla="*/ 9442 w 10000"/>
                  <a:gd name="connsiteY233" fmla="*/ 1433 h 10000"/>
                  <a:gd name="connsiteX234" fmla="*/ 9492 w 10000"/>
                  <a:gd name="connsiteY234" fmla="*/ 1551 h 10000"/>
                  <a:gd name="connsiteX235" fmla="*/ 9466 w 10000"/>
                  <a:gd name="connsiteY235" fmla="*/ 1625 h 10000"/>
                  <a:gd name="connsiteX236" fmla="*/ 9442 w 10000"/>
                  <a:gd name="connsiteY236" fmla="*/ 1684 h 10000"/>
                  <a:gd name="connsiteX237" fmla="*/ 9391 w 10000"/>
                  <a:gd name="connsiteY237" fmla="*/ 1758 h 10000"/>
                  <a:gd name="connsiteX238" fmla="*/ 9315 w 10000"/>
                  <a:gd name="connsiteY238" fmla="*/ 1802 h 10000"/>
                  <a:gd name="connsiteX239" fmla="*/ 9264 w 10000"/>
                  <a:gd name="connsiteY239" fmla="*/ 1861 h 10000"/>
                  <a:gd name="connsiteX240" fmla="*/ 9240 w 10000"/>
                  <a:gd name="connsiteY240" fmla="*/ 1935 h 10000"/>
                  <a:gd name="connsiteX241" fmla="*/ 9264 w 10000"/>
                  <a:gd name="connsiteY241" fmla="*/ 2024 h 10000"/>
                  <a:gd name="connsiteX242" fmla="*/ 9543 w 10000"/>
                  <a:gd name="connsiteY242" fmla="*/ 2157 h 10000"/>
                  <a:gd name="connsiteX243" fmla="*/ 9873 w 10000"/>
                  <a:gd name="connsiteY243" fmla="*/ 2275 h 10000"/>
                  <a:gd name="connsiteX244" fmla="*/ 10000 w 10000"/>
                  <a:gd name="connsiteY244" fmla="*/ 2349 h 10000"/>
                  <a:gd name="connsiteX0" fmla="*/ 6369 w 10000"/>
                  <a:gd name="connsiteY0" fmla="*/ 4313 h 10000"/>
                  <a:gd name="connsiteX1" fmla="*/ 7383 w 10000"/>
                  <a:gd name="connsiteY1" fmla="*/ 3894 h 10000"/>
                  <a:gd name="connsiteX2" fmla="*/ 9415 w 10000"/>
                  <a:gd name="connsiteY2" fmla="*/ 3117 h 10000"/>
                  <a:gd name="connsiteX3" fmla="*/ 9442 w 10000"/>
                  <a:gd name="connsiteY3" fmla="*/ 3072 h 10000"/>
                  <a:gd name="connsiteX4" fmla="*/ 9466 w 10000"/>
                  <a:gd name="connsiteY4" fmla="*/ 3013 h 10000"/>
                  <a:gd name="connsiteX5" fmla="*/ 9466 w 10000"/>
                  <a:gd name="connsiteY5" fmla="*/ 2954 h 10000"/>
                  <a:gd name="connsiteX6" fmla="*/ 9442 w 10000"/>
                  <a:gd name="connsiteY6" fmla="*/ 2866 h 10000"/>
                  <a:gd name="connsiteX7" fmla="*/ 6345 w 10000"/>
                  <a:gd name="connsiteY7" fmla="*/ 4003 h 10000"/>
                  <a:gd name="connsiteX8" fmla="*/ 6143 w 10000"/>
                  <a:gd name="connsiteY8" fmla="*/ 4106 h 10000"/>
                  <a:gd name="connsiteX9" fmla="*/ 5938 w 10000"/>
                  <a:gd name="connsiteY9" fmla="*/ 4195 h 10000"/>
                  <a:gd name="connsiteX10" fmla="*/ 6091 w 10000"/>
                  <a:gd name="connsiteY10" fmla="*/ 4417 h 10000"/>
                  <a:gd name="connsiteX11" fmla="*/ 6421 w 10000"/>
                  <a:gd name="connsiteY11" fmla="*/ 5318 h 10000"/>
                  <a:gd name="connsiteX12" fmla="*/ 6447 w 10000"/>
                  <a:gd name="connsiteY12" fmla="*/ 5539 h 10000"/>
                  <a:gd name="connsiteX13" fmla="*/ 6471 w 10000"/>
                  <a:gd name="connsiteY13" fmla="*/ 5775 h 10000"/>
                  <a:gd name="connsiteX14" fmla="*/ 6471 w 10000"/>
                  <a:gd name="connsiteY14" fmla="*/ 5997 h 10000"/>
                  <a:gd name="connsiteX15" fmla="*/ 6447 w 10000"/>
                  <a:gd name="connsiteY15" fmla="*/ 6233 h 10000"/>
                  <a:gd name="connsiteX16" fmla="*/ 6396 w 10000"/>
                  <a:gd name="connsiteY16" fmla="*/ 6470 h 10000"/>
                  <a:gd name="connsiteX17" fmla="*/ 6345 w 10000"/>
                  <a:gd name="connsiteY17" fmla="*/ 6677 h 10000"/>
                  <a:gd name="connsiteX18" fmla="*/ 6269 w 10000"/>
                  <a:gd name="connsiteY18" fmla="*/ 6898 h 10000"/>
                  <a:gd name="connsiteX19" fmla="*/ 6168 w 10000"/>
                  <a:gd name="connsiteY19" fmla="*/ 7105 h 10000"/>
                  <a:gd name="connsiteX20" fmla="*/ 6041 w 10000"/>
                  <a:gd name="connsiteY20" fmla="*/ 7297 h 10000"/>
                  <a:gd name="connsiteX21" fmla="*/ 5888 w 10000"/>
                  <a:gd name="connsiteY21" fmla="*/ 7489 h 10000"/>
                  <a:gd name="connsiteX22" fmla="*/ 5735 w 10000"/>
                  <a:gd name="connsiteY22" fmla="*/ 7681 h 10000"/>
                  <a:gd name="connsiteX23" fmla="*/ 6471 w 10000"/>
                  <a:gd name="connsiteY23" fmla="*/ 7799 h 10000"/>
                  <a:gd name="connsiteX24" fmla="*/ 7234 w 10000"/>
                  <a:gd name="connsiteY24" fmla="*/ 7962 h 10000"/>
                  <a:gd name="connsiteX25" fmla="*/ 7385 w 10000"/>
                  <a:gd name="connsiteY25" fmla="*/ 8021 h 10000"/>
                  <a:gd name="connsiteX26" fmla="*/ 7512 w 10000"/>
                  <a:gd name="connsiteY26" fmla="*/ 8080 h 10000"/>
                  <a:gd name="connsiteX27" fmla="*/ 7639 w 10000"/>
                  <a:gd name="connsiteY27" fmla="*/ 8139 h 10000"/>
                  <a:gd name="connsiteX28" fmla="*/ 7716 w 10000"/>
                  <a:gd name="connsiteY28" fmla="*/ 8227 h 10000"/>
                  <a:gd name="connsiteX29" fmla="*/ 7741 w 10000"/>
                  <a:gd name="connsiteY29" fmla="*/ 8301 h 10000"/>
                  <a:gd name="connsiteX30" fmla="*/ 7741 w 10000"/>
                  <a:gd name="connsiteY30" fmla="*/ 8405 h 10000"/>
                  <a:gd name="connsiteX31" fmla="*/ 7691 w 10000"/>
                  <a:gd name="connsiteY31" fmla="*/ 8523 h 10000"/>
                  <a:gd name="connsiteX32" fmla="*/ 7614 w 10000"/>
                  <a:gd name="connsiteY32" fmla="*/ 8641 h 10000"/>
                  <a:gd name="connsiteX33" fmla="*/ 7284 w 10000"/>
                  <a:gd name="connsiteY33" fmla="*/ 8552 h 10000"/>
                  <a:gd name="connsiteX34" fmla="*/ 6979 w 10000"/>
                  <a:gd name="connsiteY34" fmla="*/ 8449 h 10000"/>
                  <a:gd name="connsiteX35" fmla="*/ 6674 w 10000"/>
                  <a:gd name="connsiteY35" fmla="*/ 8360 h 10000"/>
                  <a:gd name="connsiteX36" fmla="*/ 6369 w 10000"/>
                  <a:gd name="connsiteY36" fmla="*/ 8287 h 10000"/>
                  <a:gd name="connsiteX37" fmla="*/ 6243 w 10000"/>
                  <a:gd name="connsiteY37" fmla="*/ 8449 h 10000"/>
                  <a:gd name="connsiteX38" fmla="*/ 6143 w 10000"/>
                  <a:gd name="connsiteY38" fmla="*/ 8597 h 10000"/>
                  <a:gd name="connsiteX39" fmla="*/ 6091 w 10000"/>
                  <a:gd name="connsiteY39" fmla="*/ 8656 h 10000"/>
                  <a:gd name="connsiteX40" fmla="*/ 5989 w 10000"/>
                  <a:gd name="connsiteY40" fmla="*/ 8700 h 10000"/>
                  <a:gd name="connsiteX41" fmla="*/ 5914 w 10000"/>
                  <a:gd name="connsiteY41" fmla="*/ 8744 h 10000"/>
                  <a:gd name="connsiteX42" fmla="*/ 5838 w 10000"/>
                  <a:gd name="connsiteY42" fmla="*/ 8774 h 10000"/>
                  <a:gd name="connsiteX43" fmla="*/ 5761 w 10000"/>
                  <a:gd name="connsiteY43" fmla="*/ 8804 h 10000"/>
                  <a:gd name="connsiteX44" fmla="*/ 5660 w 10000"/>
                  <a:gd name="connsiteY44" fmla="*/ 8818 h 10000"/>
                  <a:gd name="connsiteX45" fmla="*/ 5532 w 10000"/>
                  <a:gd name="connsiteY45" fmla="*/ 8833 h 10000"/>
                  <a:gd name="connsiteX46" fmla="*/ 5406 w 10000"/>
                  <a:gd name="connsiteY46" fmla="*/ 8833 h 10000"/>
                  <a:gd name="connsiteX47" fmla="*/ 5102 w 10000"/>
                  <a:gd name="connsiteY47" fmla="*/ 8818 h 10000"/>
                  <a:gd name="connsiteX48" fmla="*/ 4720 w 10000"/>
                  <a:gd name="connsiteY48" fmla="*/ 8744 h 10000"/>
                  <a:gd name="connsiteX49" fmla="*/ 4720 w 10000"/>
                  <a:gd name="connsiteY49" fmla="*/ 8922 h 10000"/>
                  <a:gd name="connsiteX50" fmla="*/ 4695 w 10000"/>
                  <a:gd name="connsiteY50" fmla="*/ 9069 h 10000"/>
                  <a:gd name="connsiteX51" fmla="*/ 4671 w 10000"/>
                  <a:gd name="connsiteY51" fmla="*/ 9232 h 10000"/>
                  <a:gd name="connsiteX52" fmla="*/ 4644 w 10000"/>
                  <a:gd name="connsiteY52" fmla="*/ 9365 h 10000"/>
                  <a:gd name="connsiteX53" fmla="*/ 4593 w 10000"/>
                  <a:gd name="connsiteY53" fmla="*/ 9498 h 10000"/>
                  <a:gd name="connsiteX54" fmla="*/ 4493 w 10000"/>
                  <a:gd name="connsiteY54" fmla="*/ 9616 h 10000"/>
                  <a:gd name="connsiteX55" fmla="*/ 4416 w 10000"/>
                  <a:gd name="connsiteY55" fmla="*/ 9734 h 10000"/>
                  <a:gd name="connsiteX56" fmla="*/ 4289 w 10000"/>
                  <a:gd name="connsiteY56" fmla="*/ 9838 h 10000"/>
                  <a:gd name="connsiteX57" fmla="*/ 3983 w 10000"/>
                  <a:gd name="connsiteY57" fmla="*/ 9897 h 10000"/>
                  <a:gd name="connsiteX58" fmla="*/ 3731 w 10000"/>
                  <a:gd name="connsiteY58" fmla="*/ 9941 h 10000"/>
                  <a:gd name="connsiteX59" fmla="*/ 3426 w 10000"/>
                  <a:gd name="connsiteY59" fmla="*/ 9985 h 10000"/>
                  <a:gd name="connsiteX60" fmla="*/ 3198 w 10000"/>
                  <a:gd name="connsiteY60" fmla="*/ 10000 h 10000"/>
                  <a:gd name="connsiteX61" fmla="*/ 2690 w 10000"/>
                  <a:gd name="connsiteY61" fmla="*/ 10000 h 10000"/>
                  <a:gd name="connsiteX62" fmla="*/ 2208 w 10000"/>
                  <a:gd name="connsiteY62" fmla="*/ 9985 h 10000"/>
                  <a:gd name="connsiteX63" fmla="*/ 1752 w 10000"/>
                  <a:gd name="connsiteY63" fmla="*/ 9941 h 10000"/>
                  <a:gd name="connsiteX64" fmla="*/ 1270 w 10000"/>
                  <a:gd name="connsiteY64" fmla="*/ 9911 h 10000"/>
                  <a:gd name="connsiteX65" fmla="*/ 990 w 10000"/>
                  <a:gd name="connsiteY65" fmla="*/ 9911 h 10000"/>
                  <a:gd name="connsiteX66" fmla="*/ 736 w 10000"/>
                  <a:gd name="connsiteY66" fmla="*/ 9911 h 10000"/>
                  <a:gd name="connsiteX67" fmla="*/ 457 w 10000"/>
                  <a:gd name="connsiteY67" fmla="*/ 9926 h 10000"/>
                  <a:gd name="connsiteX68" fmla="*/ 178 w 10000"/>
                  <a:gd name="connsiteY68" fmla="*/ 9970 h 10000"/>
                  <a:gd name="connsiteX69" fmla="*/ 102 w 10000"/>
                  <a:gd name="connsiteY69" fmla="*/ 9867 h 10000"/>
                  <a:gd name="connsiteX70" fmla="*/ 51 w 10000"/>
                  <a:gd name="connsiteY70" fmla="*/ 9793 h 10000"/>
                  <a:gd name="connsiteX71" fmla="*/ 0 w 10000"/>
                  <a:gd name="connsiteY71" fmla="*/ 9705 h 10000"/>
                  <a:gd name="connsiteX72" fmla="*/ 0 w 10000"/>
                  <a:gd name="connsiteY72" fmla="*/ 9601 h 10000"/>
                  <a:gd name="connsiteX73" fmla="*/ 51 w 10000"/>
                  <a:gd name="connsiteY73" fmla="*/ 9424 h 10000"/>
                  <a:gd name="connsiteX74" fmla="*/ 102 w 10000"/>
                  <a:gd name="connsiteY74" fmla="*/ 9202 h 10000"/>
                  <a:gd name="connsiteX75" fmla="*/ 151 w 10000"/>
                  <a:gd name="connsiteY75" fmla="*/ 8996 h 10000"/>
                  <a:gd name="connsiteX76" fmla="*/ 203 w 10000"/>
                  <a:gd name="connsiteY76" fmla="*/ 8759 h 10000"/>
                  <a:gd name="connsiteX77" fmla="*/ 228 w 10000"/>
                  <a:gd name="connsiteY77" fmla="*/ 8641 h 10000"/>
                  <a:gd name="connsiteX78" fmla="*/ 228 w 10000"/>
                  <a:gd name="connsiteY78" fmla="*/ 8538 h 10000"/>
                  <a:gd name="connsiteX79" fmla="*/ 203 w 10000"/>
                  <a:gd name="connsiteY79" fmla="*/ 8405 h 10000"/>
                  <a:gd name="connsiteX80" fmla="*/ 178 w 10000"/>
                  <a:gd name="connsiteY80" fmla="*/ 8287 h 10000"/>
                  <a:gd name="connsiteX81" fmla="*/ 431 w 10000"/>
                  <a:gd name="connsiteY81" fmla="*/ 8213 h 10000"/>
                  <a:gd name="connsiteX82" fmla="*/ 685 w 10000"/>
                  <a:gd name="connsiteY82" fmla="*/ 8139 h 10000"/>
                  <a:gd name="connsiteX83" fmla="*/ 939 w 10000"/>
                  <a:gd name="connsiteY83" fmla="*/ 8095 h 10000"/>
                  <a:gd name="connsiteX84" fmla="*/ 1218 w 10000"/>
                  <a:gd name="connsiteY84" fmla="*/ 8065 h 10000"/>
                  <a:gd name="connsiteX85" fmla="*/ 1725 w 10000"/>
                  <a:gd name="connsiteY85" fmla="*/ 8021 h 10000"/>
                  <a:gd name="connsiteX86" fmla="*/ 2234 w 10000"/>
                  <a:gd name="connsiteY86" fmla="*/ 7976 h 10000"/>
                  <a:gd name="connsiteX87" fmla="*/ 2462 w 10000"/>
                  <a:gd name="connsiteY87" fmla="*/ 7947 h 10000"/>
                  <a:gd name="connsiteX88" fmla="*/ 2690 w 10000"/>
                  <a:gd name="connsiteY88" fmla="*/ 7917 h 10000"/>
                  <a:gd name="connsiteX89" fmla="*/ 2892 w 10000"/>
                  <a:gd name="connsiteY89" fmla="*/ 7843 h 10000"/>
                  <a:gd name="connsiteX90" fmla="*/ 3096 w 10000"/>
                  <a:gd name="connsiteY90" fmla="*/ 7784 h 10000"/>
                  <a:gd name="connsiteX91" fmla="*/ 3274 w 10000"/>
                  <a:gd name="connsiteY91" fmla="*/ 7710 h 10000"/>
                  <a:gd name="connsiteX92" fmla="*/ 3426 w 10000"/>
                  <a:gd name="connsiteY92" fmla="*/ 7592 h 10000"/>
                  <a:gd name="connsiteX93" fmla="*/ 3579 w 10000"/>
                  <a:gd name="connsiteY93" fmla="*/ 7474 h 10000"/>
                  <a:gd name="connsiteX94" fmla="*/ 3680 w 10000"/>
                  <a:gd name="connsiteY94" fmla="*/ 7312 h 10000"/>
                  <a:gd name="connsiteX95" fmla="*/ 3477 w 10000"/>
                  <a:gd name="connsiteY95" fmla="*/ 7238 h 10000"/>
                  <a:gd name="connsiteX96" fmla="*/ 3299 w 10000"/>
                  <a:gd name="connsiteY96" fmla="*/ 7179 h 10000"/>
                  <a:gd name="connsiteX97" fmla="*/ 3147 w 10000"/>
                  <a:gd name="connsiteY97" fmla="*/ 7090 h 10000"/>
                  <a:gd name="connsiteX98" fmla="*/ 2995 w 10000"/>
                  <a:gd name="connsiteY98" fmla="*/ 6987 h 10000"/>
                  <a:gd name="connsiteX99" fmla="*/ 2892 w 10000"/>
                  <a:gd name="connsiteY99" fmla="*/ 6869 h 10000"/>
                  <a:gd name="connsiteX100" fmla="*/ 2843 w 10000"/>
                  <a:gd name="connsiteY100" fmla="*/ 6721 h 10000"/>
                  <a:gd name="connsiteX101" fmla="*/ 2817 w 10000"/>
                  <a:gd name="connsiteY101" fmla="*/ 6558 h 10000"/>
                  <a:gd name="connsiteX102" fmla="*/ 2843 w 10000"/>
                  <a:gd name="connsiteY102" fmla="*/ 6352 h 10000"/>
                  <a:gd name="connsiteX103" fmla="*/ 2716 w 10000"/>
                  <a:gd name="connsiteY103" fmla="*/ 6322 h 10000"/>
                  <a:gd name="connsiteX104" fmla="*/ 2564 w 10000"/>
                  <a:gd name="connsiteY104" fmla="*/ 6292 h 10000"/>
                  <a:gd name="connsiteX105" fmla="*/ 2386 w 10000"/>
                  <a:gd name="connsiteY105" fmla="*/ 6278 h 10000"/>
                  <a:gd name="connsiteX106" fmla="*/ 2208 w 10000"/>
                  <a:gd name="connsiteY106" fmla="*/ 6263 h 10000"/>
                  <a:gd name="connsiteX107" fmla="*/ 1853 w 10000"/>
                  <a:gd name="connsiteY107" fmla="*/ 6248 h 10000"/>
                  <a:gd name="connsiteX108" fmla="*/ 1472 w 10000"/>
                  <a:gd name="connsiteY108" fmla="*/ 6263 h 10000"/>
                  <a:gd name="connsiteX109" fmla="*/ 1143 w 10000"/>
                  <a:gd name="connsiteY109" fmla="*/ 6278 h 10000"/>
                  <a:gd name="connsiteX110" fmla="*/ 837 w 10000"/>
                  <a:gd name="connsiteY110" fmla="*/ 6278 h 10000"/>
                  <a:gd name="connsiteX111" fmla="*/ 585 w 10000"/>
                  <a:gd name="connsiteY111" fmla="*/ 6263 h 10000"/>
                  <a:gd name="connsiteX112" fmla="*/ 381 w 10000"/>
                  <a:gd name="connsiteY112" fmla="*/ 6233 h 10000"/>
                  <a:gd name="connsiteX113" fmla="*/ 633 w 10000"/>
                  <a:gd name="connsiteY113" fmla="*/ 5805 h 10000"/>
                  <a:gd name="connsiteX114" fmla="*/ 914 w 10000"/>
                  <a:gd name="connsiteY114" fmla="*/ 5391 h 10000"/>
                  <a:gd name="connsiteX115" fmla="*/ 1016 w 10000"/>
                  <a:gd name="connsiteY115" fmla="*/ 5170 h 10000"/>
                  <a:gd name="connsiteX116" fmla="*/ 1091 w 10000"/>
                  <a:gd name="connsiteY116" fmla="*/ 4963 h 10000"/>
                  <a:gd name="connsiteX117" fmla="*/ 1116 w 10000"/>
                  <a:gd name="connsiteY117" fmla="*/ 4860 h 10000"/>
                  <a:gd name="connsiteX118" fmla="*/ 1091 w 10000"/>
                  <a:gd name="connsiteY118" fmla="*/ 4756 h 10000"/>
                  <a:gd name="connsiteX119" fmla="*/ 1066 w 10000"/>
                  <a:gd name="connsiteY119" fmla="*/ 4653 h 10000"/>
                  <a:gd name="connsiteX120" fmla="*/ 990 w 10000"/>
                  <a:gd name="connsiteY120" fmla="*/ 4549 h 10000"/>
                  <a:gd name="connsiteX121" fmla="*/ 1270 w 10000"/>
                  <a:gd name="connsiteY121" fmla="*/ 4520 h 10000"/>
                  <a:gd name="connsiteX122" fmla="*/ 1472 w 10000"/>
                  <a:gd name="connsiteY122" fmla="*/ 4505 h 10000"/>
                  <a:gd name="connsiteX123" fmla="*/ 1650 w 10000"/>
                  <a:gd name="connsiteY123" fmla="*/ 4505 h 10000"/>
                  <a:gd name="connsiteX124" fmla="*/ 1802 w 10000"/>
                  <a:gd name="connsiteY124" fmla="*/ 4520 h 10000"/>
                  <a:gd name="connsiteX125" fmla="*/ 1929 w 10000"/>
                  <a:gd name="connsiteY125" fmla="*/ 4520 h 10000"/>
                  <a:gd name="connsiteX126" fmla="*/ 2081 w 10000"/>
                  <a:gd name="connsiteY126" fmla="*/ 4520 h 10000"/>
                  <a:gd name="connsiteX127" fmla="*/ 2234 w 10000"/>
                  <a:gd name="connsiteY127" fmla="*/ 4490 h 10000"/>
                  <a:gd name="connsiteX128" fmla="*/ 2436 w 10000"/>
                  <a:gd name="connsiteY128" fmla="*/ 4446 h 10000"/>
                  <a:gd name="connsiteX129" fmla="*/ 2436 w 10000"/>
                  <a:gd name="connsiteY129" fmla="*/ 4579 h 10000"/>
                  <a:gd name="connsiteX130" fmla="*/ 2436 w 10000"/>
                  <a:gd name="connsiteY130" fmla="*/ 4742 h 10000"/>
                  <a:gd name="connsiteX131" fmla="*/ 2436 w 10000"/>
                  <a:gd name="connsiteY131" fmla="*/ 4874 h 10000"/>
                  <a:gd name="connsiteX132" fmla="*/ 2436 w 10000"/>
                  <a:gd name="connsiteY132" fmla="*/ 5037 h 10000"/>
                  <a:gd name="connsiteX133" fmla="*/ 2665 w 10000"/>
                  <a:gd name="connsiteY133" fmla="*/ 5022 h 10000"/>
                  <a:gd name="connsiteX134" fmla="*/ 2817 w 10000"/>
                  <a:gd name="connsiteY134" fmla="*/ 5037 h 10000"/>
                  <a:gd name="connsiteX135" fmla="*/ 2944 w 10000"/>
                  <a:gd name="connsiteY135" fmla="*/ 5066 h 10000"/>
                  <a:gd name="connsiteX136" fmla="*/ 3071 w 10000"/>
                  <a:gd name="connsiteY136" fmla="*/ 5096 h 10000"/>
                  <a:gd name="connsiteX137" fmla="*/ 3173 w 10000"/>
                  <a:gd name="connsiteY137" fmla="*/ 5126 h 10000"/>
                  <a:gd name="connsiteX138" fmla="*/ 3299 w 10000"/>
                  <a:gd name="connsiteY138" fmla="*/ 5155 h 10000"/>
                  <a:gd name="connsiteX139" fmla="*/ 3452 w 10000"/>
                  <a:gd name="connsiteY139" fmla="*/ 5170 h 10000"/>
                  <a:gd name="connsiteX140" fmla="*/ 3680 w 10000"/>
                  <a:gd name="connsiteY140" fmla="*/ 5155 h 10000"/>
                  <a:gd name="connsiteX141" fmla="*/ 3757 w 10000"/>
                  <a:gd name="connsiteY141" fmla="*/ 5096 h 10000"/>
                  <a:gd name="connsiteX142" fmla="*/ 3832 w 10000"/>
                  <a:gd name="connsiteY142" fmla="*/ 5022 h 10000"/>
                  <a:gd name="connsiteX143" fmla="*/ 3857 w 10000"/>
                  <a:gd name="connsiteY143" fmla="*/ 4934 h 10000"/>
                  <a:gd name="connsiteX144" fmla="*/ 3884 w 10000"/>
                  <a:gd name="connsiteY144" fmla="*/ 4860 h 10000"/>
                  <a:gd name="connsiteX145" fmla="*/ 3908 w 10000"/>
                  <a:gd name="connsiteY145" fmla="*/ 4697 h 10000"/>
                  <a:gd name="connsiteX146" fmla="*/ 3884 w 10000"/>
                  <a:gd name="connsiteY146" fmla="*/ 4520 h 10000"/>
                  <a:gd name="connsiteX147" fmla="*/ 3807 w 10000"/>
                  <a:gd name="connsiteY147" fmla="*/ 4343 h 10000"/>
                  <a:gd name="connsiteX148" fmla="*/ 3731 w 10000"/>
                  <a:gd name="connsiteY148" fmla="*/ 4195 h 10000"/>
                  <a:gd name="connsiteX149" fmla="*/ 3604 w 10000"/>
                  <a:gd name="connsiteY149" fmla="*/ 4047 h 10000"/>
                  <a:gd name="connsiteX150" fmla="*/ 3477 w 10000"/>
                  <a:gd name="connsiteY150" fmla="*/ 3959 h 10000"/>
                  <a:gd name="connsiteX151" fmla="*/ 3629 w 10000"/>
                  <a:gd name="connsiteY151" fmla="*/ 3944 h 10000"/>
                  <a:gd name="connsiteX152" fmla="*/ 3757 w 10000"/>
                  <a:gd name="connsiteY152" fmla="*/ 3914 h 10000"/>
                  <a:gd name="connsiteX153" fmla="*/ 3857 w 10000"/>
                  <a:gd name="connsiteY153" fmla="*/ 3855 h 10000"/>
                  <a:gd name="connsiteX154" fmla="*/ 3983 w 10000"/>
                  <a:gd name="connsiteY154" fmla="*/ 3752 h 10000"/>
                  <a:gd name="connsiteX155" fmla="*/ 4111 w 10000"/>
                  <a:gd name="connsiteY155" fmla="*/ 3663 h 10000"/>
                  <a:gd name="connsiteX156" fmla="*/ 4213 w 10000"/>
                  <a:gd name="connsiteY156" fmla="*/ 3560 h 10000"/>
                  <a:gd name="connsiteX157" fmla="*/ 4289 w 10000"/>
                  <a:gd name="connsiteY157" fmla="*/ 3442 h 10000"/>
                  <a:gd name="connsiteX158" fmla="*/ 4366 w 10000"/>
                  <a:gd name="connsiteY158" fmla="*/ 3323 h 10000"/>
                  <a:gd name="connsiteX159" fmla="*/ 4416 w 10000"/>
                  <a:gd name="connsiteY159" fmla="*/ 3220 h 10000"/>
                  <a:gd name="connsiteX160" fmla="*/ 4441 w 10000"/>
                  <a:gd name="connsiteY160" fmla="*/ 3102 h 10000"/>
                  <a:gd name="connsiteX161" fmla="*/ 4468 w 10000"/>
                  <a:gd name="connsiteY161" fmla="*/ 3013 h 10000"/>
                  <a:gd name="connsiteX162" fmla="*/ 4441 w 10000"/>
                  <a:gd name="connsiteY162" fmla="*/ 2939 h 10000"/>
                  <a:gd name="connsiteX163" fmla="*/ 4416 w 10000"/>
                  <a:gd name="connsiteY163" fmla="*/ 2866 h 10000"/>
                  <a:gd name="connsiteX164" fmla="*/ 4340 w 10000"/>
                  <a:gd name="connsiteY164" fmla="*/ 2836 h 10000"/>
                  <a:gd name="connsiteX165" fmla="*/ 4239 w 10000"/>
                  <a:gd name="connsiteY165" fmla="*/ 2836 h 10000"/>
                  <a:gd name="connsiteX166" fmla="*/ 4111 w 10000"/>
                  <a:gd name="connsiteY166" fmla="*/ 2866 h 10000"/>
                  <a:gd name="connsiteX167" fmla="*/ 4213 w 10000"/>
                  <a:gd name="connsiteY167" fmla="*/ 2777 h 10000"/>
                  <a:gd name="connsiteX168" fmla="*/ 4265 w 10000"/>
                  <a:gd name="connsiteY168" fmla="*/ 2674 h 10000"/>
                  <a:gd name="connsiteX169" fmla="*/ 4289 w 10000"/>
                  <a:gd name="connsiteY169" fmla="*/ 2541 h 10000"/>
                  <a:gd name="connsiteX170" fmla="*/ 4289 w 10000"/>
                  <a:gd name="connsiteY170" fmla="*/ 2393 h 10000"/>
                  <a:gd name="connsiteX171" fmla="*/ 4314 w 10000"/>
                  <a:gd name="connsiteY171" fmla="*/ 2349 h 10000"/>
                  <a:gd name="connsiteX172" fmla="*/ 4366 w 10000"/>
                  <a:gd name="connsiteY172" fmla="*/ 2304 h 10000"/>
                  <a:gd name="connsiteX173" fmla="*/ 4416 w 10000"/>
                  <a:gd name="connsiteY173" fmla="*/ 2290 h 10000"/>
                  <a:gd name="connsiteX174" fmla="*/ 4493 w 10000"/>
                  <a:gd name="connsiteY174" fmla="*/ 2275 h 10000"/>
                  <a:gd name="connsiteX175" fmla="*/ 4720 w 10000"/>
                  <a:gd name="connsiteY175" fmla="*/ 2260 h 10000"/>
                  <a:gd name="connsiteX176" fmla="*/ 4923 w 10000"/>
                  <a:gd name="connsiteY176" fmla="*/ 2275 h 10000"/>
                  <a:gd name="connsiteX177" fmla="*/ 4898 w 10000"/>
                  <a:gd name="connsiteY177" fmla="*/ 2112 h 10000"/>
                  <a:gd name="connsiteX178" fmla="*/ 4848 w 10000"/>
                  <a:gd name="connsiteY178" fmla="*/ 1950 h 10000"/>
                  <a:gd name="connsiteX179" fmla="*/ 4771 w 10000"/>
                  <a:gd name="connsiteY179" fmla="*/ 1802 h 10000"/>
                  <a:gd name="connsiteX180" fmla="*/ 4671 w 10000"/>
                  <a:gd name="connsiteY180" fmla="*/ 1640 h 10000"/>
                  <a:gd name="connsiteX181" fmla="*/ 4416 w 10000"/>
                  <a:gd name="connsiteY181" fmla="*/ 1329 h 10000"/>
                  <a:gd name="connsiteX182" fmla="*/ 4162 w 10000"/>
                  <a:gd name="connsiteY182" fmla="*/ 1034 h 10000"/>
                  <a:gd name="connsiteX183" fmla="*/ 4035 w 10000"/>
                  <a:gd name="connsiteY183" fmla="*/ 901 h 10000"/>
                  <a:gd name="connsiteX184" fmla="*/ 3935 w 10000"/>
                  <a:gd name="connsiteY184" fmla="*/ 753 h 10000"/>
                  <a:gd name="connsiteX185" fmla="*/ 3857 w 10000"/>
                  <a:gd name="connsiteY185" fmla="*/ 620 h 10000"/>
                  <a:gd name="connsiteX186" fmla="*/ 3832 w 10000"/>
                  <a:gd name="connsiteY186" fmla="*/ 487 h 10000"/>
                  <a:gd name="connsiteX187" fmla="*/ 3807 w 10000"/>
                  <a:gd name="connsiteY187" fmla="*/ 355 h 10000"/>
                  <a:gd name="connsiteX188" fmla="*/ 3857 w 10000"/>
                  <a:gd name="connsiteY188" fmla="*/ 222 h 10000"/>
                  <a:gd name="connsiteX189" fmla="*/ 3884 w 10000"/>
                  <a:gd name="connsiteY189" fmla="*/ 162 h 10000"/>
                  <a:gd name="connsiteX190" fmla="*/ 3935 w 10000"/>
                  <a:gd name="connsiteY190" fmla="*/ 103 h 10000"/>
                  <a:gd name="connsiteX191" fmla="*/ 4011 w 10000"/>
                  <a:gd name="connsiteY191" fmla="*/ 59 h 10000"/>
                  <a:gd name="connsiteX192" fmla="*/ 4111 w 10000"/>
                  <a:gd name="connsiteY192" fmla="*/ 0 h 10000"/>
                  <a:gd name="connsiteX193" fmla="*/ 4289 w 10000"/>
                  <a:gd name="connsiteY193" fmla="*/ 0 h 10000"/>
                  <a:gd name="connsiteX194" fmla="*/ 4468 w 10000"/>
                  <a:gd name="connsiteY194" fmla="*/ 15 h 10000"/>
                  <a:gd name="connsiteX195" fmla="*/ 4644 w 10000"/>
                  <a:gd name="connsiteY195" fmla="*/ 44 h 10000"/>
                  <a:gd name="connsiteX196" fmla="*/ 4771 w 10000"/>
                  <a:gd name="connsiteY196" fmla="*/ 89 h 10000"/>
                  <a:gd name="connsiteX197" fmla="*/ 4975 w 10000"/>
                  <a:gd name="connsiteY197" fmla="*/ 192 h 10000"/>
                  <a:gd name="connsiteX198" fmla="*/ 5177 w 10000"/>
                  <a:gd name="connsiteY198" fmla="*/ 340 h 10000"/>
                  <a:gd name="connsiteX199" fmla="*/ 5329 w 10000"/>
                  <a:gd name="connsiteY199" fmla="*/ 473 h 10000"/>
                  <a:gd name="connsiteX200" fmla="*/ 5532 w 10000"/>
                  <a:gd name="connsiteY200" fmla="*/ 591 h 10000"/>
                  <a:gd name="connsiteX201" fmla="*/ 5660 w 10000"/>
                  <a:gd name="connsiteY201" fmla="*/ 650 h 10000"/>
                  <a:gd name="connsiteX202" fmla="*/ 5812 w 10000"/>
                  <a:gd name="connsiteY202" fmla="*/ 679 h 10000"/>
                  <a:gd name="connsiteX203" fmla="*/ 5965 w 10000"/>
                  <a:gd name="connsiteY203" fmla="*/ 709 h 10000"/>
                  <a:gd name="connsiteX204" fmla="*/ 6168 w 10000"/>
                  <a:gd name="connsiteY204" fmla="*/ 709 h 10000"/>
                  <a:gd name="connsiteX205" fmla="*/ 6168 w 10000"/>
                  <a:gd name="connsiteY205" fmla="*/ 768 h 10000"/>
                  <a:gd name="connsiteX206" fmla="*/ 6193 w 10000"/>
                  <a:gd name="connsiteY206" fmla="*/ 842 h 10000"/>
                  <a:gd name="connsiteX207" fmla="*/ 6243 w 10000"/>
                  <a:gd name="connsiteY207" fmla="*/ 916 h 10000"/>
                  <a:gd name="connsiteX208" fmla="*/ 6294 w 10000"/>
                  <a:gd name="connsiteY208" fmla="*/ 990 h 10000"/>
                  <a:gd name="connsiteX209" fmla="*/ 6369 w 10000"/>
                  <a:gd name="connsiteY209" fmla="*/ 1049 h 10000"/>
                  <a:gd name="connsiteX210" fmla="*/ 6471 w 10000"/>
                  <a:gd name="connsiteY210" fmla="*/ 1108 h 10000"/>
                  <a:gd name="connsiteX211" fmla="*/ 6598 w 10000"/>
                  <a:gd name="connsiteY211" fmla="*/ 1182 h 10000"/>
                  <a:gd name="connsiteX212" fmla="*/ 6700 w 10000"/>
                  <a:gd name="connsiteY212" fmla="*/ 1226 h 10000"/>
                  <a:gd name="connsiteX213" fmla="*/ 6802 w 10000"/>
                  <a:gd name="connsiteY213" fmla="*/ 1270 h 10000"/>
                  <a:gd name="connsiteX214" fmla="*/ 6903 w 10000"/>
                  <a:gd name="connsiteY214" fmla="*/ 1300 h 10000"/>
                  <a:gd name="connsiteX215" fmla="*/ 7005 w 10000"/>
                  <a:gd name="connsiteY215" fmla="*/ 1315 h 10000"/>
                  <a:gd name="connsiteX216" fmla="*/ 7132 w 10000"/>
                  <a:gd name="connsiteY216" fmla="*/ 1300 h 10000"/>
                  <a:gd name="connsiteX217" fmla="*/ 7234 w 10000"/>
                  <a:gd name="connsiteY217" fmla="*/ 1285 h 10000"/>
                  <a:gd name="connsiteX218" fmla="*/ 7309 w 10000"/>
                  <a:gd name="connsiteY218" fmla="*/ 1241 h 10000"/>
                  <a:gd name="connsiteX219" fmla="*/ 7361 w 10000"/>
                  <a:gd name="connsiteY219" fmla="*/ 1167 h 10000"/>
                  <a:gd name="connsiteX220" fmla="*/ 7385 w 10000"/>
                  <a:gd name="connsiteY220" fmla="*/ 1064 h 10000"/>
                  <a:gd name="connsiteX221" fmla="*/ 7766 w 10000"/>
                  <a:gd name="connsiteY221" fmla="*/ 1034 h 10000"/>
                  <a:gd name="connsiteX222" fmla="*/ 8121 w 10000"/>
                  <a:gd name="connsiteY222" fmla="*/ 1004 h 10000"/>
                  <a:gd name="connsiteX223" fmla="*/ 8427 w 10000"/>
                  <a:gd name="connsiteY223" fmla="*/ 990 h 10000"/>
                  <a:gd name="connsiteX224" fmla="*/ 8706 w 10000"/>
                  <a:gd name="connsiteY224" fmla="*/ 1004 h 10000"/>
                  <a:gd name="connsiteX225" fmla="*/ 8833 w 10000"/>
                  <a:gd name="connsiteY225" fmla="*/ 1019 h 10000"/>
                  <a:gd name="connsiteX226" fmla="*/ 8958 w 10000"/>
                  <a:gd name="connsiteY226" fmla="*/ 1034 h 10000"/>
                  <a:gd name="connsiteX227" fmla="*/ 9061 w 10000"/>
                  <a:gd name="connsiteY227" fmla="*/ 1064 h 10000"/>
                  <a:gd name="connsiteX228" fmla="*/ 9188 w 10000"/>
                  <a:gd name="connsiteY228" fmla="*/ 1108 h 10000"/>
                  <a:gd name="connsiteX229" fmla="*/ 9264 w 10000"/>
                  <a:gd name="connsiteY229" fmla="*/ 1182 h 10000"/>
                  <a:gd name="connsiteX230" fmla="*/ 9339 w 10000"/>
                  <a:gd name="connsiteY230" fmla="*/ 1241 h 10000"/>
                  <a:gd name="connsiteX231" fmla="*/ 9391 w 10000"/>
                  <a:gd name="connsiteY231" fmla="*/ 1329 h 10000"/>
                  <a:gd name="connsiteX232" fmla="*/ 9442 w 10000"/>
                  <a:gd name="connsiteY232" fmla="*/ 1433 h 10000"/>
                  <a:gd name="connsiteX233" fmla="*/ 9492 w 10000"/>
                  <a:gd name="connsiteY233" fmla="*/ 1551 h 10000"/>
                  <a:gd name="connsiteX234" fmla="*/ 9466 w 10000"/>
                  <a:gd name="connsiteY234" fmla="*/ 1625 h 10000"/>
                  <a:gd name="connsiteX235" fmla="*/ 9442 w 10000"/>
                  <a:gd name="connsiteY235" fmla="*/ 1684 h 10000"/>
                  <a:gd name="connsiteX236" fmla="*/ 9391 w 10000"/>
                  <a:gd name="connsiteY236" fmla="*/ 1758 h 10000"/>
                  <a:gd name="connsiteX237" fmla="*/ 9315 w 10000"/>
                  <a:gd name="connsiteY237" fmla="*/ 1802 h 10000"/>
                  <a:gd name="connsiteX238" fmla="*/ 9264 w 10000"/>
                  <a:gd name="connsiteY238" fmla="*/ 1861 h 10000"/>
                  <a:gd name="connsiteX239" fmla="*/ 9240 w 10000"/>
                  <a:gd name="connsiteY239" fmla="*/ 1935 h 10000"/>
                  <a:gd name="connsiteX240" fmla="*/ 9264 w 10000"/>
                  <a:gd name="connsiteY240" fmla="*/ 2024 h 10000"/>
                  <a:gd name="connsiteX241" fmla="*/ 9543 w 10000"/>
                  <a:gd name="connsiteY241" fmla="*/ 2157 h 10000"/>
                  <a:gd name="connsiteX242" fmla="*/ 9873 w 10000"/>
                  <a:gd name="connsiteY242" fmla="*/ 2275 h 10000"/>
                  <a:gd name="connsiteX243" fmla="*/ 10000 w 10000"/>
                  <a:gd name="connsiteY243" fmla="*/ 2349 h 10000"/>
                  <a:gd name="connsiteX0" fmla="*/ 6369 w 10000"/>
                  <a:gd name="connsiteY0" fmla="*/ 4313 h 10000"/>
                  <a:gd name="connsiteX1" fmla="*/ 9415 w 10000"/>
                  <a:gd name="connsiteY1" fmla="*/ 3117 h 10000"/>
                  <a:gd name="connsiteX2" fmla="*/ 9442 w 10000"/>
                  <a:gd name="connsiteY2" fmla="*/ 3072 h 10000"/>
                  <a:gd name="connsiteX3" fmla="*/ 9466 w 10000"/>
                  <a:gd name="connsiteY3" fmla="*/ 3013 h 10000"/>
                  <a:gd name="connsiteX4" fmla="*/ 9466 w 10000"/>
                  <a:gd name="connsiteY4" fmla="*/ 2954 h 10000"/>
                  <a:gd name="connsiteX5" fmla="*/ 9442 w 10000"/>
                  <a:gd name="connsiteY5" fmla="*/ 2866 h 10000"/>
                  <a:gd name="connsiteX6" fmla="*/ 6345 w 10000"/>
                  <a:gd name="connsiteY6" fmla="*/ 4003 h 10000"/>
                  <a:gd name="connsiteX7" fmla="*/ 6143 w 10000"/>
                  <a:gd name="connsiteY7" fmla="*/ 4106 h 10000"/>
                  <a:gd name="connsiteX8" fmla="*/ 5938 w 10000"/>
                  <a:gd name="connsiteY8" fmla="*/ 4195 h 10000"/>
                  <a:gd name="connsiteX9" fmla="*/ 6091 w 10000"/>
                  <a:gd name="connsiteY9" fmla="*/ 4417 h 10000"/>
                  <a:gd name="connsiteX10" fmla="*/ 6421 w 10000"/>
                  <a:gd name="connsiteY10" fmla="*/ 5318 h 10000"/>
                  <a:gd name="connsiteX11" fmla="*/ 6447 w 10000"/>
                  <a:gd name="connsiteY11" fmla="*/ 5539 h 10000"/>
                  <a:gd name="connsiteX12" fmla="*/ 6471 w 10000"/>
                  <a:gd name="connsiteY12" fmla="*/ 5775 h 10000"/>
                  <a:gd name="connsiteX13" fmla="*/ 6471 w 10000"/>
                  <a:gd name="connsiteY13" fmla="*/ 5997 h 10000"/>
                  <a:gd name="connsiteX14" fmla="*/ 6447 w 10000"/>
                  <a:gd name="connsiteY14" fmla="*/ 6233 h 10000"/>
                  <a:gd name="connsiteX15" fmla="*/ 6396 w 10000"/>
                  <a:gd name="connsiteY15" fmla="*/ 6470 h 10000"/>
                  <a:gd name="connsiteX16" fmla="*/ 6345 w 10000"/>
                  <a:gd name="connsiteY16" fmla="*/ 6677 h 10000"/>
                  <a:gd name="connsiteX17" fmla="*/ 6269 w 10000"/>
                  <a:gd name="connsiteY17" fmla="*/ 6898 h 10000"/>
                  <a:gd name="connsiteX18" fmla="*/ 6168 w 10000"/>
                  <a:gd name="connsiteY18" fmla="*/ 7105 h 10000"/>
                  <a:gd name="connsiteX19" fmla="*/ 6041 w 10000"/>
                  <a:gd name="connsiteY19" fmla="*/ 7297 h 10000"/>
                  <a:gd name="connsiteX20" fmla="*/ 5888 w 10000"/>
                  <a:gd name="connsiteY20" fmla="*/ 7489 h 10000"/>
                  <a:gd name="connsiteX21" fmla="*/ 5735 w 10000"/>
                  <a:gd name="connsiteY21" fmla="*/ 7681 h 10000"/>
                  <a:gd name="connsiteX22" fmla="*/ 6471 w 10000"/>
                  <a:gd name="connsiteY22" fmla="*/ 7799 h 10000"/>
                  <a:gd name="connsiteX23" fmla="*/ 7234 w 10000"/>
                  <a:gd name="connsiteY23" fmla="*/ 7962 h 10000"/>
                  <a:gd name="connsiteX24" fmla="*/ 7385 w 10000"/>
                  <a:gd name="connsiteY24" fmla="*/ 8021 h 10000"/>
                  <a:gd name="connsiteX25" fmla="*/ 7512 w 10000"/>
                  <a:gd name="connsiteY25" fmla="*/ 8080 h 10000"/>
                  <a:gd name="connsiteX26" fmla="*/ 7639 w 10000"/>
                  <a:gd name="connsiteY26" fmla="*/ 8139 h 10000"/>
                  <a:gd name="connsiteX27" fmla="*/ 7716 w 10000"/>
                  <a:gd name="connsiteY27" fmla="*/ 8227 h 10000"/>
                  <a:gd name="connsiteX28" fmla="*/ 7741 w 10000"/>
                  <a:gd name="connsiteY28" fmla="*/ 8301 h 10000"/>
                  <a:gd name="connsiteX29" fmla="*/ 7741 w 10000"/>
                  <a:gd name="connsiteY29" fmla="*/ 8405 h 10000"/>
                  <a:gd name="connsiteX30" fmla="*/ 7691 w 10000"/>
                  <a:gd name="connsiteY30" fmla="*/ 8523 h 10000"/>
                  <a:gd name="connsiteX31" fmla="*/ 7614 w 10000"/>
                  <a:gd name="connsiteY31" fmla="*/ 8641 h 10000"/>
                  <a:gd name="connsiteX32" fmla="*/ 7284 w 10000"/>
                  <a:gd name="connsiteY32" fmla="*/ 8552 h 10000"/>
                  <a:gd name="connsiteX33" fmla="*/ 6979 w 10000"/>
                  <a:gd name="connsiteY33" fmla="*/ 8449 h 10000"/>
                  <a:gd name="connsiteX34" fmla="*/ 6674 w 10000"/>
                  <a:gd name="connsiteY34" fmla="*/ 8360 h 10000"/>
                  <a:gd name="connsiteX35" fmla="*/ 6369 w 10000"/>
                  <a:gd name="connsiteY35" fmla="*/ 8287 h 10000"/>
                  <a:gd name="connsiteX36" fmla="*/ 6243 w 10000"/>
                  <a:gd name="connsiteY36" fmla="*/ 8449 h 10000"/>
                  <a:gd name="connsiteX37" fmla="*/ 6143 w 10000"/>
                  <a:gd name="connsiteY37" fmla="*/ 8597 h 10000"/>
                  <a:gd name="connsiteX38" fmla="*/ 6091 w 10000"/>
                  <a:gd name="connsiteY38" fmla="*/ 8656 h 10000"/>
                  <a:gd name="connsiteX39" fmla="*/ 5989 w 10000"/>
                  <a:gd name="connsiteY39" fmla="*/ 8700 h 10000"/>
                  <a:gd name="connsiteX40" fmla="*/ 5914 w 10000"/>
                  <a:gd name="connsiteY40" fmla="*/ 8744 h 10000"/>
                  <a:gd name="connsiteX41" fmla="*/ 5838 w 10000"/>
                  <a:gd name="connsiteY41" fmla="*/ 8774 h 10000"/>
                  <a:gd name="connsiteX42" fmla="*/ 5761 w 10000"/>
                  <a:gd name="connsiteY42" fmla="*/ 8804 h 10000"/>
                  <a:gd name="connsiteX43" fmla="*/ 5660 w 10000"/>
                  <a:gd name="connsiteY43" fmla="*/ 8818 h 10000"/>
                  <a:gd name="connsiteX44" fmla="*/ 5532 w 10000"/>
                  <a:gd name="connsiteY44" fmla="*/ 8833 h 10000"/>
                  <a:gd name="connsiteX45" fmla="*/ 5406 w 10000"/>
                  <a:gd name="connsiteY45" fmla="*/ 8833 h 10000"/>
                  <a:gd name="connsiteX46" fmla="*/ 5102 w 10000"/>
                  <a:gd name="connsiteY46" fmla="*/ 8818 h 10000"/>
                  <a:gd name="connsiteX47" fmla="*/ 4720 w 10000"/>
                  <a:gd name="connsiteY47" fmla="*/ 8744 h 10000"/>
                  <a:gd name="connsiteX48" fmla="*/ 4720 w 10000"/>
                  <a:gd name="connsiteY48" fmla="*/ 8922 h 10000"/>
                  <a:gd name="connsiteX49" fmla="*/ 4695 w 10000"/>
                  <a:gd name="connsiteY49" fmla="*/ 9069 h 10000"/>
                  <a:gd name="connsiteX50" fmla="*/ 4671 w 10000"/>
                  <a:gd name="connsiteY50" fmla="*/ 9232 h 10000"/>
                  <a:gd name="connsiteX51" fmla="*/ 4644 w 10000"/>
                  <a:gd name="connsiteY51" fmla="*/ 9365 h 10000"/>
                  <a:gd name="connsiteX52" fmla="*/ 4593 w 10000"/>
                  <a:gd name="connsiteY52" fmla="*/ 9498 h 10000"/>
                  <a:gd name="connsiteX53" fmla="*/ 4493 w 10000"/>
                  <a:gd name="connsiteY53" fmla="*/ 9616 h 10000"/>
                  <a:gd name="connsiteX54" fmla="*/ 4416 w 10000"/>
                  <a:gd name="connsiteY54" fmla="*/ 9734 h 10000"/>
                  <a:gd name="connsiteX55" fmla="*/ 4289 w 10000"/>
                  <a:gd name="connsiteY55" fmla="*/ 9838 h 10000"/>
                  <a:gd name="connsiteX56" fmla="*/ 3983 w 10000"/>
                  <a:gd name="connsiteY56" fmla="*/ 9897 h 10000"/>
                  <a:gd name="connsiteX57" fmla="*/ 3731 w 10000"/>
                  <a:gd name="connsiteY57" fmla="*/ 9941 h 10000"/>
                  <a:gd name="connsiteX58" fmla="*/ 3426 w 10000"/>
                  <a:gd name="connsiteY58" fmla="*/ 9985 h 10000"/>
                  <a:gd name="connsiteX59" fmla="*/ 3198 w 10000"/>
                  <a:gd name="connsiteY59" fmla="*/ 10000 h 10000"/>
                  <a:gd name="connsiteX60" fmla="*/ 2690 w 10000"/>
                  <a:gd name="connsiteY60" fmla="*/ 10000 h 10000"/>
                  <a:gd name="connsiteX61" fmla="*/ 2208 w 10000"/>
                  <a:gd name="connsiteY61" fmla="*/ 9985 h 10000"/>
                  <a:gd name="connsiteX62" fmla="*/ 1752 w 10000"/>
                  <a:gd name="connsiteY62" fmla="*/ 9941 h 10000"/>
                  <a:gd name="connsiteX63" fmla="*/ 1270 w 10000"/>
                  <a:gd name="connsiteY63" fmla="*/ 9911 h 10000"/>
                  <a:gd name="connsiteX64" fmla="*/ 990 w 10000"/>
                  <a:gd name="connsiteY64" fmla="*/ 9911 h 10000"/>
                  <a:gd name="connsiteX65" fmla="*/ 736 w 10000"/>
                  <a:gd name="connsiteY65" fmla="*/ 9911 h 10000"/>
                  <a:gd name="connsiteX66" fmla="*/ 457 w 10000"/>
                  <a:gd name="connsiteY66" fmla="*/ 9926 h 10000"/>
                  <a:gd name="connsiteX67" fmla="*/ 178 w 10000"/>
                  <a:gd name="connsiteY67" fmla="*/ 9970 h 10000"/>
                  <a:gd name="connsiteX68" fmla="*/ 102 w 10000"/>
                  <a:gd name="connsiteY68" fmla="*/ 9867 h 10000"/>
                  <a:gd name="connsiteX69" fmla="*/ 51 w 10000"/>
                  <a:gd name="connsiteY69" fmla="*/ 9793 h 10000"/>
                  <a:gd name="connsiteX70" fmla="*/ 0 w 10000"/>
                  <a:gd name="connsiteY70" fmla="*/ 9705 h 10000"/>
                  <a:gd name="connsiteX71" fmla="*/ 0 w 10000"/>
                  <a:gd name="connsiteY71" fmla="*/ 9601 h 10000"/>
                  <a:gd name="connsiteX72" fmla="*/ 51 w 10000"/>
                  <a:gd name="connsiteY72" fmla="*/ 9424 h 10000"/>
                  <a:gd name="connsiteX73" fmla="*/ 102 w 10000"/>
                  <a:gd name="connsiteY73" fmla="*/ 9202 h 10000"/>
                  <a:gd name="connsiteX74" fmla="*/ 151 w 10000"/>
                  <a:gd name="connsiteY74" fmla="*/ 8996 h 10000"/>
                  <a:gd name="connsiteX75" fmla="*/ 203 w 10000"/>
                  <a:gd name="connsiteY75" fmla="*/ 8759 h 10000"/>
                  <a:gd name="connsiteX76" fmla="*/ 228 w 10000"/>
                  <a:gd name="connsiteY76" fmla="*/ 8641 h 10000"/>
                  <a:gd name="connsiteX77" fmla="*/ 228 w 10000"/>
                  <a:gd name="connsiteY77" fmla="*/ 8538 h 10000"/>
                  <a:gd name="connsiteX78" fmla="*/ 203 w 10000"/>
                  <a:gd name="connsiteY78" fmla="*/ 8405 h 10000"/>
                  <a:gd name="connsiteX79" fmla="*/ 178 w 10000"/>
                  <a:gd name="connsiteY79" fmla="*/ 8287 h 10000"/>
                  <a:gd name="connsiteX80" fmla="*/ 431 w 10000"/>
                  <a:gd name="connsiteY80" fmla="*/ 8213 h 10000"/>
                  <a:gd name="connsiteX81" fmla="*/ 685 w 10000"/>
                  <a:gd name="connsiteY81" fmla="*/ 8139 h 10000"/>
                  <a:gd name="connsiteX82" fmla="*/ 939 w 10000"/>
                  <a:gd name="connsiteY82" fmla="*/ 8095 h 10000"/>
                  <a:gd name="connsiteX83" fmla="*/ 1218 w 10000"/>
                  <a:gd name="connsiteY83" fmla="*/ 8065 h 10000"/>
                  <a:gd name="connsiteX84" fmla="*/ 1725 w 10000"/>
                  <a:gd name="connsiteY84" fmla="*/ 8021 h 10000"/>
                  <a:gd name="connsiteX85" fmla="*/ 2234 w 10000"/>
                  <a:gd name="connsiteY85" fmla="*/ 7976 h 10000"/>
                  <a:gd name="connsiteX86" fmla="*/ 2462 w 10000"/>
                  <a:gd name="connsiteY86" fmla="*/ 7947 h 10000"/>
                  <a:gd name="connsiteX87" fmla="*/ 2690 w 10000"/>
                  <a:gd name="connsiteY87" fmla="*/ 7917 h 10000"/>
                  <a:gd name="connsiteX88" fmla="*/ 2892 w 10000"/>
                  <a:gd name="connsiteY88" fmla="*/ 7843 h 10000"/>
                  <a:gd name="connsiteX89" fmla="*/ 3096 w 10000"/>
                  <a:gd name="connsiteY89" fmla="*/ 7784 h 10000"/>
                  <a:gd name="connsiteX90" fmla="*/ 3274 w 10000"/>
                  <a:gd name="connsiteY90" fmla="*/ 7710 h 10000"/>
                  <a:gd name="connsiteX91" fmla="*/ 3426 w 10000"/>
                  <a:gd name="connsiteY91" fmla="*/ 7592 h 10000"/>
                  <a:gd name="connsiteX92" fmla="*/ 3579 w 10000"/>
                  <a:gd name="connsiteY92" fmla="*/ 7474 h 10000"/>
                  <a:gd name="connsiteX93" fmla="*/ 3680 w 10000"/>
                  <a:gd name="connsiteY93" fmla="*/ 7312 h 10000"/>
                  <a:gd name="connsiteX94" fmla="*/ 3477 w 10000"/>
                  <a:gd name="connsiteY94" fmla="*/ 7238 h 10000"/>
                  <a:gd name="connsiteX95" fmla="*/ 3299 w 10000"/>
                  <a:gd name="connsiteY95" fmla="*/ 7179 h 10000"/>
                  <a:gd name="connsiteX96" fmla="*/ 3147 w 10000"/>
                  <a:gd name="connsiteY96" fmla="*/ 7090 h 10000"/>
                  <a:gd name="connsiteX97" fmla="*/ 2995 w 10000"/>
                  <a:gd name="connsiteY97" fmla="*/ 6987 h 10000"/>
                  <a:gd name="connsiteX98" fmla="*/ 2892 w 10000"/>
                  <a:gd name="connsiteY98" fmla="*/ 6869 h 10000"/>
                  <a:gd name="connsiteX99" fmla="*/ 2843 w 10000"/>
                  <a:gd name="connsiteY99" fmla="*/ 6721 h 10000"/>
                  <a:gd name="connsiteX100" fmla="*/ 2817 w 10000"/>
                  <a:gd name="connsiteY100" fmla="*/ 6558 h 10000"/>
                  <a:gd name="connsiteX101" fmla="*/ 2843 w 10000"/>
                  <a:gd name="connsiteY101" fmla="*/ 6352 h 10000"/>
                  <a:gd name="connsiteX102" fmla="*/ 2716 w 10000"/>
                  <a:gd name="connsiteY102" fmla="*/ 6322 h 10000"/>
                  <a:gd name="connsiteX103" fmla="*/ 2564 w 10000"/>
                  <a:gd name="connsiteY103" fmla="*/ 6292 h 10000"/>
                  <a:gd name="connsiteX104" fmla="*/ 2386 w 10000"/>
                  <a:gd name="connsiteY104" fmla="*/ 6278 h 10000"/>
                  <a:gd name="connsiteX105" fmla="*/ 2208 w 10000"/>
                  <a:gd name="connsiteY105" fmla="*/ 6263 h 10000"/>
                  <a:gd name="connsiteX106" fmla="*/ 1853 w 10000"/>
                  <a:gd name="connsiteY106" fmla="*/ 6248 h 10000"/>
                  <a:gd name="connsiteX107" fmla="*/ 1472 w 10000"/>
                  <a:gd name="connsiteY107" fmla="*/ 6263 h 10000"/>
                  <a:gd name="connsiteX108" fmla="*/ 1143 w 10000"/>
                  <a:gd name="connsiteY108" fmla="*/ 6278 h 10000"/>
                  <a:gd name="connsiteX109" fmla="*/ 837 w 10000"/>
                  <a:gd name="connsiteY109" fmla="*/ 6278 h 10000"/>
                  <a:gd name="connsiteX110" fmla="*/ 585 w 10000"/>
                  <a:gd name="connsiteY110" fmla="*/ 6263 h 10000"/>
                  <a:gd name="connsiteX111" fmla="*/ 381 w 10000"/>
                  <a:gd name="connsiteY111" fmla="*/ 6233 h 10000"/>
                  <a:gd name="connsiteX112" fmla="*/ 633 w 10000"/>
                  <a:gd name="connsiteY112" fmla="*/ 5805 h 10000"/>
                  <a:gd name="connsiteX113" fmla="*/ 914 w 10000"/>
                  <a:gd name="connsiteY113" fmla="*/ 5391 h 10000"/>
                  <a:gd name="connsiteX114" fmla="*/ 1016 w 10000"/>
                  <a:gd name="connsiteY114" fmla="*/ 5170 h 10000"/>
                  <a:gd name="connsiteX115" fmla="*/ 1091 w 10000"/>
                  <a:gd name="connsiteY115" fmla="*/ 4963 h 10000"/>
                  <a:gd name="connsiteX116" fmla="*/ 1116 w 10000"/>
                  <a:gd name="connsiteY116" fmla="*/ 4860 h 10000"/>
                  <a:gd name="connsiteX117" fmla="*/ 1091 w 10000"/>
                  <a:gd name="connsiteY117" fmla="*/ 4756 h 10000"/>
                  <a:gd name="connsiteX118" fmla="*/ 1066 w 10000"/>
                  <a:gd name="connsiteY118" fmla="*/ 4653 h 10000"/>
                  <a:gd name="connsiteX119" fmla="*/ 990 w 10000"/>
                  <a:gd name="connsiteY119" fmla="*/ 4549 h 10000"/>
                  <a:gd name="connsiteX120" fmla="*/ 1270 w 10000"/>
                  <a:gd name="connsiteY120" fmla="*/ 4520 h 10000"/>
                  <a:gd name="connsiteX121" fmla="*/ 1472 w 10000"/>
                  <a:gd name="connsiteY121" fmla="*/ 4505 h 10000"/>
                  <a:gd name="connsiteX122" fmla="*/ 1650 w 10000"/>
                  <a:gd name="connsiteY122" fmla="*/ 4505 h 10000"/>
                  <a:gd name="connsiteX123" fmla="*/ 1802 w 10000"/>
                  <a:gd name="connsiteY123" fmla="*/ 4520 h 10000"/>
                  <a:gd name="connsiteX124" fmla="*/ 1929 w 10000"/>
                  <a:gd name="connsiteY124" fmla="*/ 4520 h 10000"/>
                  <a:gd name="connsiteX125" fmla="*/ 2081 w 10000"/>
                  <a:gd name="connsiteY125" fmla="*/ 4520 h 10000"/>
                  <a:gd name="connsiteX126" fmla="*/ 2234 w 10000"/>
                  <a:gd name="connsiteY126" fmla="*/ 4490 h 10000"/>
                  <a:gd name="connsiteX127" fmla="*/ 2436 w 10000"/>
                  <a:gd name="connsiteY127" fmla="*/ 4446 h 10000"/>
                  <a:gd name="connsiteX128" fmla="*/ 2436 w 10000"/>
                  <a:gd name="connsiteY128" fmla="*/ 4579 h 10000"/>
                  <a:gd name="connsiteX129" fmla="*/ 2436 w 10000"/>
                  <a:gd name="connsiteY129" fmla="*/ 4742 h 10000"/>
                  <a:gd name="connsiteX130" fmla="*/ 2436 w 10000"/>
                  <a:gd name="connsiteY130" fmla="*/ 4874 h 10000"/>
                  <a:gd name="connsiteX131" fmla="*/ 2436 w 10000"/>
                  <a:gd name="connsiteY131" fmla="*/ 5037 h 10000"/>
                  <a:gd name="connsiteX132" fmla="*/ 2665 w 10000"/>
                  <a:gd name="connsiteY132" fmla="*/ 5022 h 10000"/>
                  <a:gd name="connsiteX133" fmla="*/ 2817 w 10000"/>
                  <a:gd name="connsiteY133" fmla="*/ 5037 h 10000"/>
                  <a:gd name="connsiteX134" fmla="*/ 2944 w 10000"/>
                  <a:gd name="connsiteY134" fmla="*/ 5066 h 10000"/>
                  <a:gd name="connsiteX135" fmla="*/ 3071 w 10000"/>
                  <a:gd name="connsiteY135" fmla="*/ 5096 h 10000"/>
                  <a:gd name="connsiteX136" fmla="*/ 3173 w 10000"/>
                  <a:gd name="connsiteY136" fmla="*/ 5126 h 10000"/>
                  <a:gd name="connsiteX137" fmla="*/ 3299 w 10000"/>
                  <a:gd name="connsiteY137" fmla="*/ 5155 h 10000"/>
                  <a:gd name="connsiteX138" fmla="*/ 3452 w 10000"/>
                  <a:gd name="connsiteY138" fmla="*/ 5170 h 10000"/>
                  <a:gd name="connsiteX139" fmla="*/ 3680 w 10000"/>
                  <a:gd name="connsiteY139" fmla="*/ 5155 h 10000"/>
                  <a:gd name="connsiteX140" fmla="*/ 3757 w 10000"/>
                  <a:gd name="connsiteY140" fmla="*/ 5096 h 10000"/>
                  <a:gd name="connsiteX141" fmla="*/ 3832 w 10000"/>
                  <a:gd name="connsiteY141" fmla="*/ 5022 h 10000"/>
                  <a:gd name="connsiteX142" fmla="*/ 3857 w 10000"/>
                  <a:gd name="connsiteY142" fmla="*/ 4934 h 10000"/>
                  <a:gd name="connsiteX143" fmla="*/ 3884 w 10000"/>
                  <a:gd name="connsiteY143" fmla="*/ 4860 h 10000"/>
                  <a:gd name="connsiteX144" fmla="*/ 3908 w 10000"/>
                  <a:gd name="connsiteY144" fmla="*/ 4697 h 10000"/>
                  <a:gd name="connsiteX145" fmla="*/ 3884 w 10000"/>
                  <a:gd name="connsiteY145" fmla="*/ 4520 h 10000"/>
                  <a:gd name="connsiteX146" fmla="*/ 3807 w 10000"/>
                  <a:gd name="connsiteY146" fmla="*/ 4343 h 10000"/>
                  <a:gd name="connsiteX147" fmla="*/ 3731 w 10000"/>
                  <a:gd name="connsiteY147" fmla="*/ 4195 h 10000"/>
                  <a:gd name="connsiteX148" fmla="*/ 3604 w 10000"/>
                  <a:gd name="connsiteY148" fmla="*/ 4047 h 10000"/>
                  <a:gd name="connsiteX149" fmla="*/ 3477 w 10000"/>
                  <a:gd name="connsiteY149" fmla="*/ 3959 h 10000"/>
                  <a:gd name="connsiteX150" fmla="*/ 3629 w 10000"/>
                  <a:gd name="connsiteY150" fmla="*/ 3944 h 10000"/>
                  <a:gd name="connsiteX151" fmla="*/ 3757 w 10000"/>
                  <a:gd name="connsiteY151" fmla="*/ 3914 h 10000"/>
                  <a:gd name="connsiteX152" fmla="*/ 3857 w 10000"/>
                  <a:gd name="connsiteY152" fmla="*/ 3855 h 10000"/>
                  <a:gd name="connsiteX153" fmla="*/ 3983 w 10000"/>
                  <a:gd name="connsiteY153" fmla="*/ 3752 h 10000"/>
                  <a:gd name="connsiteX154" fmla="*/ 4111 w 10000"/>
                  <a:gd name="connsiteY154" fmla="*/ 3663 h 10000"/>
                  <a:gd name="connsiteX155" fmla="*/ 4213 w 10000"/>
                  <a:gd name="connsiteY155" fmla="*/ 3560 h 10000"/>
                  <a:gd name="connsiteX156" fmla="*/ 4289 w 10000"/>
                  <a:gd name="connsiteY156" fmla="*/ 3442 h 10000"/>
                  <a:gd name="connsiteX157" fmla="*/ 4366 w 10000"/>
                  <a:gd name="connsiteY157" fmla="*/ 3323 h 10000"/>
                  <a:gd name="connsiteX158" fmla="*/ 4416 w 10000"/>
                  <a:gd name="connsiteY158" fmla="*/ 3220 h 10000"/>
                  <a:gd name="connsiteX159" fmla="*/ 4441 w 10000"/>
                  <a:gd name="connsiteY159" fmla="*/ 3102 h 10000"/>
                  <a:gd name="connsiteX160" fmla="*/ 4468 w 10000"/>
                  <a:gd name="connsiteY160" fmla="*/ 3013 h 10000"/>
                  <a:gd name="connsiteX161" fmla="*/ 4441 w 10000"/>
                  <a:gd name="connsiteY161" fmla="*/ 2939 h 10000"/>
                  <a:gd name="connsiteX162" fmla="*/ 4416 w 10000"/>
                  <a:gd name="connsiteY162" fmla="*/ 2866 h 10000"/>
                  <a:gd name="connsiteX163" fmla="*/ 4340 w 10000"/>
                  <a:gd name="connsiteY163" fmla="*/ 2836 h 10000"/>
                  <a:gd name="connsiteX164" fmla="*/ 4239 w 10000"/>
                  <a:gd name="connsiteY164" fmla="*/ 2836 h 10000"/>
                  <a:gd name="connsiteX165" fmla="*/ 4111 w 10000"/>
                  <a:gd name="connsiteY165" fmla="*/ 2866 h 10000"/>
                  <a:gd name="connsiteX166" fmla="*/ 4213 w 10000"/>
                  <a:gd name="connsiteY166" fmla="*/ 2777 h 10000"/>
                  <a:gd name="connsiteX167" fmla="*/ 4265 w 10000"/>
                  <a:gd name="connsiteY167" fmla="*/ 2674 h 10000"/>
                  <a:gd name="connsiteX168" fmla="*/ 4289 w 10000"/>
                  <a:gd name="connsiteY168" fmla="*/ 2541 h 10000"/>
                  <a:gd name="connsiteX169" fmla="*/ 4289 w 10000"/>
                  <a:gd name="connsiteY169" fmla="*/ 2393 h 10000"/>
                  <a:gd name="connsiteX170" fmla="*/ 4314 w 10000"/>
                  <a:gd name="connsiteY170" fmla="*/ 2349 h 10000"/>
                  <a:gd name="connsiteX171" fmla="*/ 4366 w 10000"/>
                  <a:gd name="connsiteY171" fmla="*/ 2304 h 10000"/>
                  <a:gd name="connsiteX172" fmla="*/ 4416 w 10000"/>
                  <a:gd name="connsiteY172" fmla="*/ 2290 h 10000"/>
                  <a:gd name="connsiteX173" fmla="*/ 4493 w 10000"/>
                  <a:gd name="connsiteY173" fmla="*/ 2275 h 10000"/>
                  <a:gd name="connsiteX174" fmla="*/ 4720 w 10000"/>
                  <a:gd name="connsiteY174" fmla="*/ 2260 h 10000"/>
                  <a:gd name="connsiteX175" fmla="*/ 4923 w 10000"/>
                  <a:gd name="connsiteY175" fmla="*/ 2275 h 10000"/>
                  <a:gd name="connsiteX176" fmla="*/ 4898 w 10000"/>
                  <a:gd name="connsiteY176" fmla="*/ 2112 h 10000"/>
                  <a:gd name="connsiteX177" fmla="*/ 4848 w 10000"/>
                  <a:gd name="connsiteY177" fmla="*/ 1950 h 10000"/>
                  <a:gd name="connsiteX178" fmla="*/ 4771 w 10000"/>
                  <a:gd name="connsiteY178" fmla="*/ 1802 h 10000"/>
                  <a:gd name="connsiteX179" fmla="*/ 4671 w 10000"/>
                  <a:gd name="connsiteY179" fmla="*/ 1640 h 10000"/>
                  <a:gd name="connsiteX180" fmla="*/ 4416 w 10000"/>
                  <a:gd name="connsiteY180" fmla="*/ 1329 h 10000"/>
                  <a:gd name="connsiteX181" fmla="*/ 4162 w 10000"/>
                  <a:gd name="connsiteY181" fmla="*/ 1034 h 10000"/>
                  <a:gd name="connsiteX182" fmla="*/ 4035 w 10000"/>
                  <a:gd name="connsiteY182" fmla="*/ 901 h 10000"/>
                  <a:gd name="connsiteX183" fmla="*/ 3935 w 10000"/>
                  <a:gd name="connsiteY183" fmla="*/ 753 h 10000"/>
                  <a:gd name="connsiteX184" fmla="*/ 3857 w 10000"/>
                  <a:gd name="connsiteY184" fmla="*/ 620 h 10000"/>
                  <a:gd name="connsiteX185" fmla="*/ 3832 w 10000"/>
                  <a:gd name="connsiteY185" fmla="*/ 487 h 10000"/>
                  <a:gd name="connsiteX186" fmla="*/ 3807 w 10000"/>
                  <a:gd name="connsiteY186" fmla="*/ 355 h 10000"/>
                  <a:gd name="connsiteX187" fmla="*/ 3857 w 10000"/>
                  <a:gd name="connsiteY187" fmla="*/ 222 h 10000"/>
                  <a:gd name="connsiteX188" fmla="*/ 3884 w 10000"/>
                  <a:gd name="connsiteY188" fmla="*/ 162 h 10000"/>
                  <a:gd name="connsiteX189" fmla="*/ 3935 w 10000"/>
                  <a:gd name="connsiteY189" fmla="*/ 103 h 10000"/>
                  <a:gd name="connsiteX190" fmla="*/ 4011 w 10000"/>
                  <a:gd name="connsiteY190" fmla="*/ 59 h 10000"/>
                  <a:gd name="connsiteX191" fmla="*/ 4111 w 10000"/>
                  <a:gd name="connsiteY191" fmla="*/ 0 h 10000"/>
                  <a:gd name="connsiteX192" fmla="*/ 4289 w 10000"/>
                  <a:gd name="connsiteY192" fmla="*/ 0 h 10000"/>
                  <a:gd name="connsiteX193" fmla="*/ 4468 w 10000"/>
                  <a:gd name="connsiteY193" fmla="*/ 15 h 10000"/>
                  <a:gd name="connsiteX194" fmla="*/ 4644 w 10000"/>
                  <a:gd name="connsiteY194" fmla="*/ 44 h 10000"/>
                  <a:gd name="connsiteX195" fmla="*/ 4771 w 10000"/>
                  <a:gd name="connsiteY195" fmla="*/ 89 h 10000"/>
                  <a:gd name="connsiteX196" fmla="*/ 4975 w 10000"/>
                  <a:gd name="connsiteY196" fmla="*/ 192 h 10000"/>
                  <a:gd name="connsiteX197" fmla="*/ 5177 w 10000"/>
                  <a:gd name="connsiteY197" fmla="*/ 340 h 10000"/>
                  <a:gd name="connsiteX198" fmla="*/ 5329 w 10000"/>
                  <a:gd name="connsiteY198" fmla="*/ 473 h 10000"/>
                  <a:gd name="connsiteX199" fmla="*/ 5532 w 10000"/>
                  <a:gd name="connsiteY199" fmla="*/ 591 h 10000"/>
                  <a:gd name="connsiteX200" fmla="*/ 5660 w 10000"/>
                  <a:gd name="connsiteY200" fmla="*/ 650 h 10000"/>
                  <a:gd name="connsiteX201" fmla="*/ 5812 w 10000"/>
                  <a:gd name="connsiteY201" fmla="*/ 679 h 10000"/>
                  <a:gd name="connsiteX202" fmla="*/ 5965 w 10000"/>
                  <a:gd name="connsiteY202" fmla="*/ 709 h 10000"/>
                  <a:gd name="connsiteX203" fmla="*/ 6168 w 10000"/>
                  <a:gd name="connsiteY203" fmla="*/ 709 h 10000"/>
                  <a:gd name="connsiteX204" fmla="*/ 6168 w 10000"/>
                  <a:gd name="connsiteY204" fmla="*/ 768 h 10000"/>
                  <a:gd name="connsiteX205" fmla="*/ 6193 w 10000"/>
                  <a:gd name="connsiteY205" fmla="*/ 842 h 10000"/>
                  <a:gd name="connsiteX206" fmla="*/ 6243 w 10000"/>
                  <a:gd name="connsiteY206" fmla="*/ 916 h 10000"/>
                  <a:gd name="connsiteX207" fmla="*/ 6294 w 10000"/>
                  <a:gd name="connsiteY207" fmla="*/ 990 h 10000"/>
                  <a:gd name="connsiteX208" fmla="*/ 6369 w 10000"/>
                  <a:gd name="connsiteY208" fmla="*/ 1049 h 10000"/>
                  <a:gd name="connsiteX209" fmla="*/ 6471 w 10000"/>
                  <a:gd name="connsiteY209" fmla="*/ 1108 h 10000"/>
                  <a:gd name="connsiteX210" fmla="*/ 6598 w 10000"/>
                  <a:gd name="connsiteY210" fmla="*/ 1182 h 10000"/>
                  <a:gd name="connsiteX211" fmla="*/ 6700 w 10000"/>
                  <a:gd name="connsiteY211" fmla="*/ 1226 h 10000"/>
                  <a:gd name="connsiteX212" fmla="*/ 6802 w 10000"/>
                  <a:gd name="connsiteY212" fmla="*/ 1270 h 10000"/>
                  <a:gd name="connsiteX213" fmla="*/ 6903 w 10000"/>
                  <a:gd name="connsiteY213" fmla="*/ 1300 h 10000"/>
                  <a:gd name="connsiteX214" fmla="*/ 7005 w 10000"/>
                  <a:gd name="connsiteY214" fmla="*/ 1315 h 10000"/>
                  <a:gd name="connsiteX215" fmla="*/ 7132 w 10000"/>
                  <a:gd name="connsiteY215" fmla="*/ 1300 h 10000"/>
                  <a:gd name="connsiteX216" fmla="*/ 7234 w 10000"/>
                  <a:gd name="connsiteY216" fmla="*/ 1285 h 10000"/>
                  <a:gd name="connsiteX217" fmla="*/ 7309 w 10000"/>
                  <a:gd name="connsiteY217" fmla="*/ 1241 h 10000"/>
                  <a:gd name="connsiteX218" fmla="*/ 7361 w 10000"/>
                  <a:gd name="connsiteY218" fmla="*/ 1167 h 10000"/>
                  <a:gd name="connsiteX219" fmla="*/ 7385 w 10000"/>
                  <a:gd name="connsiteY219" fmla="*/ 1064 h 10000"/>
                  <a:gd name="connsiteX220" fmla="*/ 7766 w 10000"/>
                  <a:gd name="connsiteY220" fmla="*/ 1034 h 10000"/>
                  <a:gd name="connsiteX221" fmla="*/ 8121 w 10000"/>
                  <a:gd name="connsiteY221" fmla="*/ 1004 h 10000"/>
                  <a:gd name="connsiteX222" fmla="*/ 8427 w 10000"/>
                  <a:gd name="connsiteY222" fmla="*/ 990 h 10000"/>
                  <a:gd name="connsiteX223" fmla="*/ 8706 w 10000"/>
                  <a:gd name="connsiteY223" fmla="*/ 1004 h 10000"/>
                  <a:gd name="connsiteX224" fmla="*/ 8833 w 10000"/>
                  <a:gd name="connsiteY224" fmla="*/ 1019 h 10000"/>
                  <a:gd name="connsiteX225" fmla="*/ 8958 w 10000"/>
                  <a:gd name="connsiteY225" fmla="*/ 1034 h 10000"/>
                  <a:gd name="connsiteX226" fmla="*/ 9061 w 10000"/>
                  <a:gd name="connsiteY226" fmla="*/ 1064 h 10000"/>
                  <a:gd name="connsiteX227" fmla="*/ 9188 w 10000"/>
                  <a:gd name="connsiteY227" fmla="*/ 1108 h 10000"/>
                  <a:gd name="connsiteX228" fmla="*/ 9264 w 10000"/>
                  <a:gd name="connsiteY228" fmla="*/ 1182 h 10000"/>
                  <a:gd name="connsiteX229" fmla="*/ 9339 w 10000"/>
                  <a:gd name="connsiteY229" fmla="*/ 1241 h 10000"/>
                  <a:gd name="connsiteX230" fmla="*/ 9391 w 10000"/>
                  <a:gd name="connsiteY230" fmla="*/ 1329 h 10000"/>
                  <a:gd name="connsiteX231" fmla="*/ 9442 w 10000"/>
                  <a:gd name="connsiteY231" fmla="*/ 1433 h 10000"/>
                  <a:gd name="connsiteX232" fmla="*/ 9492 w 10000"/>
                  <a:gd name="connsiteY232" fmla="*/ 1551 h 10000"/>
                  <a:gd name="connsiteX233" fmla="*/ 9466 w 10000"/>
                  <a:gd name="connsiteY233" fmla="*/ 1625 h 10000"/>
                  <a:gd name="connsiteX234" fmla="*/ 9442 w 10000"/>
                  <a:gd name="connsiteY234" fmla="*/ 1684 h 10000"/>
                  <a:gd name="connsiteX235" fmla="*/ 9391 w 10000"/>
                  <a:gd name="connsiteY235" fmla="*/ 1758 h 10000"/>
                  <a:gd name="connsiteX236" fmla="*/ 9315 w 10000"/>
                  <a:gd name="connsiteY236" fmla="*/ 1802 h 10000"/>
                  <a:gd name="connsiteX237" fmla="*/ 9264 w 10000"/>
                  <a:gd name="connsiteY237" fmla="*/ 1861 h 10000"/>
                  <a:gd name="connsiteX238" fmla="*/ 9240 w 10000"/>
                  <a:gd name="connsiteY238" fmla="*/ 1935 h 10000"/>
                  <a:gd name="connsiteX239" fmla="*/ 9264 w 10000"/>
                  <a:gd name="connsiteY239" fmla="*/ 2024 h 10000"/>
                  <a:gd name="connsiteX240" fmla="*/ 9543 w 10000"/>
                  <a:gd name="connsiteY240" fmla="*/ 2157 h 10000"/>
                  <a:gd name="connsiteX241" fmla="*/ 9873 w 10000"/>
                  <a:gd name="connsiteY241" fmla="*/ 2275 h 10000"/>
                  <a:gd name="connsiteX242" fmla="*/ 10000 w 10000"/>
                  <a:gd name="connsiteY242" fmla="*/ 2349 h 10000"/>
                  <a:gd name="connsiteX0" fmla="*/ 6369 w 10000"/>
                  <a:gd name="connsiteY0" fmla="*/ 4313 h 10000"/>
                  <a:gd name="connsiteX1" fmla="*/ 9415 w 10000"/>
                  <a:gd name="connsiteY1" fmla="*/ 3117 h 10000"/>
                  <a:gd name="connsiteX2" fmla="*/ 9442 w 10000"/>
                  <a:gd name="connsiteY2" fmla="*/ 3072 h 10000"/>
                  <a:gd name="connsiteX3" fmla="*/ 9466 w 10000"/>
                  <a:gd name="connsiteY3" fmla="*/ 3013 h 10000"/>
                  <a:gd name="connsiteX4" fmla="*/ 9466 w 10000"/>
                  <a:gd name="connsiteY4" fmla="*/ 2954 h 10000"/>
                  <a:gd name="connsiteX5" fmla="*/ 9442 w 10000"/>
                  <a:gd name="connsiteY5" fmla="*/ 2866 h 10000"/>
                  <a:gd name="connsiteX6" fmla="*/ 6345 w 10000"/>
                  <a:gd name="connsiteY6" fmla="*/ 4003 h 10000"/>
                  <a:gd name="connsiteX7" fmla="*/ 6143 w 10000"/>
                  <a:gd name="connsiteY7" fmla="*/ 4106 h 10000"/>
                  <a:gd name="connsiteX8" fmla="*/ 5938 w 10000"/>
                  <a:gd name="connsiteY8" fmla="*/ 4195 h 10000"/>
                  <a:gd name="connsiteX9" fmla="*/ 6421 w 10000"/>
                  <a:gd name="connsiteY9" fmla="*/ 5318 h 10000"/>
                  <a:gd name="connsiteX10" fmla="*/ 6447 w 10000"/>
                  <a:gd name="connsiteY10" fmla="*/ 5539 h 10000"/>
                  <a:gd name="connsiteX11" fmla="*/ 6471 w 10000"/>
                  <a:gd name="connsiteY11" fmla="*/ 5775 h 10000"/>
                  <a:gd name="connsiteX12" fmla="*/ 6471 w 10000"/>
                  <a:gd name="connsiteY12" fmla="*/ 5997 h 10000"/>
                  <a:gd name="connsiteX13" fmla="*/ 6447 w 10000"/>
                  <a:gd name="connsiteY13" fmla="*/ 6233 h 10000"/>
                  <a:gd name="connsiteX14" fmla="*/ 6396 w 10000"/>
                  <a:gd name="connsiteY14" fmla="*/ 6470 h 10000"/>
                  <a:gd name="connsiteX15" fmla="*/ 6345 w 10000"/>
                  <a:gd name="connsiteY15" fmla="*/ 6677 h 10000"/>
                  <a:gd name="connsiteX16" fmla="*/ 6269 w 10000"/>
                  <a:gd name="connsiteY16" fmla="*/ 6898 h 10000"/>
                  <a:gd name="connsiteX17" fmla="*/ 6168 w 10000"/>
                  <a:gd name="connsiteY17" fmla="*/ 7105 h 10000"/>
                  <a:gd name="connsiteX18" fmla="*/ 6041 w 10000"/>
                  <a:gd name="connsiteY18" fmla="*/ 7297 h 10000"/>
                  <a:gd name="connsiteX19" fmla="*/ 5888 w 10000"/>
                  <a:gd name="connsiteY19" fmla="*/ 7489 h 10000"/>
                  <a:gd name="connsiteX20" fmla="*/ 5735 w 10000"/>
                  <a:gd name="connsiteY20" fmla="*/ 7681 h 10000"/>
                  <a:gd name="connsiteX21" fmla="*/ 6471 w 10000"/>
                  <a:gd name="connsiteY21" fmla="*/ 7799 h 10000"/>
                  <a:gd name="connsiteX22" fmla="*/ 7234 w 10000"/>
                  <a:gd name="connsiteY22" fmla="*/ 7962 h 10000"/>
                  <a:gd name="connsiteX23" fmla="*/ 7385 w 10000"/>
                  <a:gd name="connsiteY23" fmla="*/ 8021 h 10000"/>
                  <a:gd name="connsiteX24" fmla="*/ 7512 w 10000"/>
                  <a:gd name="connsiteY24" fmla="*/ 8080 h 10000"/>
                  <a:gd name="connsiteX25" fmla="*/ 7639 w 10000"/>
                  <a:gd name="connsiteY25" fmla="*/ 8139 h 10000"/>
                  <a:gd name="connsiteX26" fmla="*/ 7716 w 10000"/>
                  <a:gd name="connsiteY26" fmla="*/ 8227 h 10000"/>
                  <a:gd name="connsiteX27" fmla="*/ 7741 w 10000"/>
                  <a:gd name="connsiteY27" fmla="*/ 8301 h 10000"/>
                  <a:gd name="connsiteX28" fmla="*/ 7741 w 10000"/>
                  <a:gd name="connsiteY28" fmla="*/ 8405 h 10000"/>
                  <a:gd name="connsiteX29" fmla="*/ 7691 w 10000"/>
                  <a:gd name="connsiteY29" fmla="*/ 8523 h 10000"/>
                  <a:gd name="connsiteX30" fmla="*/ 7614 w 10000"/>
                  <a:gd name="connsiteY30" fmla="*/ 8641 h 10000"/>
                  <a:gd name="connsiteX31" fmla="*/ 7284 w 10000"/>
                  <a:gd name="connsiteY31" fmla="*/ 8552 h 10000"/>
                  <a:gd name="connsiteX32" fmla="*/ 6979 w 10000"/>
                  <a:gd name="connsiteY32" fmla="*/ 8449 h 10000"/>
                  <a:gd name="connsiteX33" fmla="*/ 6674 w 10000"/>
                  <a:gd name="connsiteY33" fmla="*/ 8360 h 10000"/>
                  <a:gd name="connsiteX34" fmla="*/ 6369 w 10000"/>
                  <a:gd name="connsiteY34" fmla="*/ 8287 h 10000"/>
                  <a:gd name="connsiteX35" fmla="*/ 6243 w 10000"/>
                  <a:gd name="connsiteY35" fmla="*/ 8449 h 10000"/>
                  <a:gd name="connsiteX36" fmla="*/ 6143 w 10000"/>
                  <a:gd name="connsiteY36" fmla="*/ 8597 h 10000"/>
                  <a:gd name="connsiteX37" fmla="*/ 6091 w 10000"/>
                  <a:gd name="connsiteY37" fmla="*/ 8656 h 10000"/>
                  <a:gd name="connsiteX38" fmla="*/ 5989 w 10000"/>
                  <a:gd name="connsiteY38" fmla="*/ 8700 h 10000"/>
                  <a:gd name="connsiteX39" fmla="*/ 5914 w 10000"/>
                  <a:gd name="connsiteY39" fmla="*/ 8744 h 10000"/>
                  <a:gd name="connsiteX40" fmla="*/ 5838 w 10000"/>
                  <a:gd name="connsiteY40" fmla="*/ 8774 h 10000"/>
                  <a:gd name="connsiteX41" fmla="*/ 5761 w 10000"/>
                  <a:gd name="connsiteY41" fmla="*/ 8804 h 10000"/>
                  <a:gd name="connsiteX42" fmla="*/ 5660 w 10000"/>
                  <a:gd name="connsiteY42" fmla="*/ 8818 h 10000"/>
                  <a:gd name="connsiteX43" fmla="*/ 5532 w 10000"/>
                  <a:gd name="connsiteY43" fmla="*/ 8833 h 10000"/>
                  <a:gd name="connsiteX44" fmla="*/ 5406 w 10000"/>
                  <a:gd name="connsiteY44" fmla="*/ 8833 h 10000"/>
                  <a:gd name="connsiteX45" fmla="*/ 5102 w 10000"/>
                  <a:gd name="connsiteY45" fmla="*/ 8818 h 10000"/>
                  <a:gd name="connsiteX46" fmla="*/ 4720 w 10000"/>
                  <a:gd name="connsiteY46" fmla="*/ 8744 h 10000"/>
                  <a:gd name="connsiteX47" fmla="*/ 4720 w 10000"/>
                  <a:gd name="connsiteY47" fmla="*/ 8922 h 10000"/>
                  <a:gd name="connsiteX48" fmla="*/ 4695 w 10000"/>
                  <a:gd name="connsiteY48" fmla="*/ 9069 h 10000"/>
                  <a:gd name="connsiteX49" fmla="*/ 4671 w 10000"/>
                  <a:gd name="connsiteY49" fmla="*/ 9232 h 10000"/>
                  <a:gd name="connsiteX50" fmla="*/ 4644 w 10000"/>
                  <a:gd name="connsiteY50" fmla="*/ 9365 h 10000"/>
                  <a:gd name="connsiteX51" fmla="*/ 4593 w 10000"/>
                  <a:gd name="connsiteY51" fmla="*/ 9498 h 10000"/>
                  <a:gd name="connsiteX52" fmla="*/ 4493 w 10000"/>
                  <a:gd name="connsiteY52" fmla="*/ 9616 h 10000"/>
                  <a:gd name="connsiteX53" fmla="*/ 4416 w 10000"/>
                  <a:gd name="connsiteY53" fmla="*/ 9734 h 10000"/>
                  <a:gd name="connsiteX54" fmla="*/ 4289 w 10000"/>
                  <a:gd name="connsiteY54" fmla="*/ 9838 h 10000"/>
                  <a:gd name="connsiteX55" fmla="*/ 3983 w 10000"/>
                  <a:gd name="connsiteY55" fmla="*/ 9897 h 10000"/>
                  <a:gd name="connsiteX56" fmla="*/ 3731 w 10000"/>
                  <a:gd name="connsiteY56" fmla="*/ 9941 h 10000"/>
                  <a:gd name="connsiteX57" fmla="*/ 3426 w 10000"/>
                  <a:gd name="connsiteY57" fmla="*/ 9985 h 10000"/>
                  <a:gd name="connsiteX58" fmla="*/ 3198 w 10000"/>
                  <a:gd name="connsiteY58" fmla="*/ 10000 h 10000"/>
                  <a:gd name="connsiteX59" fmla="*/ 2690 w 10000"/>
                  <a:gd name="connsiteY59" fmla="*/ 10000 h 10000"/>
                  <a:gd name="connsiteX60" fmla="*/ 2208 w 10000"/>
                  <a:gd name="connsiteY60" fmla="*/ 9985 h 10000"/>
                  <a:gd name="connsiteX61" fmla="*/ 1752 w 10000"/>
                  <a:gd name="connsiteY61" fmla="*/ 9941 h 10000"/>
                  <a:gd name="connsiteX62" fmla="*/ 1270 w 10000"/>
                  <a:gd name="connsiteY62" fmla="*/ 9911 h 10000"/>
                  <a:gd name="connsiteX63" fmla="*/ 990 w 10000"/>
                  <a:gd name="connsiteY63" fmla="*/ 9911 h 10000"/>
                  <a:gd name="connsiteX64" fmla="*/ 736 w 10000"/>
                  <a:gd name="connsiteY64" fmla="*/ 9911 h 10000"/>
                  <a:gd name="connsiteX65" fmla="*/ 457 w 10000"/>
                  <a:gd name="connsiteY65" fmla="*/ 9926 h 10000"/>
                  <a:gd name="connsiteX66" fmla="*/ 178 w 10000"/>
                  <a:gd name="connsiteY66" fmla="*/ 9970 h 10000"/>
                  <a:gd name="connsiteX67" fmla="*/ 102 w 10000"/>
                  <a:gd name="connsiteY67" fmla="*/ 9867 h 10000"/>
                  <a:gd name="connsiteX68" fmla="*/ 51 w 10000"/>
                  <a:gd name="connsiteY68" fmla="*/ 9793 h 10000"/>
                  <a:gd name="connsiteX69" fmla="*/ 0 w 10000"/>
                  <a:gd name="connsiteY69" fmla="*/ 9705 h 10000"/>
                  <a:gd name="connsiteX70" fmla="*/ 0 w 10000"/>
                  <a:gd name="connsiteY70" fmla="*/ 9601 h 10000"/>
                  <a:gd name="connsiteX71" fmla="*/ 51 w 10000"/>
                  <a:gd name="connsiteY71" fmla="*/ 9424 h 10000"/>
                  <a:gd name="connsiteX72" fmla="*/ 102 w 10000"/>
                  <a:gd name="connsiteY72" fmla="*/ 9202 h 10000"/>
                  <a:gd name="connsiteX73" fmla="*/ 151 w 10000"/>
                  <a:gd name="connsiteY73" fmla="*/ 8996 h 10000"/>
                  <a:gd name="connsiteX74" fmla="*/ 203 w 10000"/>
                  <a:gd name="connsiteY74" fmla="*/ 8759 h 10000"/>
                  <a:gd name="connsiteX75" fmla="*/ 228 w 10000"/>
                  <a:gd name="connsiteY75" fmla="*/ 8641 h 10000"/>
                  <a:gd name="connsiteX76" fmla="*/ 228 w 10000"/>
                  <a:gd name="connsiteY76" fmla="*/ 8538 h 10000"/>
                  <a:gd name="connsiteX77" fmla="*/ 203 w 10000"/>
                  <a:gd name="connsiteY77" fmla="*/ 8405 h 10000"/>
                  <a:gd name="connsiteX78" fmla="*/ 178 w 10000"/>
                  <a:gd name="connsiteY78" fmla="*/ 8287 h 10000"/>
                  <a:gd name="connsiteX79" fmla="*/ 431 w 10000"/>
                  <a:gd name="connsiteY79" fmla="*/ 8213 h 10000"/>
                  <a:gd name="connsiteX80" fmla="*/ 685 w 10000"/>
                  <a:gd name="connsiteY80" fmla="*/ 8139 h 10000"/>
                  <a:gd name="connsiteX81" fmla="*/ 939 w 10000"/>
                  <a:gd name="connsiteY81" fmla="*/ 8095 h 10000"/>
                  <a:gd name="connsiteX82" fmla="*/ 1218 w 10000"/>
                  <a:gd name="connsiteY82" fmla="*/ 8065 h 10000"/>
                  <a:gd name="connsiteX83" fmla="*/ 1725 w 10000"/>
                  <a:gd name="connsiteY83" fmla="*/ 8021 h 10000"/>
                  <a:gd name="connsiteX84" fmla="*/ 2234 w 10000"/>
                  <a:gd name="connsiteY84" fmla="*/ 7976 h 10000"/>
                  <a:gd name="connsiteX85" fmla="*/ 2462 w 10000"/>
                  <a:gd name="connsiteY85" fmla="*/ 7947 h 10000"/>
                  <a:gd name="connsiteX86" fmla="*/ 2690 w 10000"/>
                  <a:gd name="connsiteY86" fmla="*/ 7917 h 10000"/>
                  <a:gd name="connsiteX87" fmla="*/ 2892 w 10000"/>
                  <a:gd name="connsiteY87" fmla="*/ 7843 h 10000"/>
                  <a:gd name="connsiteX88" fmla="*/ 3096 w 10000"/>
                  <a:gd name="connsiteY88" fmla="*/ 7784 h 10000"/>
                  <a:gd name="connsiteX89" fmla="*/ 3274 w 10000"/>
                  <a:gd name="connsiteY89" fmla="*/ 7710 h 10000"/>
                  <a:gd name="connsiteX90" fmla="*/ 3426 w 10000"/>
                  <a:gd name="connsiteY90" fmla="*/ 7592 h 10000"/>
                  <a:gd name="connsiteX91" fmla="*/ 3579 w 10000"/>
                  <a:gd name="connsiteY91" fmla="*/ 7474 h 10000"/>
                  <a:gd name="connsiteX92" fmla="*/ 3680 w 10000"/>
                  <a:gd name="connsiteY92" fmla="*/ 7312 h 10000"/>
                  <a:gd name="connsiteX93" fmla="*/ 3477 w 10000"/>
                  <a:gd name="connsiteY93" fmla="*/ 7238 h 10000"/>
                  <a:gd name="connsiteX94" fmla="*/ 3299 w 10000"/>
                  <a:gd name="connsiteY94" fmla="*/ 7179 h 10000"/>
                  <a:gd name="connsiteX95" fmla="*/ 3147 w 10000"/>
                  <a:gd name="connsiteY95" fmla="*/ 7090 h 10000"/>
                  <a:gd name="connsiteX96" fmla="*/ 2995 w 10000"/>
                  <a:gd name="connsiteY96" fmla="*/ 6987 h 10000"/>
                  <a:gd name="connsiteX97" fmla="*/ 2892 w 10000"/>
                  <a:gd name="connsiteY97" fmla="*/ 6869 h 10000"/>
                  <a:gd name="connsiteX98" fmla="*/ 2843 w 10000"/>
                  <a:gd name="connsiteY98" fmla="*/ 6721 h 10000"/>
                  <a:gd name="connsiteX99" fmla="*/ 2817 w 10000"/>
                  <a:gd name="connsiteY99" fmla="*/ 6558 h 10000"/>
                  <a:gd name="connsiteX100" fmla="*/ 2843 w 10000"/>
                  <a:gd name="connsiteY100" fmla="*/ 6352 h 10000"/>
                  <a:gd name="connsiteX101" fmla="*/ 2716 w 10000"/>
                  <a:gd name="connsiteY101" fmla="*/ 6322 h 10000"/>
                  <a:gd name="connsiteX102" fmla="*/ 2564 w 10000"/>
                  <a:gd name="connsiteY102" fmla="*/ 6292 h 10000"/>
                  <a:gd name="connsiteX103" fmla="*/ 2386 w 10000"/>
                  <a:gd name="connsiteY103" fmla="*/ 6278 h 10000"/>
                  <a:gd name="connsiteX104" fmla="*/ 2208 w 10000"/>
                  <a:gd name="connsiteY104" fmla="*/ 6263 h 10000"/>
                  <a:gd name="connsiteX105" fmla="*/ 1853 w 10000"/>
                  <a:gd name="connsiteY105" fmla="*/ 6248 h 10000"/>
                  <a:gd name="connsiteX106" fmla="*/ 1472 w 10000"/>
                  <a:gd name="connsiteY106" fmla="*/ 6263 h 10000"/>
                  <a:gd name="connsiteX107" fmla="*/ 1143 w 10000"/>
                  <a:gd name="connsiteY107" fmla="*/ 6278 h 10000"/>
                  <a:gd name="connsiteX108" fmla="*/ 837 w 10000"/>
                  <a:gd name="connsiteY108" fmla="*/ 6278 h 10000"/>
                  <a:gd name="connsiteX109" fmla="*/ 585 w 10000"/>
                  <a:gd name="connsiteY109" fmla="*/ 6263 h 10000"/>
                  <a:gd name="connsiteX110" fmla="*/ 381 w 10000"/>
                  <a:gd name="connsiteY110" fmla="*/ 6233 h 10000"/>
                  <a:gd name="connsiteX111" fmla="*/ 633 w 10000"/>
                  <a:gd name="connsiteY111" fmla="*/ 5805 h 10000"/>
                  <a:gd name="connsiteX112" fmla="*/ 914 w 10000"/>
                  <a:gd name="connsiteY112" fmla="*/ 5391 h 10000"/>
                  <a:gd name="connsiteX113" fmla="*/ 1016 w 10000"/>
                  <a:gd name="connsiteY113" fmla="*/ 5170 h 10000"/>
                  <a:gd name="connsiteX114" fmla="*/ 1091 w 10000"/>
                  <a:gd name="connsiteY114" fmla="*/ 4963 h 10000"/>
                  <a:gd name="connsiteX115" fmla="*/ 1116 w 10000"/>
                  <a:gd name="connsiteY115" fmla="*/ 4860 h 10000"/>
                  <a:gd name="connsiteX116" fmla="*/ 1091 w 10000"/>
                  <a:gd name="connsiteY116" fmla="*/ 4756 h 10000"/>
                  <a:gd name="connsiteX117" fmla="*/ 1066 w 10000"/>
                  <a:gd name="connsiteY117" fmla="*/ 4653 h 10000"/>
                  <a:gd name="connsiteX118" fmla="*/ 990 w 10000"/>
                  <a:gd name="connsiteY118" fmla="*/ 4549 h 10000"/>
                  <a:gd name="connsiteX119" fmla="*/ 1270 w 10000"/>
                  <a:gd name="connsiteY119" fmla="*/ 4520 h 10000"/>
                  <a:gd name="connsiteX120" fmla="*/ 1472 w 10000"/>
                  <a:gd name="connsiteY120" fmla="*/ 4505 h 10000"/>
                  <a:gd name="connsiteX121" fmla="*/ 1650 w 10000"/>
                  <a:gd name="connsiteY121" fmla="*/ 4505 h 10000"/>
                  <a:gd name="connsiteX122" fmla="*/ 1802 w 10000"/>
                  <a:gd name="connsiteY122" fmla="*/ 4520 h 10000"/>
                  <a:gd name="connsiteX123" fmla="*/ 1929 w 10000"/>
                  <a:gd name="connsiteY123" fmla="*/ 4520 h 10000"/>
                  <a:gd name="connsiteX124" fmla="*/ 2081 w 10000"/>
                  <a:gd name="connsiteY124" fmla="*/ 4520 h 10000"/>
                  <a:gd name="connsiteX125" fmla="*/ 2234 w 10000"/>
                  <a:gd name="connsiteY125" fmla="*/ 4490 h 10000"/>
                  <a:gd name="connsiteX126" fmla="*/ 2436 w 10000"/>
                  <a:gd name="connsiteY126" fmla="*/ 4446 h 10000"/>
                  <a:gd name="connsiteX127" fmla="*/ 2436 w 10000"/>
                  <a:gd name="connsiteY127" fmla="*/ 4579 h 10000"/>
                  <a:gd name="connsiteX128" fmla="*/ 2436 w 10000"/>
                  <a:gd name="connsiteY128" fmla="*/ 4742 h 10000"/>
                  <a:gd name="connsiteX129" fmla="*/ 2436 w 10000"/>
                  <a:gd name="connsiteY129" fmla="*/ 4874 h 10000"/>
                  <a:gd name="connsiteX130" fmla="*/ 2436 w 10000"/>
                  <a:gd name="connsiteY130" fmla="*/ 5037 h 10000"/>
                  <a:gd name="connsiteX131" fmla="*/ 2665 w 10000"/>
                  <a:gd name="connsiteY131" fmla="*/ 5022 h 10000"/>
                  <a:gd name="connsiteX132" fmla="*/ 2817 w 10000"/>
                  <a:gd name="connsiteY132" fmla="*/ 5037 h 10000"/>
                  <a:gd name="connsiteX133" fmla="*/ 2944 w 10000"/>
                  <a:gd name="connsiteY133" fmla="*/ 5066 h 10000"/>
                  <a:gd name="connsiteX134" fmla="*/ 3071 w 10000"/>
                  <a:gd name="connsiteY134" fmla="*/ 5096 h 10000"/>
                  <a:gd name="connsiteX135" fmla="*/ 3173 w 10000"/>
                  <a:gd name="connsiteY135" fmla="*/ 5126 h 10000"/>
                  <a:gd name="connsiteX136" fmla="*/ 3299 w 10000"/>
                  <a:gd name="connsiteY136" fmla="*/ 5155 h 10000"/>
                  <a:gd name="connsiteX137" fmla="*/ 3452 w 10000"/>
                  <a:gd name="connsiteY137" fmla="*/ 5170 h 10000"/>
                  <a:gd name="connsiteX138" fmla="*/ 3680 w 10000"/>
                  <a:gd name="connsiteY138" fmla="*/ 5155 h 10000"/>
                  <a:gd name="connsiteX139" fmla="*/ 3757 w 10000"/>
                  <a:gd name="connsiteY139" fmla="*/ 5096 h 10000"/>
                  <a:gd name="connsiteX140" fmla="*/ 3832 w 10000"/>
                  <a:gd name="connsiteY140" fmla="*/ 5022 h 10000"/>
                  <a:gd name="connsiteX141" fmla="*/ 3857 w 10000"/>
                  <a:gd name="connsiteY141" fmla="*/ 4934 h 10000"/>
                  <a:gd name="connsiteX142" fmla="*/ 3884 w 10000"/>
                  <a:gd name="connsiteY142" fmla="*/ 4860 h 10000"/>
                  <a:gd name="connsiteX143" fmla="*/ 3908 w 10000"/>
                  <a:gd name="connsiteY143" fmla="*/ 4697 h 10000"/>
                  <a:gd name="connsiteX144" fmla="*/ 3884 w 10000"/>
                  <a:gd name="connsiteY144" fmla="*/ 4520 h 10000"/>
                  <a:gd name="connsiteX145" fmla="*/ 3807 w 10000"/>
                  <a:gd name="connsiteY145" fmla="*/ 4343 h 10000"/>
                  <a:gd name="connsiteX146" fmla="*/ 3731 w 10000"/>
                  <a:gd name="connsiteY146" fmla="*/ 4195 h 10000"/>
                  <a:gd name="connsiteX147" fmla="*/ 3604 w 10000"/>
                  <a:gd name="connsiteY147" fmla="*/ 4047 h 10000"/>
                  <a:gd name="connsiteX148" fmla="*/ 3477 w 10000"/>
                  <a:gd name="connsiteY148" fmla="*/ 3959 h 10000"/>
                  <a:gd name="connsiteX149" fmla="*/ 3629 w 10000"/>
                  <a:gd name="connsiteY149" fmla="*/ 3944 h 10000"/>
                  <a:gd name="connsiteX150" fmla="*/ 3757 w 10000"/>
                  <a:gd name="connsiteY150" fmla="*/ 3914 h 10000"/>
                  <a:gd name="connsiteX151" fmla="*/ 3857 w 10000"/>
                  <a:gd name="connsiteY151" fmla="*/ 3855 h 10000"/>
                  <a:gd name="connsiteX152" fmla="*/ 3983 w 10000"/>
                  <a:gd name="connsiteY152" fmla="*/ 3752 h 10000"/>
                  <a:gd name="connsiteX153" fmla="*/ 4111 w 10000"/>
                  <a:gd name="connsiteY153" fmla="*/ 3663 h 10000"/>
                  <a:gd name="connsiteX154" fmla="*/ 4213 w 10000"/>
                  <a:gd name="connsiteY154" fmla="*/ 3560 h 10000"/>
                  <a:gd name="connsiteX155" fmla="*/ 4289 w 10000"/>
                  <a:gd name="connsiteY155" fmla="*/ 3442 h 10000"/>
                  <a:gd name="connsiteX156" fmla="*/ 4366 w 10000"/>
                  <a:gd name="connsiteY156" fmla="*/ 3323 h 10000"/>
                  <a:gd name="connsiteX157" fmla="*/ 4416 w 10000"/>
                  <a:gd name="connsiteY157" fmla="*/ 3220 h 10000"/>
                  <a:gd name="connsiteX158" fmla="*/ 4441 w 10000"/>
                  <a:gd name="connsiteY158" fmla="*/ 3102 h 10000"/>
                  <a:gd name="connsiteX159" fmla="*/ 4468 w 10000"/>
                  <a:gd name="connsiteY159" fmla="*/ 3013 h 10000"/>
                  <a:gd name="connsiteX160" fmla="*/ 4441 w 10000"/>
                  <a:gd name="connsiteY160" fmla="*/ 2939 h 10000"/>
                  <a:gd name="connsiteX161" fmla="*/ 4416 w 10000"/>
                  <a:gd name="connsiteY161" fmla="*/ 2866 h 10000"/>
                  <a:gd name="connsiteX162" fmla="*/ 4340 w 10000"/>
                  <a:gd name="connsiteY162" fmla="*/ 2836 h 10000"/>
                  <a:gd name="connsiteX163" fmla="*/ 4239 w 10000"/>
                  <a:gd name="connsiteY163" fmla="*/ 2836 h 10000"/>
                  <a:gd name="connsiteX164" fmla="*/ 4111 w 10000"/>
                  <a:gd name="connsiteY164" fmla="*/ 2866 h 10000"/>
                  <a:gd name="connsiteX165" fmla="*/ 4213 w 10000"/>
                  <a:gd name="connsiteY165" fmla="*/ 2777 h 10000"/>
                  <a:gd name="connsiteX166" fmla="*/ 4265 w 10000"/>
                  <a:gd name="connsiteY166" fmla="*/ 2674 h 10000"/>
                  <a:gd name="connsiteX167" fmla="*/ 4289 w 10000"/>
                  <a:gd name="connsiteY167" fmla="*/ 2541 h 10000"/>
                  <a:gd name="connsiteX168" fmla="*/ 4289 w 10000"/>
                  <a:gd name="connsiteY168" fmla="*/ 2393 h 10000"/>
                  <a:gd name="connsiteX169" fmla="*/ 4314 w 10000"/>
                  <a:gd name="connsiteY169" fmla="*/ 2349 h 10000"/>
                  <a:gd name="connsiteX170" fmla="*/ 4366 w 10000"/>
                  <a:gd name="connsiteY170" fmla="*/ 2304 h 10000"/>
                  <a:gd name="connsiteX171" fmla="*/ 4416 w 10000"/>
                  <a:gd name="connsiteY171" fmla="*/ 2290 h 10000"/>
                  <a:gd name="connsiteX172" fmla="*/ 4493 w 10000"/>
                  <a:gd name="connsiteY172" fmla="*/ 2275 h 10000"/>
                  <a:gd name="connsiteX173" fmla="*/ 4720 w 10000"/>
                  <a:gd name="connsiteY173" fmla="*/ 2260 h 10000"/>
                  <a:gd name="connsiteX174" fmla="*/ 4923 w 10000"/>
                  <a:gd name="connsiteY174" fmla="*/ 2275 h 10000"/>
                  <a:gd name="connsiteX175" fmla="*/ 4898 w 10000"/>
                  <a:gd name="connsiteY175" fmla="*/ 2112 h 10000"/>
                  <a:gd name="connsiteX176" fmla="*/ 4848 w 10000"/>
                  <a:gd name="connsiteY176" fmla="*/ 1950 h 10000"/>
                  <a:gd name="connsiteX177" fmla="*/ 4771 w 10000"/>
                  <a:gd name="connsiteY177" fmla="*/ 1802 h 10000"/>
                  <a:gd name="connsiteX178" fmla="*/ 4671 w 10000"/>
                  <a:gd name="connsiteY178" fmla="*/ 1640 h 10000"/>
                  <a:gd name="connsiteX179" fmla="*/ 4416 w 10000"/>
                  <a:gd name="connsiteY179" fmla="*/ 1329 h 10000"/>
                  <a:gd name="connsiteX180" fmla="*/ 4162 w 10000"/>
                  <a:gd name="connsiteY180" fmla="*/ 1034 h 10000"/>
                  <a:gd name="connsiteX181" fmla="*/ 4035 w 10000"/>
                  <a:gd name="connsiteY181" fmla="*/ 901 h 10000"/>
                  <a:gd name="connsiteX182" fmla="*/ 3935 w 10000"/>
                  <a:gd name="connsiteY182" fmla="*/ 753 h 10000"/>
                  <a:gd name="connsiteX183" fmla="*/ 3857 w 10000"/>
                  <a:gd name="connsiteY183" fmla="*/ 620 h 10000"/>
                  <a:gd name="connsiteX184" fmla="*/ 3832 w 10000"/>
                  <a:gd name="connsiteY184" fmla="*/ 487 h 10000"/>
                  <a:gd name="connsiteX185" fmla="*/ 3807 w 10000"/>
                  <a:gd name="connsiteY185" fmla="*/ 355 h 10000"/>
                  <a:gd name="connsiteX186" fmla="*/ 3857 w 10000"/>
                  <a:gd name="connsiteY186" fmla="*/ 222 h 10000"/>
                  <a:gd name="connsiteX187" fmla="*/ 3884 w 10000"/>
                  <a:gd name="connsiteY187" fmla="*/ 162 h 10000"/>
                  <a:gd name="connsiteX188" fmla="*/ 3935 w 10000"/>
                  <a:gd name="connsiteY188" fmla="*/ 103 h 10000"/>
                  <a:gd name="connsiteX189" fmla="*/ 4011 w 10000"/>
                  <a:gd name="connsiteY189" fmla="*/ 59 h 10000"/>
                  <a:gd name="connsiteX190" fmla="*/ 4111 w 10000"/>
                  <a:gd name="connsiteY190" fmla="*/ 0 h 10000"/>
                  <a:gd name="connsiteX191" fmla="*/ 4289 w 10000"/>
                  <a:gd name="connsiteY191" fmla="*/ 0 h 10000"/>
                  <a:gd name="connsiteX192" fmla="*/ 4468 w 10000"/>
                  <a:gd name="connsiteY192" fmla="*/ 15 h 10000"/>
                  <a:gd name="connsiteX193" fmla="*/ 4644 w 10000"/>
                  <a:gd name="connsiteY193" fmla="*/ 44 h 10000"/>
                  <a:gd name="connsiteX194" fmla="*/ 4771 w 10000"/>
                  <a:gd name="connsiteY194" fmla="*/ 89 h 10000"/>
                  <a:gd name="connsiteX195" fmla="*/ 4975 w 10000"/>
                  <a:gd name="connsiteY195" fmla="*/ 192 h 10000"/>
                  <a:gd name="connsiteX196" fmla="*/ 5177 w 10000"/>
                  <a:gd name="connsiteY196" fmla="*/ 340 h 10000"/>
                  <a:gd name="connsiteX197" fmla="*/ 5329 w 10000"/>
                  <a:gd name="connsiteY197" fmla="*/ 473 h 10000"/>
                  <a:gd name="connsiteX198" fmla="*/ 5532 w 10000"/>
                  <a:gd name="connsiteY198" fmla="*/ 591 h 10000"/>
                  <a:gd name="connsiteX199" fmla="*/ 5660 w 10000"/>
                  <a:gd name="connsiteY199" fmla="*/ 650 h 10000"/>
                  <a:gd name="connsiteX200" fmla="*/ 5812 w 10000"/>
                  <a:gd name="connsiteY200" fmla="*/ 679 h 10000"/>
                  <a:gd name="connsiteX201" fmla="*/ 5965 w 10000"/>
                  <a:gd name="connsiteY201" fmla="*/ 709 h 10000"/>
                  <a:gd name="connsiteX202" fmla="*/ 6168 w 10000"/>
                  <a:gd name="connsiteY202" fmla="*/ 709 h 10000"/>
                  <a:gd name="connsiteX203" fmla="*/ 6168 w 10000"/>
                  <a:gd name="connsiteY203" fmla="*/ 768 h 10000"/>
                  <a:gd name="connsiteX204" fmla="*/ 6193 w 10000"/>
                  <a:gd name="connsiteY204" fmla="*/ 842 h 10000"/>
                  <a:gd name="connsiteX205" fmla="*/ 6243 w 10000"/>
                  <a:gd name="connsiteY205" fmla="*/ 916 h 10000"/>
                  <a:gd name="connsiteX206" fmla="*/ 6294 w 10000"/>
                  <a:gd name="connsiteY206" fmla="*/ 990 h 10000"/>
                  <a:gd name="connsiteX207" fmla="*/ 6369 w 10000"/>
                  <a:gd name="connsiteY207" fmla="*/ 1049 h 10000"/>
                  <a:gd name="connsiteX208" fmla="*/ 6471 w 10000"/>
                  <a:gd name="connsiteY208" fmla="*/ 1108 h 10000"/>
                  <a:gd name="connsiteX209" fmla="*/ 6598 w 10000"/>
                  <a:gd name="connsiteY209" fmla="*/ 1182 h 10000"/>
                  <a:gd name="connsiteX210" fmla="*/ 6700 w 10000"/>
                  <a:gd name="connsiteY210" fmla="*/ 1226 h 10000"/>
                  <a:gd name="connsiteX211" fmla="*/ 6802 w 10000"/>
                  <a:gd name="connsiteY211" fmla="*/ 1270 h 10000"/>
                  <a:gd name="connsiteX212" fmla="*/ 6903 w 10000"/>
                  <a:gd name="connsiteY212" fmla="*/ 1300 h 10000"/>
                  <a:gd name="connsiteX213" fmla="*/ 7005 w 10000"/>
                  <a:gd name="connsiteY213" fmla="*/ 1315 h 10000"/>
                  <a:gd name="connsiteX214" fmla="*/ 7132 w 10000"/>
                  <a:gd name="connsiteY214" fmla="*/ 1300 h 10000"/>
                  <a:gd name="connsiteX215" fmla="*/ 7234 w 10000"/>
                  <a:gd name="connsiteY215" fmla="*/ 1285 h 10000"/>
                  <a:gd name="connsiteX216" fmla="*/ 7309 w 10000"/>
                  <a:gd name="connsiteY216" fmla="*/ 1241 h 10000"/>
                  <a:gd name="connsiteX217" fmla="*/ 7361 w 10000"/>
                  <a:gd name="connsiteY217" fmla="*/ 1167 h 10000"/>
                  <a:gd name="connsiteX218" fmla="*/ 7385 w 10000"/>
                  <a:gd name="connsiteY218" fmla="*/ 1064 h 10000"/>
                  <a:gd name="connsiteX219" fmla="*/ 7766 w 10000"/>
                  <a:gd name="connsiteY219" fmla="*/ 1034 h 10000"/>
                  <a:gd name="connsiteX220" fmla="*/ 8121 w 10000"/>
                  <a:gd name="connsiteY220" fmla="*/ 1004 h 10000"/>
                  <a:gd name="connsiteX221" fmla="*/ 8427 w 10000"/>
                  <a:gd name="connsiteY221" fmla="*/ 990 h 10000"/>
                  <a:gd name="connsiteX222" fmla="*/ 8706 w 10000"/>
                  <a:gd name="connsiteY222" fmla="*/ 1004 h 10000"/>
                  <a:gd name="connsiteX223" fmla="*/ 8833 w 10000"/>
                  <a:gd name="connsiteY223" fmla="*/ 1019 h 10000"/>
                  <a:gd name="connsiteX224" fmla="*/ 8958 w 10000"/>
                  <a:gd name="connsiteY224" fmla="*/ 1034 h 10000"/>
                  <a:gd name="connsiteX225" fmla="*/ 9061 w 10000"/>
                  <a:gd name="connsiteY225" fmla="*/ 1064 h 10000"/>
                  <a:gd name="connsiteX226" fmla="*/ 9188 w 10000"/>
                  <a:gd name="connsiteY226" fmla="*/ 1108 h 10000"/>
                  <a:gd name="connsiteX227" fmla="*/ 9264 w 10000"/>
                  <a:gd name="connsiteY227" fmla="*/ 1182 h 10000"/>
                  <a:gd name="connsiteX228" fmla="*/ 9339 w 10000"/>
                  <a:gd name="connsiteY228" fmla="*/ 1241 h 10000"/>
                  <a:gd name="connsiteX229" fmla="*/ 9391 w 10000"/>
                  <a:gd name="connsiteY229" fmla="*/ 1329 h 10000"/>
                  <a:gd name="connsiteX230" fmla="*/ 9442 w 10000"/>
                  <a:gd name="connsiteY230" fmla="*/ 1433 h 10000"/>
                  <a:gd name="connsiteX231" fmla="*/ 9492 w 10000"/>
                  <a:gd name="connsiteY231" fmla="*/ 1551 h 10000"/>
                  <a:gd name="connsiteX232" fmla="*/ 9466 w 10000"/>
                  <a:gd name="connsiteY232" fmla="*/ 1625 h 10000"/>
                  <a:gd name="connsiteX233" fmla="*/ 9442 w 10000"/>
                  <a:gd name="connsiteY233" fmla="*/ 1684 h 10000"/>
                  <a:gd name="connsiteX234" fmla="*/ 9391 w 10000"/>
                  <a:gd name="connsiteY234" fmla="*/ 1758 h 10000"/>
                  <a:gd name="connsiteX235" fmla="*/ 9315 w 10000"/>
                  <a:gd name="connsiteY235" fmla="*/ 1802 h 10000"/>
                  <a:gd name="connsiteX236" fmla="*/ 9264 w 10000"/>
                  <a:gd name="connsiteY236" fmla="*/ 1861 h 10000"/>
                  <a:gd name="connsiteX237" fmla="*/ 9240 w 10000"/>
                  <a:gd name="connsiteY237" fmla="*/ 1935 h 10000"/>
                  <a:gd name="connsiteX238" fmla="*/ 9264 w 10000"/>
                  <a:gd name="connsiteY238" fmla="*/ 2024 h 10000"/>
                  <a:gd name="connsiteX239" fmla="*/ 9543 w 10000"/>
                  <a:gd name="connsiteY239" fmla="*/ 2157 h 10000"/>
                  <a:gd name="connsiteX240" fmla="*/ 9873 w 10000"/>
                  <a:gd name="connsiteY240" fmla="*/ 2275 h 10000"/>
                  <a:gd name="connsiteX241" fmla="*/ 10000 w 10000"/>
                  <a:gd name="connsiteY241" fmla="*/ 2349 h 10000"/>
                  <a:gd name="connsiteX0" fmla="*/ 6369 w 10000"/>
                  <a:gd name="connsiteY0" fmla="*/ 4313 h 10000"/>
                  <a:gd name="connsiteX1" fmla="*/ 9415 w 10000"/>
                  <a:gd name="connsiteY1" fmla="*/ 3117 h 10000"/>
                  <a:gd name="connsiteX2" fmla="*/ 9442 w 10000"/>
                  <a:gd name="connsiteY2" fmla="*/ 3072 h 10000"/>
                  <a:gd name="connsiteX3" fmla="*/ 9466 w 10000"/>
                  <a:gd name="connsiteY3" fmla="*/ 3013 h 10000"/>
                  <a:gd name="connsiteX4" fmla="*/ 9466 w 10000"/>
                  <a:gd name="connsiteY4" fmla="*/ 2954 h 10000"/>
                  <a:gd name="connsiteX5" fmla="*/ 9442 w 10000"/>
                  <a:gd name="connsiteY5" fmla="*/ 2866 h 10000"/>
                  <a:gd name="connsiteX6" fmla="*/ 6345 w 10000"/>
                  <a:gd name="connsiteY6" fmla="*/ 4003 h 10000"/>
                  <a:gd name="connsiteX7" fmla="*/ 5938 w 10000"/>
                  <a:gd name="connsiteY7" fmla="*/ 4195 h 10000"/>
                  <a:gd name="connsiteX8" fmla="*/ 6421 w 10000"/>
                  <a:gd name="connsiteY8" fmla="*/ 5318 h 10000"/>
                  <a:gd name="connsiteX9" fmla="*/ 6447 w 10000"/>
                  <a:gd name="connsiteY9" fmla="*/ 5539 h 10000"/>
                  <a:gd name="connsiteX10" fmla="*/ 6471 w 10000"/>
                  <a:gd name="connsiteY10" fmla="*/ 5775 h 10000"/>
                  <a:gd name="connsiteX11" fmla="*/ 6471 w 10000"/>
                  <a:gd name="connsiteY11" fmla="*/ 5997 h 10000"/>
                  <a:gd name="connsiteX12" fmla="*/ 6447 w 10000"/>
                  <a:gd name="connsiteY12" fmla="*/ 6233 h 10000"/>
                  <a:gd name="connsiteX13" fmla="*/ 6396 w 10000"/>
                  <a:gd name="connsiteY13" fmla="*/ 6470 h 10000"/>
                  <a:gd name="connsiteX14" fmla="*/ 6345 w 10000"/>
                  <a:gd name="connsiteY14" fmla="*/ 6677 h 10000"/>
                  <a:gd name="connsiteX15" fmla="*/ 6269 w 10000"/>
                  <a:gd name="connsiteY15" fmla="*/ 6898 h 10000"/>
                  <a:gd name="connsiteX16" fmla="*/ 6168 w 10000"/>
                  <a:gd name="connsiteY16" fmla="*/ 7105 h 10000"/>
                  <a:gd name="connsiteX17" fmla="*/ 6041 w 10000"/>
                  <a:gd name="connsiteY17" fmla="*/ 7297 h 10000"/>
                  <a:gd name="connsiteX18" fmla="*/ 5888 w 10000"/>
                  <a:gd name="connsiteY18" fmla="*/ 7489 h 10000"/>
                  <a:gd name="connsiteX19" fmla="*/ 5735 w 10000"/>
                  <a:gd name="connsiteY19" fmla="*/ 7681 h 10000"/>
                  <a:gd name="connsiteX20" fmla="*/ 6471 w 10000"/>
                  <a:gd name="connsiteY20" fmla="*/ 7799 h 10000"/>
                  <a:gd name="connsiteX21" fmla="*/ 7234 w 10000"/>
                  <a:gd name="connsiteY21" fmla="*/ 7962 h 10000"/>
                  <a:gd name="connsiteX22" fmla="*/ 7385 w 10000"/>
                  <a:gd name="connsiteY22" fmla="*/ 8021 h 10000"/>
                  <a:gd name="connsiteX23" fmla="*/ 7512 w 10000"/>
                  <a:gd name="connsiteY23" fmla="*/ 8080 h 10000"/>
                  <a:gd name="connsiteX24" fmla="*/ 7639 w 10000"/>
                  <a:gd name="connsiteY24" fmla="*/ 8139 h 10000"/>
                  <a:gd name="connsiteX25" fmla="*/ 7716 w 10000"/>
                  <a:gd name="connsiteY25" fmla="*/ 8227 h 10000"/>
                  <a:gd name="connsiteX26" fmla="*/ 7741 w 10000"/>
                  <a:gd name="connsiteY26" fmla="*/ 8301 h 10000"/>
                  <a:gd name="connsiteX27" fmla="*/ 7741 w 10000"/>
                  <a:gd name="connsiteY27" fmla="*/ 8405 h 10000"/>
                  <a:gd name="connsiteX28" fmla="*/ 7691 w 10000"/>
                  <a:gd name="connsiteY28" fmla="*/ 8523 h 10000"/>
                  <a:gd name="connsiteX29" fmla="*/ 7614 w 10000"/>
                  <a:gd name="connsiteY29" fmla="*/ 8641 h 10000"/>
                  <a:gd name="connsiteX30" fmla="*/ 7284 w 10000"/>
                  <a:gd name="connsiteY30" fmla="*/ 8552 h 10000"/>
                  <a:gd name="connsiteX31" fmla="*/ 6979 w 10000"/>
                  <a:gd name="connsiteY31" fmla="*/ 8449 h 10000"/>
                  <a:gd name="connsiteX32" fmla="*/ 6674 w 10000"/>
                  <a:gd name="connsiteY32" fmla="*/ 8360 h 10000"/>
                  <a:gd name="connsiteX33" fmla="*/ 6369 w 10000"/>
                  <a:gd name="connsiteY33" fmla="*/ 8287 h 10000"/>
                  <a:gd name="connsiteX34" fmla="*/ 6243 w 10000"/>
                  <a:gd name="connsiteY34" fmla="*/ 8449 h 10000"/>
                  <a:gd name="connsiteX35" fmla="*/ 6143 w 10000"/>
                  <a:gd name="connsiteY35" fmla="*/ 8597 h 10000"/>
                  <a:gd name="connsiteX36" fmla="*/ 6091 w 10000"/>
                  <a:gd name="connsiteY36" fmla="*/ 8656 h 10000"/>
                  <a:gd name="connsiteX37" fmla="*/ 5989 w 10000"/>
                  <a:gd name="connsiteY37" fmla="*/ 8700 h 10000"/>
                  <a:gd name="connsiteX38" fmla="*/ 5914 w 10000"/>
                  <a:gd name="connsiteY38" fmla="*/ 8744 h 10000"/>
                  <a:gd name="connsiteX39" fmla="*/ 5838 w 10000"/>
                  <a:gd name="connsiteY39" fmla="*/ 8774 h 10000"/>
                  <a:gd name="connsiteX40" fmla="*/ 5761 w 10000"/>
                  <a:gd name="connsiteY40" fmla="*/ 8804 h 10000"/>
                  <a:gd name="connsiteX41" fmla="*/ 5660 w 10000"/>
                  <a:gd name="connsiteY41" fmla="*/ 8818 h 10000"/>
                  <a:gd name="connsiteX42" fmla="*/ 5532 w 10000"/>
                  <a:gd name="connsiteY42" fmla="*/ 8833 h 10000"/>
                  <a:gd name="connsiteX43" fmla="*/ 5406 w 10000"/>
                  <a:gd name="connsiteY43" fmla="*/ 8833 h 10000"/>
                  <a:gd name="connsiteX44" fmla="*/ 5102 w 10000"/>
                  <a:gd name="connsiteY44" fmla="*/ 8818 h 10000"/>
                  <a:gd name="connsiteX45" fmla="*/ 4720 w 10000"/>
                  <a:gd name="connsiteY45" fmla="*/ 8744 h 10000"/>
                  <a:gd name="connsiteX46" fmla="*/ 4720 w 10000"/>
                  <a:gd name="connsiteY46" fmla="*/ 8922 h 10000"/>
                  <a:gd name="connsiteX47" fmla="*/ 4695 w 10000"/>
                  <a:gd name="connsiteY47" fmla="*/ 9069 h 10000"/>
                  <a:gd name="connsiteX48" fmla="*/ 4671 w 10000"/>
                  <a:gd name="connsiteY48" fmla="*/ 9232 h 10000"/>
                  <a:gd name="connsiteX49" fmla="*/ 4644 w 10000"/>
                  <a:gd name="connsiteY49" fmla="*/ 9365 h 10000"/>
                  <a:gd name="connsiteX50" fmla="*/ 4593 w 10000"/>
                  <a:gd name="connsiteY50" fmla="*/ 9498 h 10000"/>
                  <a:gd name="connsiteX51" fmla="*/ 4493 w 10000"/>
                  <a:gd name="connsiteY51" fmla="*/ 9616 h 10000"/>
                  <a:gd name="connsiteX52" fmla="*/ 4416 w 10000"/>
                  <a:gd name="connsiteY52" fmla="*/ 9734 h 10000"/>
                  <a:gd name="connsiteX53" fmla="*/ 4289 w 10000"/>
                  <a:gd name="connsiteY53" fmla="*/ 9838 h 10000"/>
                  <a:gd name="connsiteX54" fmla="*/ 3983 w 10000"/>
                  <a:gd name="connsiteY54" fmla="*/ 9897 h 10000"/>
                  <a:gd name="connsiteX55" fmla="*/ 3731 w 10000"/>
                  <a:gd name="connsiteY55" fmla="*/ 9941 h 10000"/>
                  <a:gd name="connsiteX56" fmla="*/ 3426 w 10000"/>
                  <a:gd name="connsiteY56" fmla="*/ 9985 h 10000"/>
                  <a:gd name="connsiteX57" fmla="*/ 3198 w 10000"/>
                  <a:gd name="connsiteY57" fmla="*/ 10000 h 10000"/>
                  <a:gd name="connsiteX58" fmla="*/ 2690 w 10000"/>
                  <a:gd name="connsiteY58" fmla="*/ 10000 h 10000"/>
                  <a:gd name="connsiteX59" fmla="*/ 2208 w 10000"/>
                  <a:gd name="connsiteY59" fmla="*/ 9985 h 10000"/>
                  <a:gd name="connsiteX60" fmla="*/ 1752 w 10000"/>
                  <a:gd name="connsiteY60" fmla="*/ 9941 h 10000"/>
                  <a:gd name="connsiteX61" fmla="*/ 1270 w 10000"/>
                  <a:gd name="connsiteY61" fmla="*/ 9911 h 10000"/>
                  <a:gd name="connsiteX62" fmla="*/ 990 w 10000"/>
                  <a:gd name="connsiteY62" fmla="*/ 9911 h 10000"/>
                  <a:gd name="connsiteX63" fmla="*/ 736 w 10000"/>
                  <a:gd name="connsiteY63" fmla="*/ 9911 h 10000"/>
                  <a:gd name="connsiteX64" fmla="*/ 457 w 10000"/>
                  <a:gd name="connsiteY64" fmla="*/ 9926 h 10000"/>
                  <a:gd name="connsiteX65" fmla="*/ 178 w 10000"/>
                  <a:gd name="connsiteY65" fmla="*/ 9970 h 10000"/>
                  <a:gd name="connsiteX66" fmla="*/ 102 w 10000"/>
                  <a:gd name="connsiteY66" fmla="*/ 9867 h 10000"/>
                  <a:gd name="connsiteX67" fmla="*/ 51 w 10000"/>
                  <a:gd name="connsiteY67" fmla="*/ 9793 h 10000"/>
                  <a:gd name="connsiteX68" fmla="*/ 0 w 10000"/>
                  <a:gd name="connsiteY68" fmla="*/ 9705 h 10000"/>
                  <a:gd name="connsiteX69" fmla="*/ 0 w 10000"/>
                  <a:gd name="connsiteY69" fmla="*/ 9601 h 10000"/>
                  <a:gd name="connsiteX70" fmla="*/ 51 w 10000"/>
                  <a:gd name="connsiteY70" fmla="*/ 9424 h 10000"/>
                  <a:gd name="connsiteX71" fmla="*/ 102 w 10000"/>
                  <a:gd name="connsiteY71" fmla="*/ 9202 h 10000"/>
                  <a:gd name="connsiteX72" fmla="*/ 151 w 10000"/>
                  <a:gd name="connsiteY72" fmla="*/ 8996 h 10000"/>
                  <a:gd name="connsiteX73" fmla="*/ 203 w 10000"/>
                  <a:gd name="connsiteY73" fmla="*/ 8759 h 10000"/>
                  <a:gd name="connsiteX74" fmla="*/ 228 w 10000"/>
                  <a:gd name="connsiteY74" fmla="*/ 8641 h 10000"/>
                  <a:gd name="connsiteX75" fmla="*/ 228 w 10000"/>
                  <a:gd name="connsiteY75" fmla="*/ 8538 h 10000"/>
                  <a:gd name="connsiteX76" fmla="*/ 203 w 10000"/>
                  <a:gd name="connsiteY76" fmla="*/ 8405 h 10000"/>
                  <a:gd name="connsiteX77" fmla="*/ 178 w 10000"/>
                  <a:gd name="connsiteY77" fmla="*/ 8287 h 10000"/>
                  <a:gd name="connsiteX78" fmla="*/ 431 w 10000"/>
                  <a:gd name="connsiteY78" fmla="*/ 8213 h 10000"/>
                  <a:gd name="connsiteX79" fmla="*/ 685 w 10000"/>
                  <a:gd name="connsiteY79" fmla="*/ 8139 h 10000"/>
                  <a:gd name="connsiteX80" fmla="*/ 939 w 10000"/>
                  <a:gd name="connsiteY80" fmla="*/ 8095 h 10000"/>
                  <a:gd name="connsiteX81" fmla="*/ 1218 w 10000"/>
                  <a:gd name="connsiteY81" fmla="*/ 8065 h 10000"/>
                  <a:gd name="connsiteX82" fmla="*/ 1725 w 10000"/>
                  <a:gd name="connsiteY82" fmla="*/ 8021 h 10000"/>
                  <a:gd name="connsiteX83" fmla="*/ 2234 w 10000"/>
                  <a:gd name="connsiteY83" fmla="*/ 7976 h 10000"/>
                  <a:gd name="connsiteX84" fmla="*/ 2462 w 10000"/>
                  <a:gd name="connsiteY84" fmla="*/ 7947 h 10000"/>
                  <a:gd name="connsiteX85" fmla="*/ 2690 w 10000"/>
                  <a:gd name="connsiteY85" fmla="*/ 7917 h 10000"/>
                  <a:gd name="connsiteX86" fmla="*/ 2892 w 10000"/>
                  <a:gd name="connsiteY86" fmla="*/ 7843 h 10000"/>
                  <a:gd name="connsiteX87" fmla="*/ 3096 w 10000"/>
                  <a:gd name="connsiteY87" fmla="*/ 7784 h 10000"/>
                  <a:gd name="connsiteX88" fmla="*/ 3274 w 10000"/>
                  <a:gd name="connsiteY88" fmla="*/ 7710 h 10000"/>
                  <a:gd name="connsiteX89" fmla="*/ 3426 w 10000"/>
                  <a:gd name="connsiteY89" fmla="*/ 7592 h 10000"/>
                  <a:gd name="connsiteX90" fmla="*/ 3579 w 10000"/>
                  <a:gd name="connsiteY90" fmla="*/ 7474 h 10000"/>
                  <a:gd name="connsiteX91" fmla="*/ 3680 w 10000"/>
                  <a:gd name="connsiteY91" fmla="*/ 7312 h 10000"/>
                  <a:gd name="connsiteX92" fmla="*/ 3477 w 10000"/>
                  <a:gd name="connsiteY92" fmla="*/ 7238 h 10000"/>
                  <a:gd name="connsiteX93" fmla="*/ 3299 w 10000"/>
                  <a:gd name="connsiteY93" fmla="*/ 7179 h 10000"/>
                  <a:gd name="connsiteX94" fmla="*/ 3147 w 10000"/>
                  <a:gd name="connsiteY94" fmla="*/ 7090 h 10000"/>
                  <a:gd name="connsiteX95" fmla="*/ 2995 w 10000"/>
                  <a:gd name="connsiteY95" fmla="*/ 6987 h 10000"/>
                  <a:gd name="connsiteX96" fmla="*/ 2892 w 10000"/>
                  <a:gd name="connsiteY96" fmla="*/ 6869 h 10000"/>
                  <a:gd name="connsiteX97" fmla="*/ 2843 w 10000"/>
                  <a:gd name="connsiteY97" fmla="*/ 6721 h 10000"/>
                  <a:gd name="connsiteX98" fmla="*/ 2817 w 10000"/>
                  <a:gd name="connsiteY98" fmla="*/ 6558 h 10000"/>
                  <a:gd name="connsiteX99" fmla="*/ 2843 w 10000"/>
                  <a:gd name="connsiteY99" fmla="*/ 6352 h 10000"/>
                  <a:gd name="connsiteX100" fmla="*/ 2716 w 10000"/>
                  <a:gd name="connsiteY100" fmla="*/ 6322 h 10000"/>
                  <a:gd name="connsiteX101" fmla="*/ 2564 w 10000"/>
                  <a:gd name="connsiteY101" fmla="*/ 6292 h 10000"/>
                  <a:gd name="connsiteX102" fmla="*/ 2386 w 10000"/>
                  <a:gd name="connsiteY102" fmla="*/ 6278 h 10000"/>
                  <a:gd name="connsiteX103" fmla="*/ 2208 w 10000"/>
                  <a:gd name="connsiteY103" fmla="*/ 6263 h 10000"/>
                  <a:gd name="connsiteX104" fmla="*/ 1853 w 10000"/>
                  <a:gd name="connsiteY104" fmla="*/ 6248 h 10000"/>
                  <a:gd name="connsiteX105" fmla="*/ 1472 w 10000"/>
                  <a:gd name="connsiteY105" fmla="*/ 6263 h 10000"/>
                  <a:gd name="connsiteX106" fmla="*/ 1143 w 10000"/>
                  <a:gd name="connsiteY106" fmla="*/ 6278 h 10000"/>
                  <a:gd name="connsiteX107" fmla="*/ 837 w 10000"/>
                  <a:gd name="connsiteY107" fmla="*/ 6278 h 10000"/>
                  <a:gd name="connsiteX108" fmla="*/ 585 w 10000"/>
                  <a:gd name="connsiteY108" fmla="*/ 6263 h 10000"/>
                  <a:gd name="connsiteX109" fmla="*/ 381 w 10000"/>
                  <a:gd name="connsiteY109" fmla="*/ 6233 h 10000"/>
                  <a:gd name="connsiteX110" fmla="*/ 633 w 10000"/>
                  <a:gd name="connsiteY110" fmla="*/ 5805 h 10000"/>
                  <a:gd name="connsiteX111" fmla="*/ 914 w 10000"/>
                  <a:gd name="connsiteY111" fmla="*/ 5391 h 10000"/>
                  <a:gd name="connsiteX112" fmla="*/ 1016 w 10000"/>
                  <a:gd name="connsiteY112" fmla="*/ 5170 h 10000"/>
                  <a:gd name="connsiteX113" fmla="*/ 1091 w 10000"/>
                  <a:gd name="connsiteY113" fmla="*/ 4963 h 10000"/>
                  <a:gd name="connsiteX114" fmla="*/ 1116 w 10000"/>
                  <a:gd name="connsiteY114" fmla="*/ 4860 h 10000"/>
                  <a:gd name="connsiteX115" fmla="*/ 1091 w 10000"/>
                  <a:gd name="connsiteY115" fmla="*/ 4756 h 10000"/>
                  <a:gd name="connsiteX116" fmla="*/ 1066 w 10000"/>
                  <a:gd name="connsiteY116" fmla="*/ 4653 h 10000"/>
                  <a:gd name="connsiteX117" fmla="*/ 990 w 10000"/>
                  <a:gd name="connsiteY117" fmla="*/ 4549 h 10000"/>
                  <a:gd name="connsiteX118" fmla="*/ 1270 w 10000"/>
                  <a:gd name="connsiteY118" fmla="*/ 4520 h 10000"/>
                  <a:gd name="connsiteX119" fmla="*/ 1472 w 10000"/>
                  <a:gd name="connsiteY119" fmla="*/ 4505 h 10000"/>
                  <a:gd name="connsiteX120" fmla="*/ 1650 w 10000"/>
                  <a:gd name="connsiteY120" fmla="*/ 4505 h 10000"/>
                  <a:gd name="connsiteX121" fmla="*/ 1802 w 10000"/>
                  <a:gd name="connsiteY121" fmla="*/ 4520 h 10000"/>
                  <a:gd name="connsiteX122" fmla="*/ 1929 w 10000"/>
                  <a:gd name="connsiteY122" fmla="*/ 4520 h 10000"/>
                  <a:gd name="connsiteX123" fmla="*/ 2081 w 10000"/>
                  <a:gd name="connsiteY123" fmla="*/ 4520 h 10000"/>
                  <a:gd name="connsiteX124" fmla="*/ 2234 w 10000"/>
                  <a:gd name="connsiteY124" fmla="*/ 4490 h 10000"/>
                  <a:gd name="connsiteX125" fmla="*/ 2436 w 10000"/>
                  <a:gd name="connsiteY125" fmla="*/ 4446 h 10000"/>
                  <a:gd name="connsiteX126" fmla="*/ 2436 w 10000"/>
                  <a:gd name="connsiteY126" fmla="*/ 4579 h 10000"/>
                  <a:gd name="connsiteX127" fmla="*/ 2436 w 10000"/>
                  <a:gd name="connsiteY127" fmla="*/ 4742 h 10000"/>
                  <a:gd name="connsiteX128" fmla="*/ 2436 w 10000"/>
                  <a:gd name="connsiteY128" fmla="*/ 4874 h 10000"/>
                  <a:gd name="connsiteX129" fmla="*/ 2436 w 10000"/>
                  <a:gd name="connsiteY129" fmla="*/ 5037 h 10000"/>
                  <a:gd name="connsiteX130" fmla="*/ 2665 w 10000"/>
                  <a:gd name="connsiteY130" fmla="*/ 5022 h 10000"/>
                  <a:gd name="connsiteX131" fmla="*/ 2817 w 10000"/>
                  <a:gd name="connsiteY131" fmla="*/ 5037 h 10000"/>
                  <a:gd name="connsiteX132" fmla="*/ 2944 w 10000"/>
                  <a:gd name="connsiteY132" fmla="*/ 5066 h 10000"/>
                  <a:gd name="connsiteX133" fmla="*/ 3071 w 10000"/>
                  <a:gd name="connsiteY133" fmla="*/ 5096 h 10000"/>
                  <a:gd name="connsiteX134" fmla="*/ 3173 w 10000"/>
                  <a:gd name="connsiteY134" fmla="*/ 5126 h 10000"/>
                  <a:gd name="connsiteX135" fmla="*/ 3299 w 10000"/>
                  <a:gd name="connsiteY135" fmla="*/ 5155 h 10000"/>
                  <a:gd name="connsiteX136" fmla="*/ 3452 w 10000"/>
                  <a:gd name="connsiteY136" fmla="*/ 5170 h 10000"/>
                  <a:gd name="connsiteX137" fmla="*/ 3680 w 10000"/>
                  <a:gd name="connsiteY137" fmla="*/ 5155 h 10000"/>
                  <a:gd name="connsiteX138" fmla="*/ 3757 w 10000"/>
                  <a:gd name="connsiteY138" fmla="*/ 5096 h 10000"/>
                  <a:gd name="connsiteX139" fmla="*/ 3832 w 10000"/>
                  <a:gd name="connsiteY139" fmla="*/ 5022 h 10000"/>
                  <a:gd name="connsiteX140" fmla="*/ 3857 w 10000"/>
                  <a:gd name="connsiteY140" fmla="*/ 4934 h 10000"/>
                  <a:gd name="connsiteX141" fmla="*/ 3884 w 10000"/>
                  <a:gd name="connsiteY141" fmla="*/ 4860 h 10000"/>
                  <a:gd name="connsiteX142" fmla="*/ 3908 w 10000"/>
                  <a:gd name="connsiteY142" fmla="*/ 4697 h 10000"/>
                  <a:gd name="connsiteX143" fmla="*/ 3884 w 10000"/>
                  <a:gd name="connsiteY143" fmla="*/ 4520 h 10000"/>
                  <a:gd name="connsiteX144" fmla="*/ 3807 w 10000"/>
                  <a:gd name="connsiteY144" fmla="*/ 4343 h 10000"/>
                  <a:gd name="connsiteX145" fmla="*/ 3731 w 10000"/>
                  <a:gd name="connsiteY145" fmla="*/ 4195 h 10000"/>
                  <a:gd name="connsiteX146" fmla="*/ 3604 w 10000"/>
                  <a:gd name="connsiteY146" fmla="*/ 4047 h 10000"/>
                  <a:gd name="connsiteX147" fmla="*/ 3477 w 10000"/>
                  <a:gd name="connsiteY147" fmla="*/ 3959 h 10000"/>
                  <a:gd name="connsiteX148" fmla="*/ 3629 w 10000"/>
                  <a:gd name="connsiteY148" fmla="*/ 3944 h 10000"/>
                  <a:gd name="connsiteX149" fmla="*/ 3757 w 10000"/>
                  <a:gd name="connsiteY149" fmla="*/ 3914 h 10000"/>
                  <a:gd name="connsiteX150" fmla="*/ 3857 w 10000"/>
                  <a:gd name="connsiteY150" fmla="*/ 3855 h 10000"/>
                  <a:gd name="connsiteX151" fmla="*/ 3983 w 10000"/>
                  <a:gd name="connsiteY151" fmla="*/ 3752 h 10000"/>
                  <a:gd name="connsiteX152" fmla="*/ 4111 w 10000"/>
                  <a:gd name="connsiteY152" fmla="*/ 3663 h 10000"/>
                  <a:gd name="connsiteX153" fmla="*/ 4213 w 10000"/>
                  <a:gd name="connsiteY153" fmla="*/ 3560 h 10000"/>
                  <a:gd name="connsiteX154" fmla="*/ 4289 w 10000"/>
                  <a:gd name="connsiteY154" fmla="*/ 3442 h 10000"/>
                  <a:gd name="connsiteX155" fmla="*/ 4366 w 10000"/>
                  <a:gd name="connsiteY155" fmla="*/ 3323 h 10000"/>
                  <a:gd name="connsiteX156" fmla="*/ 4416 w 10000"/>
                  <a:gd name="connsiteY156" fmla="*/ 3220 h 10000"/>
                  <a:gd name="connsiteX157" fmla="*/ 4441 w 10000"/>
                  <a:gd name="connsiteY157" fmla="*/ 3102 h 10000"/>
                  <a:gd name="connsiteX158" fmla="*/ 4468 w 10000"/>
                  <a:gd name="connsiteY158" fmla="*/ 3013 h 10000"/>
                  <a:gd name="connsiteX159" fmla="*/ 4441 w 10000"/>
                  <a:gd name="connsiteY159" fmla="*/ 2939 h 10000"/>
                  <a:gd name="connsiteX160" fmla="*/ 4416 w 10000"/>
                  <a:gd name="connsiteY160" fmla="*/ 2866 h 10000"/>
                  <a:gd name="connsiteX161" fmla="*/ 4340 w 10000"/>
                  <a:gd name="connsiteY161" fmla="*/ 2836 h 10000"/>
                  <a:gd name="connsiteX162" fmla="*/ 4239 w 10000"/>
                  <a:gd name="connsiteY162" fmla="*/ 2836 h 10000"/>
                  <a:gd name="connsiteX163" fmla="*/ 4111 w 10000"/>
                  <a:gd name="connsiteY163" fmla="*/ 2866 h 10000"/>
                  <a:gd name="connsiteX164" fmla="*/ 4213 w 10000"/>
                  <a:gd name="connsiteY164" fmla="*/ 2777 h 10000"/>
                  <a:gd name="connsiteX165" fmla="*/ 4265 w 10000"/>
                  <a:gd name="connsiteY165" fmla="*/ 2674 h 10000"/>
                  <a:gd name="connsiteX166" fmla="*/ 4289 w 10000"/>
                  <a:gd name="connsiteY166" fmla="*/ 2541 h 10000"/>
                  <a:gd name="connsiteX167" fmla="*/ 4289 w 10000"/>
                  <a:gd name="connsiteY167" fmla="*/ 2393 h 10000"/>
                  <a:gd name="connsiteX168" fmla="*/ 4314 w 10000"/>
                  <a:gd name="connsiteY168" fmla="*/ 2349 h 10000"/>
                  <a:gd name="connsiteX169" fmla="*/ 4366 w 10000"/>
                  <a:gd name="connsiteY169" fmla="*/ 2304 h 10000"/>
                  <a:gd name="connsiteX170" fmla="*/ 4416 w 10000"/>
                  <a:gd name="connsiteY170" fmla="*/ 2290 h 10000"/>
                  <a:gd name="connsiteX171" fmla="*/ 4493 w 10000"/>
                  <a:gd name="connsiteY171" fmla="*/ 2275 h 10000"/>
                  <a:gd name="connsiteX172" fmla="*/ 4720 w 10000"/>
                  <a:gd name="connsiteY172" fmla="*/ 2260 h 10000"/>
                  <a:gd name="connsiteX173" fmla="*/ 4923 w 10000"/>
                  <a:gd name="connsiteY173" fmla="*/ 2275 h 10000"/>
                  <a:gd name="connsiteX174" fmla="*/ 4898 w 10000"/>
                  <a:gd name="connsiteY174" fmla="*/ 2112 h 10000"/>
                  <a:gd name="connsiteX175" fmla="*/ 4848 w 10000"/>
                  <a:gd name="connsiteY175" fmla="*/ 1950 h 10000"/>
                  <a:gd name="connsiteX176" fmla="*/ 4771 w 10000"/>
                  <a:gd name="connsiteY176" fmla="*/ 1802 h 10000"/>
                  <a:gd name="connsiteX177" fmla="*/ 4671 w 10000"/>
                  <a:gd name="connsiteY177" fmla="*/ 1640 h 10000"/>
                  <a:gd name="connsiteX178" fmla="*/ 4416 w 10000"/>
                  <a:gd name="connsiteY178" fmla="*/ 1329 h 10000"/>
                  <a:gd name="connsiteX179" fmla="*/ 4162 w 10000"/>
                  <a:gd name="connsiteY179" fmla="*/ 1034 h 10000"/>
                  <a:gd name="connsiteX180" fmla="*/ 4035 w 10000"/>
                  <a:gd name="connsiteY180" fmla="*/ 901 h 10000"/>
                  <a:gd name="connsiteX181" fmla="*/ 3935 w 10000"/>
                  <a:gd name="connsiteY181" fmla="*/ 753 h 10000"/>
                  <a:gd name="connsiteX182" fmla="*/ 3857 w 10000"/>
                  <a:gd name="connsiteY182" fmla="*/ 620 h 10000"/>
                  <a:gd name="connsiteX183" fmla="*/ 3832 w 10000"/>
                  <a:gd name="connsiteY183" fmla="*/ 487 h 10000"/>
                  <a:gd name="connsiteX184" fmla="*/ 3807 w 10000"/>
                  <a:gd name="connsiteY184" fmla="*/ 355 h 10000"/>
                  <a:gd name="connsiteX185" fmla="*/ 3857 w 10000"/>
                  <a:gd name="connsiteY185" fmla="*/ 222 h 10000"/>
                  <a:gd name="connsiteX186" fmla="*/ 3884 w 10000"/>
                  <a:gd name="connsiteY186" fmla="*/ 162 h 10000"/>
                  <a:gd name="connsiteX187" fmla="*/ 3935 w 10000"/>
                  <a:gd name="connsiteY187" fmla="*/ 103 h 10000"/>
                  <a:gd name="connsiteX188" fmla="*/ 4011 w 10000"/>
                  <a:gd name="connsiteY188" fmla="*/ 59 h 10000"/>
                  <a:gd name="connsiteX189" fmla="*/ 4111 w 10000"/>
                  <a:gd name="connsiteY189" fmla="*/ 0 h 10000"/>
                  <a:gd name="connsiteX190" fmla="*/ 4289 w 10000"/>
                  <a:gd name="connsiteY190" fmla="*/ 0 h 10000"/>
                  <a:gd name="connsiteX191" fmla="*/ 4468 w 10000"/>
                  <a:gd name="connsiteY191" fmla="*/ 15 h 10000"/>
                  <a:gd name="connsiteX192" fmla="*/ 4644 w 10000"/>
                  <a:gd name="connsiteY192" fmla="*/ 44 h 10000"/>
                  <a:gd name="connsiteX193" fmla="*/ 4771 w 10000"/>
                  <a:gd name="connsiteY193" fmla="*/ 89 h 10000"/>
                  <a:gd name="connsiteX194" fmla="*/ 4975 w 10000"/>
                  <a:gd name="connsiteY194" fmla="*/ 192 h 10000"/>
                  <a:gd name="connsiteX195" fmla="*/ 5177 w 10000"/>
                  <a:gd name="connsiteY195" fmla="*/ 340 h 10000"/>
                  <a:gd name="connsiteX196" fmla="*/ 5329 w 10000"/>
                  <a:gd name="connsiteY196" fmla="*/ 473 h 10000"/>
                  <a:gd name="connsiteX197" fmla="*/ 5532 w 10000"/>
                  <a:gd name="connsiteY197" fmla="*/ 591 h 10000"/>
                  <a:gd name="connsiteX198" fmla="*/ 5660 w 10000"/>
                  <a:gd name="connsiteY198" fmla="*/ 650 h 10000"/>
                  <a:gd name="connsiteX199" fmla="*/ 5812 w 10000"/>
                  <a:gd name="connsiteY199" fmla="*/ 679 h 10000"/>
                  <a:gd name="connsiteX200" fmla="*/ 5965 w 10000"/>
                  <a:gd name="connsiteY200" fmla="*/ 709 h 10000"/>
                  <a:gd name="connsiteX201" fmla="*/ 6168 w 10000"/>
                  <a:gd name="connsiteY201" fmla="*/ 709 h 10000"/>
                  <a:gd name="connsiteX202" fmla="*/ 6168 w 10000"/>
                  <a:gd name="connsiteY202" fmla="*/ 768 h 10000"/>
                  <a:gd name="connsiteX203" fmla="*/ 6193 w 10000"/>
                  <a:gd name="connsiteY203" fmla="*/ 842 h 10000"/>
                  <a:gd name="connsiteX204" fmla="*/ 6243 w 10000"/>
                  <a:gd name="connsiteY204" fmla="*/ 916 h 10000"/>
                  <a:gd name="connsiteX205" fmla="*/ 6294 w 10000"/>
                  <a:gd name="connsiteY205" fmla="*/ 990 h 10000"/>
                  <a:gd name="connsiteX206" fmla="*/ 6369 w 10000"/>
                  <a:gd name="connsiteY206" fmla="*/ 1049 h 10000"/>
                  <a:gd name="connsiteX207" fmla="*/ 6471 w 10000"/>
                  <a:gd name="connsiteY207" fmla="*/ 1108 h 10000"/>
                  <a:gd name="connsiteX208" fmla="*/ 6598 w 10000"/>
                  <a:gd name="connsiteY208" fmla="*/ 1182 h 10000"/>
                  <a:gd name="connsiteX209" fmla="*/ 6700 w 10000"/>
                  <a:gd name="connsiteY209" fmla="*/ 1226 h 10000"/>
                  <a:gd name="connsiteX210" fmla="*/ 6802 w 10000"/>
                  <a:gd name="connsiteY210" fmla="*/ 1270 h 10000"/>
                  <a:gd name="connsiteX211" fmla="*/ 6903 w 10000"/>
                  <a:gd name="connsiteY211" fmla="*/ 1300 h 10000"/>
                  <a:gd name="connsiteX212" fmla="*/ 7005 w 10000"/>
                  <a:gd name="connsiteY212" fmla="*/ 1315 h 10000"/>
                  <a:gd name="connsiteX213" fmla="*/ 7132 w 10000"/>
                  <a:gd name="connsiteY213" fmla="*/ 1300 h 10000"/>
                  <a:gd name="connsiteX214" fmla="*/ 7234 w 10000"/>
                  <a:gd name="connsiteY214" fmla="*/ 1285 h 10000"/>
                  <a:gd name="connsiteX215" fmla="*/ 7309 w 10000"/>
                  <a:gd name="connsiteY215" fmla="*/ 1241 h 10000"/>
                  <a:gd name="connsiteX216" fmla="*/ 7361 w 10000"/>
                  <a:gd name="connsiteY216" fmla="*/ 1167 h 10000"/>
                  <a:gd name="connsiteX217" fmla="*/ 7385 w 10000"/>
                  <a:gd name="connsiteY217" fmla="*/ 1064 h 10000"/>
                  <a:gd name="connsiteX218" fmla="*/ 7766 w 10000"/>
                  <a:gd name="connsiteY218" fmla="*/ 1034 h 10000"/>
                  <a:gd name="connsiteX219" fmla="*/ 8121 w 10000"/>
                  <a:gd name="connsiteY219" fmla="*/ 1004 h 10000"/>
                  <a:gd name="connsiteX220" fmla="*/ 8427 w 10000"/>
                  <a:gd name="connsiteY220" fmla="*/ 990 h 10000"/>
                  <a:gd name="connsiteX221" fmla="*/ 8706 w 10000"/>
                  <a:gd name="connsiteY221" fmla="*/ 1004 h 10000"/>
                  <a:gd name="connsiteX222" fmla="*/ 8833 w 10000"/>
                  <a:gd name="connsiteY222" fmla="*/ 1019 h 10000"/>
                  <a:gd name="connsiteX223" fmla="*/ 8958 w 10000"/>
                  <a:gd name="connsiteY223" fmla="*/ 1034 h 10000"/>
                  <a:gd name="connsiteX224" fmla="*/ 9061 w 10000"/>
                  <a:gd name="connsiteY224" fmla="*/ 1064 h 10000"/>
                  <a:gd name="connsiteX225" fmla="*/ 9188 w 10000"/>
                  <a:gd name="connsiteY225" fmla="*/ 1108 h 10000"/>
                  <a:gd name="connsiteX226" fmla="*/ 9264 w 10000"/>
                  <a:gd name="connsiteY226" fmla="*/ 1182 h 10000"/>
                  <a:gd name="connsiteX227" fmla="*/ 9339 w 10000"/>
                  <a:gd name="connsiteY227" fmla="*/ 1241 h 10000"/>
                  <a:gd name="connsiteX228" fmla="*/ 9391 w 10000"/>
                  <a:gd name="connsiteY228" fmla="*/ 1329 h 10000"/>
                  <a:gd name="connsiteX229" fmla="*/ 9442 w 10000"/>
                  <a:gd name="connsiteY229" fmla="*/ 1433 h 10000"/>
                  <a:gd name="connsiteX230" fmla="*/ 9492 w 10000"/>
                  <a:gd name="connsiteY230" fmla="*/ 1551 h 10000"/>
                  <a:gd name="connsiteX231" fmla="*/ 9466 w 10000"/>
                  <a:gd name="connsiteY231" fmla="*/ 1625 h 10000"/>
                  <a:gd name="connsiteX232" fmla="*/ 9442 w 10000"/>
                  <a:gd name="connsiteY232" fmla="*/ 1684 h 10000"/>
                  <a:gd name="connsiteX233" fmla="*/ 9391 w 10000"/>
                  <a:gd name="connsiteY233" fmla="*/ 1758 h 10000"/>
                  <a:gd name="connsiteX234" fmla="*/ 9315 w 10000"/>
                  <a:gd name="connsiteY234" fmla="*/ 1802 h 10000"/>
                  <a:gd name="connsiteX235" fmla="*/ 9264 w 10000"/>
                  <a:gd name="connsiteY235" fmla="*/ 1861 h 10000"/>
                  <a:gd name="connsiteX236" fmla="*/ 9240 w 10000"/>
                  <a:gd name="connsiteY236" fmla="*/ 1935 h 10000"/>
                  <a:gd name="connsiteX237" fmla="*/ 9264 w 10000"/>
                  <a:gd name="connsiteY237" fmla="*/ 2024 h 10000"/>
                  <a:gd name="connsiteX238" fmla="*/ 9543 w 10000"/>
                  <a:gd name="connsiteY238" fmla="*/ 2157 h 10000"/>
                  <a:gd name="connsiteX239" fmla="*/ 9873 w 10000"/>
                  <a:gd name="connsiteY239" fmla="*/ 2275 h 10000"/>
                  <a:gd name="connsiteX240" fmla="*/ 10000 w 10000"/>
                  <a:gd name="connsiteY240" fmla="*/ 2349 h 10000"/>
                  <a:gd name="connsiteX0" fmla="*/ 9415 w 10000"/>
                  <a:gd name="connsiteY0" fmla="*/ 3117 h 10000"/>
                  <a:gd name="connsiteX1" fmla="*/ 9442 w 10000"/>
                  <a:gd name="connsiteY1" fmla="*/ 3072 h 10000"/>
                  <a:gd name="connsiteX2" fmla="*/ 9466 w 10000"/>
                  <a:gd name="connsiteY2" fmla="*/ 3013 h 10000"/>
                  <a:gd name="connsiteX3" fmla="*/ 9466 w 10000"/>
                  <a:gd name="connsiteY3" fmla="*/ 2954 h 10000"/>
                  <a:gd name="connsiteX4" fmla="*/ 9442 w 10000"/>
                  <a:gd name="connsiteY4" fmla="*/ 2866 h 10000"/>
                  <a:gd name="connsiteX5" fmla="*/ 6345 w 10000"/>
                  <a:gd name="connsiteY5" fmla="*/ 4003 h 10000"/>
                  <a:gd name="connsiteX6" fmla="*/ 5938 w 10000"/>
                  <a:gd name="connsiteY6" fmla="*/ 4195 h 10000"/>
                  <a:gd name="connsiteX7" fmla="*/ 6421 w 10000"/>
                  <a:gd name="connsiteY7" fmla="*/ 5318 h 10000"/>
                  <a:gd name="connsiteX8" fmla="*/ 6447 w 10000"/>
                  <a:gd name="connsiteY8" fmla="*/ 5539 h 10000"/>
                  <a:gd name="connsiteX9" fmla="*/ 6471 w 10000"/>
                  <a:gd name="connsiteY9" fmla="*/ 5775 h 10000"/>
                  <a:gd name="connsiteX10" fmla="*/ 6471 w 10000"/>
                  <a:gd name="connsiteY10" fmla="*/ 5997 h 10000"/>
                  <a:gd name="connsiteX11" fmla="*/ 6447 w 10000"/>
                  <a:gd name="connsiteY11" fmla="*/ 6233 h 10000"/>
                  <a:gd name="connsiteX12" fmla="*/ 6396 w 10000"/>
                  <a:gd name="connsiteY12" fmla="*/ 6470 h 10000"/>
                  <a:gd name="connsiteX13" fmla="*/ 6345 w 10000"/>
                  <a:gd name="connsiteY13" fmla="*/ 6677 h 10000"/>
                  <a:gd name="connsiteX14" fmla="*/ 6269 w 10000"/>
                  <a:gd name="connsiteY14" fmla="*/ 6898 h 10000"/>
                  <a:gd name="connsiteX15" fmla="*/ 6168 w 10000"/>
                  <a:gd name="connsiteY15" fmla="*/ 7105 h 10000"/>
                  <a:gd name="connsiteX16" fmla="*/ 6041 w 10000"/>
                  <a:gd name="connsiteY16" fmla="*/ 7297 h 10000"/>
                  <a:gd name="connsiteX17" fmla="*/ 5888 w 10000"/>
                  <a:gd name="connsiteY17" fmla="*/ 7489 h 10000"/>
                  <a:gd name="connsiteX18" fmla="*/ 5735 w 10000"/>
                  <a:gd name="connsiteY18" fmla="*/ 7681 h 10000"/>
                  <a:gd name="connsiteX19" fmla="*/ 6471 w 10000"/>
                  <a:gd name="connsiteY19" fmla="*/ 7799 h 10000"/>
                  <a:gd name="connsiteX20" fmla="*/ 7234 w 10000"/>
                  <a:gd name="connsiteY20" fmla="*/ 7962 h 10000"/>
                  <a:gd name="connsiteX21" fmla="*/ 7385 w 10000"/>
                  <a:gd name="connsiteY21" fmla="*/ 8021 h 10000"/>
                  <a:gd name="connsiteX22" fmla="*/ 7512 w 10000"/>
                  <a:gd name="connsiteY22" fmla="*/ 8080 h 10000"/>
                  <a:gd name="connsiteX23" fmla="*/ 7639 w 10000"/>
                  <a:gd name="connsiteY23" fmla="*/ 8139 h 10000"/>
                  <a:gd name="connsiteX24" fmla="*/ 7716 w 10000"/>
                  <a:gd name="connsiteY24" fmla="*/ 8227 h 10000"/>
                  <a:gd name="connsiteX25" fmla="*/ 7741 w 10000"/>
                  <a:gd name="connsiteY25" fmla="*/ 8301 h 10000"/>
                  <a:gd name="connsiteX26" fmla="*/ 7741 w 10000"/>
                  <a:gd name="connsiteY26" fmla="*/ 8405 h 10000"/>
                  <a:gd name="connsiteX27" fmla="*/ 7691 w 10000"/>
                  <a:gd name="connsiteY27" fmla="*/ 8523 h 10000"/>
                  <a:gd name="connsiteX28" fmla="*/ 7614 w 10000"/>
                  <a:gd name="connsiteY28" fmla="*/ 8641 h 10000"/>
                  <a:gd name="connsiteX29" fmla="*/ 7284 w 10000"/>
                  <a:gd name="connsiteY29" fmla="*/ 8552 h 10000"/>
                  <a:gd name="connsiteX30" fmla="*/ 6979 w 10000"/>
                  <a:gd name="connsiteY30" fmla="*/ 8449 h 10000"/>
                  <a:gd name="connsiteX31" fmla="*/ 6674 w 10000"/>
                  <a:gd name="connsiteY31" fmla="*/ 8360 h 10000"/>
                  <a:gd name="connsiteX32" fmla="*/ 6369 w 10000"/>
                  <a:gd name="connsiteY32" fmla="*/ 8287 h 10000"/>
                  <a:gd name="connsiteX33" fmla="*/ 6243 w 10000"/>
                  <a:gd name="connsiteY33" fmla="*/ 8449 h 10000"/>
                  <a:gd name="connsiteX34" fmla="*/ 6143 w 10000"/>
                  <a:gd name="connsiteY34" fmla="*/ 8597 h 10000"/>
                  <a:gd name="connsiteX35" fmla="*/ 6091 w 10000"/>
                  <a:gd name="connsiteY35" fmla="*/ 8656 h 10000"/>
                  <a:gd name="connsiteX36" fmla="*/ 5989 w 10000"/>
                  <a:gd name="connsiteY36" fmla="*/ 8700 h 10000"/>
                  <a:gd name="connsiteX37" fmla="*/ 5914 w 10000"/>
                  <a:gd name="connsiteY37" fmla="*/ 8744 h 10000"/>
                  <a:gd name="connsiteX38" fmla="*/ 5838 w 10000"/>
                  <a:gd name="connsiteY38" fmla="*/ 8774 h 10000"/>
                  <a:gd name="connsiteX39" fmla="*/ 5761 w 10000"/>
                  <a:gd name="connsiteY39" fmla="*/ 8804 h 10000"/>
                  <a:gd name="connsiteX40" fmla="*/ 5660 w 10000"/>
                  <a:gd name="connsiteY40" fmla="*/ 8818 h 10000"/>
                  <a:gd name="connsiteX41" fmla="*/ 5532 w 10000"/>
                  <a:gd name="connsiteY41" fmla="*/ 8833 h 10000"/>
                  <a:gd name="connsiteX42" fmla="*/ 5406 w 10000"/>
                  <a:gd name="connsiteY42" fmla="*/ 8833 h 10000"/>
                  <a:gd name="connsiteX43" fmla="*/ 5102 w 10000"/>
                  <a:gd name="connsiteY43" fmla="*/ 8818 h 10000"/>
                  <a:gd name="connsiteX44" fmla="*/ 4720 w 10000"/>
                  <a:gd name="connsiteY44" fmla="*/ 8744 h 10000"/>
                  <a:gd name="connsiteX45" fmla="*/ 4720 w 10000"/>
                  <a:gd name="connsiteY45" fmla="*/ 8922 h 10000"/>
                  <a:gd name="connsiteX46" fmla="*/ 4695 w 10000"/>
                  <a:gd name="connsiteY46" fmla="*/ 9069 h 10000"/>
                  <a:gd name="connsiteX47" fmla="*/ 4671 w 10000"/>
                  <a:gd name="connsiteY47" fmla="*/ 9232 h 10000"/>
                  <a:gd name="connsiteX48" fmla="*/ 4644 w 10000"/>
                  <a:gd name="connsiteY48" fmla="*/ 9365 h 10000"/>
                  <a:gd name="connsiteX49" fmla="*/ 4593 w 10000"/>
                  <a:gd name="connsiteY49" fmla="*/ 9498 h 10000"/>
                  <a:gd name="connsiteX50" fmla="*/ 4493 w 10000"/>
                  <a:gd name="connsiteY50" fmla="*/ 9616 h 10000"/>
                  <a:gd name="connsiteX51" fmla="*/ 4416 w 10000"/>
                  <a:gd name="connsiteY51" fmla="*/ 9734 h 10000"/>
                  <a:gd name="connsiteX52" fmla="*/ 4289 w 10000"/>
                  <a:gd name="connsiteY52" fmla="*/ 9838 h 10000"/>
                  <a:gd name="connsiteX53" fmla="*/ 3983 w 10000"/>
                  <a:gd name="connsiteY53" fmla="*/ 9897 h 10000"/>
                  <a:gd name="connsiteX54" fmla="*/ 3731 w 10000"/>
                  <a:gd name="connsiteY54" fmla="*/ 9941 h 10000"/>
                  <a:gd name="connsiteX55" fmla="*/ 3426 w 10000"/>
                  <a:gd name="connsiteY55" fmla="*/ 9985 h 10000"/>
                  <a:gd name="connsiteX56" fmla="*/ 3198 w 10000"/>
                  <a:gd name="connsiteY56" fmla="*/ 10000 h 10000"/>
                  <a:gd name="connsiteX57" fmla="*/ 2690 w 10000"/>
                  <a:gd name="connsiteY57" fmla="*/ 10000 h 10000"/>
                  <a:gd name="connsiteX58" fmla="*/ 2208 w 10000"/>
                  <a:gd name="connsiteY58" fmla="*/ 9985 h 10000"/>
                  <a:gd name="connsiteX59" fmla="*/ 1752 w 10000"/>
                  <a:gd name="connsiteY59" fmla="*/ 9941 h 10000"/>
                  <a:gd name="connsiteX60" fmla="*/ 1270 w 10000"/>
                  <a:gd name="connsiteY60" fmla="*/ 9911 h 10000"/>
                  <a:gd name="connsiteX61" fmla="*/ 990 w 10000"/>
                  <a:gd name="connsiteY61" fmla="*/ 9911 h 10000"/>
                  <a:gd name="connsiteX62" fmla="*/ 736 w 10000"/>
                  <a:gd name="connsiteY62" fmla="*/ 9911 h 10000"/>
                  <a:gd name="connsiteX63" fmla="*/ 457 w 10000"/>
                  <a:gd name="connsiteY63" fmla="*/ 9926 h 10000"/>
                  <a:gd name="connsiteX64" fmla="*/ 178 w 10000"/>
                  <a:gd name="connsiteY64" fmla="*/ 9970 h 10000"/>
                  <a:gd name="connsiteX65" fmla="*/ 102 w 10000"/>
                  <a:gd name="connsiteY65" fmla="*/ 9867 h 10000"/>
                  <a:gd name="connsiteX66" fmla="*/ 51 w 10000"/>
                  <a:gd name="connsiteY66" fmla="*/ 9793 h 10000"/>
                  <a:gd name="connsiteX67" fmla="*/ 0 w 10000"/>
                  <a:gd name="connsiteY67" fmla="*/ 9705 h 10000"/>
                  <a:gd name="connsiteX68" fmla="*/ 0 w 10000"/>
                  <a:gd name="connsiteY68" fmla="*/ 9601 h 10000"/>
                  <a:gd name="connsiteX69" fmla="*/ 51 w 10000"/>
                  <a:gd name="connsiteY69" fmla="*/ 9424 h 10000"/>
                  <a:gd name="connsiteX70" fmla="*/ 102 w 10000"/>
                  <a:gd name="connsiteY70" fmla="*/ 9202 h 10000"/>
                  <a:gd name="connsiteX71" fmla="*/ 151 w 10000"/>
                  <a:gd name="connsiteY71" fmla="*/ 8996 h 10000"/>
                  <a:gd name="connsiteX72" fmla="*/ 203 w 10000"/>
                  <a:gd name="connsiteY72" fmla="*/ 8759 h 10000"/>
                  <a:gd name="connsiteX73" fmla="*/ 228 w 10000"/>
                  <a:gd name="connsiteY73" fmla="*/ 8641 h 10000"/>
                  <a:gd name="connsiteX74" fmla="*/ 228 w 10000"/>
                  <a:gd name="connsiteY74" fmla="*/ 8538 h 10000"/>
                  <a:gd name="connsiteX75" fmla="*/ 203 w 10000"/>
                  <a:gd name="connsiteY75" fmla="*/ 8405 h 10000"/>
                  <a:gd name="connsiteX76" fmla="*/ 178 w 10000"/>
                  <a:gd name="connsiteY76" fmla="*/ 8287 h 10000"/>
                  <a:gd name="connsiteX77" fmla="*/ 431 w 10000"/>
                  <a:gd name="connsiteY77" fmla="*/ 8213 h 10000"/>
                  <a:gd name="connsiteX78" fmla="*/ 685 w 10000"/>
                  <a:gd name="connsiteY78" fmla="*/ 8139 h 10000"/>
                  <a:gd name="connsiteX79" fmla="*/ 939 w 10000"/>
                  <a:gd name="connsiteY79" fmla="*/ 8095 h 10000"/>
                  <a:gd name="connsiteX80" fmla="*/ 1218 w 10000"/>
                  <a:gd name="connsiteY80" fmla="*/ 8065 h 10000"/>
                  <a:gd name="connsiteX81" fmla="*/ 1725 w 10000"/>
                  <a:gd name="connsiteY81" fmla="*/ 8021 h 10000"/>
                  <a:gd name="connsiteX82" fmla="*/ 2234 w 10000"/>
                  <a:gd name="connsiteY82" fmla="*/ 7976 h 10000"/>
                  <a:gd name="connsiteX83" fmla="*/ 2462 w 10000"/>
                  <a:gd name="connsiteY83" fmla="*/ 7947 h 10000"/>
                  <a:gd name="connsiteX84" fmla="*/ 2690 w 10000"/>
                  <a:gd name="connsiteY84" fmla="*/ 7917 h 10000"/>
                  <a:gd name="connsiteX85" fmla="*/ 2892 w 10000"/>
                  <a:gd name="connsiteY85" fmla="*/ 7843 h 10000"/>
                  <a:gd name="connsiteX86" fmla="*/ 3096 w 10000"/>
                  <a:gd name="connsiteY86" fmla="*/ 7784 h 10000"/>
                  <a:gd name="connsiteX87" fmla="*/ 3274 w 10000"/>
                  <a:gd name="connsiteY87" fmla="*/ 7710 h 10000"/>
                  <a:gd name="connsiteX88" fmla="*/ 3426 w 10000"/>
                  <a:gd name="connsiteY88" fmla="*/ 7592 h 10000"/>
                  <a:gd name="connsiteX89" fmla="*/ 3579 w 10000"/>
                  <a:gd name="connsiteY89" fmla="*/ 7474 h 10000"/>
                  <a:gd name="connsiteX90" fmla="*/ 3680 w 10000"/>
                  <a:gd name="connsiteY90" fmla="*/ 7312 h 10000"/>
                  <a:gd name="connsiteX91" fmla="*/ 3477 w 10000"/>
                  <a:gd name="connsiteY91" fmla="*/ 7238 h 10000"/>
                  <a:gd name="connsiteX92" fmla="*/ 3299 w 10000"/>
                  <a:gd name="connsiteY92" fmla="*/ 7179 h 10000"/>
                  <a:gd name="connsiteX93" fmla="*/ 3147 w 10000"/>
                  <a:gd name="connsiteY93" fmla="*/ 7090 h 10000"/>
                  <a:gd name="connsiteX94" fmla="*/ 2995 w 10000"/>
                  <a:gd name="connsiteY94" fmla="*/ 6987 h 10000"/>
                  <a:gd name="connsiteX95" fmla="*/ 2892 w 10000"/>
                  <a:gd name="connsiteY95" fmla="*/ 6869 h 10000"/>
                  <a:gd name="connsiteX96" fmla="*/ 2843 w 10000"/>
                  <a:gd name="connsiteY96" fmla="*/ 6721 h 10000"/>
                  <a:gd name="connsiteX97" fmla="*/ 2817 w 10000"/>
                  <a:gd name="connsiteY97" fmla="*/ 6558 h 10000"/>
                  <a:gd name="connsiteX98" fmla="*/ 2843 w 10000"/>
                  <a:gd name="connsiteY98" fmla="*/ 6352 h 10000"/>
                  <a:gd name="connsiteX99" fmla="*/ 2716 w 10000"/>
                  <a:gd name="connsiteY99" fmla="*/ 6322 h 10000"/>
                  <a:gd name="connsiteX100" fmla="*/ 2564 w 10000"/>
                  <a:gd name="connsiteY100" fmla="*/ 6292 h 10000"/>
                  <a:gd name="connsiteX101" fmla="*/ 2386 w 10000"/>
                  <a:gd name="connsiteY101" fmla="*/ 6278 h 10000"/>
                  <a:gd name="connsiteX102" fmla="*/ 2208 w 10000"/>
                  <a:gd name="connsiteY102" fmla="*/ 6263 h 10000"/>
                  <a:gd name="connsiteX103" fmla="*/ 1853 w 10000"/>
                  <a:gd name="connsiteY103" fmla="*/ 6248 h 10000"/>
                  <a:gd name="connsiteX104" fmla="*/ 1472 w 10000"/>
                  <a:gd name="connsiteY104" fmla="*/ 6263 h 10000"/>
                  <a:gd name="connsiteX105" fmla="*/ 1143 w 10000"/>
                  <a:gd name="connsiteY105" fmla="*/ 6278 h 10000"/>
                  <a:gd name="connsiteX106" fmla="*/ 837 w 10000"/>
                  <a:gd name="connsiteY106" fmla="*/ 6278 h 10000"/>
                  <a:gd name="connsiteX107" fmla="*/ 585 w 10000"/>
                  <a:gd name="connsiteY107" fmla="*/ 6263 h 10000"/>
                  <a:gd name="connsiteX108" fmla="*/ 381 w 10000"/>
                  <a:gd name="connsiteY108" fmla="*/ 6233 h 10000"/>
                  <a:gd name="connsiteX109" fmla="*/ 633 w 10000"/>
                  <a:gd name="connsiteY109" fmla="*/ 5805 h 10000"/>
                  <a:gd name="connsiteX110" fmla="*/ 914 w 10000"/>
                  <a:gd name="connsiteY110" fmla="*/ 5391 h 10000"/>
                  <a:gd name="connsiteX111" fmla="*/ 1016 w 10000"/>
                  <a:gd name="connsiteY111" fmla="*/ 5170 h 10000"/>
                  <a:gd name="connsiteX112" fmla="*/ 1091 w 10000"/>
                  <a:gd name="connsiteY112" fmla="*/ 4963 h 10000"/>
                  <a:gd name="connsiteX113" fmla="*/ 1116 w 10000"/>
                  <a:gd name="connsiteY113" fmla="*/ 4860 h 10000"/>
                  <a:gd name="connsiteX114" fmla="*/ 1091 w 10000"/>
                  <a:gd name="connsiteY114" fmla="*/ 4756 h 10000"/>
                  <a:gd name="connsiteX115" fmla="*/ 1066 w 10000"/>
                  <a:gd name="connsiteY115" fmla="*/ 4653 h 10000"/>
                  <a:gd name="connsiteX116" fmla="*/ 990 w 10000"/>
                  <a:gd name="connsiteY116" fmla="*/ 4549 h 10000"/>
                  <a:gd name="connsiteX117" fmla="*/ 1270 w 10000"/>
                  <a:gd name="connsiteY117" fmla="*/ 4520 h 10000"/>
                  <a:gd name="connsiteX118" fmla="*/ 1472 w 10000"/>
                  <a:gd name="connsiteY118" fmla="*/ 4505 h 10000"/>
                  <a:gd name="connsiteX119" fmla="*/ 1650 w 10000"/>
                  <a:gd name="connsiteY119" fmla="*/ 4505 h 10000"/>
                  <a:gd name="connsiteX120" fmla="*/ 1802 w 10000"/>
                  <a:gd name="connsiteY120" fmla="*/ 4520 h 10000"/>
                  <a:gd name="connsiteX121" fmla="*/ 1929 w 10000"/>
                  <a:gd name="connsiteY121" fmla="*/ 4520 h 10000"/>
                  <a:gd name="connsiteX122" fmla="*/ 2081 w 10000"/>
                  <a:gd name="connsiteY122" fmla="*/ 4520 h 10000"/>
                  <a:gd name="connsiteX123" fmla="*/ 2234 w 10000"/>
                  <a:gd name="connsiteY123" fmla="*/ 4490 h 10000"/>
                  <a:gd name="connsiteX124" fmla="*/ 2436 w 10000"/>
                  <a:gd name="connsiteY124" fmla="*/ 4446 h 10000"/>
                  <a:gd name="connsiteX125" fmla="*/ 2436 w 10000"/>
                  <a:gd name="connsiteY125" fmla="*/ 4579 h 10000"/>
                  <a:gd name="connsiteX126" fmla="*/ 2436 w 10000"/>
                  <a:gd name="connsiteY126" fmla="*/ 4742 h 10000"/>
                  <a:gd name="connsiteX127" fmla="*/ 2436 w 10000"/>
                  <a:gd name="connsiteY127" fmla="*/ 4874 h 10000"/>
                  <a:gd name="connsiteX128" fmla="*/ 2436 w 10000"/>
                  <a:gd name="connsiteY128" fmla="*/ 5037 h 10000"/>
                  <a:gd name="connsiteX129" fmla="*/ 2665 w 10000"/>
                  <a:gd name="connsiteY129" fmla="*/ 5022 h 10000"/>
                  <a:gd name="connsiteX130" fmla="*/ 2817 w 10000"/>
                  <a:gd name="connsiteY130" fmla="*/ 5037 h 10000"/>
                  <a:gd name="connsiteX131" fmla="*/ 2944 w 10000"/>
                  <a:gd name="connsiteY131" fmla="*/ 5066 h 10000"/>
                  <a:gd name="connsiteX132" fmla="*/ 3071 w 10000"/>
                  <a:gd name="connsiteY132" fmla="*/ 5096 h 10000"/>
                  <a:gd name="connsiteX133" fmla="*/ 3173 w 10000"/>
                  <a:gd name="connsiteY133" fmla="*/ 5126 h 10000"/>
                  <a:gd name="connsiteX134" fmla="*/ 3299 w 10000"/>
                  <a:gd name="connsiteY134" fmla="*/ 5155 h 10000"/>
                  <a:gd name="connsiteX135" fmla="*/ 3452 w 10000"/>
                  <a:gd name="connsiteY135" fmla="*/ 5170 h 10000"/>
                  <a:gd name="connsiteX136" fmla="*/ 3680 w 10000"/>
                  <a:gd name="connsiteY136" fmla="*/ 5155 h 10000"/>
                  <a:gd name="connsiteX137" fmla="*/ 3757 w 10000"/>
                  <a:gd name="connsiteY137" fmla="*/ 5096 h 10000"/>
                  <a:gd name="connsiteX138" fmla="*/ 3832 w 10000"/>
                  <a:gd name="connsiteY138" fmla="*/ 5022 h 10000"/>
                  <a:gd name="connsiteX139" fmla="*/ 3857 w 10000"/>
                  <a:gd name="connsiteY139" fmla="*/ 4934 h 10000"/>
                  <a:gd name="connsiteX140" fmla="*/ 3884 w 10000"/>
                  <a:gd name="connsiteY140" fmla="*/ 4860 h 10000"/>
                  <a:gd name="connsiteX141" fmla="*/ 3908 w 10000"/>
                  <a:gd name="connsiteY141" fmla="*/ 4697 h 10000"/>
                  <a:gd name="connsiteX142" fmla="*/ 3884 w 10000"/>
                  <a:gd name="connsiteY142" fmla="*/ 4520 h 10000"/>
                  <a:gd name="connsiteX143" fmla="*/ 3807 w 10000"/>
                  <a:gd name="connsiteY143" fmla="*/ 4343 h 10000"/>
                  <a:gd name="connsiteX144" fmla="*/ 3731 w 10000"/>
                  <a:gd name="connsiteY144" fmla="*/ 4195 h 10000"/>
                  <a:gd name="connsiteX145" fmla="*/ 3604 w 10000"/>
                  <a:gd name="connsiteY145" fmla="*/ 4047 h 10000"/>
                  <a:gd name="connsiteX146" fmla="*/ 3477 w 10000"/>
                  <a:gd name="connsiteY146" fmla="*/ 3959 h 10000"/>
                  <a:gd name="connsiteX147" fmla="*/ 3629 w 10000"/>
                  <a:gd name="connsiteY147" fmla="*/ 3944 h 10000"/>
                  <a:gd name="connsiteX148" fmla="*/ 3757 w 10000"/>
                  <a:gd name="connsiteY148" fmla="*/ 3914 h 10000"/>
                  <a:gd name="connsiteX149" fmla="*/ 3857 w 10000"/>
                  <a:gd name="connsiteY149" fmla="*/ 3855 h 10000"/>
                  <a:gd name="connsiteX150" fmla="*/ 3983 w 10000"/>
                  <a:gd name="connsiteY150" fmla="*/ 3752 h 10000"/>
                  <a:gd name="connsiteX151" fmla="*/ 4111 w 10000"/>
                  <a:gd name="connsiteY151" fmla="*/ 3663 h 10000"/>
                  <a:gd name="connsiteX152" fmla="*/ 4213 w 10000"/>
                  <a:gd name="connsiteY152" fmla="*/ 3560 h 10000"/>
                  <a:gd name="connsiteX153" fmla="*/ 4289 w 10000"/>
                  <a:gd name="connsiteY153" fmla="*/ 3442 h 10000"/>
                  <a:gd name="connsiteX154" fmla="*/ 4366 w 10000"/>
                  <a:gd name="connsiteY154" fmla="*/ 3323 h 10000"/>
                  <a:gd name="connsiteX155" fmla="*/ 4416 w 10000"/>
                  <a:gd name="connsiteY155" fmla="*/ 3220 h 10000"/>
                  <a:gd name="connsiteX156" fmla="*/ 4441 w 10000"/>
                  <a:gd name="connsiteY156" fmla="*/ 3102 h 10000"/>
                  <a:gd name="connsiteX157" fmla="*/ 4468 w 10000"/>
                  <a:gd name="connsiteY157" fmla="*/ 3013 h 10000"/>
                  <a:gd name="connsiteX158" fmla="*/ 4441 w 10000"/>
                  <a:gd name="connsiteY158" fmla="*/ 2939 h 10000"/>
                  <a:gd name="connsiteX159" fmla="*/ 4416 w 10000"/>
                  <a:gd name="connsiteY159" fmla="*/ 2866 h 10000"/>
                  <a:gd name="connsiteX160" fmla="*/ 4340 w 10000"/>
                  <a:gd name="connsiteY160" fmla="*/ 2836 h 10000"/>
                  <a:gd name="connsiteX161" fmla="*/ 4239 w 10000"/>
                  <a:gd name="connsiteY161" fmla="*/ 2836 h 10000"/>
                  <a:gd name="connsiteX162" fmla="*/ 4111 w 10000"/>
                  <a:gd name="connsiteY162" fmla="*/ 2866 h 10000"/>
                  <a:gd name="connsiteX163" fmla="*/ 4213 w 10000"/>
                  <a:gd name="connsiteY163" fmla="*/ 2777 h 10000"/>
                  <a:gd name="connsiteX164" fmla="*/ 4265 w 10000"/>
                  <a:gd name="connsiteY164" fmla="*/ 2674 h 10000"/>
                  <a:gd name="connsiteX165" fmla="*/ 4289 w 10000"/>
                  <a:gd name="connsiteY165" fmla="*/ 2541 h 10000"/>
                  <a:gd name="connsiteX166" fmla="*/ 4289 w 10000"/>
                  <a:gd name="connsiteY166" fmla="*/ 2393 h 10000"/>
                  <a:gd name="connsiteX167" fmla="*/ 4314 w 10000"/>
                  <a:gd name="connsiteY167" fmla="*/ 2349 h 10000"/>
                  <a:gd name="connsiteX168" fmla="*/ 4366 w 10000"/>
                  <a:gd name="connsiteY168" fmla="*/ 2304 h 10000"/>
                  <a:gd name="connsiteX169" fmla="*/ 4416 w 10000"/>
                  <a:gd name="connsiteY169" fmla="*/ 2290 h 10000"/>
                  <a:gd name="connsiteX170" fmla="*/ 4493 w 10000"/>
                  <a:gd name="connsiteY170" fmla="*/ 2275 h 10000"/>
                  <a:gd name="connsiteX171" fmla="*/ 4720 w 10000"/>
                  <a:gd name="connsiteY171" fmla="*/ 2260 h 10000"/>
                  <a:gd name="connsiteX172" fmla="*/ 4923 w 10000"/>
                  <a:gd name="connsiteY172" fmla="*/ 2275 h 10000"/>
                  <a:gd name="connsiteX173" fmla="*/ 4898 w 10000"/>
                  <a:gd name="connsiteY173" fmla="*/ 2112 h 10000"/>
                  <a:gd name="connsiteX174" fmla="*/ 4848 w 10000"/>
                  <a:gd name="connsiteY174" fmla="*/ 1950 h 10000"/>
                  <a:gd name="connsiteX175" fmla="*/ 4771 w 10000"/>
                  <a:gd name="connsiteY175" fmla="*/ 1802 h 10000"/>
                  <a:gd name="connsiteX176" fmla="*/ 4671 w 10000"/>
                  <a:gd name="connsiteY176" fmla="*/ 1640 h 10000"/>
                  <a:gd name="connsiteX177" fmla="*/ 4416 w 10000"/>
                  <a:gd name="connsiteY177" fmla="*/ 1329 h 10000"/>
                  <a:gd name="connsiteX178" fmla="*/ 4162 w 10000"/>
                  <a:gd name="connsiteY178" fmla="*/ 1034 h 10000"/>
                  <a:gd name="connsiteX179" fmla="*/ 4035 w 10000"/>
                  <a:gd name="connsiteY179" fmla="*/ 901 h 10000"/>
                  <a:gd name="connsiteX180" fmla="*/ 3935 w 10000"/>
                  <a:gd name="connsiteY180" fmla="*/ 753 h 10000"/>
                  <a:gd name="connsiteX181" fmla="*/ 3857 w 10000"/>
                  <a:gd name="connsiteY181" fmla="*/ 620 h 10000"/>
                  <a:gd name="connsiteX182" fmla="*/ 3832 w 10000"/>
                  <a:gd name="connsiteY182" fmla="*/ 487 h 10000"/>
                  <a:gd name="connsiteX183" fmla="*/ 3807 w 10000"/>
                  <a:gd name="connsiteY183" fmla="*/ 355 h 10000"/>
                  <a:gd name="connsiteX184" fmla="*/ 3857 w 10000"/>
                  <a:gd name="connsiteY184" fmla="*/ 222 h 10000"/>
                  <a:gd name="connsiteX185" fmla="*/ 3884 w 10000"/>
                  <a:gd name="connsiteY185" fmla="*/ 162 h 10000"/>
                  <a:gd name="connsiteX186" fmla="*/ 3935 w 10000"/>
                  <a:gd name="connsiteY186" fmla="*/ 103 h 10000"/>
                  <a:gd name="connsiteX187" fmla="*/ 4011 w 10000"/>
                  <a:gd name="connsiteY187" fmla="*/ 59 h 10000"/>
                  <a:gd name="connsiteX188" fmla="*/ 4111 w 10000"/>
                  <a:gd name="connsiteY188" fmla="*/ 0 h 10000"/>
                  <a:gd name="connsiteX189" fmla="*/ 4289 w 10000"/>
                  <a:gd name="connsiteY189" fmla="*/ 0 h 10000"/>
                  <a:gd name="connsiteX190" fmla="*/ 4468 w 10000"/>
                  <a:gd name="connsiteY190" fmla="*/ 15 h 10000"/>
                  <a:gd name="connsiteX191" fmla="*/ 4644 w 10000"/>
                  <a:gd name="connsiteY191" fmla="*/ 44 h 10000"/>
                  <a:gd name="connsiteX192" fmla="*/ 4771 w 10000"/>
                  <a:gd name="connsiteY192" fmla="*/ 89 h 10000"/>
                  <a:gd name="connsiteX193" fmla="*/ 4975 w 10000"/>
                  <a:gd name="connsiteY193" fmla="*/ 192 h 10000"/>
                  <a:gd name="connsiteX194" fmla="*/ 5177 w 10000"/>
                  <a:gd name="connsiteY194" fmla="*/ 340 h 10000"/>
                  <a:gd name="connsiteX195" fmla="*/ 5329 w 10000"/>
                  <a:gd name="connsiteY195" fmla="*/ 473 h 10000"/>
                  <a:gd name="connsiteX196" fmla="*/ 5532 w 10000"/>
                  <a:gd name="connsiteY196" fmla="*/ 591 h 10000"/>
                  <a:gd name="connsiteX197" fmla="*/ 5660 w 10000"/>
                  <a:gd name="connsiteY197" fmla="*/ 650 h 10000"/>
                  <a:gd name="connsiteX198" fmla="*/ 5812 w 10000"/>
                  <a:gd name="connsiteY198" fmla="*/ 679 h 10000"/>
                  <a:gd name="connsiteX199" fmla="*/ 5965 w 10000"/>
                  <a:gd name="connsiteY199" fmla="*/ 709 h 10000"/>
                  <a:gd name="connsiteX200" fmla="*/ 6168 w 10000"/>
                  <a:gd name="connsiteY200" fmla="*/ 709 h 10000"/>
                  <a:gd name="connsiteX201" fmla="*/ 6168 w 10000"/>
                  <a:gd name="connsiteY201" fmla="*/ 768 h 10000"/>
                  <a:gd name="connsiteX202" fmla="*/ 6193 w 10000"/>
                  <a:gd name="connsiteY202" fmla="*/ 842 h 10000"/>
                  <a:gd name="connsiteX203" fmla="*/ 6243 w 10000"/>
                  <a:gd name="connsiteY203" fmla="*/ 916 h 10000"/>
                  <a:gd name="connsiteX204" fmla="*/ 6294 w 10000"/>
                  <a:gd name="connsiteY204" fmla="*/ 990 h 10000"/>
                  <a:gd name="connsiteX205" fmla="*/ 6369 w 10000"/>
                  <a:gd name="connsiteY205" fmla="*/ 1049 h 10000"/>
                  <a:gd name="connsiteX206" fmla="*/ 6471 w 10000"/>
                  <a:gd name="connsiteY206" fmla="*/ 1108 h 10000"/>
                  <a:gd name="connsiteX207" fmla="*/ 6598 w 10000"/>
                  <a:gd name="connsiteY207" fmla="*/ 1182 h 10000"/>
                  <a:gd name="connsiteX208" fmla="*/ 6700 w 10000"/>
                  <a:gd name="connsiteY208" fmla="*/ 1226 h 10000"/>
                  <a:gd name="connsiteX209" fmla="*/ 6802 w 10000"/>
                  <a:gd name="connsiteY209" fmla="*/ 1270 h 10000"/>
                  <a:gd name="connsiteX210" fmla="*/ 6903 w 10000"/>
                  <a:gd name="connsiteY210" fmla="*/ 1300 h 10000"/>
                  <a:gd name="connsiteX211" fmla="*/ 7005 w 10000"/>
                  <a:gd name="connsiteY211" fmla="*/ 1315 h 10000"/>
                  <a:gd name="connsiteX212" fmla="*/ 7132 w 10000"/>
                  <a:gd name="connsiteY212" fmla="*/ 1300 h 10000"/>
                  <a:gd name="connsiteX213" fmla="*/ 7234 w 10000"/>
                  <a:gd name="connsiteY213" fmla="*/ 1285 h 10000"/>
                  <a:gd name="connsiteX214" fmla="*/ 7309 w 10000"/>
                  <a:gd name="connsiteY214" fmla="*/ 1241 h 10000"/>
                  <a:gd name="connsiteX215" fmla="*/ 7361 w 10000"/>
                  <a:gd name="connsiteY215" fmla="*/ 1167 h 10000"/>
                  <a:gd name="connsiteX216" fmla="*/ 7385 w 10000"/>
                  <a:gd name="connsiteY216" fmla="*/ 1064 h 10000"/>
                  <a:gd name="connsiteX217" fmla="*/ 7766 w 10000"/>
                  <a:gd name="connsiteY217" fmla="*/ 1034 h 10000"/>
                  <a:gd name="connsiteX218" fmla="*/ 8121 w 10000"/>
                  <a:gd name="connsiteY218" fmla="*/ 1004 h 10000"/>
                  <a:gd name="connsiteX219" fmla="*/ 8427 w 10000"/>
                  <a:gd name="connsiteY219" fmla="*/ 990 h 10000"/>
                  <a:gd name="connsiteX220" fmla="*/ 8706 w 10000"/>
                  <a:gd name="connsiteY220" fmla="*/ 1004 h 10000"/>
                  <a:gd name="connsiteX221" fmla="*/ 8833 w 10000"/>
                  <a:gd name="connsiteY221" fmla="*/ 1019 h 10000"/>
                  <a:gd name="connsiteX222" fmla="*/ 8958 w 10000"/>
                  <a:gd name="connsiteY222" fmla="*/ 1034 h 10000"/>
                  <a:gd name="connsiteX223" fmla="*/ 9061 w 10000"/>
                  <a:gd name="connsiteY223" fmla="*/ 1064 h 10000"/>
                  <a:gd name="connsiteX224" fmla="*/ 9188 w 10000"/>
                  <a:gd name="connsiteY224" fmla="*/ 1108 h 10000"/>
                  <a:gd name="connsiteX225" fmla="*/ 9264 w 10000"/>
                  <a:gd name="connsiteY225" fmla="*/ 1182 h 10000"/>
                  <a:gd name="connsiteX226" fmla="*/ 9339 w 10000"/>
                  <a:gd name="connsiteY226" fmla="*/ 1241 h 10000"/>
                  <a:gd name="connsiteX227" fmla="*/ 9391 w 10000"/>
                  <a:gd name="connsiteY227" fmla="*/ 1329 h 10000"/>
                  <a:gd name="connsiteX228" fmla="*/ 9442 w 10000"/>
                  <a:gd name="connsiteY228" fmla="*/ 1433 h 10000"/>
                  <a:gd name="connsiteX229" fmla="*/ 9492 w 10000"/>
                  <a:gd name="connsiteY229" fmla="*/ 1551 h 10000"/>
                  <a:gd name="connsiteX230" fmla="*/ 9466 w 10000"/>
                  <a:gd name="connsiteY230" fmla="*/ 1625 h 10000"/>
                  <a:gd name="connsiteX231" fmla="*/ 9442 w 10000"/>
                  <a:gd name="connsiteY231" fmla="*/ 1684 h 10000"/>
                  <a:gd name="connsiteX232" fmla="*/ 9391 w 10000"/>
                  <a:gd name="connsiteY232" fmla="*/ 1758 h 10000"/>
                  <a:gd name="connsiteX233" fmla="*/ 9315 w 10000"/>
                  <a:gd name="connsiteY233" fmla="*/ 1802 h 10000"/>
                  <a:gd name="connsiteX234" fmla="*/ 9264 w 10000"/>
                  <a:gd name="connsiteY234" fmla="*/ 1861 h 10000"/>
                  <a:gd name="connsiteX235" fmla="*/ 9240 w 10000"/>
                  <a:gd name="connsiteY235" fmla="*/ 1935 h 10000"/>
                  <a:gd name="connsiteX236" fmla="*/ 9264 w 10000"/>
                  <a:gd name="connsiteY236" fmla="*/ 2024 h 10000"/>
                  <a:gd name="connsiteX237" fmla="*/ 9543 w 10000"/>
                  <a:gd name="connsiteY237" fmla="*/ 2157 h 10000"/>
                  <a:gd name="connsiteX238" fmla="*/ 9873 w 10000"/>
                  <a:gd name="connsiteY238" fmla="*/ 2275 h 10000"/>
                  <a:gd name="connsiteX239" fmla="*/ 10000 w 10000"/>
                  <a:gd name="connsiteY239" fmla="*/ 2349 h 10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</a:cxnLst>
                <a:rect l="l" t="t" r="r" b="b"/>
                <a:pathLst>
                  <a:path w="10000" h="10000">
                    <a:moveTo>
                      <a:pt x="9415" y="3117"/>
                    </a:moveTo>
                    <a:cubicBezTo>
                      <a:pt x="9423" y="3102"/>
                      <a:pt x="9433" y="3087"/>
                      <a:pt x="9442" y="3072"/>
                    </a:cubicBezTo>
                    <a:cubicBezTo>
                      <a:pt x="9450" y="3052"/>
                      <a:pt x="9458" y="3033"/>
                      <a:pt x="9466" y="3013"/>
                    </a:cubicBezTo>
                    <a:lnTo>
                      <a:pt x="9466" y="2954"/>
                    </a:lnTo>
                    <a:cubicBezTo>
                      <a:pt x="9458" y="2925"/>
                      <a:pt x="9450" y="2895"/>
                      <a:pt x="9442" y="2866"/>
                    </a:cubicBezTo>
                    <a:lnTo>
                      <a:pt x="6345" y="4003"/>
                    </a:lnTo>
                    <a:lnTo>
                      <a:pt x="5938" y="4195"/>
                    </a:lnTo>
                    <a:cubicBezTo>
                      <a:pt x="5984" y="4397"/>
                      <a:pt x="6336" y="5094"/>
                      <a:pt x="6421" y="5318"/>
                    </a:cubicBezTo>
                    <a:cubicBezTo>
                      <a:pt x="6429" y="5392"/>
                      <a:pt x="6439" y="5465"/>
                      <a:pt x="6447" y="5539"/>
                    </a:cubicBezTo>
                    <a:cubicBezTo>
                      <a:pt x="6455" y="5618"/>
                      <a:pt x="6463" y="5696"/>
                      <a:pt x="6471" y="5775"/>
                    </a:cubicBezTo>
                    <a:lnTo>
                      <a:pt x="6471" y="5997"/>
                    </a:lnTo>
                    <a:cubicBezTo>
                      <a:pt x="6463" y="6076"/>
                      <a:pt x="6455" y="6154"/>
                      <a:pt x="6447" y="6233"/>
                    </a:cubicBezTo>
                    <a:lnTo>
                      <a:pt x="6396" y="6470"/>
                    </a:lnTo>
                    <a:cubicBezTo>
                      <a:pt x="6380" y="6539"/>
                      <a:pt x="6361" y="6608"/>
                      <a:pt x="6345" y="6677"/>
                    </a:cubicBezTo>
                    <a:cubicBezTo>
                      <a:pt x="6320" y="6751"/>
                      <a:pt x="6294" y="6824"/>
                      <a:pt x="6269" y="6898"/>
                    </a:cubicBezTo>
                    <a:cubicBezTo>
                      <a:pt x="6236" y="6967"/>
                      <a:pt x="6201" y="7036"/>
                      <a:pt x="6168" y="7105"/>
                    </a:cubicBezTo>
                    <a:cubicBezTo>
                      <a:pt x="6125" y="7169"/>
                      <a:pt x="6084" y="7233"/>
                      <a:pt x="6041" y="7297"/>
                    </a:cubicBezTo>
                    <a:lnTo>
                      <a:pt x="5888" y="7489"/>
                    </a:lnTo>
                    <a:lnTo>
                      <a:pt x="5735" y="7681"/>
                    </a:lnTo>
                    <a:lnTo>
                      <a:pt x="6471" y="7799"/>
                    </a:lnTo>
                    <a:lnTo>
                      <a:pt x="7234" y="7962"/>
                    </a:lnTo>
                    <a:lnTo>
                      <a:pt x="7385" y="8021"/>
                    </a:lnTo>
                    <a:cubicBezTo>
                      <a:pt x="7427" y="8041"/>
                      <a:pt x="7470" y="8060"/>
                      <a:pt x="7512" y="8080"/>
                    </a:cubicBezTo>
                    <a:cubicBezTo>
                      <a:pt x="7554" y="8100"/>
                      <a:pt x="7597" y="8119"/>
                      <a:pt x="7639" y="8139"/>
                    </a:cubicBezTo>
                    <a:cubicBezTo>
                      <a:pt x="7665" y="8168"/>
                      <a:pt x="7691" y="8198"/>
                      <a:pt x="7716" y="8227"/>
                    </a:cubicBezTo>
                    <a:cubicBezTo>
                      <a:pt x="7724" y="8252"/>
                      <a:pt x="7733" y="8276"/>
                      <a:pt x="7741" y="8301"/>
                    </a:cubicBezTo>
                    <a:lnTo>
                      <a:pt x="7741" y="8405"/>
                    </a:lnTo>
                    <a:cubicBezTo>
                      <a:pt x="7724" y="8444"/>
                      <a:pt x="7707" y="8484"/>
                      <a:pt x="7691" y="8523"/>
                    </a:cubicBezTo>
                    <a:cubicBezTo>
                      <a:pt x="7665" y="8562"/>
                      <a:pt x="7640" y="8602"/>
                      <a:pt x="7614" y="8641"/>
                    </a:cubicBezTo>
                    <a:lnTo>
                      <a:pt x="7284" y="8552"/>
                    </a:lnTo>
                    <a:lnTo>
                      <a:pt x="6979" y="8449"/>
                    </a:lnTo>
                    <a:lnTo>
                      <a:pt x="6674" y="8360"/>
                    </a:lnTo>
                    <a:lnTo>
                      <a:pt x="6369" y="8287"/>
                    </a:lnTo>
                    <a:cubicBezTo>
                      <a:pt x="6328" y="8341"/>
                      <a:pt x="6285" y="8395"/>
                      <a:pt x="6243" y="8449"/>
                    </a:cubicBezTo>
                    <a:lnTo>
                      <a:pt x="6143" y="8597"/>
                    </a:lnTo>
                    <a:cubicBezTo>
                      <a:pt x="6125" y="8617"/>
                      <a:pt x="6108" y="8636"/>
                      <a:pt x="6091" y="8656"/>
                    </a:cubicBezTo>
                    <a:lnTo>
                      <a:pt x="5989" y="8700"/>
                    </a:lnTo>
                    <a:cubicBezTo>
                      <a:pt x="5965" y="8715"/>
                      <a:pt x="5938" y="8729"/>
                      <a:pt x="5914" y="8744"/>
                    </a:cubicBezTo>
                    <a:lnTo>
                      <a:pt x="5838" y="8774"/>
                    </a:lnTo>
                    <a:lnTo>
                      <a:pt x="5761" y="8804"/>
                    </a:lnTo>
                    <a:lnTo>
                      <a:pt x="5660" y="8818"/>
                    </a:lnTo>
                    <a:lnTo>
                      <a:pt x="5532" y="8833"/>
                    </a:lnTo>
                    <a:lnTo>
                      <a:pt x="5406" y="8833"/>
                    </a:lnTo>
                    <a:lnTo>
                      <a:pt x="5102" y="8818"/>
                    </a:lnTo>
                    <a:lnTo>
                      <a:pt x="4720" y="8744"/>
                    </a:lnTo>
                    <a:lnTo>
                      <a:pt x="4720" y="8922"/>
                    </a:lnTo>
                    <a:cubicBezTo>
                      <a:pt x="4712" y="8971"/>
                      <a:pt x="4703" y="9020"/>
                      <a:pt x="4695" y="9069"/>
                    </a:cubicBezTo>
                    <a:cubicBezTo>
                      <a:pt x="4687" y="9123"/>
                      <a:pt x="4679" y="9178"/>
                      <a:pt x="4671" y="9232"/>
                    </a:cubicBezTo>
                    <a:cubicBezTo>
                      <a:pt x="4660" y="9276"/>
                      <a:pt x="4652" y="9321"/>
                      <a:pt x="4644" y="9365"/>
                    </a:cubicBezTo>
                    <a:cubicBezTo>
                      <a:pt x="4628" y="9409"/>
                      <a:pt x="4612" y="9454"/>
                      <a:pt x="4593" y="9498"/>
                    </a:cubicBezTo>
                    <a:lnTo>
                      <a:pt x="4493" y="9616"/>
                    </a:lnTo>
                    <a:cubicBezTo>
                      <a:pt x="4467" y="9655"/>
                      <a:pt x="4442" y="9695"/>
                      <a:pt x="4416" y="9734"/>
                    </a:cubicBezTo>
                    <a:cubicBezTo>
                      <a:pt x="4374" y="9769"/>
                      <a:pt x="4332" y="9803"/>
                      <a:pt x="4289" y="9838"/>
                    </a:cubicBezTo>
                    <a:lnTo>
                      <a:pt x="3983" y="9897"/>
                    </a:lnTo>
                    <a:lnTo>
                      <a:pt x="3731" y="9941"/>
                    </a:lnTo>
                    <a:lnTo>
                      <a:pt x="3426" y="9985"/>
                    </a:lnTo>
                    <a:lnTo>
                      <a:pt x="3198" y="10000"/>
                    </a:lnTo>
                    <a:lnTo>
                      <a:pt x="2690" y="10000"/>
                    </a:lnTo>
                    <a:lnTo>
                      <a:pt x="2208" y="9985"/>
                    </a:lnTo>
                    <a:lnTo>
                      <a:pt x="1752" y="9941"/>
                    </a:lnTo>
                    <a:lnTo>
                      <a:pt x="1270" y="9911"/>
                    </a:lnTo>
                    <a:lnTo>
                      <a:pt x="990" y="9911"/>
                    </a:lnTo>
                    <a:lnTo>
                      <a:pt x="736" y="9911"/>
                    </a:lnTo>
                    <a:lnTo>
                      <a:pt x="457" y="9926"/>
                    </a:lnTo>
                    <a:lnTo>
                      <a:pt x="178" y="9970"/>
                    </a:lnTo>
                    <a:cubicBezTo>
                      <a:pt x="151" y="9936"/>
                      <a:pt x="127" y="9901"/>
                      <a:pt x="102" y="9867"/>
                    </a:cubicBezTo>
                    <a:cubicBezTo>
                      <a:pt x="84" y="9842"/>
                      <a:pt x="67" y="9818"/>
                      <a:pt x="51" y="9793"/>
                    </a:cubicBezTo>
                    <a:cubicBezTo>
                      <a:pt x="33" y="9764"/>
                      <a:pt x="16" y="9734"/>
                      <a:pt x="0" y="9705"/>
                    </a:cubicBezTo>
                    <a:lnTo>
                      <a:pt x="0" y="9601"/>
                    </a:lnTo>
                    <a:cubicBezTo>
                      <a:pt x="16" y="9542"/>
                      <a:pt x="33" y="9483"/>
                      <a:pt x="51" y="9424"/>
                    </a:cubicBezTo>
                    <a:cubicBezTo>
                      <a:pt x="67" y="9350"/>
                      <a:pt x="84" y="9276"/>
                      <a:pt x="102" y="9202"/>
                    </a:cubicBezTo>
                    <a:cubicBezTo>
                      <a:pt x="119" y="9133"/>
                      <a:pt x="135" y="9065"/>
                      <a:pt x="151" y="8996"/>
                    </a:cubicBezTo>
                    <a:cubicBezTo>
                      <a:pt x="169" y="8917"/>
                      <a:pt x="187" y="8838"/>
                      <a:pt x="203" y="8759"/>
                    </a:cubicBezTo>
                    <a:cubicBezTo>
                      <a:pt x="211" y="8720"/>
                      <a:pt x="220" y="8680"/>
                      <a:pt x="228" y="8641"/>
                    </a:cubicBezTo>
                    <a:lnTo>
                      <a:pt x="228" y="8538"/>
                    </a:lnTo>
                    <a:cubicBezTo>
                      <a:pt x="220" y="8494"/>
                      <a:pt x="211" y="8449"/>
                      <a:pt x="203" y="8405"/>
                    </a:cubicBezTo>
                    <a:cubicBezTo>
                      <a:pt x="195" y="8366"/>
                      <a:pt x="186" y="8326"/>
                      <a:pt x="178" y="8287"/>
                    </a:cubicBezTo>
                    <a:lnTo>
                      <a:pt x="431" y="8213"/>
                    </a:lnTo>
                    <a:lnTo>
                      <a:pt x="685" y="8139"/>
                    </a:lnTo>
                    <a:lnTo>
                      <a:pt x="939" y="8095"/>
                    </a:lnTo>
                    <a:lnTo>
                      <a:pt x="1218" y="8065"/>
                    </a:lnTo>
                    <a:lnTo>
                      <a:pt x="1725" y="8021"/>
                    </a:lnTo>
                    <a:lnTo>
                      <a:pt x="2234" y="7976"/>
                    </a:lnTo>
                    <a:lnTo>
                      <a:pt x="2462" y="7947"/>
                    </a:lnTo>
                    <a:lnTo>
                      <a:pt x="2690" y="7917"/>
                    </a:lnTo>
                    <a:lnTo>
                      <a:pt x="2892" y="7843"/>
                    </a:lnTo>
                    <a:lnTo>
                      <a:pt x="3096" y="7784"/>
                    </a:lnTo>
                    <a:lnTo>
                      <a:pt x="3274" y="7710"/>
                    </a:lnTo>
                    <a:cubicBezTo>
                      <a:pt x="3326" y="7671"/>
                      <a:pt x="3375" y="7631"/>
                      <a:pt x="3426" y="7592"/>
                    </a:cubicBezTo>
                    <a:lnTo>
                      <a:pt x="3579" y="7474"/>
                    </a:lnTo>
                    <a:cubicBezTo>
                      <a:pt x="3612" y="7420"/>
                      <a:pt x="3647" y="7366"/>
                      <a:pt x="3680" y="7312"/>
                    </a:cubicBezTo>
                    <a:lnTo>
                      <a:pt x="3477" y="7238"/>
                    </a:lnTo>
                    <a:lnTo>
                      <a:pt x="3299" y="7179"/>
                    </a:lnTo>
                    <a:cubicBezTo>
                      <a:pt x="3249" y="7149"/>
                      <a:pt x="3198" y="7120"/>
                      <a:pt x="3147" y="7090"/>
                    </a:cubicBezTo>
                    <a:cubicBezTo>
                      <a:pt x="3096" y="7056"/>
                      <a:pt x="3046" y="7021"/>
                      <a:pt x="2995" y="6987"/>
                    </a:cubicBezTo>
                    <a:cubicBezTo>
                      <a:pt x="2960" y="6948"/>
                      <a:pt x="2927" y="6908"/>
                      <a:pt x="2892" y="6869"/>
                    </a:cubicBezTo>
                    <a:cubicBezTo>
                      <a:pt x="2876" y="6820"/>
                      <a:pt x="2860" y="6770"/>
                      <a:pt x="2843" y="6721"/>
                    </a:cubicBezTo>
                    <a:cubicBezTo>
                      <a:pt x="2834" y="6667"/>
                      <a:pt x="2825" y="6612"/>
                      <a:pt x="2817" y="6558"/>
                    </a:cubicBezTo>
                    <a:cubicBezTo>
                      <a:pt x="2825" y="6489"/>
                      <a:pt x="2834" y="6421"/>
                      <a:pt x="2843" y="6352"/>
                    </a:cubicBezTo>
                    <a:lnTo>
                      <a:pt x="2716" y="6322"/>
                    </a:lnTo>
                    <a:lnTo>
                      <a:pt x="2564" y="6292"/>
                    </a:lnTo>
                    <a:lnTo>
                      <a:pt x="2386" y="6278"/>
                    </a:lnTo>
                    <a:lnTo>
                      <a:pt x="2208" y="6263"/>
                    </a:lnTo>
                    <a:lnTo>
                      <a:pt x="1853" y="6248"/>
                    </a:lnTo>
                    <a:lnTo>
                      <a:pt x="1472" y="6263"/>
                    </a:lnTo>
                    <a:lnTo>
                      <a:pt x="1143" y="6278"/>
                    </a:lnTo>
                    <a:lnTo>
                      <a:pt x="837" y="6278"/>
                    </a:lnTo>
                    <a:lnTo>
                      <a:pt x="585" y="6263"/>
                    </a:lnTo>
                    <a:lnTo>
                      <a:pt x="381" y="6233"/>
                    </a:lnTo>
                    <a:lnTo>
                      <a:pt x="633" y="5805"/>
                    </a:lnTo>
                    <a:lnTo>
                      <a:pt x="914" y="5391"/>
                    </a:lnTo>
                    <a:lnTo>
                      <a:pt x="1016" y="5170"/>
                    </a:lnTo>
                    <a:cubicBezTo>
                      <a:pt x="1041" y="5101"/>
                      <a:pt x="1067" y="5032"/>
                      <a:pt x="1091" y="4963"/>
                    </a:cubicBezTo>
                    <a:cubicBezTo>
                      <a:pt x="1099" y="4929"/>
                      <a:pt x="1108" y="4894"/>
                      <a:pt x="1116" y="4860"/>
                    </a:cubicBezTo>
                    <a:cubicBezTo>
                      <a:pt x="1108" y="4825"/>
                      <a:pt x="1099" y="4791"/>
                      <a:pt x="1091" y="4756"/>
                    </a:cubicBezTo>
                    <a:cubicBezTo>
                      <a:pt x="1083" y="4722"/>
                      <a:pt x="1075" y="4687"/>
                      <a:pt x="1066" y="4653"/>
                    </a:cubicBezTo>
                    <a:cubicBezTo>
                      <a:pt x="1041" y="4618"/>
                      <a:pt x="1015" y="4584"/>
                      <a:pt x="990" y="4549"/>
                    </a:cubicBezTo>
                    <a:lnTo>
                      <a:pt x="1270" y="4520"/>
                    </a:lnTo>
                    <a:lnTo>
                      <a:pt x="1472" y="4505"/>
                    </a:lnTo>
                    <a:lnTo>
                      <a:pt x="1650" y="4505"/>
                    </a:lnTo>
                    <a:lnTo>
                      <a:pt x="1802" y="4520"/>
                    </a:lnTo>
                    <a:lnTo>
                      <a:pt x="1929" y="4520"/>
                    </a:lnTo>
                    <a:lnTo>
                      <a:pt x="2081" y="4520"/>
                    </a:lnTo>
                    <a:lnTo>
                      <a:pt x="2234" y="4490"/>
                    </a:lnTo>
                    <a:lnTo>
                      <a:pt x="2436" y="4446"/>
                    </a:lnTo>
                    <a:lnTo>
                      <a:pt x="2436" y="4579"/>
                    </a:lnTo>
                    <a:lnTo>
                      <a:pt x="2436" y="4742"/>
                    </a:lnTo>
                    <a:lnTo>
                      <a:pt x="2436" y="4874"/>
                    </a:lnTo>
                    <a:lnTo>
                      <a:pt x="2436" y="5037"/>
                    </a:lnTo>
                    <a:lnTo>
                      <a:pt x="2665" y="5022"/>
                    </a:lnTo>
                    <a:lnTo>
                      <a:pt x="2817" y="5037"/>
                    </a:lnTo>
                    <a:lnTo>
                      <a:pt x="2944" y="5066"/>
                    </a:lnTo>
                    <a:lnTo>
                      <a:pt x="3071" y="5096"/>
                    </a:lnTo>
                    <a:lnTo>
                      <a:pt x="3173" y="5126"/>
                    </a:lnTo>
                    <a:lnTo>
                      <a:pt x="3299" y="5155"/>
                    </a:lnTo>
                    <a:lnTo>
                      <a:pt x="3452" y="5170"/>
                    </a:lnTo>
                    <a:lnTo>
                      <a:pt x="3680" y="5155"/>
                    </a:lnTo>
                    <a:cubicBezTo>
                      <a:pt x="3705" y="5135"/>
                      <a:pt x="3732" y="5116"/>
                      <a:pt x="3757" y="5096"/>
                    </a:cubicBezTo>
                    <a:cubicBezTo>
                      <a:pt x="3782" y="5071"/>
                      <a:pt x="3807" y="5047"/>
                      <a:pt x="3832" y="5022"/>
                    </a:cubicBezTo>
                    <a:cubicBezTo>
                      <a:pt x="3840" y="4993"/>
                      <a:pt x="3848" y="4963"/>
                      <a:pt x="3857" y="4934"/>
                    </a:cubicBezTo>
                    <a:cubicBezTo>
                      <a:pt x="3866" y="4909"/>
                      <a:pt x="3876" y="4885"/>
                      <a:pt x="3884" y="4860"/>
                    </a:cubicBezTo>
                    <a:cubicBezTo>
                      <a:pt x="3892" y="4806"/>
                      <a:pt x="3900" y="4751"/>
                      <a:pt x="3908" y="4697"/>
                    </a:cubicBezTo>
                    <a:lnTo>
                      <a:pt x="3884" y="4520"/>
                    </a:lnTo>
                    <a:cubicBezTo>
                      <a:pt x="3858" y="4461"/>
                      <a:pt x="3832" y="4402"/>
                      <a:pt x="3807" y="4343"/>
                    </a:cubicBezTo>
                    <a:cubicBezTo>
                      <a:pt x="3782" y="4294"/>
                      <a:pt x="3756" y="4244"/>
                      <a:pt x="3731" y="4195"/>
                    </a:cubicBezTo>
                    <a:cubicBezTo>
                      <a:pt x="3688" y="4146"/>
                      <a:pt x="3646" y="4096"/>
                      <a:pt x="3604" y="4047"/>
                    </a:cubicBezTo>
                    <a:cubicBezTo>
                      <a:pt x="3561" y="4018"/>
                      <a:pt x="3519" y="3988"/>
                      <a:pt x="3477" y="3959"/>
                    </a:cubicBezTo>
                    <a:lnTo>
                      <a:pt x="3629" y="3944"/>
                    </a:lnTo>
                    <a:lnTo>
                      <a:pt x="3757" y="3914"/>
                    </a:lnTo>
                    <a:cubicBezTo>
                      <a:pt x="3790" y="3894"/>
                      <a:pt x="3824" y="3875"/>
                      <a:pt x="3857" y="3855"/>
                    </a:cubicBezTo>
                    <a:lnTo>
                      <a:pt x="3983" y="3752"/>
                    </a:lnTo>
                    <a:cubicBezTo>
                      <a:pt x="4026" y="3722"/>
                      <a:pt x="4070" y="3693"/>
                      <a:pt x="4111" y="3663"/>
                    </a:cubicBezTo>
                    <a:cubicBezTo>
                      <a:pt x="4146" y="3629"/>
                      <a:pt x="4179" y="3594"/>
                      <a:pt x="4213" y="3560"/>
                    </a:cubicBezTo>
                    <a:lnTo>
                      <a:pt x="4289" y="3442"/>
                    </a:lnTo>
                    <a:cubicBezTo>
                      <a:pt x="4314" y="3402"/>
                      <a:pt x="4341" y="3363"/>
                      <a:pt x="4366" y="3323"/>
                    </a:cubicBezTo>
                    <a:cubicBezTo>
                      <a:pt x="4382" y="3289"/>
                      <a:pt x="4400" y="3254"/>
                      <a:pt x="4416" y="3220"/>
                    </a:cubicBezTo>
                    <a:cubicBezTo>
                      <a:pt x="4425" y="3181"/>
                      <a:pt x="4433" y="3141"/>
                      <a:pt x="4441" y="3102"/>
                    </a:cubicBezTo>
                    <a:cubicBezTo>
                      <a:pt x="4449" y="3072"/>
                      <a:pt x="4458" y="3043"/>
                      <a:pt x="4468" y="3013"/>
                    </a:cubicBezTo>
                    <a:cubicBezTo>
                      <a:pt x="4458" y="2988"/>
                      <a:pt x="4449" y="2964"/>
                      <a:pt x="4441" y="2939"/>
                    </a:cubicBezTo>
                    <a:cubicBezTo>
                      <a:pt x="4433" y="2915"/>
                      <a:pt x="4425" y="2890"/>
                      <a:pt x="4416" y="2866"/>
                    </a:cubicBezTo>
                    <a:lnTo>
                      <a:pt x="4340" y="2836"/>
                    </a:lnTo>
                    <a:lnTo>
                      <a:pt x="4239" y="2836"/>
                    </a:lnTo>
                    <a:lnTo>
                      <a:pt x="4111" y="2866"/>
                    </a:lnTo>
                    <a:lnTo>
                      <a:pt x="4213" y="2777"/>
                    </a:lnTo>
                    <a:cubicBezTo>
                      <a:pt x="4229" y="2743"/>
                      <a:pt x="4247" y="2708"/>
                      <a:pt x="4265" y="2674"/>
                    </a:cubicBezTo>
                    <a:cubicBezTo>
                      <a:pt x="4273" y="2630"/>
                      <a:pt x="4281" y="2585"/>
                      <a:pt x="4289" y="2541"/>
                    </a:cubicBezTo>
                    <a:lnTo>
                      <a:pt x="4289" y="2393"/>
                    </a:lnTo>
                    <a:cubicBezTo>
                      <a:pt x="4297" y="2378"/>
                      <a:pt x="4306" y="2364"/>
                      <a:pt x="4314" y="2349"/>
                    </a:cubicBezTo>
                    <a:cubicBezTo>
                      <a:pt x="4331" y="2334"/>
                      <a:pt x="4349" y="2319"/>
                      <a:pt x="4366" y="2304"/>
                    </a:cubicBezTo>
                    <a:cubicBezTo>
                      <a:pt x="4382" y="2299"/>
                      <a:pt x="4400" y="2295"/>
                      <a:pt x="4416" y="2290"/>
                    </a:cubicBezTo>
                    <a:lnTo>
                      <a:pt x="4493" y="2275"/>
                    </a:lnTo>
                    <a:lnTo>
                      <a:pt x="4720" y="2260"/>
                    </a:lnTo>
                    <a:lnTo>
                      <a:pt x="4923" y="2275"/>
                    </a:lnTo>
                    <a:cubicBezTo>
                      <a:pt x="4915" y="2221"/>
                      <a:pt x="4906" y="2166"/>
                      <a:pt x="4898" y="2112"/>
                    </a:cubicBezTo>
                    <a:cubicBezTo>
                      <a:pt x="4882" y="2058"/>
                      <a:pt x="4864" y="2004"/>
                      <a:pt x="4848" y="1950"/>
                    </a:cubicBezTo>
                    <a:cubicBezTo>
                      <a:pt x="4823" y="1901"/>
                      <a:pt x="4796" y="1851"/>
                      <a:pt x="4771" y="1802"/>
                    </a:cubicBezTo>
                    <a:cubicBezTo>
                      <a:pt x="4739" y="1748"/>
                      <a:pt x="4703" y="1694"/>
                      <a:pt x="4671" y="1640"/>
                    </a:cubicBezTo>
                    <a:lnTo>
                      <a:pt x="4416" y="1329"/>
                    </a:lnTo>
                    <a:lnTo>
                      <a:pt x="4162" y="1034"/>
                    </a:lnTo>
                    <a:cubicBezTo>
                      <a:pt x="4119" y="990"/>
                      <a:pt x="4078" y="945"/>
                      <a:pt x="4035" y="901"/>
                    </a:cubicBezTo>
                    <a:lnTo>
                      <a:pt x="3935" y="753"/>
                    </a:lnTo>
                    <a:cubicBezTo>
                      <a:pt x="3908" y="709"/>
                      <a:pt x="3883" y="664"/>
                      <a:pt x="3857" y="620"/>
                    </a:cubicBezTo>
                    <a:cubicBezTo>
                      <a:pt x="3848" y="576"/>
                      <a:pt x="3840" y="531"/>
                      <a:pt x="3832" y="487"/>
                    </a:cubicBezTo>
                    <a:cubicBezTo>
                      <a:pt x="3824" y="443"/>
                      <a:pt x="3815" y="399"/>
                      <a:pt x="3807" y="355"/>
                    </a:cubicBezTo>
                    <a:cubicBezTo>
                      <a:pt x="3824" y="311"/>
                      <a:pt x="3840" y="266"/>
                      <a:pt x="3857" y="222"/>
                    </a:cubicBezTo>
                    <a:cubicBezTo>
                      <a:pt x="3866" y="202"/>
                      <a:pt x="3876" y="182"/>
                      <a:pt x="3884" y="162"/>
                    </a:cubicBezTo>
                    <a:cubicBezTo>
                      <a:pt x="3900" y="142"/>
                      <a:pt x="3916" y="123"/>
                      <a:pt x="3935" y="103"/>
                    </a:cubicBezTo>
                    <a:cubicBezTo>
                      <a:pt x="3959" y="88"/>
                      <a:pt x="3984" y="74"/>
                      <a:pt x="4011" y="59"/>
                    </a:cubicBezTo>
                    <a:cubicBezTo>
                      <a:pt x="4043" y="39"/>
                      <a:pt x="4079" y="20"/>
                      <a:pt x="4111" y="0"/>
                    </a:cubicBezTo>
                    <a:lnTo>
                      <a:pt x="4289" y="0"/>
                    </a:lnTo>
                    <a:lnTo>
                      <a:pt x="4468" y="15"/>
                    </a:lnTo>
                    <a:lnTo>
                      <a:pt x="4644" y="44"/>
                    </a:lnTo>
                    <a:lnTo>
                      <a:pt x="4771" y="89"/>
                    </a:lnTo>
                    <a:lnTo>
                      <a:pt x="4975" y="192"/>
                    </a:lnTo>
                    <a:lnTo>
                      <a:pt x="5177" y="340"/>
                    </a:lnTo>
                    <a:cubicBezTo>
                      <a:pt x="5229" y="384"/>
                      <a:pt x="5279" y="429"/>
                      <a:pt x="5329" y="473"/>
                    </a:cubicBezTo>
                    <a:lnTo>
                      <a:pt x="5532" y="591"/>
                    </a:lnTo>
                    <a:lnTo>
                      <a:pt x="5660" y="650"/>
                    </a:lnTo>
                    <a:lnTo>
                      <a:pt x="5812" y="679"/>
                    </a:lnTo>
                    <a:lnTo>
                      <a:pt x="5965" y="709"/>
                    </a:lnTo>
                    <a:lnTo>
                      <a:pt x="6168" y="709"/>
                    </a:lnTo>
                    <a:lnTo>
                      <a:pt x="6168" y="768"/>
                    </a:lnTo>
                    <a:cubicBezTo>
                      <a:pt x="6176" y="793"/>
                      <a:pt x="6184" y="817"/>
                      <a:pt x="6193" y="842"/>
                    </a:cubicBezTo>
                    <a:lnTo>
                      <a:pt x="6243" y="916"/>
                    </a:lnTo>
                    <a:cubicBezTo>
                      <a:pt x="6260" y="941"/>
                      <a:pt x="6278" y="965"/>
                      <a:pt x="6294" y="990"/>
                    </a:cubicBezTo>
                    <a:cubicBezTo>
                      <a:pt x="6320" y="1010"/>
                      <a:pt x="6345" y="1029"/>
                      <a:pt x="6369" y="1049"/>
                    </a:cubicBezTo>
                    <a:cubicBezTo>
                      <a:pt x="6403" y="1069"/>
                      <a:pt x="6439" y="1088"/>
                      <a:pt x="6471" y="1108"/>
                    </a:cubicBezTo>
                    <a:cubicBezTo>
                      <a:pt x="6513" y="1133"/>
                      <a:pt x="6556" y="1157"/>
                      <a:pt x="6598" y="1182"/>
                    </a:cubicBezTo>
                    <a:lnTo>
                      <a:pt x="6700" y="1226"/>
                    </a:lnTo>
                    <a:cubicBezTo>
                      <a:pt x="6733" y="1241"/>
                      <a:pt x="6768" y="1255"/>
                      <a:pt x="6802" y="1270"/>
                    </a:cubicBezTo>
                    <a:lnTo>
                      <a:pt x="6903" y="1300"/>
                    </a:lnTo>
                    <a:lnTo>
                      <a:pt x="7005" y="1315"/>
                    </a:lnTo>
                    <a:lnTo>
                      <a:pt x="7132" y="1300"/>
                    </a:lnTo>
                    <a:lnTo>
                      <a:pt x="7234" y="1285"/>
                    </a:lnTo>
                    <a:cubicBezTo>
                      <a:pt x="7259" y="1270"/>
                      <a:pt x="7284" y="1256"/>
                      <a:pt x="7309" y="1241"/>
                    </a:cubicBezTo>
                    <a:cubicBezTo>
                      <a:pt x="7326" y="1216"/>
                      <a:pt x="7343" y="1192"/>
                      <a:pt x="7361" y="1167"/>
                    </a:cubicBezTo>
                    <a:cubicBezTo>
                      <a:pt x="7369" y="1133"/>
                      <a:pt x="7377" y="1098"/>
                      <a:pt x="7385" y="1064"/>
                    </a:cubicBezTo>
                    <a:lnTo>
                      <a:pt x="7766" y="1034"/>
                    </a:lnTo>
                    <a:lnTo>
                      <a:pt x="8121" y="1004"/>
                    </a:lnTo>
                    <a:lnTo>
                      <a:pt x="8427" y="990"/>
                    </a:lnTo>
                    <a:lnTo>
                      <a:pt x="8706" y="1004"/>
                    </a:lnTo>
                    <a:lnTo>
                      <a:pt x="8833" y="1019"/>
                    </a:lnTo>
                    <a:lnTo>
                      <a:pt x="8958" y="1034"/>
                    </a:lnTo>
                    <a:lnTo>
                      <a:pt x="9061" y="1064"/>
                    </a:lnTo>
                    <a:cubicBezTo>
                      <a:pt x="9103" y="1079"/>
                      <a:pt x="9145" y="1093"/>
                      <a:pt x="9188" y="1108"/>
                    </a:cubicBezTo>
                    <a:cubicBezTo>
                      <a:pt x="9212" y="1133"/>
                      <a:pt x="9240" y="1157"/>
                      <a:pt x="9264" y="1182"/>
                    </a:cubicBezTo>
                    <a:cubicBezTo>
                      <a:pt x="9288" y="1202"/>
                      <a:pt x="9315" y="1221"/>
                      <a:pt x="9339" y="1241"/>
                    </a:cubicBezTo>
                    <a:cubicBezTo>
                      <a:pt x="9355" y="1270"/>
                      <a:pt x="9375" y="1300"/>
                      <a:pt x="9391" y="1329"/>
                    </a:cubicBezTo>
                    <a:cubicBezTo>
                      <a:pt x="9407" y="1364"/>
                      <a:pt x="9424" y="1398"/>
                      <a:pt x="9442" y="1433"/>
                    </a:cubicBezTo>
                    <a:cubicBezTo>
                      <a:pt x="9458" y="1472"/>
                      <a:pt x="9475" y="1512"/>
                      <a:pt x="9492" y="1551"/>
                    </a:cubicBezTo>
                    <a:cubicBezTo>
                      <a:pt x="9484" y="1576"/>
                      <a:pt x="9474" y="1600"/>
                      <a:pt x="9466" y="1625"/>
                    </a:cubicBezTo>
                    <a:cubicBezTo>
                      <a:pt x="9458" y="1645"/>
                      <a:pt x="9450" y="1664"/>
                      <a:pt x="9442" y="1684"/>
                    </a:cubicBezTo>
                    <a:cubicBezTo>
                      <a:pt x="9424" y="1709"/>
                      <a:pt x="9407" y="1733"/>
                      <a:pt x="9391" y="1758"/>
                    </a:cubicBezTo>
                    <a:cubicBezTo>
                      <a:pt x="9366" y="1773"/>
                      <a:pt x="9339" y="1787"/>
                      <a:pt x="9315" y="1802"/>
                    </a:cubicBezTo>
                    <a:cubicBezTo>
                      <a:pt x="9297" y="1822"/>
                      <a:pt x="9280" y="1841"/>
                      <a:pt x="9264" y="1861"/>
                    </a:cubicBezTo>
                    <a:cubicBezTo>
                      <a:pt x="9256" y="1886"/>
                      <a:pt x="9248" y="1910"/>
                      <a:pt x="9240" y="1935"/>
                    </a:cubicBezTo>
                    <a:cubicBezTo>
                      <a:pt x="9248" y="1965"/>
                      <a:pt x="9256" y="1994"/>
                      <a:pt x="9264" y="2024"/>
                    </a:cubicBezTo>
                    <a:lnTo>
                      <a:pt x="9543" y="2157"/>
                    </a:lnTo>
                    <a:lnTo>
                      <a:pt x="9873" y="2275"/>
                    </a:lnTo>
                    <a:cubicBezTo>
                      <a:pt x="9915" y="2300"/>
                      <a:pt x="9958" y="2324"/>
                      <a:pt x="10000" y="2349"/>
                    </a:cubicBezTo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86" name="Roskilde kant"/>
              <p:cNvSpPr>
                <a:spLocks/>
              </p:cNvSpPr>
              <p:nvPr/>
            </p:nvSpPr>
            <p:spPr bwMode="auto">
              <a:xfrm>
                <a:off x="3563938" y="4822825"/>
                <a:ext cx="198010" cy="358775"/>
              </a:xfrm>
              <a:custGeom>
                <a:avLst/>
                <a:gdLst>
                  <a:gd name="T0" fmla="*/ 62 w 413"/>
                  <a:gd name="T1" fmla="*/ 2 h 677"/>
                  <a:gd name="T2" fmla="*/ 74 w 413"/>
                  <a:gd name="T3" fmla="*/ 15 h 677"/>
                  <a:gd name="T4" fmla="*/ 81 w 413"/>
                  <a:gd name="T5" fmla="*/ 19 h 677"/>
                  <a:gd name="T6" fmla="*/ 86 w 413"/>
                  <a:gd name="T7" fmla="*/ 27 h 677"/>
                  <a:gd name="T8" fmla="*/ 93 w 413"/>
                  <a:gd name="T9" fmla="*/ 29 h 677"/>
                  <a:gd name="T10" fmla="*/ 102 w 413"/>
                  <a:gd name="T11" fmla="*/ 23 h 677"/>
                  <a:gd name="T12" fmla="*/ 117 w 413"/>
                  <a:gd name="T13" fmla="*/ 23 h 677"/>
                  <a:gd name="T14" fmla="*/ 123 w 413"/>
                  <a:gd name="T15" fmla="*/ 30 h 677"/>
                  <a:gd name="T16" fmla="*/ 123 w 413"/>
                  <a:gd name="T17" fmla="*/ 40 h 677"/>
                  <a:gd name="T18" fmla="*/ 125 w 413"/>
                  <a:gd name="T19" fmla="*/ 49 h 677"/>
                  <a:gd name="T20" fmla="*/ 137 w 413"/>
                  <a:gd name="T21" fmla="*/ 57 h 677"/>
                  <a:gd name="T22" fmla="*/ 134 w 413"/>
                  <a:gd name="T23" fmla="*/ 74 h 677"/>
                  <a:gd name="T24" fmla="*/ 122 w 413"/>
                  <a:gd name="T25" fmla="*/ 86 h 677"/>
                  <a:gd name="T26" fmla="*/ 94 w 413"/>
                  <a:gd name="T27" fmla="*/ 100 h 677"/>
                  <a:gd name="T28" fmla="*/ 92 w 413"/>
                  <a:gd name="T29" fmla="*/ 106 h 677"/>
                  <a:gd name="T30" fmla="*/ 88 w 413"/>
                  <a:gd name="T31" fmla="*/ 107 h 677"/>
                  <a:gd name="T32" fmla="*/ 88 w 413"/>
                  <a:gd name="T33" fmla="*/ 93 h 677"/>
                  <a:gd name="T34" fmla="*/ 111 w 413"/>
                  <a:gd name="T35" fmla="*/ 81 h 677"/>
                  <a:gd name="T36" fmla="*/ 123 w 413"/>
                  <a:gd name="T37" fmla="*/ 70 h 677"/>
                  <a:gd name="T38" fmla="*/ 121 w 413"/>
                  <a:gd name="T39" fmla="*/ 67 h 677"/>
                  <a:gd name="T40" fmla="*/ 101 w 413"/>
                  <a:gd name="T41" fmla="*/ 80 h 677"/>
                  <a:gd name="T42" fmla="*/ 80 w 413"/>
                  <a:gd name="T43" fmla="*/ 93 h 677"/>
                  <a:gd name="T44" fmla="*/ 83 w 413"/>
                  <a:gd name="T45" fmla="*/ 115 h 677"/>
                  <a:gd name="T46" fmla="*/ 84 w 413"/>
                  <a:gd name="T47" fmla="*/ 141 h 677"/>
                  <a:gd name="T48" fmla="*/ 79 w 413"/>
                  <a:gd name="T49" fmla="*/ 165 h 677"/>
                  <a:gd name="T50" fmla="*/ 97 w 413"/>
                  <a:gd name="T51" fmla="*/ 181 h 677"/>
                  <a:gd name="T52" fmla="*/ 101 w 413"/>
                  <a:gd name="T53" fmla="*/ 190 h 677"/>
                  <a:gd name="T54" fmla="*/ 87 w 413"/>
                  <a:gd name="T55" fmla="*/ 189 h 677"/>
                  <a:gd name="T56" fmla="*/ 78 w 413"/>
                  <a:gd name="T57" fmla="*/ 197 h 677"/>
                  <a:gd name="T58" fmla="*/ 72 w 413"/>
                  <a:gd name="T59" fmla="*/ 200 h 677"/>
                  <a:gd name="T60" fmla="*/ 61 w 413"/>
                  <a:gd name="T61" fmla="*/ 205 h 677"/>
                  <a:gd name="T62" fmla="*/ 58 w 413"/>
                  <a:gd name="T63" fmla="*/ 220 h 677"/>
                  <a:gd name="T64" fmla="*/ 42 w 413"/>
                  <a:gd name="T65" fmla="*/ 226 h 677"/>
                  <a:gd name="T66" fmla="*/ 13 w 413"/>
                  <a:gd name="T67" fmla="*/ 224 h 677"/>
                  <a:gd name="T68" fmla="*/ 1 w 413"/>
                  <a:gd name="T69" fmla="*/ 221 h 677"/>
                  <a:gd name="T70" fmla="*/ 2 w 413"/>
                  <a:gd name="T71" fmla="*/ 203 h 677"/>
                  <a:gd name="T72" fmla="*/ 2 w 413"/>
                  <a:gd name="T73" fmla="*/ 187 h 677"/>
                  <a:gd name="T74" fmla="*/ 23 w 413"/>
                  <a:gd name="T75" fmla="*/ 181 h 677"/>
                  <a:gd name="T76" fmla="*/ 40 w 413"/>
                  <a:gd name="T77" fmla="*/ 176 h 677"/>
                  <a:gd name="T78" fmla="*/ 45 w 413"/>
                  <a:gd name="T79" fmla="*/ 164 h 677"/>
                  <a:gd name="T80" fmla="*/ 37 w 413"/>
                  <a:gd name="T81" fmla="*/ 152 h 677"/>
                  <a:gd name="T82" fmla="*/ 31 w 413"/>
                  <a:gd name="T83" fmla="*/ 142 h 677"/>
                  <a:gd name="T84" fmla="*/ 11 w 413"/>
                  <a:gd name="T85" fmla="*/ 142 h 677"/>
                  <a:gd name="T86" fmla="*/ 13 w 413"/>
                  <a:gd name="T87" fmla="*/ 117 h 677"/>
                  <a:gd name="T88" fmla="*/ 13 w 413"/>
                  <a:gd name="T89" fmla="*/ 103 h 677"/>
                  <a:gd name="T90" fmla="*/ 25 w 413"/>
                  <a:gd name="T91" fmla="*/ 102 h 677"/>
                  <a:gd name="T92" fmla="*/ 32 w 413"/>
                  <a:gd name="T93" fmla="*/ 107 h 677"/>
                  <a:gd name="T94" fmla="*/ 38 w 413"/>
                  <a:gd name="T95" fmla="*/ 115 h 677"/>
                  <a:gd name="T96" fmla="*/ 48 w 413"/>
                  <a:gd name="T97" fmla="*/ 117 h 677"/>
                  <a:gd name="T98" fmla="*/ 51 w 413"/>
                  <a:gd name="T99" fmla="*/ 106 h 677"/>
                  <a:gd name="T100" fmla="*/ 45 w 413"/>
                  <a:gd name="T101" fmla="*/ 89 h 677"/>
                  <a:gd name="T102" fmla="*/ 54 w 413"/>
                  <a:gd name="T103" fmla="*/ 83 h 677"/>
                  <a:gd name="T104" fmla="*/ 58 w 413"/>
                  <a:gd name="T105" fmla="*/ 70 h 677"/>
                  <a:gd name="T106" fmla="*/ 55 w 413"/>
                  <a:gd name="T107" fmla="*/ 64 h 677"/>
                  <a:gd name="T108" fmla="*/ 56 w 413"/>
                  <a:gd name="T109" fmla="*/ 54 h 677"/>
                  <a:gd name="T110" fmla="*/ 62 w 413"/>
                  <a:gd name="T111" fmla="*/ 51 h 677"/>
                  <a:gd name="T112" fmla="*/ 61 w 413"/>
                  <a:gd name="T113" fmla="*/ 37 h 677"/>
                  <a:gd name="T114" fmla="*/ 50 w 413"/>
                  <a:gd name="T115" fmla="*/ 14 h 677"/>
                  <a:gd name="T116" fmla="*/ 51 w 413"/>
                  <a:gd name="T117" fmla="*/ 2 h 677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8886 w 10000"/>
                  <a:gd name="connsiteY64" fmla="*/ 3811 h 10000"/>
                  <a:gd name="connsiteX65" fmla="*/ 8402 w 10000"/>
                  <a:gd name="connsiteY65" fmla="*/ 3944 h 10000"/>
                  <a:gd name="connsiteX66" fmla="*/ 7361 w 10000"/>
                  <a:gd name="connsiteY66" fmla="*/ 4195 h 10000"/>
                  <a:gd name="connsiteX67" fmla="*/ 6852 w 10000"/>
                  <a:gd name="connsiteY67" fmla="*/ 4313 h 10000"/>
                  <a:gd name="connsiteX68" fmla="*/ 6852 w 10000"/>
                  <a:gd name="connsiteY68" fmla="*/ 4431 h 10000"/>
                  <a:gd name="connsiteX69" fmla="*/ 6852 w 10000"/>
                  <a:gd name="connsiteY69" fmla="*/ 4549 h 10000"/>
                  <a:gd name="connsiteX70" fmla="*/ 6804 w 10000"/>
                  <a:gd name="connsiteY70" fmla="*/ 4564 h 10000"/>
                  <a:gd name="connsiteX71" fmla="*/ 6731 w 10000"/>
                  <a:gd name="connsiteY71" fmla="*/ 4594 h 10000"/>
                  <a:gd name="connsiteX72" fmla="*/ 6683 w 10000"/>
                  <a:gd name="connsiteY72" fmla="*/ 4638 h 10000"/>
                  <a:gd name="connsiteX73" fmla="*/ 6683 w 10000"/>
                  <a:gd name="connsiteY73" fmla="*/ 4697 h 10000"/>
                  <a:gd name="connsiteX74" fmla="*/ 6659 w 10000"/>
                  <a:gd name="connsiteY74" fmla="*/ 4801 h 10000"/>
                  <a:gd name="connsiteX75" fmla="*/ 6659 w 10000"/>
                  <a:gd name="connsiteY75" fmla="*/ 4904 h 10000"/>
                  <a:gd name="connsiteX76" fmla="*/ 6538 w 10000"/>
                  <a:gd name="connsiteY76" fmla="*/ 4860 h 10000"/>
                  <a:gd name="connsiteX77" fmla="*/ 6465 w 10000"/>
                  <a:gd name="connsiteY77" fmla="*/ 4801 h 10000"/>
                  <a:gd name="connsiteX78" fmla="*/ 6392 w 10000"/>
                  <a:gd name="connsiteY78" fmla="*/ 4727 h 10000"/>
                  <a:gd name="connsiteX79" fmla="*/ 6320 w 10000"/>
                  <a:gd name="connsiteY79" fmla="*/ 4638 h 10000"/>
                  <a:gd name="connsiteX80" fmla="*/ 6199 w 10000"/>
                  <a:gd name="connsiteY80" fmla="*/ 4476 h 10000"/>
                  <a:gd name="connsiteX81" fmla="*/ 6077 w 10000"/>
                  <a:gd name="connsiteY81" fmla="*/ 4313 h 10000"/>
                  <a:gd name="connsiteX82" fmla="*/ 6223 w 10000"/>
                  <a:gd name="connsiteY82" fmla="*/ 4210 h 10000"/>
                  <a:gd name="connsiteX83" fmla="*/ 6416 w 10000"/>
                  <a:gd name="connsiteY83" fmla="*/ 4121 h 10000"/>
                  <a:gd name="connsiteX84" fmla="*/ 6634 w 10000"/>
                  <a:gd name="connsiteY84" fmla="*/ 4032 h 10000"/>
                  <a:gd name="connsiteX85" fmla="*/ 6877 w 10000"/>
                  <a:gd name="connsiteY85" fmla="*/ 3959 h 10000"/>
                  <a:gd name="connsiteX86" fmla="*/ 7385 w 10000"/>
                  <a:gd name="connsiteY86" fmla="*/ 3811 h 10000"/>
                  <a:gd name="connsiteX87" fmla="*/ 7893 w 10000"/>
                  <a:gd name="connsiteY87" fmla="*/ 3663 h 10000"/>
                  <a:gd name="connsiteX88" fmla="*/ 8136 w 10000"/>
                  <a:gd name="connsiteY88" fmla="*/ 3589 h 10000"/>
                  <a:gd name="connsiteX89" fmla="*/ 8378 w 10000"/>
                  <a:gd name="connsiteY89" fmla="*/ 3516 h 10000"/>
                  <a:gd name="connsiteX90" fmla="*/ 8571 w 10000"/>
                  <a:gd name="connsiteY90" fmla="*/ 3412 h 10000"/>
                  <a:gd name="connsiteX91" fmla="*/ 8765 w 10000"/>
                  <a:gd name="connsiteY91" fmla="*/ 3338 h 10000"/>
                  <a:gd name="connsiteX92" fmla="*/ 8886 w 10000"/>
                  <a:gd name="connsiteY92" fmla="*/ 3235 h 10000"/>
                  <a:gd name="connsiteX93" fmla="*/ 8983 w 10000"/>
                  <a:gd name="connsiteY93" fmla="*/ 3117 h 10000"/>
                  <a:gd name="connsiteX94" fmla="*/ 9007 w 10000"/>
                  <a:gd name="connsiteY94" fmla="*/ 3072 h 10000"/>
                  <a:gd name="connsiteX95" fmla="*/ 9031 w 10000"/>
                  <a:gd name="connsiteY95" fmla="*/ 3013 h 10000"/>
                  <a:gd name="connsiteX96" fmla="*/ 9031 w 10000"/>
                  <a:gd name="connsiteY96" fmla="*/ 2954 h 10000"/>
                  <a:gd name="connsiteX97" fmla="*/ 9007 w 10000"/>
                  <a:gd name="connsiteY97" fmla="*/ 2866 h 10000"/>
                  <a:gd name="connsiteX98" fmla="*/ 8838 w 10000"/>
                  <a:gd name="connsiteY98" fmla="*/ 2984 h 10000"/>
                  <a:gd name="connsiteX99" fmla="*/ 8644 w 10000"/>
                  <a:gd name="connsiteY99" fmla="*/ 3072 h 10000"/>
                  <a:gd name="connsiteX100" fmla="*/ 8450 w 10000"/>
                  <a:gd name="connsiteY100" fmla="*/ 3161 h 10000"/>
                  <a:gd name="connsiteX101" fmla="*/ 8257 w 10000"/>
                  <a:gd name="connsiteY101" fmla="*/ 3250 h 10000"/>
                  <a:gd name="connsiteX102" fmla="*/ 7821 w 10000"/>
                  <a:gd name="connsiteY102" fmla="*/ 3397 h 10000"/>
                  <a:gd name="connsiteX103" fmla="*/ 7361 w 10000"/>
                  <a:gd name="connsiteY103" fmla="*/ 3545 h 10000"/>
                  <a:gd name="connsiteX104" fmla="*/ 6901 w 10000"/>
                  <a:gd name="connsiteY104" fmla="*/ 3678 h 10000"/>
                  <a:gd name="connsiteX105" fmla="*/ 6465 w 10000"/>
                  <a:gd name="connsiteY105" fmla="*/ 3840 h 10000"/>
                  <a:gd name="connsiteX106" fmla="*/ 6247 w 10000"/>
                  <a:gd name="connsiteY106" fmla="*/ 3914 h 10000"/>
                  <a:gd name="connsiteX107" fmla="*/ 6053 w 10000"/>
                  <a:gd name="connsiteY107" fmla="*/ 4003 h 10000"/>
                  <a:gd name="connsiteX108" fmla="*/ 5860 w 10000"/>
                  <a:gd name="connsiteY108" fmla="*/ 4106 h 10000"/>
                  <a:gd name="connsiteX109" fmla="*/ 5666 w 10000"/>
                  <a:gd name="connsiteY109" fmla="*/ 4195 h 10000"/>
                  <a:gd name="connsiteX110" fmla="*/ 5811 w 10000"/>
                  <a:gd name="connsiteY110" fmla="*/ 4417 h 10000"/>
                  <a:gd name="connsiteX111" fmla="*/ 5908 w 10000"/>
                  <a:gd name="connsiteY111" fmla="*/ 4623 h 10000"/>
                  <a:gd name="connsiteX112" fmla="*/ 6005 w 10000"/>
                  <a:gd name="connsiteY112" fmla="*/ 4845 h 10000"/>
                  <a:gd name="connsiteX113" fmla="*/ 6077 w 10000"/>
                  <a:gd name="connsiteY113" fmla="*/ 5081 h 10000"/>
                  <a:gd name="connsiteX114" fmla="*/ 6126 w 10000"/>
                  <a:gd name="connsiteY114" fmla="*/ 5318 h 10000"/>
                  <a:gd name="connsiteX115" fmla="*/ 6150 w 10000"/>
                  <a:gd name="connsiteY115" fmla="*/ 5539 h 10000"/>
                  <a:gd name="connsiteX116" fmla="*/ 6174 w 10000"/>
                  <a:gd name="connsiteY116" fmla="*/ 5775 h 10000"/>
                  <a:gd name="connsiteX117" fmla="*/ 6174 w 10000"/>
                  <a:gd name="connsiteY117" fmla="*/ 5997 h 10000"/>
                  <a:gd name="connsiteX118" fmla="*/ 6150 w 10000"/>
                  <a:gd name="connsiteY118" fmla="*/ 6233 h 10000"/>
                  <a:gd name="connsiteX119" fmla="*/ 6102 w 10000"/>
                  <a:gd name="connsiteY119" fmla="*/ 6470 h 10000"/>
                  <a:gd name="connsiteX120" fmla="*/ 6053 w 10000"/>
                  <a:gd name="connsiteY120" fmla="*/ 6677 h 10000"/>
                  <a:gd name="connsiteX121" fmla="*/ 5981 w 10000"/>
                  <a:gd name="connsiteY121" fmla="*/ 6898 h 10000"/>
                  <a:gd name="connsiteX122" fmla="*/ 5884 w 10000"/>
                  <a:gd name="connsiteY122" fmla="*/ 7105 h 10000"/>
                  <a:gd name="connsiteX123" fmla="*/ 5763 w 10000"/>
                  <a:gd name="connsiteY123" fmla="*/ 7297 h 10000"/>
                  <a:gd name="connsiteX124" fmla="*/ 5617 w 10000"/>
                  <a:gd name="connsiteY124" fmla="*/ 7489 h 10000"/>
                  <a:gd name="connsiteX125" fmla="*/ 5472 w 10000"/>
                  <a:gd name="connsiteY125" fmla="*/ 7681 h 10000"/>
                  <a:gd name="connsiteX126" fmla="*/ 6174 w 10000"/>
                  <a:gd name="connsiteY126" fmla="*/ 7799 h 10000"/>
                  <a:gd name="connsiteX127" fmla="*/ 6901 w 10000"/>
                  <a:gd name="connsiteY127" fmla="*/ 7962 h 10000"/>
                  <a:gd name="connsiteX128" fmla="*/ 7046 w 10000"/>
                  <a:gd name="connsiteY128" fmla="*/ 8021 h 10000"/>
                  <a:gd name="connsiteX129" fmla="*/ 7167 w 10000"/>
                  <a:gd name="connsiteY129" fmla="*/ 8080 h 10000"/>
                  <a:gd name="connsiteX130" fmla="*/ 7288 w 10000"/>
                  <a:gd name="connsiteY130" fmla="*/ 8139 h 10000"/>
                  <a:gd name="connsiteX131" fmla="*/ 7361 w 10000"/>
                  <a:gd name="connsiteY131" fmla="*/ 8227 h 10000"/>
                  <a:gd name="connsiteX132" fmla="*/ 7385 w 10000"/>
                  <a:gd name="connsiteY132" fmla="*/ 8301 h 10000"/>
                  <a:gd name="connsiteX133" fmla="*/ 7385 w 10000"/>
                  <a:gd name="connsiteY133" fmla="*/ 8405 h 10000"/>
                  <a:gd name="connsiteX134" fmla="*/ 7337 w 10000"/>
                  <a:gd name="connsiteY134" fmla="*/ 8523 h 10000"/>
                  <a:gd name="connsiteX135" fmla="*/ 7264 w 10000"/>
                  <a:gd name="connsiteY135" fmla="*/ 8641 h 10000"/>
                  <a:gd name="connsiteX136" fmla="*/ 6949 w 10000"/>
                  <a:gd name="connsiteY136" fmla="*/ 8552 h 10000"/>
                  <a:gd name="connsiteX137" fmla="*/ 6659 w 10000"/>
                  <a:gd name="connsiteY137" fmla="*/ 8449 h 10000"/>
                  <a:gd name="connsiteX138" fmla="*/ 6368 w 10000"/>
                  <a:gd name="connsiteY138" fmla="*/ 8360 h 10000"/>
                  <a:gd name="connsiteX139" fmla="*/ 6077 w 10000"/>
                  <a:gd name="connsiteY139" fmla="*/ 8287 h 10000"/>
                  <a:gd name="connsiteX140" fmla="*/ 5956 w 10000"/>
                  <a:gd name="connsiteY140" fmla="*/ 8449 h 10000"/>
                  <a:gd name="connsiteX141" fmla="*/ 5860 w 10000"/>
                  <a:gd name="connsiteY141" fmla="*/ 8597 h 10000"/>
                  <a:gd name="connsiteX142" fmla="*/ 5811 w 10000"/>
                  <a:gd name="connsiteY142" fmla="*/ 8656 h 10000"/>
                  <a:gd name="connsiteX143" fmla="*/ 5714 w 10000"/>
                  <a:gd name="connsiteY143" fmla="*/ 8700 h 10000"/>
                  <a:gd name="connsiteX144" fmla="*/ 5642 w 10000"/>
                  <a:gd name="connsiteY144" fmla="*/ 8744 h 10000"/>
                  <a:gd name="connsiteX145" fmla="*/ 5569 w 10000"/>
                  <a:gd name="connsiteY145" fmla="*/ 8774 h 10000"/>
                  <a:gd name="connsiteX146" fmla="*/ 5496 w 10000"/>
                  <a:gd name="connsiteY146" fmla="*/ 8804 h 10000"/>
                  <a:gd name="connsiteX147" fmla="*/ 5400 w 10000"/>
                  <a:gd name="connsiteY147" fmla="*/ 8818 h 10000"/>
                  <a:gd name="connsiteX148" fmla="*/ 5278 w 10000"/>
                  <a:gd name="connsiteY148" fmla="*/ 8833 h 10000"/>
                  <a:gd name="connsiteX149" fmla="*/ 5157 w 10000"/>
                  <a:gd name="connsiteY149" fmla="*/ 8833 h 10000"/>
                  <a:gd name="connsiteX150" fmla="*/ 4867 w 10000"/>
                  <a:gd name="connsiteY150" fmla="*/ 8818 h 10000"/>
                  <a:gd name="connsiteX151" fmla="*/ 4504 w 10000"/>
                  <a:gd name="connsiteY151" fmla="*/ 8744 h 10000"/>
                  <a:gd name="connsiteX152" fmla="*/ 4504 w 10000"/>
                  <a:gd name="connsiteY152" fmla="*/ 8922 h 10000"/>
                  <a:gd name="connsiteX153" fmla="*/ 4479 w 10000"/>
                  <a:gd name="connsiteY153" fmla="*/ 9069 h 10000"/>
                  <a:gd name="connsiteX154" fmla="*/ 4455 w 10000"/>
                  <a:gd name="connsiteY154" fmla="*/ 9232 h 10000"/>
                  <a:gd name="connsiteX155" fmla="*/ 4431 w 10000"/>
                  <a:gd name="connsiteY155" fmla="*/ 9365 h 10000"/>
                  <a:gd name="connsiteX156" fmla="*/ 4383 w 10000"/>
                  <a:gd name="connsiteY156" fmla="*/ 9498 h 10000"/>
                  <a:gd name="connsiteX157" fmla="*/ 4286 w 10000"/>
                  <a:gd name="connsiteY157" fmla="*/ 9616 h 10000"/>
                  <a:gd name="connsiteX158" fmla="*/ 4213 w 10000"/>
                  <a:gd name="connsiteY158" fmla="*/ 9734 h 10000"/>
                  <a:gd name="connsiteX159" fmla="*/ 4092 w 10000"/>
                  <a:gd name="connsiteY159" fmla="*/ 9838 h 10000"/>
                  <a:gd name="connsiteX160" fmla="*/ 3801 w 10000"/>
                  <a:gd name="connsiteY160" fmla="*/ 9897 h 10000"/>
                  <a:gd name="connsiteX161" fmla="*/ 3559 w 10000"/>
                  <a:gd name="connsiteY161" fmla="*/ 9941 h 10000"/>
                  <a:gd name="connsiteX162" fmla="*/ 3269 w 10000"/>
                  <a:gd name="connsiteY162" fmla="*/ 9985 h 10000"/>
                  <a:gd name="connsiteX163" fmla="*/ 3051 w 10000"/>
                  <a:gd name="connsiteY163" fmla="*/ 10000 h 10000"/>
                  <a:gd name="connsiteX164" fmla="*/ 2567 w 10000"/>
                  <a:gd name="connsiteY164" fmla="*/ 10000 h 10000"/>
                  <a:gd name="connsiteX165" fmla="*/ 2107 w 10000"/>
                  <a:gd name="connsiteY165" fmla="*/ 9985 h 10000"/>
                  <a:gd name="connsiteX166" fmla="*/ 1671 w 10000"/>
                  <a:gd name="connsiteY166" fmla="*/ 9941 h 10000"/>
                  <a:gd name="connsiteX167" fmla="*/ 1211 w 10000"/>
                  <a:gd name="connsiteY167" fmla="*/ 9911 h 10000"/>
                  <a:gd name="connsiteX168" fmla="*/ 944 w 10000"/>
                  <a:gd name="connsiteY168" fmla="*/ 9911 h 10000"/>
                  <a:gd name="connsiteX169" fmla="*/ 702 w 10000"/>
                  <a:gd name="connsiteY169" fmla="*/ 9911 h 10000"/>
                  <a:gd name="connsiteX170" fmla="*/ 436 w 10000"/>
                  <a:gd name="connsiteY170" fmla="*/ 9926 h 10000"/>
                  <a:gd name="connsiteX171" fmla="*/ 169 w 10000"/>
                  <a:gd name="connsiteY171" fmla="*/ 9970 h 10000"/>
                  <a:gd name="connsiteX172" fmla="*/ 97 w 10000"/>
                  <a:gd name="connsiteY172" fmla="*/ 9867 h 10000"/>
                  <a:gd name="connsiteX173" fmla="*/ 48 w 10000"/>
                  <a:gd name="connsiteY173" fmla="*/ 9793 h 10000"/>
                  <a:gd name="connsiteX174" fmla="*/ 0 w 10000"/>
                  <a:gd name="connsiteY174" fmla="*/ 9705 h 10000"/>
                  <a:gd name="connsiteX175" fmla="*/ 0 w 10000"/>
                  <a:gd name="connsiteY175" fmla="*/ 9601 h 10000"/>
                  <a:gd name="connsiteX176" fmla="*/ 48 w 10000"/>
                  <a:gd name="connsiteY176" fmla="*/ 9424 h 10000"/>
                  <a:gd name="connsiteX177" fmla="*/ 97 w 10000"/>
                  <a:gd name="connsiteY177" fmla="*/ 9202 h 10000"/>
                  <a:gd name="connsiteX178" fmla="*/ 145 w 10000"/>
                  <a:gd name="connsiteY178" fmla="*/ 8996 h 10000"/>
                  <a:gd name="connsiteX179" fmla="*/ 194 w 10000"/>
                  <a:gd name="connsiteY179" fmla="*/ 8759 h 10000"/>
                  <a:gd name="connsiteX180" fmla="*/ 218 w 10000"/>
                  <a:gd name="connsiteY180" fmla="*/ 8641 h 10000"/>
                  <a:gd name="connsiteX181" fmla="*/ 218 w 10000"/>
                  <a:gd name="connsiteY181" fmla="*/ 8538 h 10000"/>
                  <a:gd name="connsiteX182" fmla="*/ 194 w 10000"/>
                  <a:gd name="connsiteY182" fmla="*/ 8405 h 10000"/>
                  <a:gd name="connsiteX183" fmla="*/ 169 w 10000"/>
                  <a:gd name="connsiteY183" fmla="*/ 8287 h 10000"/>
                  <a:gd name="connsiteX184" fmla="*/ 412 w 10000"/>
                  <a:gd name="connsiteY184" fmla="*/ 8213 h 10000"/>
                  <a:gd name="connsiteX185" fmla="*/ 654 w 10000"/>
                  <a:gd name="connsiteY185" fmla="*/ 8139 h 10000"/>
                  <a:gd name="connsiteX186" fmla="*/ 896 w 10000"/>
                  <a:gd name="connsiteY186" fmla="*/ 8095 h 10000"/>
                  <a:gd name="connsiteX187" fmla="*/ 1162 w 10000"/>
                  <a:gd name="connsiteY187" fmla="*/ 8065 h 10000"/>
                  <a:gd name="connsiteX188" fmla="*/ 1646 w 10000"/>
                  <a:gd name="connsiteY188" fmla="*/ 8021 h 10000"/>
                  <a:gd name="connsiteX189" fmla="*/ 2131 w 10000"/>
                  <a:gd name="connsiteY189" fmla="*/ 7976 h 10000"/>
                  <a:gd name="connsiteX190" fmla="*/ 2349 w 10000"/>
                  <a:gd name="connsiteY190" fmla="*/ 7947 h 10000"/>
                  <a:gd name="connsiteX191" fmla="*/ 2567 w 10000"/>
                  <a:gd name="connsiteY191" fmla="*/ 7917 h 10000"/>
                  <a:gd name="connsiteX192" fmla="*/ 2760 w 10000"/>
                  <a:gd name="connsiteY192" fmla="*/ 7843 h 10000"/>
                  <a:gd name="connsiteX193" fmla="*/ 2954 w 10000"/>
                  <a:gd name="connsiteY193" fmla="*/ 7784 h 10000"/>
                  <a:gd name="connsiteX194" fmla="*/ 3123 w 10000"/>
                  <a:gd name="connsiteY194" fmla="*/ 7710 h 10000"/>
                  <a:gd name="connsiteX195" fmla="*/ 3269 w 10000"/>
                  <a:gd name="connsiteY195" fmla="*/ 7592 h 10000"/>
                  <a:gd name="connsiteX196" fmla="*/ 3414 w 10000"/>
                  <a:gd name="connsiteY196" fmla="*/ 7474 h 10000"/>
                  <a:gd name="connsiteX197" fmla="*/ 3511 w 10000"/>
                  <a:gd name="connsiteY197" fmla="*/ 7312 h 10000"/>
                  <a:gd name="connsiteX198" fmla="*/ 3317 w 10000"/>
                  <a:gd name="connsiteY198" fmla="*/ 7238 h 10000"/>
                  <a:gd name="connsiteX199" fmla="*/ 3148 w 10000"/>
                  <a:gd name="connsiteY199" fmla="*/ 7179 h 10000"/>
                  <a:gd name="connsiteX200" fmla="*/ 3002 w 10000"/>
                  <a:gd name="connsiteY200" fmla="*/ 7090 h 10000"/>
                  <a:gd name="connsiteX201" fmla="*/ 2857 w 10000"/>
                  <a:gd name="connsiteY201" fmla="*/ 6987 h 10000"/>
                  <a:gd name="connsiteX202" fmla="*/ 2760 w 10000"/>
                  <a:gd name="connsiteY202" fmla="*/ 6869 h 10000"/>
                  <a:gd name="connsiteX203" fmla="*/ 2712 w 10000"/>
                  <a:gd name="connsiteY203" fmla="*/ 6721 h 10000"/>
                  <a:gd name="connsiteX204" fmla="*/ 2688 w 10000"/>
                  <a:gd name="connsiteY204" fmla="*/ 6558 h 10000"/>
                  <a:gd name="connsiteX205" fmla="*/ 2712 w 10000"/>
                  <a:gd name="connsiteY205" fmla="*/ 6352 h 10000"/>
                  <a:gd name="connsiteX206" fmla="*/ 2591 w 10000"/>
                  <a:gd name="connsiteY206" fmla="*/ 6322 h 10000"/>
                  <a:gd name="connsiteX207" fmla="*/ 2446 w 10000"/>
                  <a:gd name="connsiteY207" fmla="*/ 6292 h 10000"/>
                  <a:gd name="connsiteX208" fmla="*/ 2276 w 10000"/>
                  <a:gd name="connsiteY208" fmla="*/ 6278 h 10000"/>
                  <a:gd name="connsiteX209" fmla="*/ 2107 w 10000"/>
                  <a:gd name="connsiteY209" fmla="*/ 6263 h 10000"/>
                  <a:gd name="connsiteX210" fmla="*/ 1768 w 10000"/>
                  <a:gd name="connsiteY210" fmla="*/ 6248 h 10000"/>
                  <a:gd name="connsiteX211" fmla="*/ 1404 w 10000"/>
                  <a:gd name="connsiteY211" fmla="*/ 6263 h 10000"/>
                  <a:gd name="connsiteX212" fmla="*/ 1090 w 10000"/>
                  <a:gd name="connsiteY212" fmla="*/ 6278 h 10000"/>
                  <a:gd name="connsiteX213" fmla="*/ 799 w 10000"/>
                  <a:gd name="connsiteY213" fmla="*/ 6278 h 10000"/>
                  <a:gd name="connsiteX214" fmla="*/ 557 w 10000"/>
                  <a:gd name="connsiteY214" fmla="*/ 6263 h 10000"/>
                  <a:gd name="connsiteX215" fmla="*/ 363 w 10000"/>
                  <a:gd name="connsiteY215" fmla="*/ 6233 h 10000"/>
                  <a:gd name="connsiteX216" fmla="*/ 605 w 10000"/>
                  <a:gd name="connsiteY216" fmla="*/ 5805 h 10000"/>
                  <a:gd name="connsiteX217" fmla="*/ 872 w 10000"/>
                  <a:gd name="connsiteY217" fmla="*/ 5391 h 10000"/>
                  <a:gd name="connsiteX218" fmla="*/ 969 w 10000"/>
                  <a:gd name="connsiteY218" fmla="*/ 5170 h 10000"/>
                  <a:gd name="connsiteX219" fmla="*/ 1041 w 10000"/>
                  <a:gd name="connsiteY219" fmla="*/ 4963 h 10000"/>
                  <a:gd name="connsiteX220" fmla="*/ 1065 w 10000"/>
                  <a:gd name="connsiteY220" fmla="*/ 4860 h 10000"/>
                  <a:gd name="connsiteX221" fmla="*/ 1041 w 10000"/>
                  <a:gd name="connsiteY221" fmla="*/ 4756 h 10000"/>
                  <a:gd name="connsiteX222" fmla="*/ 1017 w 10000"/>
                  <a:gd name="connsiteY222" fmla="*/ 4653 h 10000"/>
                  <a:gd name="connsiteX223" fmla="*/ 944 w 10000"/>
                  <a:gd name="connsiteY223" fmla="*/ 4549 h 10000"/>
                  <a:gd name="connsiteX224" fmla="*/ 1211 w 10000"/>
                  <a:gd name="connsiteY224" fmla="*/ 4520 h 10000"/>
                  <a:gd name="connsiteX225" fmla="*/ 1404 w 10000"/>
                  <a:gd name="connsiteY225" fmla="*/ 4505 h 10000"/>
                  <a:gd name="connsiteX226" fmla="*/ 1574 w 10000"/>
                  <a:gd name="connsiteY226" fmla="*/ 4505 h 10000"/>
                  <a:gd name="connsiteX227" fmla="*/ 1719 w 10000"/>
                  <a:gd name="connsiteY227" fmla="*/ 4520 h 10000"/>
                  <a:gd name="connsiteX228" fmla="*/ 1840 w 10000"/>
                  <a:gd name="connsiteY228" fmla="*/ 4520 h 10000"/>
                  <a:gd name="connsiteX229" fmla="*/ 1985 w 10000"/>
                  <a:gd name="connsiteY229" fmla="*/ 4520 h 10000"/>
                  <a:gd name="connsiteX230" fmla="*/ 2131 w 10000"/>
                  <a:gd name="connsiteY230" fmla="*/ 4490 h 10000"/>
                  <a:gd name="connsiteX231" fmla="*/ 2324 w 10000"/>
                  <a:gd name="connsiteY231" fmla="*/ 4446 h 10000"/>
                  <a:gd name="connsiteX232" fmla="*/ 2324 w 10000"/>
                  <a:gd name="connsiteY232" fmla="*/ 4579 h 10000"/>
                  <a:gd name="connsiteX233" fmla="*/ 2324 w 10000"/>
                  <a:gd name="connsiteY233" fmla="*/ 4742 h 10000"/>
                  <a:gd name="connsiteX234" fmla="*/ 2324 w 10000"/>
                  <a:gd name="connsiteY234" fmla="*/ 4874 h 10000"/>
                  <a:gd name="connsiteX235" fmla="*/ 2324 w 10000"/>
                  <a:gd name="connsiteY235" fmla="*/ 5037 h 10000"/>
                  <a:gd name="connsiteX236" fmla="*/ 2542 w 10000"/>
                  <a:gd name="connsiteY236" fmla="*/ 5022 h 10000"/>
                  <a:gd name="connsiteX237" fmla="*/ 2688 w 10000"/>
                  <a:gd name="connsiteY237" fmla="*/ 5037 h 10000"/>
                  <a:gd name="connsiteX238" fmla="*/ 2809 w 10000"/>
                  <a:gd name="connsiteY238" fmla="*/ 5066 h 10000"/>
                  <a:gd name="connsiteX239" fmla="*/ 2930 w 10000"/>
                  <a:gd name="connsiteY239" fmla="*/ 5096 h 10000"/>
                  <a:gd name="connsiteX240" fmla="*/ 3027 w 10000"/>
                  <a:gd name="connsiteY240" fmla="*/ 5126 h 10000"/>
                  <a:gd name="connsiteX241" fmla="*/ 3148 w 10000"/>
                  <a:gd name="connsiteY241" fmla="*/ 5155 h 10000"/>
                  <a:gd name="connsiteX242" fmla="*/ 3293 w 10000"/>
                  <a:gd name="connsiteY242" fmla="*/ 5170 h 10000"/>
                  <a:gd name="connsiteX243" fmla="*/ 3511 w 10000"/>
                  <a:gd name="connsiteY243" fmla="*/ 5155 h 10000"/>
                  <a:gd name="connsiteX244" fmla="*/ 3584 w 10000"/>
                  <a:gd name="connsiteY244" fmla="*/ 5096 h 10000"/>
                  <a:gd name="connsiteX245" fmla="*/ 3656 w 10000"/>
                  <a:gd name="connsiteY245" fmla="*/ 5022 h 10000"/>
                  <a:gd name="connsiteX246" fmla="*/ 3680 w 10000"/>
                  <a:gd name="connsiteY246" fmla="*/ 4934 h 10000"/>
                  <a:gd name="connsiteX247" fmla="*/ 3705 w 10000"/>
                  <a:gd name="connsiteY247" fmla="*/ 4860 h 10000"/>
                  <a:gd name="connsiteX248" fmla="*/ 3729 w 10000"/>
                  <a:gd name="connsiteY248" fmla="*/ 4697 h 10000"/>
                  <a:gd name="connsiteX249" fmla="*/ 3705 w 10000"/>
                  <a:gd name="connsiteY249" fmla="*/ 4520 h 10000"/>
                  <a:gd name="connsiteX250" fmla="*/ 3632 w 10000"/>
                  <a:gd name="connsiteY250" fmla="*/ 4343 h 10000"/>
                  <a:gd name="connsiteX251" fmla="*/ 3559 w 10000"/>
                  <a:gd name="connsiteY251" fmla="*/ 4195 h 10000"/>
                  <a:gd name="connsiteX252" fmla="*/ 3438 w 10000"/>
                  <a:gd name="connsiteY252" fmla="*/ 4047 h 10000"/>
                  <a:gd name="connsiteX253" fmla="*/ 3317 w 10000"/>
                  <a:gd name="connsiteY253" fmla="*/ 3959 h 10000"/>
                  <a:gd name="connsiteX254" fmla="*/ 3462 w 10000"/>
                  <a:gd name="connsiteY254" fmla="*/ 3944 h 10000"/>
                  <a:gd name="connsiteX255" fmla="*/ 3584 w 10000"/>
                  <a:gd name="connsiteY255" fmla="*/ 3914 h 10000"/>
                  <a:gd name="connsiteX256" fmla="*/ 3680 w 10000"/>
                  <a:gd name="connsiteY256" fmla="*/ 3855 h 10000"/>
                  <a:gd name="connsiteX257" fmla="*/ 3801 w 10000"/>
                  <a:gd name="connsiteY257" fmla="*/ 3752 h 10000"/>
                  <a:gd name="connsiteX258" fmla="*/ 3923 w 10000"/>
                  <a:gd name="connsiteY258" fmla="*/ 3663 h 10000"/>
                  <a:gd name="connsiteX259" fmla="*/ 4019 w 10000"/>
                  <a:gd name="connsiteY259" fmla="*/ 3560 h 10000"/>
                  <a:gd name="connsiteX260" fmla="*/ 4092 w 10000"/>
                  <a:gd name="connsiteY260" fmla="*/ 3442 h 10000"/>
                  <a:gd name="connsiteX261" fmla="*/ 4165 w 10000"/>
                  <a:gd name="connsiteY261" fmla="*/ 3323 h 10000"/>
                  <a:gd name="connsiteX262" fmla="*/ 4213 w 10000"/>
                  <a:gd name="connsiteY262" fmla="*/ 3220 h 10000"/>
                  <a:gd name="connsiteX263" fmla="*/ 4237 w 10000"/>
                  <a:gd name="connsiteY263" fmla="*/ 3102 h 10000"/>
                  <a:gd name="connsiteX264" fmla="*/ 4262 w 10000"/>
                  <a:gd name="connsiteY264" fmla="*/ 3013 h 10000"/>
                  <a:gd name="connsiteX265" fmla="*/ 4237 w 10000"/>
                  <a:gd name="connsiteY265" fmla="*/ 2939 h 10000"/>
                  <a:gd name="connsiteX266" fmla="*/ 4213 w 10000"/>
                  <a:gd name="connsiteY266" fmla="*/ 2866 h 10000"/>
                  <a:gd name="connsiteX267" fmla="*/ 4140 w 10000"/>
                  <a:gd name="connsiteY267" fmla="*/ 2836 h 10000"/>
                  <a:gd name="connsiteX268" fmla="*/ 4044 w 10000"/>
                  <a:gd name="connsiteY268" fmla="*/ 2836 h 10000"/>
                  <a:gd name="connsiteX269" fmla="*/ 3923 w 10000"/>
                  <a:gd name="connsiteY269" fmla="*/ 2866 h 10000"/>
                  <a:gd name="connsiteX270" fmla="*/ 4019 w 10000"/>
                  <a:gd name="connsiteY270" fmla="*/ 2777 h 10000"/>
                  <a:gd name="connsiteX271" fmla="*/ 4068 w 10000"/>
                  <a:gd name="connsiteY271" fmla="*/ 2674 h 10000"/>
                  <a:gd name="connsiteX272" fmla="*/ 4092 w 10000"/>
                  <a:gd name="connsiteY272" fmla="*/ 2541 h 10000"/>
                  <a:gd name="connsiteX273" fmla="*/ 4092 w 10000"/>
                  <a:gd name="connsiteY273" fmla="*/ 2393 h 10000"/>
                  <a:gd name="connsiteX274" fmla="*/ 4116 w 10000"/>
                  <a:gd name="connsiteY274" fmla="*/ 2349 h 10000"/>
                  <a:gd name="connsiteX275" fmla="*/ 4165 w 10000"/>
                  <a:gd name="connsiteY275" fmla="*/ 2304 h 10000"/>
                  <a:gd name="connsiteX276" fmla="*/ 4213 w 10000"/>
                  <a:gd name="connsiteY276" fmla="*/ 2290 h 10000"/>
                  <a:gd name="connsiteX277" fmla="*/ 4286 w 10000"/>
                  <a:gd name="connsiteY277" fmla="*/ 2275 h 10000"/>
                  <a:gd name="connsiteX278" fmla="*/ 4504 w 10000"/>
                  <a:gd name="connsiteY278" fmla="*/ 2260 h 10000"/>
                  <a:gd name="connsiteX279" fmla="*/ 4697 w 10000"/>
                  <a:gd name="connsiteY279" fmla="*/ 2275 h 10000"/>
                  <a:gd name="connsiteX280" fmla="*/ 4673 w 10000"/>
                  <a:gd name="connsiteY280" fmla="*/ 2112 h 10000"/>
                  <a:gd name="connsiteX281" fmla="*/ 4625 w 10000"/>
                  <a:gd name="connsiteY281" fmla="*/ 1950 h 10000"/>
                  <a:gd name="connsiteX282" fmla="*/ 4552 w 10000"/>
                  <a:gd name="connsiteY282" fmla="*/ 1802 h 10000"/>
                  <a:gd name="connsiteX283" fmla="*/ 4455 w 10000"/>
                  <a:gd name="connsiteY283" fmla="*/ 1640 h 10000"/>
                  <a:gd name="connsiteX284" fmla="*/ 4213 w 10000"/>
                  <a:gd name="connsiteY284" fmla="*/ 1329 h 10000"/>
                  <a:gd name="connsiteX285" fmla="*/ 3971 w 10000"/>
                  <a:gd name="connsiteY285" fmla="*/ 1034 h 10000"/>
                  <a:gd name="connsiteX286" fmla="*/ 3850 w 10000"/>
                  <a:gd name="connsiteY286" fmla="*/ 901 h 10000"/>
                  <a:gd name="connsiteX287" fmla="*/ 3753 w 10000"/>
                  <a:gd name="connsiteY287" fmla="*/ 753 h 10000"/>
                  <a:gd name="connsiteX288" fmla="*/ 3680 w 10000"/>
                  <a:gd name="connsiteY288" fmla="*/ 620 h 10000"/>
                  <a:gd name="connsiteX289" fmla="*/ 3656 w 10000"/>
                  <a:gd name="connsiteY289" fmla="*/ 487 h 10000"/>
                  <a:gd name="connsiteX290" fmla="*/ 3632 w 10000"/>
                  <a:gd name="connsiteY290" fmla="*/ 355 h 10000"/>
                  <a:gd name="connsiteX291" fmla="*/ 3680 w 10000"/>
                  <a:gd name="connsiteY291" fmla="*/ 222 h 10000"/>
                  <a:gd name="connsiteX292" fmla="*/ 3705 w 10000"/>
                  <a:gd name="connsiteY292" fmla="*/ 162 h 10000"/>
                  <a:gd name="connsiteX293" fmla="*/ 3753 w 10000"/>
                  <a:gd name="connsiteY293" fmla="*/ 103 h 10000"/>
                  <a:gd name="connsiteX294" fmla="*/ 3826 w 10000"/>
                  <a:gd name="connsiteY294" fmla="*/ 59 h 10000"/>
                  <a:gd name="connsiteX295" fmla="*/ 3923 w 10000"/>
                  <a:gd name="connsiteY295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8402 w 10000"/>
                  <a:gd name="connsiteY64" fmla="*/ 3944 h 10000"/>
                  <a:gd name="connsiteX65" fmla="*/ 7361 w 10000"/>
                  <a:gd name="connsiteY65" fmla="*/ 4195 h 10000"/>
                  <a:gd name="connsiteX66" fmla="*/ 6852 w 10000"/>
                  <a:gd name="connsiteY66" fmla="*/ 4313 h 10000"/>
                  <a:gd name="connsiteX67" fmla="*/ 6852 w 10000"/>
                  <a:gd name="connsiteY67" fmla="*/ 4431 h 10000"/>
                  <a:gd name="connsiteX68" fmla="*/ 6852 w 10000"/>
                  <a:gd name="connsiteY68" fmla="*/ 4549 h 10000"/>
                  <a:gd name="connsiteX69" fmla="*/ 6804 w 10000"/>
                  <a:gd name="connsiteY69" fmla="*/ 4564 h 10000"/>
                  <a:gd name="connsiteX70" fmla="*/ 6731 w 10000"/>
                  <a:gd name="connsiteY70" fmla="*/ 4594 h 10000"/>
                  <a:gd name="connsiteX71" fmla="*/ 6683 w 10000"/>
                  <a:gd name="connsiteY71" fmla="*/ 4638 h 10000"/>
                  <a:gd name="connsiteX72" fmla="*/ 6683 w 10000"/>
                  <a:gd name="connsiteY72" fmla="*/ 4697 h 10000"/>
                  <a:gd name="connsiteX73" fmla="*/ 6659 w 10000"/>
                  <a:gd name="connsiteY73" fmla="*/ 4801 h 10000"/>
                  <a:gd name="connsiteX74" fmla="*/ 6659 w 10000"/>
                  <a:gd name="connsiteY74" fmla="*/ 4904 h 10000"/>
                  <a:gd name="connsiteX75" fmla="*/ 6538 w 10000"/>
                  <a:gd name="connsiteY75" fmla="*/ 4860 h 10000"/>
                  <a:gd name="connsiteX76" fmla="*/ 6465 w 10000"/>
                  <a:gd name="connsiteY76" fmla="*/ 4801 h 10000"/>
                  <a:gd name="connsiteX77" fmla="*/ 6392 w 10000"/>
                  <a:gd name="connsiteY77" fmla="*/ 4727 h 10000"/>
                  <a:gd name="connsiteX78" fmla="*/ 6320 w 10000"/>
                  <a:gd name="connsiteY78" fmla="*/ 4638 h 10000"/>
                  <a:gd name="connsiteX79" fmla="*/ 6199 w 10000"/>
                  <a:gd name="connsiteY79" fmla="*/ 4476 h 10000"/>
                  <a:gd name="connsiteX80" fmla="*/ 6077 w 10000"/>
                  <a:gd name="connsiteY80" fmla="*/ 4313 h 10000"/>
                  <a:gd name="connsiteX81" fmla="*/ 6223 w 10000"/>
                  <a:gd name="connsiteY81" fmla="*/ 4210 h 10000"/>
                  <a:gd name="connsiteX82" fmla="*/ 6416 w 10000"/>
                  <a:gd name="connsiteY82" fmla="*/ 4121 h 10000"/>
                  <a:gd name="connsiteX83" fmla="*/ 6634 w 10000"/>
                  <a:gd name="connsiteY83" fmla="*/ 4032 h 10000"/>
                  <a:gd name="connsiteX84" fmla="*/ 6877 w 10000"/>
                  <a:gd name="connsiteY84" fmla="*/ 3959 h 10000"/>
                  <a:gd name="connsiteX85" fmla="*/ 7385 w 10000"/>
                  <a:gd name="connsiteY85" fmla="*/ 3811 h 10000"/>
                  <a:gd name="connsiteX86" fmla="*/ 7893 w 10000"/>
                  <a:gd name="connsiteY86" fmla="*/ 3663 h 10000"/>
                  <a:gd name="connsiteX87" fmla="*/ 8136 w 10000"/>
                  <a:gd name="connsiteY87" fmla="*/ 3589 h 10000"/>
                  <a:gd name="connsiteX88" fmla="*/ 8378 w 10000"/>
                  <a:gd name="connsiteY88" fmla="*/ 3516 h 10000"/>
                  <a:gd name="connsiteX89" fmla="*/ 8571 w 10000"/>
                  <a:gd name="connsiteY89" fmla="*/ 3412 h 10000"/>
                  <a:gd name="connsiteX90" fmla="*/ 8765 w 10000"/>
                  <a:gd name="connsiteY90" fmla="*/ 3338 h 10000"/>
                  <a:gd name="connsiteX91" fmla="*/ 8886 w 10000"/>
                  <a:gd name="connsiteY91" fmla="*/ 3235 h 10000"/>
                  <a:gd name="connsiteX92" fmla="*/ 8983 w 10000"/>
                  <a:gd name="connsiteY92" fmla="*/ 3117 h 10000"/>
                  <a:gd name="connsiteX93" fmla="*/ 9007 w 10000"/>
                  <a:gd name="connsiteY93" fmla="*/ 3072 h 10000"/>
                  <a:gd name="connsiteX94" fmla="*/ 9031 w 10000"/>
                  <a:gd name="connsiteY94" fmla="*/ 3013 h 10000"/>
                  <a:gd name="connsiteX95" fmla="*/ 9031 w 10000"/>
                  <a:gd name="connsiteY95" fmla="*/ 2954 h 10000"/>
                  <a:gd name="connsiteX96" fmla="*/ 9007 w 10000"/>
                  <a:gd name="connsiteY96" fmla="*/ 2866 h 10000"/>
                  <a:gd name="connsiteX97" fmla="*/ 8838 w 10000"/>
                  <a:gd name="connsiteY97" fmla="*/ 2984 h 10000"/>
                  <a:gd name="connsiteX98" fmla="*/ 8644 w 10000"/>
                  <a:gd name="connsiteY98" fmla="*/ 3072 h 10000"/>
                  <a:gd name="connsiteX99" fmla="*/ 8450 w 10000"/>
                  <a:gd name="connsiteY99" fmla="*/ 3161 h 10000"/>
                  <a:gd name="connsiteX100" fmla="*/ 8257 w 10000"/>
                  <a:gd name="connsiteY100" fmla="*/ 3250 h 10000"/>
                  <a:gd name="connsiteX101" fmla="*/ 7821 w 10000"/>
                  <a:gd name="connsiteY101" fmla="*/ 3397 h 10000"/>
                  <a:gd name="connsiteX102" fmla="*/ 7361 w 10000"/>
                  <a:gd name="connsiteY102" fmla="*/ 3545 h 10000"/>
                  <a:gd name="connsiteX103" fmla="*/ 6901 w 10000"/>
                  <a:gd name="connsiteY103" fmla="*/ 3678 h 10000"/>
                  <a:gd name="connsiteX104" fmla="*/ 6465 w 10000"/>
                  <a:gd name="connsiteY104" fmla="*/ 3840 h 10000"/>
                  <a:gd name="connsiteX105" fmla="*/ 6247 w 10000"/>
                  <a:gd name="connsiteY105" fmla="*/ 3914 h 10000"/>
                  <a:gd name="connsiteX106" fmla="*/ 6053 w 10000"/>
                  <a:gd name="connsiteY106" fmla="*/ 4003 h 10000"/>
                  <a:gd name="connsiteX107" fmla="*/ 5860 w 10000"/>
                  <a:gd name="connsiteY107" fmla="*/ 4106 h 10000"/>
                  <a:gd name="connsiteX108" fmla="*/ 5666 w 10000"/>
                  <a:gd name="connsiteY108" fmla="*/ 4195 h 10000"/>
                  <a:gd name="connsiteX109" fmla="*/ 5811 w 10000"/>
                  <a:gd name="connsiteY109" fmla="*/ 4417 h 10000"/>
                  <a:gd name="connsiteX110" fmla="*/ 5908 w 10000"/>
                  <a:gd name="connsiteY110" fmla="*/ 4623 h 10000"/>
                  <a:gd name="connsiteX111" fmla="*/ 6005 w 10000"/>
                  <a:gd name="connsiteY111" fmla="*/ 4845 h 10000"/>
                  <a:gd name="connsiteX112" fmla="*/ 6077 w 10000"/>
                  <a:gd name="connsiteY112" fmla="*/ 5081 h 10000"/>
                  <a:gd name="connsiteX113" fmla="*/ 6126 w 10000"/>
                  <a:gd name="connsiteY113" fmla="*/ 5318 h 10000"/>
                  <a:gd name="connsiteX114" fmla="*/ 6150 w 10000"/>
                  <a:gd name="connsiteY114" fmla="*/ 5539 h 10000"/>
                  <a:gd name="connsiteX115" fmla="*/ 6174 w 10000"/>
                  <a:gd name="connsiteY115" fmla="*/ 5775 h 10000"/>
                  <a:gd name="connsiteX116" fmla="*/ 6174 w 10000"/>
                  <a:gd name="connsiteY116" fmla="*/ 5997 h 10000"/>
                  <a:gd name="connsiteX117" fmla="*/ 6150 w 10000"/>
                  <a:gd name="connsiteY117" fmla="*/ 6233 h 10000"/>
                  <a:gd name="connsiteX118" fmla="*/ 6102 w 10000"/>
                  <a:gd name="connsiteY118" fmla="*/ 6470 h 10000"/>
                  <a:gd name="connsiteX119" fmla="*/ 6053 w 10000"/>
                  <a:gd name="connsiteY119" fmla="*/ 6677 h 10000"/>
                  <a:gd name="connsiteX120" fmla="*/ 5981 w 10000"/>
                  <a:gd name="connsiteY120" fmla="*/ 6898 h 10000"/>
                  <a:gd name="connsiteX121" fmla="*/ 5884 w 10000"/>
                  <a:gd name="connsiteY121" fmla="*/ 7105 h 10000"/>
                  <a:gd name="connsiteX122" fmla="*/ 5763 w 10000"/>
                  <a:gd name="connsiteY122" fmla="*/ 7297 h 10000"/>
                  <a:gd name="connsiteX123" fmla="*/ 5617 w 10000"/>
                  <a:gd name="connsiteY123" fmla="*/ 7489 h 10000"/>
                  <a:gd name="connsiteX124" fmla="*/ 5472 w 10000"/>
                  <a:gd name="connsiteY124" fmla="*/ 7681 h 10000"/>
                  <a:gd name="connsiteX125" fmla="*/ 6174 w 10000"/>
                  <a:gd name="connsiteY125" fmla="*/ 7799 h 10000"/>
                  <a:gd name="connsiteX126" fmla="*/ 6901 w 10000"/>
                  <a:gd name="connsiteY126" fmla="*/ 7962 h 10000"/>
                  <a:gd name="connsiteX127" fmla="*/ 7046 w 10000"/>
                  <a:gd name="connsiteY127" fmla="*/ 8021 h 10000"/>
                  <a:gd name="connsiteX128" fmla="*/ 7167 w 10000"/>
                  <a:gd name="connsiteY128" fmla="*/ 8080 h 10000"/>
                  <a:gd name="connsiteX129" fmla="*/ 7288 w 10000"/>
                  <a:gd name="connsiteY129" fmla="*/ 8139 h 10000"/>
                  <a:gd name="connsiteX130" fmla="*/ 7361 w 10000"/>
                  <a:gd name="connsiteY130" fmla="*/ 8227 h 10000"/>
                  <a:gd name="connsiteX131" fmla="*/ 7385 w 10000"/>
                  <a:gd name="connsiteY131" fmla="*/ 8301 h 10000"/>
                  <a:gd name="connsiteX132" fmla="*/ 7385 w 10000"/>
                  <a:gd name="connsiteY132" fmla="*/ 8405 h 10000"/>
                  <a:gd name="connsiteX133" fmla="*/ 7337 w 10000"/>
                  <a:gd name="connsiteY133" fmla="*/ 8523 h 10000"/>
                  <a:gd name="connsiteX134" fmla="*/ 7264 w 10000"/>
                  <a:gd name="connsiteY134" fmla="*/ 8641 h 10000"/>
                  <a:gd name="connsiteX135" fmla="*/ 6949 w 10000"/>
                  <a:gd name="connsiteY135" fmla="*/ 8552 h 10000"/>
                  <a:gd name="connsiteX136" fmla="*/ 6659 w 10000"/>
                  <a:gd name="connsiteY136" fmla="*/ 8449 h 10000"/>
                  <a:gd name="connsiteX137" fmla="*/ 6368 w 10000"/>
                  <a:gd name="connsiteY137" fmla="*/ 8360 h 10000"/>
                  <a:gd name="connsiteX138" fmla="*/ 6077 w 10000"/>
                  <a:gd name="connsiteY138" fmla="*/ 8287 h 10000"/>
                  <a:gd name="connsiteX139" fmla="*/ 5956 w 10000"/>
                  <a:gd name="connsiteY139" fmla="*/ 8449 h 10000"/>
                  <a:gd name="connsiteX140" fmla="*/ 5860 w 10000"/>
                  <a:gd name="connsiteY140" fmla="*/ 8597 h 10000"/>
                  <a:gd name="connsiteX141" fmla="*/ 5811 w 10000"/>
                  <a:gd name="connsiteY141" fmla="*/ 8656 h 10000"/>
                  <a:gd name="connsiteX142" fmla="*/ 5714 w 10000"/>
                  <a:gd name="connsiteY142" fmla="*/ 8700 h 10000"/>
                  <a:gd name="connsiteX143" fmla="*/ 5642 w 10000"/>
                  <a:gd name="connsiteY143" fmla="*/ 8744 h 10000"/>
                  <a:gd name="connsiteX144" fmla="*/ 5569 w 10000"/>
                  <a:gd name="connsiteY144" fmla="*/ 8774 h 10000"/>
                  <a:gd name="connsiteX145" fmla="*/ 5496 w 10000"/>
                  <a:gd name="connsiteY145" fmla="*/ 8804 h 10000"/>
                  <a:gd name="connsiteX146" fmla="*/ 5400 w 10000"/>
                  <a:gd name="connsiteY146" fmla="*/ 8818 h 10000"/>
                  <a:gd name="connsiteX147" fmla="*/ 5278 w 10000"/>
                  <a:gd name="connsiteY147" fmla="*/ 8833 h 10000"/>
                  <a:gd name="connsiteX148" fmla="*/ 5157 w 10000"/>
                  <a:gd name="connsiteY148" fmla="*/ 8833 h 10000"/>
                  <a:gd name="connsiteX149" fmla="*/ 4867 w 10000"/>
                  <a:gd name="connsiteY149" fmla="*/ 8818 h 10000"/>
                  <a:gd name="connsiteX150" fmla="*/ 4504 w 10000"/>
                  <a:gd name="connsiteY150" fmla="*/ 8744 h 10000"/>
                  <a:gd name="connsiteX151" fmla="*/ 4504 w 10000"/>
                  <a:gd name="connsiteY151" fmla="*/ 8922 h 10000"/>
                  <a:gd name="connsiteX152" fmla="*/ 4479 w 10000"/>
                  <a:gd name="connsiteY152" fmla="*/ 9069 h 10000"/>
                  <a:gd name="connsiteX153" fmla="*/ 4455 w 10000"/>
                  <a:gd name="connsiteY153" fmla="*/ 9232 h 10000"/>
                  <a:gd name="connsiteX154" fmla="*/ 4431 w 10000"/>
                  <a:gd name="connsiteY154" fmla="*/ 9365 h 10000"/>
                  <a:gd name="connsiteX155" fmla="*/ 4383 w 10000"/>
                  <a:gd name="connsiteY155" fmla="*/ 9498 h 10000"/>
                  <a:gd name="connsiteX156" fmla="*/ 4286 w 10000"/>
                  <a:gd name="connsiteY156" fmla="*/ 9616 h 10000"/>
                  <a:gd name="connsiteX157" fmla="*/ 4213 w 10000"/>
                  <a:gd name="connsiteY157" fmla="*/ 9734 h 10000"/>
                  <a:gd name="connsiteX158" fmla="*/ 4092 w 10000"/>
                  <a:gd name="connsiteY158" fmla="*/ 9838 h 10000"/>
                  <a:gd name="connsiteX159" fmla="*/ 3801 w 10000"/>
                  <a:gd name="connsiteY159" fmla="*/ 9897 h 10000"/>
                  <a:gd name="connsiteX160" fmla="*/ 3559 w 10000"/>
                  <a:gd name="connsiteY160" fmla="*/ 9941 h 10000"/>
                  <a:gd name="connsiteX161" fmla="*/ 3269 w 10000"/>
                  <a:gd name="connsiteY161" fmla="*/ 9985 h 10000"/>
                  <a:gd name="connsiteX162" fmla="*/ 3051 w 10000"/>
                  <a:gd name="connsiteY162" fmla="*/ 10000 h 10000"/>
                  <a:gd name="connsiteX163" fmla="*/ 2567 w 10000"/>
                  <a:gd name="connsiteY163" fmla="*/ 10000 h 10000"/>
                  <a:gd name="connsiteX164" fmla="*/ 2107 w 10000"/>
                  <a:gd name="connsiteY164" fmla="*/ 9985 h 10000"/>
                  <a:gd name="connsiteX165" fmla="*/ 1671 w 10000"/>
                  <a:gd name="connsiteY165" fmla="*/ 9941 h 10000"/>
                  <a:gd name="connsiteX166" fmla="*/ 1211 w 10000"/>
                  <a:gd name="connsiteY166" fmla="*/ 9911 h 10000"/>
                  <a:gd name="connsiteX167" fmla="*/ 944 w 10000"/>
                  <a:gd name="connsiteY167" fmla="*/ 9911 h 10000"/>
                  <a:gd name="connsiteX168" fmla="*/ 702 w 10000"/>
                  <a:gd name="connsiteY168" fmla="*/ 9911 h 10000"/>
                  <a:gd name="connsiteX169" fmla="*/ 436 w 10000"/>
                  <a:gd name="connsiteY169" fmla="*/ 9926 h 10000"/>
                  <a:gd name="connsiteX170" fmla="*/ 169 w 10000"/>
                  <a:gd name="connsiteY170" fmla="*/ 9970 h 10000"/>
                  <a:gd name="connsiteX171" fmla="*/ 97 w 10000"/>
                  <a:gd name="connsiteY171" fmla="*/ 9867 h 10000"/>
                  <a:gd name="connsiteX172" fmla="*/ 48 w 10000"/>
                  <a:gd name="connsiteY172" fmla="*/ 9793 h 10000"/>
                  <a:gd name="connsiteX173" fmla="*/ 0 w 10000"/>
                  <a:gd name="connsiteY173" fmla="*/ 9705 h 10000"/>
                  <a:gd name="connsiteX174" fmla="*/ 0 w 10000"/>
                  <a:gd name="connsiteY174" fmla="*/ 9601 h 10000"/>
                  <a:gd name="connsiteX175" fmla="*/ 48 w 10000"/>
                  <a:gd name="connsiteY175" fmla="*/ 9424 h 10000"/>
                  <a:gd name="connsiteX176" fmla="*/ 97 w 10000"/>
                  <a:gd name="connsiteY176" fmla="*/ 9202 h 10000"/>
                  <a:gd name="connsiteX177" fmla="*/ 145 w 10000"/>
                  <a:gd name="connsiteY177" fmla="*/ 8996 h 10000"/>
                  <a:gd name="connsiteX178" fmla="*/ 194 w 10000"/>
                  <a:gd name="connsiteY178" fmla="*/ 8759 h 10000"/>
                  <a:gd name="connsiteX179" fmla="*/ 218 w 10000"/>
                  <a:gd name="connsiteY179" fmla="*/ 8641 h 10000"/>
                  <a:gd name="connsiteX180" fmla="*/ 218 w 10000"/>
                  <a:gd name="connsiteY180" fmla="*/ 8538 h 10000"/>
                  <a:gd name="connsiteX181" fmla="*/ 194 w 10000"/>
                  <a:gd name="connsiteY181" fmla="*/ 8405 h 10000"/>
                  <a:gd name="connsiteX182" fmla="*/ 169 w 10000"/>
                  <a:gd name="connsiteY182" fmla="*/ 8287 h 10000"/>
                  <a:gd name="connsiteX183" fmla="*/ 412 w 10000"/>
                  <a:gd name="connsiteY183" fmla="*/ 8213 h 10000"/>
                  <a:gd name="connsiteX184" fmla="*/ 654 w 10000"/>
                  <a:gd name="connsiteY184" fmla="*/ 8139 h 10000"/>
                  <a:gd name="connsiteX185" fmla="*/ 896 w 10000"/>
                  <a:gd name="connsiteY185" fmla="*/ 8095 h 10000"/>
                  <a:gd name="connsiteX186" fmla="*/ 1162 w 10000"/>
                  <a:gd name="connsiteY186" fmla="*/ 8065 h 10000"/>
                  <a:gd name="connsiteX187" fmla="*/ 1646 w 10000"/>
                  <a:gd name="connsiteY187" fmla="*/ 8021 h 10000"/>
                  <a:gd name="connsiteX188" fmla="*/ 2131 w 10000"/>
                  <a:gd name="connsiteY188" fmla="*/ 7976 h 10000"/>
                  <a:gd name="connsiteX189" fmla="*/ 2349 w 10000"/>
                  <a:gd name="connsiteY189" fmla="*/ 7947 h 10000"/>
                  <a:gd name="connsiteX190" fmla="*/ 2567 w 10000"/>
                  <a:gd name="connsiteY190" fmla="*/ 7917 h 10000"/>
                  <a:gd name="connsiteX191" fmla="*/ 2760 w 10000"/>
                  <a:gd name="connsiteY191" fmla="*/ 7843 h 10000"/>
                  <a:gd name="connsiteX192" fmla="*/ 2954 w 10000"/>
                  <a:gd name="connsiteY192" fmla="*/ 7784 h 10000"/>
                  <a:gd name="connsiteX193" fmla="*/ 3123 w 10000"/>
                  <a:gd name="connsiteY193" fmla="*/ 7710 h 10000"/>
                  <a:gd name="connsiteX194" fmla="*/ 3269 w 10000"/>
                  <a:gd name="connsiteY194" fmla="*/ 7592 h 10000"/>
                  <a:gd name="connsiteX195" fmla="*/ 3414 w 10000"/>
                  <a:gd name="connsiteY195" fmla="*/ 7474 h 10000"/>
                  <a:gd name="connsiteX196" fmla="*/ 3511 w 10000"/>
                  <a:gd name="connsiteY196" fmla="*/ 7312 h 10000"/>
                  <a:gd name="connsiteX197" fmla="*/ 3317 w 10000"/>
                  <a:gd name="connsiteY197" fmla="*/ 7238 h 10000"/>
                  <a:gd name="connsiteX198" fmla="*/ 3148 w 10000"/>
                  <a:gd name="connsiteY198" fmla="*/ 7179 h 10000"/>
                  <a:gd name="connsiteX199" fmla="*/ 3002 w 10000"/>
                  <a:gd name="connsiteY199" fmla="*/ 7090 h 10000"/>
                  <a:gd name="connsiteX200" fmla="*/ 2857 w 10000"/>
                  <a:gd name="connsiteY200" fmla="*/ 6987 h 10000"/>
                  <a:gd name="connsiteX201" fmla="*/ 2760 w 10000"/>
                  <a:gd name="connsiteY201" fmla="*/ 6869 h 10000"/>
                  <a:gd name="connsiteX202" fmla="*/ 2712 w 10000"/>
                  <a:gd name="connsiteY202" fmla="*/ 6721 h 10000"/>
                  <a:gd name="connsiteX203" fmla="*/ 2688 w 10000"/>
                  <a:gd name="connsiteY203" fmla="*/ 6558 h 10000"/>
                  <a:gd name="connsiteX204" fmla="*/ 2712 w 10000"/>
                  <a:gd name="connsiteY204" fmla="*/ 6352 h 10000"/>
                  <a:gd name="connsiteX205" fmla="*/ 2591 w 10000"/>
                  <a:gd name="connsiteY205" fmla="*/ 6322 h 10000"/>
                  <a:gd name="connsiteX206" fmla="*/ 2446 w 10000"/>
                  <a:gd name="connsiteY206" fmla="*/ 6292 h 10000"/>
                  <a:gd name="connsiteX207" fmla="*/ 2276 w 10000"/>
                  <a:gd name="connsiteY207" fmla="*/ 6278 h 10000"/>
                  <a:gd name="connsiteX208" fmla="*/ 2107 w 10000"/>
                  <a:gd name="connsiteY208" fmla="*/ 6263 h 10000"/>
                  <a:gd name="connsiteX209" fmla="*/ 1768 w 10000"/>
                  <a:gd name="connsiteY209" fmla="*/ 6248 h 10000"/>
                  <a:gd name="connsiteX210" fmla="*/ 1404 w 10000"/>
                  <a:gd name="connsiteY210" fmla="*/ 6263 h 10000"/>
                  <a:gd name="connsiteX211" fmla="*/ 1090 w 10000"/>
                  <a:gd name="connsiteY211" fmla="*/ 6278 h 10000"/>
                  <a:gd name="connsiteX212" fmla="*/ 799 w 10000"/>
                  <a:gd name="connsiteY212" fmla="*/ 6278 h 10000"/>
                  <a:gd name="connsiteX213" fmla="*/ 557 w 10000"/>
                  <a:gd name="connsiteY213" fmla="*/ 6263 h 10000"/>
                  <a:gd name="connsiteX214" fmla="*/ 363 w 10000"/>
                  <a:gd name="connsiteY214" fmla="*/ 6233 h 10000"/>
                  <a:gd name="connsiteX215" fmla="*/ 605 w 10000"/>
                  <a:gd name="connsiteY215" fmla="*/ 5805 h 10000"/>
                  <a:gd name="connsiteX216" fmla="*/ 872 w 10000"/>
                  <a:gd name="connsiteY216" fmla="*/ 5391 h 10000"/>
                  <a:gd name="connsiteX217" fmla="*/ 969 w 10000"/>
                  <a:gd name="connsiteY217" fmla="*/ 5170 h 10000"/>
                  <a:gd name="connsiteX218" fmla="*/ 1041 w 10000"/>
                  <a:gd name="connsiteY218" fmla="*/ 4963 h 10000"/>
                  <a:gd name="connsiteX219" fmla="*/ 1065 w 10000"/>
                  <a:gd name="connsiteY219" fmla="*/ 4860 h 10000"/>
                  <a:gd name="connsiteX220" fmla="*/ 1041 w 10000"/>
                  <a:gd name="connsiteY220" fmla="*/ 4756 h 10000"/>
                  <a:gd name="connsiteX221" fmla="*/ 1017 w 10000"/>
                  <a:gd name="connsiteY221" fmla="*/ 4653 h 10000"/>
                  <a:gd name="connsiteX222" fmla="*/ 944 w 10000"/>
                  <a:gd name="connsiteY222" fmla="*/ 4549 h 10000"/>
                  <a:gd name="connsiteX223" fmla="*/ 1211 w 10000"/>
                  <a:gd name="connsiteY223" fmla="*/ 4520 h 10000"/>
                  <a:gd name="connsiteX224" fmla="*/ 1404 w 10000"/>
                  <a:gd name="connsiteY224" fmla="*/ 4505 h 10000"/>
                  <a:gd name="connsiteX225" fmla="*/ 1574 w 10000"/>
                  <a:gd name="connsiteY225" fmla="*/ 4505 h 10000"/>
                  <a:gd name="connsiteX226" fmla="*/ 1719 w 10000"/>
                  <a:gd name="connsiteY226" fmla="*/ 4520 h 10000"/>
                  <a:gd name="connsiteX227" fmla="*/ 1840 w 10000"/>
                  <a:gd name="connsiteY227" fmla="*/ 4520 h 10000"/>
                  <a:gd name="connsiteX228" fmla="*/ 1985 w 10000"/>
                  <a:gd name="connsiteY228" fmla="*/ 4520 h 10000"/>
                  <a:gd name="connsiteX229" fmla="*/ 2131 w 10000"/>
                  <a:gd name="connsiteY229" fmla="*/ 4490 h 10000"/>
                  <a:gd name="connsiteX230" fmla="*/ 2324 w 10000"/>
                  <a:gd name="connsiteY230" fmla="*/ 4446 h 10000"/>
                  <a:gd name="connsiteX231" fmla="*/ 2324 w 10000"/>
                  <a:gd name="connsiteY231" fmla="*/ 4579 h 10000"/>
                  <a:gd name="connsiteX232" fmla="*/ 2324 w 10000"/>
                  <a:gd name="connsiteY232" fmla="*/ 4742 h 10000"/>
                  <a:gd name="connsiteX233" fmla="*/ 2324 w 10000"/>
                  <a:gd name="connsiteY233" fmla="*/ 4874 h 10000"/>
                  <a:gd name="connsiteX234" fmla="*/ 2324 w 10000"/>
                  <a:gd name="connsiteY234" fmla="*/ 5037 h 10000"/>
                  <a:gd name="connsiteX235" fmla="*/ 2542 w 10000"/>
                  <a:gd name="connsiteY235" fmla="*/ 5022 h 10000"/>
                  <a:gd name="connsiteX236" fmla="*/ 2688 w 10000"/>
                  <a:gd name="connsiteY236" fmla="*/ 5037 h 10000"/>
                  <a:gd name="connsiteX237" fmla="*/ 2809 w 10000"/>
                  <a:gd name="connsiteY237" fmla="*/ 5066 h 10000"/>
                  <a:gd name="connsiteX238" fmla="*/ 2930 w 10000"/>
                  <a:gd name="connsiteY238" fmla="*/ 5096 h 10000"/>
                  <a:gd name="connsiteX239" fmla="*/ 3027 w 10000"/>
                  <a:gd name="connsiteY239" fmla="*/ 5126 h 10000"/>
                  <a:gd name="connsiteX240" fmla="*/ 3148 w 10000"/>
                  <a:gd name="connsiteY240" fmla="*/ 5155 h 10000"/>
                  <a:gd name="connsiteX241" fmla="*/ 3293 w 10000"/>
                  <a:gd name="connsiteY241" fmla="*/ 5170 h 10000"/>
                  <a:gd name="connsiteX242" fmla="*/ 3511 w 10000"/>
                  <a:gd name="connsiteY242" fmla="*/ 5155 h 10000"/>
                  <a:gd name="connsiteX243" fmla="*/ 3584 w 10000"/>
                  <a:gd name="connsiteY243" fmla="*/ 5096 h 10000"/>
                  <a:gd name="connsiteX244" fmla="*/ 3656 w 10000"/>
                  <a:gd name="connsiteY244" fmla="*/ 5022 h 10000"/>
                  <a:gd name="connsiteX245" fmla="*/ 3680 w 10000"/>
                  <a:gd name="connsiteY245" fmla="*/ 4934 h 10000"/>
                  <a:gd name="connsiteX246" fmla="*/ 3705 w 10000"/>
                  <a:gd name="connsiteY246" fmla="*/ 4860 h 10000"/>
                  <a:gd name="connsiteX247" fmla="*/ 3729 w 10000"/>
                  <a:gd name="connsiteY247" fmla="*/ 4697 h 10000"/>
                  <a:gd name="connsiteX248" fmla="*/ 3705 w 10000"/>
                  <a:gd name="connsiteY248" fmla="*/ 4520 h 10000"/>
                  <a:gd name="connsiteX249" fmla="*/ 3632 w 10000"/>
                  <a:gd name="connsiteY249" fmla="*/ 4343 h 10000"/>
                  <a:gd name="connsiteX250" fmla="*/ 3559 w 10000"/>
                  <a:gd name="connsiteY250" fmla="*/ 4195 h 10000"/>
                  <a:gd name="connsiteX251" fmla="*/ 3438 w 10000"/>
                  <a:gd name="connsiteY251" fmla="*/ 4047 h 10000"/>
                  <a:gd name="connsiteX252" fmla="*/ 3317 w 10000"/>
                  <a:gd name="connsiteY252" fmla="*/ 3959 h 10000"/>
                  <a:gd name="connsiteX253" fmla="*/ 3462 w 10000"/>
                  <a:gd name="connsiteY253" fmla="*/ 3944 h 10000"/>
                  <a:gd name="connsiteX254" fmla="*/ 3584 w 10000"/>
                  <a:gd name="connsiteY254" fmla="*/ 3914 h 10000"/>
                  <a:gd name="connsiteX255" fmla="*/ 3680 w 10000"/>
                  <a:gd name="connsiteY255" fmla="*/ 3855 h 10000"/>
                  <a:gd name="connsiteX256" fmla="*/ 3801 w 10000"/>
                  <a:gd name="connsiteY256" fmla="*/ 3752 h 10000"/>
                  <a:gd name="connsiteX257" fmla="*/ 3923 w 10000"/>
                  <a:gd name="connsiteY257" fmla="*/ 3663 h 10000"/>
                  <a:gd name="connsiteX258" fmla="*/ 4019 w 10000"/>
                  <a:gd name="connsiteY258" fmla="*/ 3560 h 10000"/>
                  <a:gd name="connsiteX259" fmla="*/ 4092 w 10000"/>
                  <a:gd name="connsiteY259" fmla="*/ 3442 h 10000"/>
                  <a:gd name="connsiteX260" fmla="*/ 4165 w 10000"/>
                  <a:gd name="connsiteY260" fmla="*/ 3323 h 10000"/>
                  <a:gd name="connsiteX261" fmla="*/ 4213 w 10000"/>
                  <a:gd name="connsiteY261" fmla="*/ 3220 h 10000"/>
                  <a:gd name="connsiteX262" fmla="*/ 4237 w 10000"/>
                  <a:gd name="connsiteY262" fmla="*/ 3102 h 10000"/>
                  <a:gd name="connsiteX263" fmla="*/ 4262 w 10000"/>
                  <a:gd name="connsiteY263" fmla="*/ 3013 h 10000"/>
                  <a:gd name="connsiteX264" fmla="*/ 4237 w 10000"/>
                  <a:gd name="connsiteY264" fmla="*/ 2939 h 10000"/>
                  <a:gd name="connsiteX265" fmla="*/ 4213 w 10000"/>
                  <a:gd name="connsiteY265" fmla="*/ 2866 h 10000"/>
                  <a:gd name="connsiteX266" fmla="*/ 4140 w 10000"/>
                  <a:gd name="connsiteY266" fmla="*/ 2836 h 10000"/>
                  <a:gd name="connsiteX267" fmla="*/ 4044 w 10000"/>
                  <a:gd name="connsiteY267" fmla="*/ 2836 h 10000"/>
                  <a:gd name="connsiteX268" fmla="*/ 3923 w 10000"/>
                  <a:gd name="connsiteY268" fmla="*/ 2866 h 10000"/>
                  <a:gd name="connsiteX269" fmla="*/ 4019 w 10000"/>
                  <a:gd name="connsiteY269" fmla="*/ 2777 h 10000"/>
                  <a:gd name="connsiteX270" fmla="*/ 4068 w 10000"/>
                  <a:gd name="connsiteY270" fmla="*/ 2674 h 10000"/>
                  <a:gd name="connsiteX271" fmla="*/ 4092 w 10000"/>
                  <a:gd name="connsiteY271" fmla="*/ 2541 h 10000"/>
                  <a:gd name="connsiteX272" fmla="*/ 4092 w 10000"/>
                  <a:gd name="connsiteY272" fmla="*/ 2393 h 10000"/>
                  <a:gd name="connsiteX273" fmla="*/ 4116 w 10000"/>
                  <a:gd name="connsiteY273" fmla="*/ 2349 h 10000"/>
                  <a:gd name="connsiteX274" fmla="*/ 4165 w 10000"/>
                  <a:gd name="connsiteY274" fmla="*/ 2304 h 10000"/>
                  <a:gd name="connsiteX275" fmla="*/ 4213 w 10000"/>
                  <a:gd name="connsiteY275" fmla="*/ 2290 h 10000"/>
                  <a:gd name="connsiteX276" fmla="*/ 4286 w 10000"/>
                  <a:gd name="connsiteY276" fmla="*/ 2275 h 10000"/>
                  <a:gd name="connsiteX277" fmla="*/ 4504 w 10000"/>
                  <a:gd name="connsiteY277" fmla="*/ 2260 h 10000"/>
                  <a:gd name="connsiteX278" fmla="*/ 4697 w 10000"/>
                  <a:gd name="connsiteY278" fmla="*/ 2275 h 10000"/>
                  <a:gd name="connsiteX279" fmla="*/ 4673 w 10000"/>
                  <a:gd name="connsiteY279" fmla="*/ 2112 h 10000"/>
                  <a:gd name="connsiteX280" fmla="*/ 4625 w 10000"/>
                  <a:gd name="connsiteY280" fmla="*/ 1950 h 10000"/>
                  <a:gd name="connsiteX281" fmla="*/ 4552 w 10000"/>
                  <a:gd name="connsiteY281" fmla="*/ 1802 h 10000"/>
                  <a:gd name="connsiteX282" fmla="*/ 4455 w 10000"/>
                  <a:gd name="connsiteY282" fmla="*/ 1640 h 10000"/>
                  <a:gd name="connsiteX283" fmla="*/ 4213 w 10000"/>
                  <a:gd name="connsiteY283" fmla="*/ 1329 h 10000"/>
                  <a:gd name="connsiteX284" fmla="*/ 3971 w 10000"/>
                  <a:gd name="connsiteY284" fmla="*/ 1034 h 10000"/>
                  <a:gd name="connsiteX285" fmla="*/ 3850 w 10000"/>
                  <a:gd name="connsiteY285" fmla="*/ 901 h 10000"/>
                  <a:gd name="connsiteX286" fmla="*/ 3753 w 10000"/>
                  <a:gd name="connsiteY286" fmla="*/ 753 h 10000"/>
                  <a:gd name="connsiteX287" fmla="*/ 3680 w 10000"/>
                  <a:gd name="connsiteY287" fmla="*/ 620 h 10000"/>
                  <a:gd name="connsiteX288" fmla="*/ 3656 w 10000"/>
                  <a:gd name="connsiteY288" fmla="*/ 487 h 10000"/>
                  <a:gd name="connsiteX289" fmla="*/ 3632 w 10000"/>
                  <a:gd name="connsiteY289" fmla="*/ 355 h 10000"/>
                  <a:gd name="connsiteX290" fmla="*/ 3680 w 10000"/>
                  <a:gd name="connsiteY290" fmla="*/ 222 h 10000"/>
                  <a:gd name="connsiteX291" fmla="*/ 3705 w 10000"/>
                  <a:gd name="connsiteY291" fmla="*/ 162 h 10000"/>
                  <a:gd name="connsiteX292" fmla="*/ 3753 w 10000"/>
                  <a:gd name="connsiteY292" fmla="*/ 103 h 10000"/>
                  <a:gd name="connsiteX293" fmla="*/ 3826 w 10000"/>
                  <a:gd name="connsiteY293" fmla="*/ 59 h 10000"/>
                  <a:gd name="connsiteX294" fmla="*/ 3923 w 10000"/>
                  <a:gd name="connsiteY294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7361 w 10000"/>
                  <a:gd name="connsiteY64" fmla="*/ 4195 h 10000"/>
                  <a:gd name="connsiteX65" fmla="*/ 6852 w 10000"/>
                  <a:gd name="connsiteY65" fmla="*/ 4313 h 10000"/>
                  <a:gd name="connsiteX66" fmla="*/ 6852 w 10000"/>
                  <a:gd name="connsiteY66" fmla="*/ 4431 h 10000"/>
                  <a:gd name="connsiteX67" fmla="*/ 6852 w 10000"/>
                  <a:gd name="connsiteY67" fmla="*/ 4549 h 10000"/>
                  <a:gd name="connsiteX68" fmla="*/ 6804 w 10000"/>
                  <a:gd name="connsiteY68" fmla="*/ 4564 h 10000"/>
                  <a:gd name="connsiteX69" fmla="*/ 6731 w 10000"/>
                  <a:gd name="connsiteY69" fmla="*/ 4594 h 10000"/>
                  <a:gd name="connsiteX70" fmla="*/ 6683 w 10000"/>
                  <a:gd name="connsiteY70" fmla="*/ 4638 h 10000"/>
                  <a:gd name="connsiteX71" fmla="*/ 6683 w 10000"/>
                  <a:gd name="connsiteY71" fmla="*/ 4697 h 10000"/>
                  <a:gd name="connsiteX72" fmla="*/ 6659 w 10000"/>
                  <a:gd name="connsiteY72" fmla="*/ 4801 h 10000"/>
                  <a:gd name="connsiteX73" fmla="*/ 6659 w 10000"/>
                  <a:gd name="connsiteY73" fmla="*/ 4904 h 10000"/>
                  <a:gd name="connsiteX74" fmla="*/ 6538 w 10000"/>
                  <a:gd name="connsiteY74" fmla="*/ 4860 h 10000"/>
                  <a:gd name="connsiteX75" fmla="*/ 6465 w 10000"/>
                  <a:gd name="connsiteY75" fmla="*/ 4801 h 10000"/>
                  <a:gd name="connsiteX76" fmla="*/ 6392 w 10000"/>
                  <a:gd name="connsiteY76" fmla="*/ 4727 h 10000"/>
                  <a:gd name="connsiteX77" fmla="*/ 6320 w 10000"/>
                  <a:gd name="connsiteY77" fmla="*/ 4638 h 10000"/>
                  <a:gd name="connsiteX78" fmla="*/ 6199 w 10000"/>
                  <a:gd name="connsiteY78" fmla="*/ 4476 h 10000"/>
                  <a:gd name="connsiteX79" fmla="*/ 6077 w 10000"/>
                  <a:gd name="connsiteY79" fmla="*/ 4313 h 10000"/>
                  <a:gd name="connsiteX80" fmla="*/ 6223 w 10000"/>
                  <a:gd name="connsiteY80" fmla="*/ 4210 h 10000"/>
                  <a:gd name="connsiteX81" fmla="*/ 6416 w 10000"/>
                  <a:gd name="connsiteY81" fmla="*/ 4121 h 10000"/>
                  <a:gd name="connsiteX82" fmla="*/ 6634 w 10000"/>
                  <a:gd name="connsiteY82" fmla="*/ 4032 h 10000"/>
                  <a:gd name="connsiteX83" fmla="*/ 6877 w 10000"/>
                  <a:gd name="connsiteY83" fmla="*/ 3959 h 10000"/>
                  <a:gd name="connsiteX84" fmla="*/ 7385 w 10000"/>
                  <a:gd name="connsiteY84" fmla="*/ 3811 h 10000"/>
                  <a:gd name="connsiteX85" fmla="*/ 7893 w 10000"/>
                  <a:gd name="connsiteY85" fmla="*/ 3663 h 10000"/>
                  <a:gd name="connsiteX86" fmla="*/ 8136 w 10000"/>
                  <a:gd name="connsiteY86" fmla="*/ 3589 h 10000"/>
                  <a:gd name="connsiteX87" fmla="*/ 8378 w 10000"/>
                  <a:gd name="connsiteY87" fmla="*/ 3516 h 10000"/>
                  <a:gd name="connsiteX88" fmla="*/ 8571 w 10000"/>
                  <a:gd name="connsiteY88" fmla="*/ 3412 h 10000"/>
                  <a:gd name="connsiteX89" fmla="*/ 8765 w 10000"/>
                  <a:gd name="connsiteY89" fmla="*/ 3338 h 10000"/>
                  <a:gd name="connsiteX90" fmla="*/ 8886 w 10000"/>
                  <a:gd name="connsiteY90" fmla="*/ 3235 h 10000"/>
                  <a:gd name="connsiteX91" fmla="*/ 8983 w 10000"/>
                  <a:gd name="connsiteY91" fmla="*/ 3117 h 10000"/>
                  <a:gd name="connsiteX92" fmla="*/ 9007 w 10000"/>
                  <a:gd name="connsiteY92" fmla="*/ 3072 h 10000"/>
                  <a:gd name="connsiteX93" fmla="*/ 9031 w 10000"/>
                  <a:gd name="connsiteY93" fmla="*/ 3013 h 10000"/>
                  <a:gd name="connsiteX94" fmla="*/ 9031 w 10000"/>
                  <a:gd name="connsiteY94" fmla="*/ 2954 h 10000"/>
                  <a:gd name="connsiteX95" fmla="*/ 9007 w 10000"/>
                  <a:gd name="connsiteY95" fmla="*/ 2866 h 10000"/>
                  <a:gd name="connsiteX96" fmla="*/ 8838 w 10000"/>
                  <a:gd name="connsiteY96" fmla="*/ 2984 h 10000"/>
                  <a:gd name="connsiteX97" fmla="*/ 8644 w 10000"/>
                  <a:gd name="connsiteY97" fmla="*/ 3072 h 10000"/>
                  <a:gd name="connsiteX98" fmla="*/ 8450 w 10000"/>
                  <a:gd name="connsiteY98" fmla="*/ 3161 h 10000"/>
                  <a:gd name="connsiteX99" fmla="*/ 8257 w 10000"/>
                  <a:gd name="connsiteY99" fmla="*/ 3250 h 10000"/>
                  <a:gd name="connsiteX100" fmla="*/ 7821 w 10000"/>
                  <a:gd name="connsiteY100" fmla="*/ 3397 h 10000"/>
                  <a:gd name="connsiteX101" fmla="*/ 7361 w 10000"/>
                  <a:gd name="connsiteY101" fmla="*/ 3545 h 10000"/>
                  <a:gd name="connsiteX102" fmla="*/ 6901 w 10000"/>
                  <a:gd name="connsiteY102" fmla="*/ 3678 h 10000"/>
                  <a:gd name="connsiteX103" fmla="*/ 6465 w 10000"/>
                  <a:gd name="connsiteY103" fmla="*/ 3840 h 10000"/>
                  <a:gd name="connsiteX104" fmla="*/ 6247 w 10000"/>
                  <a:gd name="connsiteY104" fmla="*/ 3914 h 10000"/>
                  <a:gd name="connsiteX105" fmla="*/ 6053 w 10000"/>
                  <a:gd name="connsiteY105" fmla="*/ 4003 h 10000"/>
                  <a:gd name="connsiteX106" fmla="*/ 5860 w 10000"/>
                  <a:gd name="connsiteY106" fmla="*/ 4106 h 10000"/>
                  <a:gd name="connsiteX107" fmla="*/ 5666 w 10000"/>
                  <a:gd name="connsiteY107" fmla="*/ 4195 h 10000"/>
                  <a:gd name="connsiteX108" fmla="*/ 5811 w 10000"/>
                  <a:gd name="connsiteY108" fmla="*/ 4417 h 10000"/>
                  <a:gd name="connsiteX109" fmla="*/ 5908 w 10000"/>
                  <a:gd name="connsiteY109" fmla="*/ 4623 h 10000"/>
                  <a:gd name="connsiteX110" fmla="*/ 6005 w 10000"/>
                  <a:gd name="connsiteY110" fmla="*/ 4845 h 10000"/>
                  <a:gd name="connsiteX111" fmla="*/ 6077 w 10000"/>
                  <a:gd name="connsiteY111" fmla="*/ 5081 h 10000"/>
                  <a:gd name="connsiteX112" fmla="*/ 6126 w 10000"/>
                  <a:gd name="connsiteY112" fmla="*/ 5318 h 10000"/>
                  <a:gd name="connsiteX113" fmla="*/ 6150 w 10000"/>
                  <a:gd name="connsiteY113" fmla="*/ 5539 h 10000"/>
                  <a:gd name="connsiteX114" fmla="*/ 6174 w 10000"/>
                  <a:gd name="connsiteY114" fmla="*/ 5775 h 10000"/>
                  <a:gd name="connsiteX115" fmla="*/ 6174 w 10000"/>
                  <a:gd name="connsiteY115" fmla="*/ 5997 h 10000"/>
                  <a:gd name="connsiteX116" fmla="*/ 6150 w 10000"/>
                  <a:gd name="connsiteY116" fmla="*/ 6233 h 10000"/>
                  <a:gd name="connsiteX117" fmla="*/ 6102 w 10000"/>
                  <a:gd name="connsiteY117" fmla="*/ 6470 h 10000"/>
                  <a:gd name="connsiteX118" fmla="*/ 6053 w 10000"/>
                  <a:gd name="connsiteY118" fmla="*/ 6677 h 10000"/>
                  <a:gd name="connsiteX119" fmla="*/ 5981 w 10000"/>
                  <a:gd name="connsiteY119" fmla="*/ 6898 h 10000"/>
                  <a:gd name="connsiteX120" fmla="*/ 5884 w 10000"/>
                  <a:gd name="connsiteY120" fmla="*/ 7105 h 10000"/>
                  <a:gd name="connsiteX121" fmla="*/ 5763 w 10000"/>
                  <a:gd name="connsiteY121" fmla="*/ 7297 h 10000"/>
                  <a:gd name="connsiteX122" fmla="*/ 5617 w 10000"/>
                  <a:gd name="connsiteY122" fmla="*/ 7489 h 10000"/>
                  <a:gd name="connsiteX123" fmla="*/ 5472 w 10000"/>
                  <a:gd name="connsiteY123" fmla="*/ 7681 h 10000"/>
                  <a:gd name="connsiteX124" fmla="*/ 6174 w 10000"/>
                  <a:gd name="connsiteY124" fmla="*/ 7799 h 10000"/>
                  <a:gd name="connsiteX125" fmla="*/ 6901 w 10000"/>
                  <a:gd name="connsiteY125" fmla="*/ 7962 h 10000"/>
                  <a:gd name="connsiteX126" fmla="*/ 7046 w 10000"/>
                  <a:gd name="connsiteY126" fmla="*/ 8021 h 10000"/>
                  <a:gd name="connsiteX127" fmla="*/ 7167 w 10000"/>
                  <a:gd name="connsiteY127" fmla="*/ 8080 h 10000"/>
                  <a:gd name="connsiteX128" fmla="*/ 7288 w 10000"/>
                  <a:gd name="connsiteY128" fmla="*/ 8139 h 10000"/>
                  <a:gd name="connsiteX129" fmla="*/ 7361 w 10000"/>
                  <a:gd name="connsiteY129" fmla="*/ 8227 h 10000"/>
                  <a:gd name="connsiteX130" fmla="*/ 7385 w 10000"/>
                  <a:gd name="connsiteY130" fmla="*/ 8301 h 10000"/>
                  <a:gd name="connsiteX131" fmla="*/ 7385 w 10000"/>
                  <a:gd name="connsiteY131" fmla="*/ 8405 h 10000"/>
                  <a:gd name="connsiteX132" fmla="*/ 7337 w 10000"/>
                  <a:gd name="connsiteY132" fmla="*/ 8523 h 10000"/>
                  <a:gd name="connsiteX133" fmla="*/ 7264 w 10000"/>
                  <a:gd name="connsiteY133" fmla="*/ 8641 h 10000"/>
                  <a:gd name="connsiteX134" fmla="*/ 6949 w 10000"/>
                  <a:gd name="connsiteY134" fmla="*/ 8552 h 10000"/>
                  <a:gd name="connsiteX135" fmla="*/ 6659 w 10000"/>
                  <a:gd name="connsiteY135" fmla="*/ 8449 h 10000"/>
                  <a:gd name="connsiteX136" fmla="*/ 6368 w 10000"/>
                  <a:gd name="connsiteY136" fmla="*/ 8360 h 10000"/>
                  <a:gd name="connsiteX137" fmla="*/ 6077 w 10000"/>
                  <a:gd name="connsiteY137" fmla="*/ 8287 h 10000"/>
                  <a:gd name="connsiteX138" fmla="*/ 5956 w 10000"/>
                  <a:gd name="connsiteY138" fmla="*/ 8449 h 10000"/>
                  <a:gd name="connsiteX139" fmla="*/ 5860 w 10000"/>
                  <a:gd name="connsiteY139" fmla="*/ 8597 h 10000"/>
                  <a:gd name="connsiteX140" fmla="*/ 5811 w 10000"/>
                  <a:gd name="connsiteY140" fmla="*/ 8656 h 10000"/>
                  <a:gd name="connsiteX141" fmla="*/ 5714 w 10000"/>
                  <a:gd name="connsiteY141" fmla="*/ 8700 h 10000"/>
                  <a:gd name="connsiteX142" fmla="*/ 5642 w 10000"/>
                  <a:gd name="connsiteY142" fmla="*/ 8744 h 10000"/>
                  <a:gd name="connsiteX143" fmla="*/ 5569 w 10000"/>
                  <a:gd name="connsiteY143" fmla="*/ 8774 h 10000"/>
                  <a:gd name="connsiteX144" fmla="*/ 5496 w 10000"/>
                  <a:gd name="connsiteY144" fmla="*/ 8804 h 10000"/>
                  <a:gd name="connsiteX145" fmla="*/ 5400 w 10000"/>
                  <a:gd name="connsiteY145" fmla="*/ 8818 h 10000"/>
                  <a:gd name="connsiteX146" fmla="*/ 5278 w 10000"/>
                  <a:gd name="connsiteY146" fmla="*/ 8833 h 10000"/>
                  <a:gd name="connsiteX147" fmla="*/ 5157 w 10000"/>
                  <a:gd name="connsiteY147" fmla="*/ 8833 h 10000"/>
                  <a:gd name="connsiteX148" fmla="*/ 4867 w 10000"/>
                  <a:gd name="connsiteY148" fmla="*/ 8818 h 10000"/>
                  <a:gd name="connsiteX149" fmla="*/ 4504 w 10000"/>
                  <a:gd name="connsiteY149" fmla="*/ 8744 h 10000"/>
                  <a:gd name="connsiteX150" fmla="*/ 4504 w 10000"/>
                  <a:gd name="connsiteY150" fmla="*/ 8922 h 10000"/>
                  <a:gd name="connsiteX151" fmla="*/ 4479 w 10000"/>
                  <a:gd name="connsiteY151" fmla="*/ 9069 h 10000"/>
                  <a:gd name="connsiteX152" fmla="*/ 4455 w 10000"/>
                  <a:gd name="connsiteY152" fmla="*/ 9232 h 10000"/>
                  <a:gd name="connsiteX153" fmla="*/ 4431 w 10000"/>
                  <a:gd name="connsiteY153" fmla="*/ 9365 h 10000"/>
                  <a:gd name="connsiteX154" fmla="*/ 4383 w 10000"/>
                  <a:gd name="connsiteY154" fmla="*/ 9498 h 10000"/>
                  <a:gd name="connsiteX155" fmla="*/ 4286 w 10000"/>
                  <a:gd name="connsiteY155" fmla="*/ 9616 h 10000"/>
                  <a:gd name="connsiteX156" fmla="*/ 4213 w 10000"/>
                  <a:gd name="connsiteY156" fmla="*/ 9734 h 10000"/>
                  <a:gd name="connsiteX157" fmla="*/ 4092 w 10000"/>
                  <a:gd name="connsiteY157" fmla="*/ 9838 h 10000"/>
                  <a:gd name="connsiteX158" fmla="*/ 3801 w 10000"/>
                  <a:gd name="connsiteY158" fmla="*/ 9897 h 10000"/>
                  <a:gd name="connsiteX159" fmla="*/ 3559 w 10000"/>
                  <a:gd name="connsiteY159" fmla="*/ 9941 h 10000"/>
                  <a:gd name="connsiteX160" fmla="*/ 3269 w 10000"/>
                  <a:gd name="connsiteY160" fmla="*/ 9985 h 10000"/>
                  <a:gd name="connsiteX161" fmla="*/ 3051 w 10000"/>
                  <a:gd name="connsiteY161" fmla="*/ 10000 h 10000"/>
                  <a:gd name="connsiteX162" fmla="*/ 2567 w 10000"/>
                  <a:gd name="connsiteY162" fmla="*/ 10000 h 10000"/>
                  <a:gd name="connsiteX163" fmla="*/ 2107 w 10000"/>
                  <a:gd name="connsiteY163" fmla="*/ 9985 h 10000"/>
                  <a:gd name="connsiteX164" fmla="*/ 1671 w 10000"/>
                  <a:gd name="connsiteY164" fmla="*/ 9941 h 10000"/>
                  <a:gd name="connsiteX165" fmla="*/ 1211 w 10000"/>
                  <a:gd name="connsiteY165" fmla="*/ 9911 h 10000"/>
                  <a:gd name="connsiteX166" fmla="*/ 944 w 10000"/>
                  <a:gd name="connsiteY166" fmla="*/ 9911 h 10000"/>
                  <a:gd name="connsiteX167" fmla="*/ 702 w 10000"/>
                  <a:gd name="connsiteY167" fmla="*/ 9911 h 10000"/>
                  <a:gd name="connsiteX168" fmla="*/ 436 w 10000"/>
                  <a:gd name="connsiteY168" fmla="*/ 9926 h 10000"/>
                  <a:gd name="connsiteX169" fmla="*/ 169 w 10000"/>
                  <a:gd name="connsiteY169" fmla="*/ 9970 h 10000"/>
                  <a:gd name="connsiteX170" fmla="*/ 97 w 10000"/>
                  <a:gd name="connsiteY170" fmla="*/ 9867 h 10000"/>
                  <a:gd name="connsiteX171" fmla="*/ 48 w 10000"/>
                  <a:gd name="connsiteY171" fmla="*/ 9793 h 10000"/>
                  <a:gd name="connsiteX172" fmla="*/ 0 w 10000"/>
                  <a:gd name="connsiteY172" fmla="*/ 9705 h 10000"/>
                  <a:gd name="connsiteX173" fmla="*/ 0 w 10000"/>
                  <a:gd name="connsiteY173" fmla="*/ 9601 h 10000"/>
                  <a:gd name="connsiteX174" fmla="*/ 48 w 10000"/>
                  <a:gd name="connsiteY174" fmla="*/ 9424 h 10000"/>
                  <a:gd name="connsiteX175" fmla="*/ 97 w 10000"/>
                  <a:gd name="connsiteY175" fmla="*/ 9202 h 10000"/>
                  <a:gd name="connsiteX176" fmla="*/ 145 w 10000"/>
                  <a:gd name="connsiteY176" fmla="*/ 8996 h 10000"/>
                  <a:gd name="connsiteX177" fmla="*/ 194 w 10000"/>
                  <a:gd name="connsiteY177" fmla="*/ 8759 h 10000"/>
                  <a:gd name="connsiteX178" fmla="*/ 218 w 10000"/>
                  <a:gd name="connsiteY178" fmla="*/ 8641 h 10000"/>
                  <a:gd name="connsiteX179" fmla="*/ 218 w 10000"/>
                  <a:gd name="connsiteY179" fmla="*/ 8538 h 10000"/>
                  <a:gd name="connsiteX180" fmla="*/ 194 w 10000"/>
                  <a:gd name="connsiteY180" fmla="*/ 8405 h 10000"/>
                  <a:gd name="connsiteX181" fmla="*/ 169 w 10000"/>
                  <a:gd name="connsiteY181" fmla="*/ 8287 h 10000"/>
                  <a:gd name="connsiteX182" fmla="*/ 412 w 10000"/>
                  <a:gd name="connsiteY182" fmla="*/ 8213 h 10000"/>
                  <a:gd name="connsiteX183" fmla="*/ 654 w 10000"/>
                  <a:gd name="connsiteY183" fmla="*/ 8139 h 10000"/>
                  <a:gd name="connsiteX184" fmla="*/ 896 w 10000"/>
                  <a:gd name="connsiteY184" fmla="*/ 8095 h 10000"/>
                  <a:gd name="connsiteX185" fmla="*/ 1162 w 10000"/>
                  <a:gd name="connsiteY185" fmla="*/ 8065 h 10000"/>
                  <a:gd name="connsiteX186" fmla="*/ 1646 w 10000"/>
                  <a:gd name="connsiteY186" fmla="*/ 8021 h 10000"/>
                  <a:gd name="connsiteX187" fmla="*/ 2131 w 10000"/>
                  <a:gd name="connsiteY187" fmla="*/ 7976 h 10000"/>
                  <a:gd name="connsiteX188" fmla="*/ 2349 w 10000"/>
                  <a:gd name="connsiteY188" fmla="*/ 7947 h 10000"/>
                  <a:gd name="connsiteX189" fmla="*/ 2567 w 10000"/>
                  <a:gd name="connsiteY189" fmla="*/ 7917 h 10000"/>
                  <a:gd name="connsiteX190" fmla="*/ 2760 w 10000"/>
                  <a:gd name="connsiteY190" fmla="*/ 7843 h 10000"/>
                  <a:gd name="connsiteX191" fmla="*/ 2954 w 10000"/>
                  <a:gd name="connsiteY191" fmla="*/ 7784 h 10000"/>
                  <a:gd name="connsiteX192" fmla="*/ 3123 w 10000"/>
                  <a:gd name="connsiteY192" fmla="*/ 7710 h 10000"/>
                  <a:gd name="connsiteX193" fmla="*/ 3269 w 10000"/>
                  <a:gd name="connsiteY193" fmla="*/ 7592 h 10000"/>
                  <a:gd name="connsiteX194" fmla="*/ 3414 w 10000"/>
                  <a:gd name="connsiteY194" fmla="*/ 7474 h 10000"/>
                  <a:gd name="connsiteX195" fmla="*/ 3511 w 10000"/>
                  <a:gd name="connsiteY195" fmla="*/ 7312 h 10000"/>
                  <a:gd name="connsiteX196" fmla="*/ 3317 w 10000"/>
                  <a:gd name="connsiteY196" fmla="*/ 7238 h 10000"/>
                  <a:gd name="connsiteX197" fmla="*/ 3148 w 10000"/>
                  <a:gd name="connsiteY197" fmla="*/ 7179 h 10000"/>
                  <a:gd name="connsiteX198" fmla="*/ 3002 w 10000"/>
                  <a:gd name="connsiteY198" fmla="*/ 7090 h 10000"/>
                  <a:gd name="connsiteX199" fmla="*/ 2857 w 10000"/>
                  <a:gd name="connsiteY199" fmla="*/ 6987 h 10000"/>
                  <a:gd name="connsiteX200" fmla="*/ 2760 w 10000"/>
                  <a:gd name="connsiteY200" fmla="*/ 6869 h 10000"/>
                  <a:gd name="connsiteX201" fmla="*/ 2712 w 10000"/>
                  <a:gd name="connsiteY201" fmla="*/ 6721 h 10000"/>
                  <a:gd name="connsiteX202" fmla="*/ 2688 w 10000"/>
                  <a:gd name="connsiteY202" fmla="*/ 6558 h 10000"/>
                  <a:gd name="connsiteX203" fmla="*/ 2712 w 10000"/>
                  <a:gd name="connsiteY203" fmla="*/ 6352 h 10000"/>
                  <a:gd name="connsiteX204" fmla="*/ 2591 w 10000"/>
                  <a:gd name="connsiteY204" fmla="*/ 6322 h 10000"/>
                  <a:gd name="connsiteX205" fmla="*/ 2446 w 10000"/>
                  <a:gd name="connsiteY205" fmla="*/ 6292 h 10000"/>
                  <a:gd name="connsiteX206" fmla="*/ 2276 w 10000"/>
                  <a:gd name="connsiteY206" fmla="*/ 6278 h 10000"/>
                  <a:gd name="connsiteX207" fmla="*/ 2107 w 10000"/>
                  <a:gd name="connsiteY207" fmla="*/ 6263 h 10000"/>
                  <a:gd name="connsiteX208" fmla="*/ 1768 w 10000"/>
                  <a:gd name="connsiteY208" fmla="*/ 6248 h 10000"/>
                  <a:gd name="connsiteX209" fmla="*/ 1404 w 10000"/>
                  <a:gd name="connsiteY209" fmla="*/ 6263 h 10000"/>
                  <a:gd name="connsiteX210" fmla="*/ 1090 w 10000"/>
                  <a:gd name="connsiteY210" fmla="*/ 6278 h 10000"/>
                  <a:gd name="connsiteX211" fmla="*/ 799 w 10000"/>
                  <a:gd name="connsiteY211" fmla="*/ 6278 h 10000"/>
                  <a:gd name="connsiteX212" fmla="*/ 557 w 10000"/>
                  <a:gd name="connsiteY212" fmla="*/ 6263 h 10000"/>
                  <a:gd name="connsiteX213" fmla="*/ 363 w 10000"/>
                  <a:gd name="connsiteY213" fmla="*/ 6233 h 10000"/>
                  <a:gd name="connsiteX214" fmla="*/ 605 w 10000"/>
                  <a:gd name="connsiteY214" fmla="*/ 5805 h 10000"/>
                  <a:gd name="connsiteX215" fmla="*/ 872 w 10000"/>
                  <a:gd name="connsiteY215" fmla="*/ 5391 h 10000"/>
                  <a:gd name="connsiteX216" fmla="*/ 969 w 10000"/>
                  <a:gd name="connsiteY216" fmla="*/ 5170 h 10000"/>
                  <a:gd name="connsiteX217" fmla="*/ 1041 w 10000"/>
                  <a:gd name="connsiteY217" fmla="*/ 4963 h 10000"/>
                  <a:gd name="connsiteX218" fmla="*/ 1065 w 10000"/>
                  <a:gd name="connsiteY218" fmla="*/ 4860 h 10000"/>
                  <a:gd name="connsiteX219" fmla="*/ 1041 w 10000"/>
                  <a:gd name="connsiteY219" fmla="*/ 4756 h 10000"/>
                  <a:gd name="connsiteX220" fmla="*/ 1017 w 10000"/>
                  <a:gd name="connsiteY220" fmla="*/ 4653 h 10000"/>
                  <a:gd name="connsiteX221" fmla="*/ 944 w 10000"/>
                  <a:gd name="connsiteY221" fmla="*/ 4549 h 10000"/>
                  <a:gd name="connsiteX222" fmla="*/ 1211 w 10000"/>
                  <a:gd name="connsiteY222" fmla="*/ 4520 h 10000"/>
                  <a:gd name="connsiteX223" fmla="*/ 1404 w 10000"/>
                  <a:gd name="connsiteY223" fmla="*/ 4505 h 10000"/>
                  <a:gd name="connsiteX224" fmla="*/ 1574 w 10000"/>
                  <a:gd name="connsiteY224" fmla="*/ 4505 h 10000"/>
                  <a:gd name="connsiteX225" fmla="*/ 1719 w 10000"/>
                  <a:gd name="connsiteY225" fmla="*/ 4520 h 10000"/>
                  <a:gd name="connsiteX226" fmla="*/ 1840 w 10000"/>
                  <a:gd name="connsiteY226" fmla="*/ 4520 h 10000"/>
                  <a:gd name="connsiteX227" fmla="*/ 1985 w 10000"/>
                  <a:gd name="connsiteY227" fmla="*/ 4520 h 10000"/>
                  <a:gd name="connsiteX228" fmla="*/ 2131 w 10000"/>
                  <a:gd name="connsiteY228" fmla="*/ 4490 h 10000"/>
                  <a:gd name="connsiteX229" fmla="*/ 2324 w 10000"/>
                  <a:gd name="connsiteY229" fmla="*/ 4446 h 10000"/>
                  <a:gd name="connsiteX230" fmla="*/ 2324 w 10000"/>
                  <a:gd name="connsiteY230" fmla="*/ 4579 h 10000"/>
                  <a:gd name="connsiteX231" fmla="*/ 2324 w 10000"/>
                  <a:gd name="connsiteY231" fmla="*/ 4742 h 10000"/>
                  <a:gd name="connsiteX232" fmla="*/ 2324 w 10000"/>
                  <a:gd name="connsiteY232" fmla="*/ 4874 h 10000"/>
                  <a:gd name="connsiteX233" fmla="*/ 2324 w 10000"/>
                  <a:gd name="connsiteY233" fmla="*/ 5037 h 10000"/>
                  <a:gd name="connsiteX234" fmla="*/ 2542 w 10000"/>
                  <a:gd name="connsiteY234" fmla="*/ 5022 h 10000"/>
                  <a:gd name="connsiteX235" fmla="*/ 2688 w 10000"/>
                  <a:gd name="connsiteY235" fmla="*/ 5037 h 10000"/>
                  <a:gd name="connsiteX236" fmla="*/ 2809 w 10000"/>
                  <a:gd name="connsiteY236" fmla="*/ 5066 h 10000"/>
                  <a:gd name="connsiteX237" fmla="*/ 2930 w 10000"/>
                  <a:gd name="connsiteY237" fmla="*/ 5096 h 10000"/>
                  <a:gd name="connsiteX238" fmla="*/ 3027 w 10000"/>
                  <a:gd name="connsiteY238" fmla="*/ 5126 h 10000"/>
                  <a:gd name="connsiteX239" fmla="*/ 3148 w 10000"/>
                  <a:gd name="connsiteY239" fmla="*/ 5155 h 10000"/>
                  <a:gd name="connsiteX240" fmla="*/ 3293 w 10000"/>
                  <a:gd name="connsiteY240" fmla="*/ 5170 h 10000"/>
                  <a:gd name="connsiteX241" fmla="*/ 3511 w 10000"/>
                  <a:gd name="connsiteY241" fmla="*/ 5155 h 10000"/>
                  <a:gd name="connsiteX242" fmla="*/ 3584 w 10000"/>
                  <a:gd name="connsiteY242" fmla="*/ 5096 h 10000"/>
                  <a:gd name="connsiteX243" fmla="*/ 3656 w 10000"/>
                  <a:gd name="connsiteY243" fmla="*/ 5022 h 10000"/>
                  <a:gd name="connsiteX244" fmla="*/ 3680 w 10000"/>
                  <a:gd name="connsiteY244" fmla="*/ 4934 h 10000"/>
                  <a:gd name="connsiteX245" fmla="*/ 3705 w 10000"/>
                  <a:gd name="connsiteY245" fmla="*/ 4860 h 10000"/>
                  <a:gd name="connsiteX246" fmla="*/ 3729 w 10000"/>
                  <a:gd name="connsiteY246" fmla="*/ 4697 h 10000"/>
                  <a:gd name="connsiteX247" fmla="*/ 3705 w 10000"/>
                  <a:gd name="connsiteY247" fmla="*/ 4520 h 10000"/>
                  <a:gd name="connsiteX248" fmla="*/ 3632 w 10000"/>
                  <a:gd name="connsiteY248" fmla="*/ 4343 h 10000"/>
                  <a:gd name="connsiteX249" fmla="*/ 3559 w 10000"/>
                  <a:gd name="connsiteY249" fmla="*/ 4195 h 10000"/>
                  <a:gd name="connsiteX250" fmla="*/ 3438 w 10000"/>
                  <a:gd name="connsiteY250" fmla="*/ 4047 h 10000"/>
                  <a:gd name="connsiteX251" fmla="*/ 3317 w 10000"/>
                  <a:gd name="connsiteY251" fmla="*/ 3959 h 10000"/>
                  <a:gd name="connsiteX252" fmla="*/ 3462 w 10000"/>
                  <a:gd name="connsiteY252" fmla="*/ 3944 h 10000"/>
                  <a:gd name="connsiteX253" fmla="*/ 3584 w 10000"/>
                  <a:gd name="connsiteY253" fmla="*/ 3914 h 10000"/>
                  <a:gd name="connsiteX254" fmla="*/ 3680 w 10000"/>
                  <a:gd name="connsiteY254" fmla="*/ 3855 h 10000"/>
                  <a:gd name="connsiteX255" fmla="*/ 3801 w 10000"/>
                  <a:gd name="connsiteY255" fmla="*/ 3752 h 10000"/>
                  <a:gd name="connsiteX256" fmla="*/ 3923 w 10000"/>
                  <a:gd name="connsiteY256" fmla="*/ 3663 h 10000"/>
                  <a:gd name="connsiteX257" fmla="*/ 4019 w 10000"/>
                  <a:gd name="connsiteY257" fmla="*/ 3560 h 10000"/>
                  <a:gd name="connsiteX258" fmla="*/ 4092 w 10000"/>
                  <a:gd name="connsiteY258" fmla="*/ 3442 h 10000"/>
                  <a:gd name="connsiteX259" fmla="*/ 4165 w 10000"/>
                  <a:gd name="connsiteY259" fmla="*/ 3323 h 10000"/>
                  <a:gd name="connsiteX260" fmla="*/ 4213 w 10000"/>
                  <a:gd name="connsiteY260" fmla="*/ 3220 h 10000"/>
                  <a:gd name="connsiteX261" fmla="*/ 4237 w 10000"/>
                  <a:gd name="connsiteY261" fmla="*/ 3102 h 10000"/>
                  <a:gd name="connsiteX262" fmla="*/ 4262 w 10000"/>
                  <a:gd name="connsiteY262" fmla="*/ 3013 h 10000"/>
                  <a:gd name="connsiteX263" fmla="*/ 4237 w 10000"/>
                  <a:gd name="connsiteY263" fmla="*/ 2939 h 10000"/>
                  <a:gd name="connsiteX264" fmla="*/ 4213 w 10000"/>
                  <a:gd name="connsiteY264" fmla="*/ 2866 h 10000"/>
                  <a:gd name="connsiteX265" fmla="*/ 4140 w 10000"/>
                  <a:gd name="connsiteY265" fmla="*/ 2836 h 10000"/>
                  <a:gd name="connsiteX266" fmla="*/ 4044 w 10000"/>
                  <a:gd name="connsiteY266" fmla="*/ 2836 h 10000"/>
                  <a:gd name="connsiteX267" fmla="*/ 3923 w 10000"/>
                  <a:gd name="connsiteY267" fmla="*/ 2866 h 10000"/>
                  <a:gd name="connsiteX268" fmla="*/ 4019 w 10000"/>
                  <a:gd name="connsiteY268" fmla="*/ 2777 h 10000"/>
                  <a:gd name="connsiteX269" fmla="*/ 4068 w 10000"/>
                  <a:gd name="connsiteY269" fmla="*/ 2674 h 10000"/>
                  <a:gd name="connsiteX270" fmla="*/ 4092 w 10000"/>
                  <a:gd name="connsiteY270" fmla="*/ 2541 h 10000"/>
                  <a:gd name="connsiteX271" fmla="*/ 4092 w 10000"/>
                  <a:gd name="connsiteY271" fmla="*/ 2393 h 10000"/>
                  <a:gd name="connsiteX272" fmla="*/ 4116 w 10000"/>
                  <a:gd name="connsiteY272" fmla="*/ 2349 h 10000"/>
                  <a:gd name="connsiteX273" fmla="*/ 4165 w 10000"/>
                  <a:gd name="connsiteY273" fmla="*/ 2304 h 10000"/>
                  <a:gd name="connsiteX274" fmla="*/ 4213 w 10000"/>
                  <a:gd name="connsiteY274" fmla="*/ 2290 h 10000"/>
                  <a:gd name="connsiteX275" fmla="*/ 4286 w 10000"/>
                  <a:gd name="connsiteY275" fmla="*/ 2275 h 10000"/>
                  <a:gd name="connsiteX276" fmla="*/ 4504 w 10000"/>
                  <a:gd name="connsiteY276" fmla="*/ 2260 h 10000"/>
                  <a:gd name="connsiteX277" fmla="*/ 4697 w 10000"/>
                  <a:gd name="connsiteY277" fmla="*/ 2275 h 10000"/>
                  <a:gd name="connsiteX278" fmla="*/ 4673 w 10000"/>
                  <a:gd name="connsiteY278" fmla="*/ 2112 h 10000"/>
                  <a:gd name="connsiteX279" fmla="*/ 4625 w 10000"/>
                  <a:gd name="connsiteY279" fmla="*/ 1950 h 10000"/>
                  <a:gd name="connsiteX280" fmla="*/ 4552 w 10000"/>
                  <a:gd name="connsiteY280" fmla="*/ 1802 h 10000"/>
                  <a:gd name="connsiteX281" fmla="*/ 4455 w 10000"/>
                  <a:gd name="connsiteY281" fmla="*/ 1640 h 10000"/>
                  <a:gd name="connsiteX282" fmla="*/ 4213 w 10000"/>
                  <a:gd name="connsiteY282" fmla="*/ 1329 h 10000"/>
                  <a:gd name="connsiteX283" fmla="*/ 3971 w 10000"/>
                  <a:gd name="connsiteY283" fmla="*/ 1034 h 10000"/>
                  <a:gd name="connsiteX284" fmla="*/ 3850 w 10000"/>
                  <a:gd name="connsiteY284" fmla="*/ 901 h 10000"/>
                  <a:gd name="connsiteX285" fmla="*/ 3753 w 10000"/>
                  <a:gd name="connsiteY285" fmla="*/ 753 h 10000"/>
                  <a:gd name="connsiteX286" fmla="*/ 3680 w 10000"/>
                  <a:gd name="connsiteY286" fmla="*/ 620 h 10000"/>
                  <a:gd name="connsiteX287" fmla="*/ 3656 w 10000"/>
                  <a:gd name="connsiteY287" fmla="*/ 487 h 10000"/>
                  <a:gd name="connsiteX288" fmla="*/ 3632 w 10000"/>
                  <a:gd name="connsiteY288" fmla="*/ 355 h 10000"/>
                  <a:gd name="connsiteX289" fmla="*/ 3680 w 10000"/>
                  <a:gd name="connsiteY289" fmla="*/ 222 h 10000"/>
                  <a:gd name="connsiteX290" fmla="*/ 3705 w 10000"/>
                  <a:gd name="connsiteY290" fmla="*/ 162 h 10000"/>
                  <a:gd name="connsiteX291" fmla="*/ 3753 w 10000"/>
                  <a:gd name="connsiteY291" fmla="*/ 103 h 10000"/>
                  <a:gd name="connsiteX292" fmla="*/ 3826 w 10000"/>
                  <a:gd name="connsiteY292" fmla="*/ 59 h 10000"/>
                  <a:gd name="connsiteX293" fmla="*/ 3923 w 10000"/>
                  <a:gd name="connsiteY293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9104 w 10000"/>
                  <a:gd name="connsiteY63" fmla="*/ 3722 h 10000"/>
                  <a:gd name="connsiteX64" fmla="*/ 6852 w 10000"/>
                  <a:gd name="connsiteY64" fmla="*/ 4313 h 10000"/>
                  <a:gd name="connsiteX65" fmla="*/ 6852 w 10000"/>
                  <a:gd name="connsiteY65" fmla="*/ 4431 h 10000"/>
                  <a:gd name="connsiteX66" fmla="*/ 6852 w 10000"/>
                  <a:gd name="connsiteY66" fmla="*/ 4549 h 10000"/>
                  <a:gd name="connsiteX67" fmla="*/ 6804 w 10000"/>
                  <a:gd name="connsiteY67" fmla="*/ 4564 h 10000"/>
                  <a:gd name="connsiteX68" fmla="*/ 6731 w 10000"/>
                  <a:gd name="connsiteY68" fmla="*/ 4594 h 10000"/>
                  <a:gd name="connsiteX69" fmla="*/ 6683 w 10000"/>
                  <a:gd name="connsiteY69" fmla="*/ 4638 h 10000"/>
                  <a:gd name="connsiteX70" fmla="*/ 6683 w 10000"/>
                  <a:gd name="connsiteY70" fmla="*/ 4697 h 10000"/>
                  <a:gd name="connsiteX71" fmla="*/ 6659 w 10000"/>
                  <a:gd name="connsiteY71" fmla="*/ 4801 h 10000"/>
                  <a:gd name="connsiteX72" fmla="*/ 6659 w 10000"/>
                  <a:gd name="connsiteY72" fmla="*/ 4904 h 10000"/>
                  <a:gd name="connsiteX73" fmla="*/ 6538 w 10000"/>
                  <a:gd name="connsiteY73" fmla="*/ 4860 h 10000"/>
                  <a:gd name="connsiteX74" fmla="*/ 6465 w 10000"/>
                  <a:gd name="connsiteY74" fmla="*/ 4801 h 10000"/>
                  <a:gd name="connsiteX75" fmla="*/ 6392 w 10000"/>
                  <a:gd name="connsiteY75" fmla="*/ 4727 h 10000"/>
                  <a:gd name="connsiteX76" fmla="*/ 6320 w 10000"/>
                  <a:gd name="connsiteY76" fmla="*/ 4638 h 10000"/>
                  <a:gd name="connsiteX77" fmla="*/ 6199 w 10000"/>
                  <a:gd name="connsiteY77" fmla="*/ 4476 h 10000"/>
                  <a:gd name="connsiteX78" fmla="*/ 6077 w 10000"/>
                  <a:gd name="connsiteY78" fmla="*/ 4313 h 10000"/>
                  <a:gd name="connsiteX79" fmla="*/ 6223 w 10000"/>
                  <a:gd name="connsiteY79" fmla="*/ 4210 h 10000"/>
                  <a:gd name="connsiteX80" fmla="*/ 6416 w 10000"/>
                  <a:gd name="connsiteY80" fmla="*/ 4121 h 10000"/>
                  <a:gd name="connsiteX81" fmla="*/ 6634 w 10000"/>
                  <a:gd name="connsiteY81" fmla="*/ 4032 h 10000"/>
                  <a:gd name="connsiteX82" fmla="*/ 6877 w 10000"/>
                  <a:gd name="connsiteY82" fmla="*/ 3959 h 10000"/>
                  <a:gd name="connsiteX83" fmla="*/ 7385 w 10000"/>
                  <a:gd name="connsiteY83" fmla="*/ 3811 h 10000"/>
                  <a:gd name="connsiteX84" fmla="*/ 7893 w 10000"/>
                  <a:gd name="connsiteY84" fmla="*/ 3663 h 10000"/>
                  <a:gd name="connsiteX85" fmla="*/ 8136 w 10000"/>
                  <a:gd name="connsiteY85" fmla="*/ 3589 h 10000"/>
                  <a:gd name="connsiteX86" fmla="*/ 8378 w 10000"/>
                  <a:gd name="connsiteY86" fmla="*/ 3516 h 10000"/>
                  <a:gd name="connsiteX87" fmla="*/ 8571 w 10000"/>
                  <a:gd name="connsiteY87" fmla="*/ 3412 h 10000"/>
                  <a:gd name="connsiteX88" fmla="*/ 8765 w 10000"/>
                  <a:gd name="connsiteY88" fmla="*/ 3338 h 10000"/>
                  <a:gd name="connsiteX89" fmla="*/ 8886 w 10000"/>
                  <a:gd name="connsiteY89" fmla="*/ 3235 h 10000"/>
                  <a:gd name="connsiteX90" fmla="*/ 8983 w 10000"/>
                  <a:gd name="connsiteY90" fmla="*/ 3117 h 10000"/>
                  <a:gd name="connsiteX91" fmla="*/ 9007 w 10000"/>
                  <a:gd name="connsiteY91" fmla="*/ 3072 h 10000"/>
                  <a:gd name="connsiteX92" fmla="*/ 9031 w 10000"/>
                  <a:gd name="connsiteY92" fmla="*/ 3013 h 10000"/>
                  <a:gd name="connsiteX93" fmla="*/ 9031 w 10000"/>
                  <a:gd name="connsiteY93" fmla="*/ 2954 h 10000"/>
                  <a:gd name="connsiteX94" fmla="*/ 9007 w 10000"/>
                  <a:gd name="connsiteY94" fmla="*/ 2866 h 10000"/>
                  <a:gd name="connsiteX95" fmla="*/ 8838 w 10000"/>
                  <a:gd name="connsiteY95" fmla="*/ 2984 h 10000"/>
                  <a:gd name="connsiteX96" fmla="*/ 8644 w 10000"/>
                  <a:gd name="connsiteY96" fmla="*/ 3072 h 10000"/>
                  <a:gd name="connsiteX97" fmla="*/ 8450 w 10000"/>
                  <a:gd name="connsiteY97" fmla="*/ 3161 h 10000"/>
                  <a:gd name="connsiteX98" fmla="*/ 8257 w 10000"/>
                  <a:gd name="connsiteY98" fmla="*/ 3250 h 10000"/>
                  <a:gd name="connsiteX99" fmla="*/ 7821 w 10000"/>
                  <a:gd name="connsiteY99" fmla="*/ 3397 h 10000"/>
                  <a:gd name="connsiteX100" fmla="*/ 7361 w 10000"/>
                  <a:gd name="connsiteY100" fmla="*/ 3545 h 10000"/>
                  <a:gd name="connsiteX101" fmla="*/ 6901 w 10000"/>
                  <a:gd name="connsiteY101" fmla="*/ 3678 h 10000"/>
                  <a:gd name="connsiteX102" fmla="*/ 6465 w 10000"/>
                  <a:gd name="connsiteY102" fmla="*/ 3840 h 10000"/>
                  <a:gd name="connsiteX103" fmla="*/ 6247 w 10000"/>
                  <a:gd name="connsiteY103" fmla="*/ 3914 h 10000"/>
                  <a:gd name="connsiteX104" fmla="*/ 6053 w 10000"/>
                  <a:gd name="connsiteY104" fmla="*/ 4003 h 10000"/>
                  <a:gd name="connsiteX105" fmla="*/ 5860 w 10000"/>
                  <a:gd name="connsiteY105" fmla="*/ 4106 h 10000"/>
                  <a:gd name="connsiteX106" fmla="*/ 5666 w 10000"/>
                  <a:gd name="connsiteY106" fmla="*/ 4195 h 10000"/>
                  <a:gd name="connsiteX107" fmla="*/ 5811 w 10000"/>
                  <a:gd name="connsiteY107" fmla="*/ 4417 h 10000"/>
                  <a:gd name="connsiteX108" fmla="*/ 5908 w 10000"/>
                  <a:gd name="connsiteY108" fmla="*/ 4623 h 10000"/>
                  <a:gd name="connsiteX109" fmla="*/ 6005 w 10000"/>
                  <a:gd name="connsiteY109" fmla="*/ 4845 h 10000"/>
                  <a:gd name="connsiteX110" fmla="*/ 6077 w 10000"/>
                  <a:gd name="connsiteY110" fmla="*/ 5081 h 10000"/>
                  <a:gd name="connsiteX111" fmla="*/ 6126 w 10000"/>
                  <a:gd name="connsiteY111" fmla="*/ 5318 h 10000"/>
                  <a:gd name="connsiteX112" fmla="*/ 6150 w 10000"/>
                  <a:gd name="connsiteY112" fmla="*/ 5539 h 10000"/>
                  <a:gd name="connsiteX113" fmla="*/ 6174 w 10000"/>
                  <a:gd name="connsiteY113" fmla="*/ 5775 h 10000"/>
                  <a:gd name="connsiteX114" fmla="*/ 6174 w 10000"/>
                  <a:gd name="connsiteY114" fmla="*/ 5997 h 10000"/>
                  <a:gd name="connsiteX115" fmla="*/ 6150 w 10000"/>
                  <a:gd name="connsiteY115" fmla="*/ 6233 h 10000"/>
                  <a:gd name="connsiteX116" fmla="*/ 6102 w 10000"/>
                  <a:gd name="connsiteY116" fmla="*/ 6470 h 10000"/>
                  <a:gd name="connsiteX117" fmla="*/ 6053 w 10000"/>
                  <a:gd name="connsiteY117" fmla="*/ 6677 h 10000"/>
                  <a:gd name="connsiteX118" fmla="*/ 5981 w 10000"/>
                  <a:gd name="connsiteY118" fmla="*/ 6898 h 10000"/>
                  <a:gd name="connsiteX119" fmla="*/ 5884 w 10000"/>
                  <a:gd name="connsiteY119" fmla="*/ 7105 h 10000"/>
                  <a:gd name="connsiteX120" fmla="*/ 5763 w 10000"/>
                  <a:gd name="connsiteY120" fmla="*/ 7297 h 10000"/>
                  <a:gd name="connsiteX121" fmla="*/ 5617 w 10000"/>
                  <a:gd name="connsiteY121" fmla="*/ 7489 h 10000"/>
                  <a:gd name="connsiteX122" fmla="*/ 5472 w 10000"/>
                  <a:gd name="connsiteY122" fmla="*/ 7681 h 10000"/>
                  <a:gd name="connsiteX123" fmla="*/ 6174 w 10000"/>
                  <a:gd name="connsiteY123" fmla="*/ 7799 h 10000"/>
                  <a:gd name="connsiteX124" fmla="*/ 6901 w 10000"/>
                  <a:gd name="connsiteY124" fmla="*/ 7962 h 10000"/>
                  <a:gd name="connsiteX125" fmla="*/ 7046 w 10000"/>
                  <a:gd name="connsiteY125" fmla="*/ 8021 h 10000"/>
                  <a:gd name="connsiteX126" fmla="*/ 7167 w 10000"/>
                  <a:gd name="connsiteY126" fmla="*/ 8080 h 10000"/>
                  <a:gd name="connsiteX127" fmla="*/ 7288 w 10000"/>
                  <a:gd name="connsiteY127" fmla="*/ 8139 h 10000"/>
                  <a:gd name="connsiteX128" fmla="*/ 7361 w 10000"/>
                  <a:gd name="connsiteY128" fmla="*/ 8227 h 10000"/>
                  <a:gd name="connsiteX129" fmla="*/ 7385 w 10000"/>
                  <a:gd name="connsiteY129" fmla="*/ 8301 h 10000"/>
                  <a:gd name="connsiteX130" fmla="*/ 7385 w 10000"/>
                  <a:gd name="connsiteY130" fmla="*/ 8405 h 10000"/>
                  <a:gd name="connsiteX131" fmla="*/ 7337 w 10000"/>
                  <a:gd name="connsiteY131" fmla="*/ 8523 h 10000"/>
                  <a:gd name="connsiteX132" fmla="*/ 7264 w 10000"/>
                  <a:gd name="connsiteY132" fmla="*/ 8641 h 10000"/>
                  <a:gd name="connsiteX133" fmla="*/ 6949 w 10000"/>
                  <a:gd name="connsiteY133" fmla="*/ 8552 h 10000"/>
                  <a:gd name="connsiteX134" fmla="*/ 6659 w 10000"/>
                  <a:gd name="connsiteY134" fmla="*/ 8449 h 10000"/>
                  <a:gd name="connsiteX135" fmla="*/ 6368 w 10000"/>
                  <a:gd name="connsiteY135" fmla="*/ 8360 h 10000"/>
                  <a:gd name="connsiteX136" fmla="*/ 6077 w 10000"/>
                  <a:gd name="connsiteY136" fmla="*/ 8287 h 10000"/>
                  <a:gd name="connsiteX137" fmla="*/ 5956 w 10000"/>
                  <a:gd name="connsiteY137" fmla="*/ 8449 h 10000"/>
                  <a:gd name="connsiteX138" fmla="*/ 5860 w 10000"/>
                  <a:gd name="connsiteY138" fmla="*/ 8597 h 10000"/>
                  <a:gd name="connsiteX139" fmla="*/ 5811 w 10000"/>
                  <a:gd name="connsiteY139" fmla="*/ 8656 h 10000"/>
                  <a:gd name="connsiteX140" fmla="*/ 5714 w 10000"/>
                  <a:gd name="connsiteY140" fmla="*/ 8700 h 10000"/>
                  <a:gd name="connsiteX141" fmla="*/ 5642 w 10000"/>
                  <a:gd name="connsiteY141" fmla="*/ 8744 h 10000"/>
                  <a:gd name="connsiteX142" fmla="*/ 5569 w 10000"/>
                  <a:gd name="connsiteY142" fmla="*/ 8774 h 10000"/>
                  <a:gd name="connsiteX143" fmla="*/ 5496 w 10000"/>
                  <a:gd name="connsiteY143" fmla="*/ 8804 h 10000"/>
                  <a:gd name="connsiteX144" fmla="*/ 5400 w 10000"/>
                  <a:gd name="connsiteY144" fmla="*/ 8818 h 10000"/>
                  <a:gd name="connsiteX145" fmla="*/ 5278 w 10000"/>
                  <a:gd name="connsiteY145" fmla="*/ 8833 h 10000"/>
                  <a:gd name="connsiteX146" fmla="*/ 5157 w 10000"/>
                  <a:gd name="connsiteY146" fmla="*/ 8833 h 10000"/>
                  <a:gd name="connsiteX147" fmla="*/ 4867 w 10000"/>
                  <a:gd name="connsiteY147" fmla="*/ 8818 h 10000"/>
                  <a:gd name="connsiteX148" fmla="*/ 4504 w 10000"/>
                  <a:gd name="connsiteY148" fmla="*/ 8744 h 10000"/>
                  <a:gd name="connsiteX149" fmla="*/ 4504 w 10000"/>
                  <a:gd name="connsiteY149" fmla="*/ 8922 h 10000"/>
                  <a:gd name="connsiteX150" fmla="*/ 4479 w 10000"/>
                  <a:gd name="connsiteY150" fmla="*/ 9069 h 10000"/>
                  <a:gd name="connsiteX151" fmla="*/ 4455 w 10000"/>
                  <a:gd name="connsiteY151" fmla="*/ 9232 h 10000"/>
                  <a:gd name="connsiteX152" fmla="*/ 4431 w 10000"/>
                  <a:gd name="connsiteY152" fmla="*/ 9365 h 10000"/>
                  <a:gd name="connsiteX153" fmla="*/ 4383 w 10000"/>
                  <a:gd name="connsiteY153" fmla="*/ 9498 h 10000"/>
                  <a:gd name="connsiteX154" fmla="*/ 4286 w 10000"/>
                  <a:gd name="connsiteY154" fmla="*/ 9616 h 10000"/>
                  <a:gd name="connsiteX155" fmla="*/ 4213 w 10000"/>
                  <a:gd name="connsiteY155" fmla="*/ 9734 h 10000"/>
                  <a:gd name="connsiteX156" fmla="*/ 4092 w 10000"/>
                  <a:gd name="connsiteY156" fmla="*/ 9838 h 10000"/>
                  <a:gd name="connsiteX157" fmla="*/ 3801 w 10000"/>
                  <a:gd name="connsiteY157" fmla="*/ 9897 h 10000"/>
                  <a:gd name="connsiteX158" fmla="*/ 3559 w 10000"/>
                  <a:gd name="connsiteY158" fmla="*/ 9941 h 10000"/>
                  <a:gd name="connsiteX159" fmla="*/ 3269 w 10000"/>
                  <a:gd name="connsiteY159" fmla="*/ 9985 h 10000"/>
                  <a:gd name="connsiteX160" fmla="*/ 3051 w 10000"/>
                  <a:gd name="connsiteY160" fmla="*/ 10000 h 10000"/>
                  <a:gd name="connsiteX161" fmla="*/ 2567 w 10000"/>
                  <a:gd name="connsiteY161" fmla="*/ 10000 h 10000"/>
                  <a:gd name="connsiteX162" fmla="*/ 2107 w 10000"/>
                  <a:gd name="connsiteY162" fmla="*/ 9985 h 10000"/>
                  <a:gd name="connsiteX163" fmla="*/ 1671 w 10000"/>
                  <a:gd name="connsiteY163" fmla="*/ 9941 h 10000"/>
                  <a:gd name="connsiteX164" fmla="*/ 1211 w 10000"/>
                  <a:gd name="connsiteY164" fmla="*/ 9911 h 10000"/>
                  <a:gd name="connsiteX165" fmla="*/ 944 w 10000"/>
                  <a:gd name="connsiteY165" fmla="*/ 9911 h 10000"/>
                  <a:gd name="connsiteX166" fmla="*/ 702 w 10000"/>
                  <a:gd name="connsiteY166" fmla="*/ 9911 h 10000"/>
                  <a:gd name="connsiteX167" fmla="*/ 436 w 10000"/>
                  <a:gd name="connsiteY167" fmla="*/ 9926 h 10000"/>
                  <a:gd name="connsiteX168" fmla="*/ 169 w 10000"/>
                  <a:gd name="connsiteY168" fmla="*/ 9970 h 10000"/>
                  <a:gd name="connsiteX169" fmla="*/ 97 w 10000"/>
                  <a:gd name="connsiteY169" fmla="*/ 9867 h 10000"/>
                  <a:gd name="connsiteX170" fmla="*/ 48 w 10000"/>
                  <a:gd name="connsiteY170" fmla="*/ 9793 h 10000"/>
                  <a:gd name="connsiteX171" fmla="*/ 0 w 10000"/>
                  <a:gd name="connsiteY171" fmla="*/ 9705 h 10000"/>
                  <a:gd name="connsiteX172" fmla="*/ 0 w 10000"/>
                  <a:gd name="connsiteY172" fmla="*/ 9601 h 10000"/>
                  <a:gd name="connsiteX173" fmla="*/ 48 w 10000"/>
                  <a:gd name="connsiteY173" fmla="*/ 9424 h 10000"/>
                  <a:gd name="connsiteX174" fmla="*/ 97 w 10000"/>
                  <a:gd name="connsiteY174" fmla="*/ 9202 h 10000"/>
                  <a:gd name="connsiteX175" fmla="*/ 145 w 10000"/>
                  <a:gd name="connsiteY175" fmla="*/ 8996 h 10000"/>
                  <a:gd name="connsiteX176" fmla="*/ 194 w 10000"/>
                  <a:gd name="connsiteY176" fmla="*/ 8759 h 10000"/>
                  <a:gd name="connsiteX177" fmla="*/ 218 w 10000"/>
                  <a:gd name="connsiteY177" fmla="*/ 8641 h 10000"/>
                  <a:gd name="connsiteX178" fmla="*/ 218 w 10000"/>
                  <a:gd name="connsiteY178" fmla="*/ 8538 h 10000"/>
                  <a:gd name="connsiteX179" fmla="*/ 194 w 10000"/>
                  <a:gd name="connsiteY179" fmla="*/ 8405 h 10000"/>
                  <a:gd name="connsiteX180" fmla="*/ 169 w 10000"/>
                  <a:gd name="connsiteY180" fmla="*/ 8287 h 10000"/>
                  <a:gd name="connsiteX181" fmla="*/ 412 w 10000"/>
                  <a:gd name="connsiteY181" fmla="*/ 8213 h 10000"/>
                  <a:gd name="connsiteX182" fmla="*/ 654 w 10000"/>
                  <a:gd name="connsiteY182" fmla="*/ 8139 h 10000"/>
                  <a:gd name="connsiteX183" fmla="*/ 896 w 10000"/>
                  <a:gd name="connsiteY183" fmla="*/ 8095 h 10000"/>
                  <a:gd name="connsiteX184" fmla="*/ 1162 w 10000"/>
                  <a:gd name="connsiteY184" fmla="*/ 8065 h 10000"/>
                  <a:gd name="connsiteX185" fmla="*/ 1646 w 10000"/>
                  <a:gd name="connsiteY185" fmla="*/ 8021 h 10000"/>
                  <a:gd name="connsiteX186" fmla="*/ 2131 w 10000"/>
                  <a:gd name="connsiteY186" fmla="*/ 7976 h 10000"/>
                  <a:gd name="connsiteX187" fmla="*/ 2349 w 10000"/>
                  <a:gd name="connsiteY187" fmla="*/ 7947 h 10000"/>
                  <a:gd name="connsiteX188" fmla="*/ 2567 w 10000"/>
                  <a:gd name="connsiteY188" fmla="*/ 7917 h 10000"/>
                  <a:gd name="connsiteX189" fmla="*/ 2760 w 10000"/>
                  <a:gd name="connsiteY189" fmla="*/ 7843 h 10000"/>
                  <a:gd name="connsiteX190" fmla="*/ 2954 w 10000"/>
                  <a:gd name="connsiteY190" fmla="*/ 7784 h 10000"/>
                  <a:gd name="connsiteX191" fmla="*/ 3123 w 10000"/>
                  <a:gd name="connsiteY191" fmla="*/ 7710 h 10000"/>
                  <a:gd name="connsiteX192" fmla="*/ 3269 w 10000"/>
                  <a:gd name="connsiteY192" fmla="*/ 7592 h 10000"/>
                  <a:gd name="connsiteX193" fmla="*/ 3414 w 10000"/>
                  <a:gd name="connsiteY193" fmla="*/ 7474 h 10000"/>
                  <a:gd name="connsiteX194" fmla="*/ 3511 w 10000"/>
                  <a:gd name="connsiteY194" fmla="*/ 7312 h 10000"/>
                  <a:gd name="connsiteX195" fmla="*/ 3317 w 10000"/>
                  <a:gd name="connsiteY195" fmla="*/ 7238 h 10000"/>
                  <a:gd name="connsiteX196" fmla="*/ 3148 w 10000"/>
                  <a:gd name="connsiteY196" fmla="*/ 7179 h 10000"/>
                  <a:gd name="connsiteX197" fmla="*/ 3002 w 10000"/>
                  <a:gd name="connsiteY197" fmla="*/ 7090 h 10000"/>
                  <a:gd name="connsiteX198" fmla="*/ 2857 w 10000"/>
                  <a:gd name="connsiteY198" fmla="*/ 6987 h 10000"/>
                  <a:gd name="connsiteX199" fmla="*/ 2760 w 10000"/>
                  <a:gd name="connsiteY199" fmla="*/ 6869 h 10000"/>
                  <a:gd name="connsiteX200" fmla="*/ 2712 w 10000"/>
                  <a:gd name="connsiteY200" fmla="*/ 6721 h 10000"/>
                  <a:gd name="connsiteX201" fmla="*/ 2688 w 10000"/>
                  <a:gd name="connsiteY201" fmla="*/ 6558 h 10000"/>
                  <a:gd name="connsiteX202" fmla="*/ 2712 w 10000"/>
                  <a:gd name="connsiteY202" fmla="*/ 6352 h 10000"/>
                  <a:gd name="connsiteX203" fmla="*/ 2591 w 10000"/>
                  <a:gd name="connsiteY203" fmla="*/ 6322 h 10000"/>
                  <a:gd name="connsiteX204" fmla="*/ 2446 w 10000"/>
                  <a:gd name="connsiteY204" fmla="*/ 6292 h 10000"/>
                  <a:gd name="connsiteX205" fmla="*/ 2276 w 10000"/>
                  <a:gd name="connsiteY205" fmla="*/ 6278 h 10000"/>
                  <a:gd name="connsiteX206" fmla="*/ 2107 w 10000"/>
                  <a:gd name="connsiteY206" fmla="*/ 6263 h 10000"/>
                  <a:gd name="connsiteX207" fmla="*/ 1768 w 10000"/>
                  <a:gd name="connsiteY207" fmla="*/ 6248 h 10000"/>
                  <a:gd name="connsiteX208" fmla="*/ 1404 w 10000"/>
                  <a:gd name="connsiteY208" fmla="*/ 6263 h 10000"/>
                  <a:gd name="connsiteX209" fmla="*/ 1090 w 10000"/>
                  <a:gd name="connsiteY209" fmla="*/ 6278 h 10000"/>
                  <a:gd name="connsiteX210" fmla="*/ 799 w 10000"/>
                  <a:gd name="connsiteY210" fmla="*/ 6278 h 10000"/>
                  <a:gd name="connsiteX211" fmla="*/ 557 w 10000"/>
                  <a:gd name="connsiteY211" fmla="*/ 6263 h 10000"/>
                  <a:gd name="connsiteX212" fmla="*/ 363 w 10000"/>
                  <a:gd name="connsiteY212" fmla="*/ 6233 h 10000"/>
                  <a:gd name="connsiteX213" fmla="*/ 605 w 10000"/>
                  <a:gd name="connsiteY213" fmla="*/ 5805 h 10000"/>
                  <a:gd name="connsiteX214" fmla="*/ 872 w 10000"/>
                  <a:gd name="connsiteY214" fmla="*/ 5391 h 10000"/>
                  <a:gd name="connsiteX215" fmla="*/ 969 w 10000"/>
                  <a:gd name="connsiteY215" fmla="*/ 5170 h 10000"/>
                  <a:gd name="connsiteX216" fmla="*/ 1041 w 10000"/>
                  <a:gd name="connsiteY216" fmla="*/ 4963 h 10000"/>
                  <a:gd name="connsiteX217" fmla="*/ 1065 w 10000"/>
                  <a:gd name="connsiteY217" fmla="*/ 4860 h 10000"/>
                  <a:gd name="connsiteX218" fmla="*/ 1041 w 10000"/>
                  <a:gd name="connsiteY218" fmla="*/ 4756 h 10000"/>
                  <a:gd name="connsiteX219" fmla="*/ 1017 w 10000"/>
                  <a:gd name="connsiteY219" fmla="*/ 4653 h 10000"/>
                  <a:gd name="connsiteX220" fmla="*/ 944 w 10000"/>
                  <a:gd name="connsiteY220" fmla="*/ 4549 h 10000"/>
                  <a:gd name="connsiteX221" fmla="*/ 1211 w 10000"/>
                  <a:gd name="connsiteY221" fmla="*/ 4520 h 10000"/>
                  <a:gd name="connsiteX222" fmla="*/ 1404 w 10000"/>
                  <a:gd name="connsiteY222" fmla="*/ 4505 h 10000"/>
                  <a:gd name="connsiteX223" fmla="*/ 1574 w 10000"/>
                  <a:gd name="connsiteY223" fmla="*/ 4505 h 10000"/>
                  <a:gd name="connsiteX224" fmla="*/ 1719 w 10000"/>
                  <a:gd name="connsiteY224" fmla="*/ 4520 h 10000"/>
                  <a:gd name="connsiteX225" fmla="*/ 1840 w 10000"/>
                  <a:gd name="connsiteY225" fmla="*/ 4520 h 10000"/>
                  <a:gd name="connsiteX226" fmla="*/ 1985 w 10000"/>
                  <a:gd name="connsiteY226" fmla="*/ 4520 h 10000"/>
                  <a:gd name="connsiteX227" fmla="*/ 2131 w 10000"/>
                  <a:gd name="connsiteY227" fmla="*/ 4490 h 10000"/>
                  <a:gd name="connsiteX228" fmla="*/ 2324 w 10000"/>
                  <a:gd name="connsiteY228" fmla="*/ 4446 h 10000"/>
                  <a:gd name="connsiteX229" fmla="*/ 2324 w 10000"/>
                  <a:gd name="connsiteY229" fmla="*/ 4579 h 10000"/>
                  <a:gd name="connsiteX230" fmla="*/ 2324 w 10000"/>
                  <a:gd name="connsiteY230" fmla="*/ 4742 h 10000"/>
                  <a:gd name="connsiteX231" fmla="*/ 2324 w 10000"/>
                  <a:gd name="connsiteY231" fmla="*/ 4874 h 10000"/>
                  <a:gd name="connsiteX232" fmla="*/ 2324 w 10000"/>
                  <a:gd name="connsiteY232" fmla="*/ 5037 h 10000"/>
                  <a:gd name="connsiteX233" fmla="*/ 2542 w 10000"/>
                  <a:gd name="connsiteY233" fmla="*/ 5022 h 10000"/>
                  <a:gd name="connsiteX234" fmla="*/ 2688 w 10000"/>
                  <a:gd name="connsiteY234" fmla="*/ 5037 h 10000"/>
                  <a:gd name="connsiteX235" fmla="*/ 2809 w 10000"/>
                  <a:gd name="connsiteY235" fmla="*/ 5066 h 10000"/>
                  <a:gd name="connsiteX236" fmla="*/ 2930 w 10000"/>
                  <a:gd name="connsiteY236" fmla="*/ 5096 h 10000"/>
                  <a:gd name="connsiteX237" fmla="*/ 3027 w 10000"/>
                  <a:gd name="connsiteY237" fmla="*/ 5126 h 10000"/>
                  <a:gd name="connsiteX238" fmla="*/ 3148 w 10000"/>
                  <a:gd name="connsiteY238" fmla="*/ 5155 h 10000"/>
                  <a:gd name="connsiteX239" fmla="*/ 3293 w 10000"/>
                  <a:gd name="connsiteY239" fmla="*/ 5170 h 10000"/>
                  <a:gd name="connsiteX240" fmla="*/ 3511 w 10000"/>
                  <a:gd name="connsiteY240" fmla="*/ 5155 h 10000"/>
                  <a:gd name="connsiteX241" fmla="*/ 3584 w 10000"/>
                  <a:gd name="connsiteY241" fmla="*/ 5096 h 10000"/>
                  <a:gd name="connsiteX242" fmla="*/ 3656 w 10000"/>
                  <a:gd name="connsiteY242" fmla="*/ 5022 h 10000"/>
                  <a:gd name="connsiteX243" fmla="*/ 3680 w 10000"/>
                  <a:gd name="connsiteY243" fmla="*/ 4934 h 10000"/>
                  <a:gd name="connsiteX244" fmla="*/ 3705 w 10000"/>
                  <a:gd name="connsiteY244" fmla="*/ 4860 h 10000"/>
                  <a:gd name="connsiteX245" fmla="*/ 3729 w 10000"/>
                  <a:gd name="connsiteY245" fmla="*/ 4697 h 10000"/>
                  <a:gd name="connsiteX246" fmla="*/ 3705 w 10000"/>
                  <a:gd name="connsiteY246" fmla="*/ 4520 h 10000"/>
                  <a:gd name="connsiteX247" fmla="*/ 3632 w 10000"/>
                  <a:gd name="connsiteY247" fmla="*/ 4343 h 10000"/>
                  <a:gd name="connsiteX248" fmla="*/ 3559 w 10000"/>
                  <a:gd name="connsiteY248" fmla="*/ 4195 h 10000"/>
                  <a:gd name="connsiteX249" fmla="*/ 3438 w 10000"/>
                  <a:gd name="connsiteY249" fmla="*/ 4047 h 10000"/>
                  <a:gd name="connsiteX250" fmla="*/ 3317 w 10000"/>
                  <a:gd name="connsiteY250" fmla="*/ 3959 h 10000"/>
                  <a:gd name="connsiteX251" fmla="*/ 3462 w 10000"/>
                  <a:gd name="connsiteY251" fmla="*/ 3944 h 10000"/>
                  <a:gd name="connsiteX252" fmla="*/ 3584 w 10000"/>
                  <a:gd name="connsiteY252" fmla="*/ 3914 h 10000"/>
                  <a:gd name="connsiteX253" fmla="*/ 3680 w 10000"/>
                  <a:gd name="connsiteY253" fmla="*/ 3855 h 10000"/>
                  <a:gd name="connsiteX254" fmla="*/ 3801 w 10000"/>
                  <a:gd name="connsiteY254" fmla="*/ 3752 h 10000"/>
                  <a:gd name="connsiteX255" fmla="*/ 3923 w 10000"/>
                  <a:gd name="connsiteY255" fmla="*/ 3663 h 10000"/>
                  <a:gd name="connsiteX256" fmla="*/ 4019 w 10000"/>
                  <a:gd name="connsiteY256" fmla="*/ 3560 h 10000"/>
                  <a:gd name="connsiteX257" fmla="*/ 4092 w 10000"/>
                  <a:gd name="connsiteY257" fmla="*/ 3442 h 10000"/>
                  <a:gd name="connsiteX258" fmla="*/ 4165 w 10000"/>
                  <a:gd name="connsiteY258" fmla="*/ 3323 h 10000"/>
                  <a:gd name="connsiteX259" fmla="*/ 4213 w 10000"/>
                  <a:gd name="connsiteY259" fmla="*/ 3220 h 10000"/>
                  <a:gd name="connsiteX260" fmla="*/ 4237 w 10000"/>
                  <a:gd name="connsiteY260" fmla="*/ 3102 h 10000"/>
                  <a:gd name="connsiteX261" fmla="*/ 4262 w 10000"/>
                  <a:gd name="connsiteY261" fmla="*/ 3013 h 10000"/>
                  <a:gd name="connsiteX262" fmla="*/ 4237 w 10000"/>
                  <a:gd name="connsiteY262" fmla="*/ 2939 h 10000"/>
                  <a:gd name="connsiteX263" fmla="*/ 4213 w 10000"/>
                  <a:gd name="connsiteY263" fmla="*/ 2866 h 10000"/>
                  <a:gd name="connsiteX264" fmla="*/ 4140 w 10000"/>
                  <a:gd name="connsiteY264" fmla="*/ 2836 h 10000"/>
                  <a:gd name="connsiteX265" fmla="*/ 4044 w 10000"/>
                  <a:gd name="connsiteY265" fmla="*/ 2836 h 10000"/>
                  <a:gd name="connsiteX266" fmla="*/ 3923 w 10000"/>
                  <a:gd name="connsiteY266" fmla="*/ 2866 h 10000"/>
                  <a:gd name="connsiteX267" fmla="*/ 4019 w 10000"/>
                  <a:gd name="connsiteY267" fmla="*/ 2777 h 10000"/>
                  <a:gd name="connsiteX268" fmla="*/ 4068 w 10000"/>
                  <a:gd name="connsiteY268" fmla="*/ 2674 h 10000"/>
                  <a:gd name="connsiteX269" fmla="*/ 4092 w 10000"/>
                  <a:gd name="connsiteY269" fmla="*/ 2541 h 10000"/>
                  <a:gd name="connsiteX270" fmla="*/ 4092 w 10000"/>
                  <a:gd name="connsiteY270" fmla="*/ 2393 h 10000"/>
                  <a:gd name="connsiteX271" fmla="*/ 4116 w 10000"/>
                  <a:gd name="connsiteY271" fmla="*/ 2349 h 10000"/>
                  <a:gd name="connsiteX272" fmla="*/ 4165 w 10000"/>
                  <a:gd name="connsiteY272" fmla="*/ 2304 h 10000"/>
                  <a:gd name="connsiteX273" fmla="*/ 4213 w 10000"/>
                  <a:gd name="connsiteY273" fmla="*/ 2290 h 10000"/>
                  <a:gd name="connsiteX274" fmla="*/ 4286 w 10000"/>
                  <a:gd name="connsiteY274" fmla="*/ 2275 h 10000"/>
                  <a:gd name="connsiteX275" fmla="*/ 4504 w 10000"/>
                  <a:gd name="connsiteY275" fmla="*/ 2260 h 10000"/>
                  <a:gd name="connsiteX276" fmla="*/ 4697 w 10000"/>
                  <a:gd name="connsiteY276" fmla="*/ 2275 h 10000"/>
                  <a:gd name="connsiteX277" fmla="*/ 4673 w 10000"/>
                  <a:gd name="connsiteY277" fmla="*/ 2112 h 10000"/>
                  <a:gd name="connsiteX278" fmla="*/ 4625 w 10000"/>
                  <a:gd name="connsiteY278" fmla="*/ 1950 h 10000"/>
                  <a:gd name="connsiteX279" fmla="*/ 4552 w 10000"/>
                  <a:gd name="connsiteY279" fmla="*/ 1802 h 10000"/>
                  <a:gd name="connsiteX280" fmla="*/ 4455 w 10000"/>
                  <a:gd name="connsiteY280" fmla="*/ 1640 h 10000"/>
                  <a:gd name="connsiteX281" fmla="*/ 4213 w 10000"/>
                  <a:gd name="connsiteY281" fmla="*/ 1329 h 10000"/>
                  <a:gd name="connsiteX282" fmla="*/ 3971 w 10000"/>
                  <a:gd name="connsiteY282" fmla="*/ 1034 h 10000"/>
                  <a:gd name="connsiteX283" fmla="*/ 3850 w 10000"/>
                  <a:gd name="connsiteY283" fmla="*/ 901 h 10000"/>
                  <a:gd name="connsiteX284" fmla="*/ 3753 w 10000"/>
                  <a:gd name="connsiteY284" fmla="*/ 753 h 10000"/>
                  <a:gd name="connsiteX285" fmla="*/ 3680 w 10000"/>
                  <a:gd name="connsiteY285" fmla="*/ 620 h 10000"/>
                  <a:gd name="connsiteX286" fmla="*/ 3656 w 10000"/>
                  <a:gd name="connsiteY286" fmla="*/ 487 h 10000"/>
                  <a:gd name="connsiteX287" fmla="*/ 3632 w 10000"/>
                  <a:gd name="connsiteY287" fmla="*/ 355 h 10000"/>
                  <a:gd name="connsiteX288" fmla="*/ 3680 w 10000"/>
                  <a:gd name="connsiteY288" fmla="*/ 222 h 10000"/>
                  <a:gd name="connsiteX289" fmla="*/ 3705 w 10000"/>
                  <a:gd name="connsiteY289" fmla="*/ 162 h 10000"/>
                  <a:gd name="connsiteX290" fmla="*/ 3753 w 10000"/>
                  <a:gd name="connsiteY290" fmla="*/ 103 h 10000"/>
                  <a:gd name="connsiteX291" fmla="*/ 3826 w 10000"/>
                  <a:gd name="connsiteY291" fmla="*/ 59 h 10000"/>
                  <a:gd name="connsiteX292" fmla="*/ 3923 w 10000"/>
                  <a:gd name="connsiteY292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9298 w 10000"/>
                  <a:gd name="connsiteY62" fmla="*/ 3634 h 10000"/>
                  <a:gd name="connsiteX63" fmla="*/ 6852 w 10000"/>
                  <a:gd name="connsiteY63" fmla="*/ 4313 h 10000"/>
                  <a:gd name="connsiteX64" fmla="*/ 6852 w 10000"/>
                  <a:gd name="connsiteY64" fmla="*/ 4431 h 10000"/>
                  <a:gd name="connsiteX65" fmla="*/ 6852 w 10000"/>
                  <a:gd name="connsiteY65" fmla="*/ 4549 h 10000"/>
                  <a:gd name="connsiteX66" fmla="*/ 6804 w 10000"/>
                  <a:gd name="connsiteY66" fmla="*/ 4564 h 10000"/>
                  <a:gd name="connsiteX67" fmla="*/ 6731 w 10000"/>
                  <a:gd name="connsiteY67" fmla="*/ 4594 h 10000"/>
                  <a:gd name="connsiteX68" fmla="*/ 6683 w 10000"/>
                  <a:gd name="connsiteY68" fmla="*/ 4638 h 10000"/>
                  <a:gd name="connsiteX69" fmla="*/ 6683 w 10000"/>
                  <a:gd name="connsiteY69" fmla="*/ 4697 h 10000"/>
                  <a:gd name="connsiteX70" fmla="*/ 6659 w 10000"/>
                  <a:gd name="connsiteY70" fmla="*/ 4801 h 10000"/>
                  <a:gd name="connsiteX71" fmla="*/ 6659 w 10000"/>
                  <a:gd name="connsiteY71" fmla="*/ 4904 h 10000"/>
                  <a:gd name="connsiteX72" fmla="*/ 6538 w 10000"/>
                  <a:gd name="connsiteY72" fmla="*/ 4860 h 10000"/>
                  <a:gd name="connsiteX73" fmla="*/ 6465 w 10000"/>
                  <a:gd name="connsiteY73" fmla="*/ 4801 h 10000"/>
                  <a:gd name="connsiteX74" fmla="*/ 6392 w 10000"/>
                  <a:gd name="connsiteY74" fmla="*/ 4727 h 10000"/>
                  <a:gd name="connsiteX75" fmla="*/ 6320 w 10000"/>
                  <a:gd name="connsiteY75" fmla="*/ 4638 h 10000"/>
                  <a:gd name="connsiteX76" fmla="*/ 6199 w 10000"/>
                  <a:gd name="connsiteY76" fmla="*/ 4476 h 10000"/>
                  <a:gd name="connsiteX77" fmla="*/ 6077 w 10000"/>
                  <a:gd name="connsiteY77" fmla="*/ 4313 h 10000"/>
                  <a:gd name="connsiteX78" fmla="*/ 6223 w 10000"/>
                  <a:gd name="connsiteY78" fmla="*/ 4210 h 10000"/>
                  <a:gd name="connsiteX79" fmla="*/ 6416 w 10000"/>
                  <a:gd name="connsiteY79" fmla="*/ 4121 h 10000"/>
                  <a:gd name="connsiteX80" fmla="*/ 6634 w 10000"/>
                  <a:gd name="connsiteY80" fmla="*/ 4032 h 10000"/>
                  <a:gd name="connsiteX81" fmla="*/ 6877 w 10000"/>
                  <a:gd name="connsiteY81" fmla="*/ 3959 h 10000"/>
                  <a:gd name="connsiteX82" fmla="*/ 7385 w 10000"/>
                  <a:gd name="connsiteY82" fmla="*/ 3811 h 10000"/>
                  <a:gd name="connsiteX83" fmla="*/ 7893 w 10000"/>
                  <a:gd name="connsiteY83" fmla="*/ 3663 h 10000"/>
                  <a:gd name="connsiteX84" fmla="*/ 8136 w 10000"/>
                  <a:gd name="connsiteY84" fmla="*/ 3589 h 10000"/>
                  <a:gd name="connsiteX85" fmla="*/ 8378 w 10000"/>
                  <a:gd name="connsiteY85" fmla="*/ 3516 h 10000"/>
                  <a:gd name="connsiteX86" fmla="*/ 8571 w 10000"/>
                  <a:gd name="connsiteY86" fmla="*/ 3412 h 10000"/>
                  <a:gd name="connsiteX87" fmla="*/ 8765 w 10000"/>
                  <a:gd name="connsiteY87" fmla="*/ 3338 h 10000"/>
                  <a:gd name="connsiteX88" fmla="*/ 8886 w 10000"/>
                  <a:gd name="connsiteY88" fmla="*/ 3235 h 10000"/>
                  <a:gd name="connsiteX89" fmla="*/ 8983 w 10000"/>
                  <a:gd name="connsiteY89" fmla="*/ 3117 h 10000"/>
                  <a:gd name="connsiteX90" fmla="*/ 9007 w 10000"/>
                  <a:gd name="connsiteY90" fmla="*/ 3072 h 10000"/>
                  <a:gd name="connsiteX91" fmla="*/ 9031 w 10000"/>
                  <a:gd name="connsiteY91" fmla="*/ 3013 h 10000"/>
                  <a:gd name="connsiteX92" fmla="*/ 9031 w 10000"/>
                  <a:gd name="connsiteY92" fmla="*/ 2954 h 10000"/>
                  <a:gd name="connsiteX93" fmla="*/ 9007 w 10000"/>
                  <a:gd name="connsiteY93" fmla="*/ 2866 h 10000"/>
                  <a:gd name="connsiteX94" fmla="*/ 8838 w 10000"/>
                  <a:gd name="connsiteY94" fmla="*/ 2984 h 10000"/>
                  <a:gd name="connsiteX95" fmla="*/ 8644 w 10000"/>
                  <a:gd name="connsiteY95" fmla="*/ 3072 h 10000"/>
                  <a:gd name="connsiteX96" fmla="*/ 8450 w 10000"/>
                  <a:gd name="connsiteY96" fmla="*/ 3161 h 10000"/>
                  <a:gd name="connsiteX97" fmla="*/ 8257 w 10000"/>
                  <a:gd name="connsiteY97" fmla="*/ 3250 h 10000"/>
                  <a:gd name="connsiteX98" fmla="*/ 7821 w 10000"/>
                  <a:gd name="connsiteY98" fmla="*/ 3397 h 10000"/>
                  <a:gd name="connsiteX99" fmla="*/ 7361 w 10000"/>
                  <a:gd name="connsiteY99" fmla="*/ 3545 h 10000"/>
                  <a:gd name="connsiteX100" fmla="*/ 6901 w 10000"/>
                  <a:gd name="connsiteY100" fmla="*/ 3678 h 10000"/>
                  <a:gd name="connsiteX101" fmla="*/ 6465 w 10000"/>
                  <a:gd name="connsiteY101" fmla="*/ 3840 h 10000"/>
                  <a:gd name="connsiteX102" fmla="*/ 6247 w 10000"/>
                  <a:gd name="connsiteY102" fmla="*/ 3914 h 10000"/>
                  <a:gd name="connsiteX103" fmla="*/ 6053 w 10000"/>
                  <a:gd name="connsiteY103" fmla="*/ 4003 h 10000"/>
                  <a:gd name="connsiteX104" fmla="*/ 5860 w 10000"/>
                  <a:gd name="connsiteY104" fmla="*/ 4106 h 10000"/>
                  <a:gd name="connsiteX105" fmla="*/ 5666 w 10000"/>
                  <a:gd name="connsiteY105" fmla="*/ 4195 h 10000"/>
                  <a:gd name="connsiteX106" fmla="*/ 5811 w 10000"/>
                  <a:gd name="connsiteY106" fmla="*/ 4417 h 10000"/>
                  <a:gd name="connsiteX107" fmla="*/ 5908 w 10000"/>
                  <a:gd name="connsiteY107" fmla="*/ 4623 h 10000"/>
                  <a:gd name="connsiteX108" fmla="*/ 6005 w 10000"/>
                  <a:gd name="connsiteY108" fmla="*/ 4845 h 10000"/>
                  <a:gd name="connsiteX109" fmla="*/ 6077 w 10000"/>
                  <a:gd name="connsiteY109" fmla="*/ 5081 h 10000"/>
                  <a:gd name="connsiteX110" fmla="*/ 6126 w 10000"/>
                  <a:gd name="connsiteY110" fmla="*/ 5318 h 10000"/>
                  <a:gd name="connsiteX111" fmla="*/ 6150 w 10000"/>
                  <a:gd name="connsiteY111" fmla="*/ 5539 h 10000"/>
                  <a:gd name="connsiteX112" fmla="*/ 6174 w 10000"/>
                  <a:gd name="connsiteY112" fmla="*/ 5775 h 10000"/>
                  <a:gd name="connsiteX113" fmla="*/ 6174 w 10000"/>
                  <a:gd name="connsiteY113" fmla="*/ 5997 h 10000"/>
                  <a:gd name="connsiteX114" fmla="*/ 6150 w 10000"/>
                  <a:gd name="connsiteY114" fmla="*/ 6233 h 10000"/>
                  <a:gd name="connsiteX115" fmla="*/ 6102 w 10000"/>
                  <a:gd name="connsiteY115" fmla="*/ 6470 h 10000"/>
                  <a:gd name="connsiteX116" fmla="*/ 6053 w 10000"/>
                  <a:gd name="connsiteY116" fmla="*/ 6677 h 10000"/>
                  <a:gd name="connsiteX117" fmla="*/ 5981 w 10000"/>
                  <a:gd name="connsiteY117" fmla="*/ 6898 h 10000"/>
                  <a:gd name="connsiteX118" fmla="*/ 5884 w 10000"/>
                  <a:gd name="connsiteY118" fmla="*/ 7105 h 10000"/>
                  <a:gd name="connsiteX119" fmla="*/ 5763 w 10000"/>
                  <a:gd name="connsiteY119" fmla="*/ 7297 h 10000"/>
                  <a:gd name="connsiteX120" fmla="*/ 5617 w 10000"/>
                  <a:gd name="connsiteY120" fmla="*/ 7489 h 10000"/>
                  <a:gd name="connsiteX121" fmla="*/ 5472 w 10000"/>
                  <a:gd name="connsiteY121" fmla="*/ 7681 h 10000"/>
                  <a:gd name="connsiteX122" fmla="*/ 6174 w 10000"/>
                  <a:gd name="connsiteY122" fmla="*/ 7799 h 10000"/>
                  <a:gd name="connsiteX123" fmla="*/ 6901 w 10000"/>
                  <a:gd name="connsiteY123" fmla="*/ 7962 h 10000"/>
                  <a:gd name="connsiteX124" fmla="*/ 7046 w 10000"/>
                  <a:gd name="connsiteY124" fmla="*/ 8021 h 10000"/>
                  <a:gd name="connsiteX125" fmla="*/ 7167 w 10000"/>
                  <a:gd name="connsiteY125" fmla="*/ 8080 h 10000"/>
                  <a:gd name="connsiteX126" fmla="*/ 7288 w 10000"/>
                  <a:gd name="connsiteY126" fmla="*/ 8139 h 10000"/>
                  <a:gd name="connsiteX127" fmla="*/ 7361 w 10000"/>
                  <a:gd name="connsiteY127" fmla="*/ 8227 h 10000"/>
                  <a:gd name="connsiteX128" fmla="*/ 7385 w 10000"/>
                  <a:gd name="connsiteY128" fmla="*/ 8301 h 10000"/>
                  <a:gd name="connsiteX129" fmla="*/ 7385 w 10000"/>
                  <a:gd name="connsiteY129" fmla="*/ 8405 h 10000"/>
                  <a:gd name="connsiteX130" fmla="*/ 7337 w 10000"/>
                  <a:gd name="connsiteY130" fmla="*/ 8523 h 10000"/>
                  <a:gd name="connsiteX131" fmla="*/ 7264 w 10000"/>
                  <a:gd name="connsiteY131" fmla="*/ 8641 h 10000"/>
                  <a:gd name="connsiteX132" fmla="*/ 6949 w 10000"/>
                  <a:gd name="connsiteY132" fmla="*/ 8552 h 10000"/>
                  <a:gd name="connsiteX133" fmla="*/ 6659 w 10000"/>
                  <a:gd name="connsiteY133" fmla="*/ 8449 h 10000"/>
                  <a:gd name="connsiteX134" fmla="*/ 6368 w 10000"/>
                  <a:gd name="connsiteY134" fmla="*/ 8360 h 10000"/>
                  <a:gd name="connsiteX135" fmla="*/ 6077 w 10000"/>
                  <a:gd name="connsiteY135" fmla="*/ 8287 h 10000"/>
                  <a:gd name="connsiteX136" fmla="*/ 5956 w 10000"/>
                  <a:gd name="connsiteY136" fmla="*/ 8449 h 10000"/>
                  <a:gd name="connsiteX137" fmla="*/ 5860 w 10000"/>
                  <a:gd name="connsiteY137" fmla="*/ 8597 h 10000"/>
                  <a:gd name="connsiteX138" fmla="*/ 5811 w 10000"/>
                  <a:gd name="connsiteY138" fmla="*/ 8656 h 10000"/>
                  <a:gd name="connsiteX139" fmla="*/ 5714 w 10000"/>
                  <a:gd name="connsiteY139" fmla="*/ 8700 h 10000"/>
                  <a:gd name="connsiteX140" fmla="*/ 5642 w 10000"/>
                  <a:gd name="connsiteY140" fmla="*/ 8744 h 10000"/>
                  <a:gd name="connsiteX141" fmla="*/ 5569 w 10000"/>
                  <a:gd name="connsiteY141" fmla="*/ 8774 h 10000"/>
                  <a:gd name="connsiteX142" fmla="*/ 5496 w 10000"/>
                  <a:gd name="connsiteY142" fmla="*/ 8804 h 10000"/>
                  <a:gd name="connsiteX143" fmla="*/ 5400 w 10000"/>
                  <a:gd name="connsiteY143" fmla="*/ 8818 h 10000"/>
                  <a:gd name="connsiteX144" fmla="*/ 5278 w 10000"/>
                  <a:gd name="connsiteY144" fmla="*/ 8833 h 10000"/>
                  <a:gd name="connsiteX145" fmla="*/ 5157 w 10000"/>
                  <a:gd name="connsiteY145" fmla="*/ 8833 h 10000"/>
                  <a:gd name="connsiteX146" fmla="*/ 4867 w 10000"/>
                  <a:gd name="connsiteY146" fmla="*/ 8818 h 10000"/>
                  <a:gd name="connsiteX147" fmla="*/ 4504 w 10000"/>
                  <a:gd name="connsiteY147" fmla="*/ 8744 h 10000"/>
                  <a:gd name="connsiteX148" fmla="*/ 4504 w 10000"/>
                  <a:gd name="connsiteY148" fmla="*/ 8922 h 10000"/>
                  <a:gd name="connsiteX149" fmla="*/ 4479 w 10000"/>
                  <a:gd name="connsiteY149" fmla="*/ 9069 h 10000"/>
                  <a:gd name="connsiteX150" fmla="*/ 4455 w 10000"/>
                  <a:gd name="connsiteY150" fmla="*/ 9232 h 10000"/>
                  <a:gd name="connsiteX151" fmla="*/ 4431 w 10000"/>
                  <a:gd name="connsiteY151" fmla="*/ 9365 h 10000"/>
                  <a:gd name="connsiteX152" fmla="*/ 4383 w 10000"/>
                  <a:gd name="connsiteY152" fmla="*/ 9498 h 10000"/>
                  <a:gd name="connsiteX153" fmla="*/ 4286 w 10000"/>
                  <a:gd name="connsiteY153" fmla="*/ 9616 h 10000"/>
                  <a:gd name="connsiteX154" fmla="*/ 4213 w 10000"/>
                  <a:gd name="connsiteY154" fmla="*/ 9734 h 10000"/>
                  <a:gd name="connsiteX155" fmla="*/ 4092 w 10000"/>
                  <a:gd name="connsiteY155" fmla="*/ 9838 h 10000"/>
                  <a:gd name="connsiteX156" fmla="*/ 3801 w 10000"/>
                  <a:gd name="connsiteY156" fmla="*/ 9897 h 10000"/>
                  <a:gd name="connsiteX157" fmla="*/ 3559 w 10000"/>
                  <a:gd name="connsiteY157" fmla="*/ 9941 h 10000"/>
                  <a:gd name="connsiteX158" fmla="*/ 3269 w 10000"/>
                  <a:gd name="connsiteY158" fmla="*/ 9985 h 10000"/>
                  <a:gd name="connsiteX159" fmla="*/ 3051 w 10000"/>
                  <a:gd name="connsiteY159" fmla="*/ 10000 h 10000"/>
                  <a:gd name="connsiteX160" fmla="*/ 2567 w 10000"/>
                  <a:gd name="connsiteY160" fmla="*/ 10000 h 10000"/>
                  <a:gd name="connsiteX161" fmla="*/ 2107 w 10000"/>
                  <a:gd name="connsiteY161" fmla="*/ 9985 h 10000"/>
                  <a:gd name="connsiteX162" fmla="*/ 1671 w 10000"/>
                  <a:gd name="connsiteY162" fmla="*/ 9941 h 10000"/>
                  <a:gd name="connsiteX163" fmla="*/ 1211 w 10000"/>
                  <a:gd name="connsiteY163" fmla="*/ 9911 h 10000"/>
                  <a:gd name="connsiteX164" fmla="*/ 944 w 10000"/>
                  <a:gd name="connsiteY164" fmla="*/ 9911 h 10000"/>
                  <a:gd name="connsiteX165" fmla="*/ 702 w 10000"/>
                  <a:gd name="connsiteY165" fmla="*/ 9911 h 10000"/>
                  <a:gd name="connsiteX166" fmla="*/ 436 w 10000"/>
                  <a:gd name="connsiteY166" fmla="*/ 9926 h 10000"/>
                  <a:gd name="connsiteX167" fmla="*/ 169 w 10000"/>
                  <a:gd name="connsiteY167" fmla="*/ 9970 h 10000"/>
                  <a:gd name="connsiteX168" fmla="*/ 97 w 10000"/>
                  <a:gd name="connsiteY168" fmla="*/ 9867 h 10000"/>
                  <a:gd name="connsiteX169" fmla="*/ 48 w 10000"/>
                  <a:gd name="connsiteY169" fmla="*/ 9793 h 10000"/>
                  <a:gd name="connsiteX170" fmla="*/ 0 w 10000"/>
                  <a:gd name="connsiteY170" fmla="*/ 9705 h 10000"/>
                  <a:gd name="connsiteX171" fmla="*/ 0 w 10000"/>
                  <a:gd name="connsiteY171" fmla="*/ 9601 h 10000"/>
                  <a:gd name="connsiteX172" fmla="*/ 48 w 10000"/>
                  <a:gd name="connsiteY172" fmla="*/ 9424 h 10000"/>
                  <a:gd name="connsiteX173" fmla="*/ 97 w 10000"/>
                  <a:gd name="connsiteY173" fmla="*/ 9202 h 10000"/>
                  <a:gd name="connsiteX174" fmla="*/ 145 w 10000"/>
                  <a:gd name="connsiteY174" fmla="*/ 8996 h 10000"/>
                  <a:gd name="connsiteX175" fmla="*/ 194 w 10000"/>
                  <a:gd name="connsiteY175" fmla="*/ 8759 h 10000"/>
                  <a:gd name="connsiteX176" fmla="*/ 218 w 10000"/>
                  <a:gd name="connsiteY176" fmla="*/ 8641 h 10000"/>
                  <a:gd name="connsiteX177" fmla="*/ 218 w 10000"/>
                  <a:gd name="connsiteY177" fmla="*/ 8538 h 10000"/>
                  <a:gd name="connsiteX178" fmla="*/ 194 w 10000"/>
                  <a:gd name="connsiteY178" fmla="*/ 8405 h 10000"/>
                  <a:gd name="connsiteX179" fmla="*/ 169 w 10000"/>
                  <a:gd name="connsiteY179" fmla="*/ 8287 h 10000"/>
                  <a:gd name="connsiteX180" fmla="*/ 412 w 10000"/>
                  <a:gd name="connsiteY180" fmla="*/ 8213 h 10000"/>
                  <a:gd name="connsiteX181" fmla="*/ 654 w 10000"/>
                  <a:gd name="connsiteY181" fmla="*/ 8139 h 10000"/>
                  <a:gd name="connsiteX182" fmla="*/ 896 w 10000"/>
                  <a:gd name="connsiteY182" fmla="*/ 8095 h 10000"/>
                  <a:gd name="connsiteX183" fmla="*/ 1162 w 10000"/>
                  <a:gd name="connsiteY183" fmla="*/ 8065 h 10000"/>
                  <a:gd name="connsiteX184" fmla="*/ 1646 w 10000"/>
                  <a:gd name="connsiteY184" fmla="*/ 8021 h 10000"/>
                  <a:gd name="connsiteX185" fmla="*/ 2131 w 10000"/>
                  <a:gd name="connsiteY185" fmla="*/ 7976 h 10000"/>
                  <a:gd name="connsiteX186" fmla="*/ 2349 w 10000"/>
                  <a:gd name="connsiteY186" fmla="*/ 7947 h 10000"/>
                  <a:gd name="connsiteX187" fmla="*/ 2567 w 10000"/>
                  <a:gd name="connsiteY187" fmla="*/ 7917 h 10000"/>
                  <a:gd name="connsiteX188" fmla="*/ 2760 w 10000"/>
                  <a:gd name="connsiteY188" fmla="*/ 7843 h 10000"/>
                  <a:gd name="connsiteX189" fmla="*/ 2954 w 10000"/>
                  <a:gd name="connsiteY189" fmla="*/ 7784 h 10000"/>
                  <a:gd name="connsiteX190" fmla="*/ 3123 w 10000"/>
                  <a:gd name="connsiteY190" fmla="*/ 7710 h 10000"/>
                  <a:gd name="connsiteX191" fmla="*/ 3269 w 10000"/>
                  <a:gd name="connsiteY191" fmla="*/ 7592 h 10000"/>
                  <a:gd name="connsiteX192" fmla="*/ 3414 w 10000"/>
                  <a:gd name="connsiteY192" fmla="*/ 7474 h 10000"/>
                  <a:gd name="connsiteX193" fmla="*/ 3511 w 10000"/>
                  <a:gd name="connsiteY193" fmla="*/ 7312 h 10000"/>
                  <a:gd name="connsiteX194" fmla="*/ 3317 w 10000"/>
                  <a:gd name="connsiteY194" fmla="*/ 7238 h 10000"/>
                  <a:gd name="connsiteX195" fmla="*/ 3148 w 10000"/>
                  <a:gd name="connsiteY195" fmla="*/ 7179 h 10000"/>
                  <a:gd name="connsiteX196" fmla="*/ 3002 w 10000"/>
                  <a:gd name="connsiteY196" fmla="*/ 7090 h 10000"/>
                  <a:gd name="connsiteX197" fmla="*/ 2857 w 10000"/>
                  <a:gd name="connsiteY197" fmla="*/ 6987 h 10000"/>
                  <a:gd name="connsiteX198" fmla="*/ 2760 w 10000"/>
                  <a:gd name="connsiteY198" fmla="*/ 6869 h 10000"/>
                  <a:gd name="connsiteX199" fmla="*/ 2712 w 10000"/>
                  <a:gd name="connsiteY199" fmla="*/ 6721 h 10000"/>
                  <a:gd name="connsiteX200" fmla="*/ 2688 w 10000"/>
                  <a:gd name="connsiteY200" fmla="*/ 6558 h 10000"/>
                  <a:gd name="connsiteX201" fmla="*/ 2712 w 10000"/>
                  <a:gd name="connsiteY201" fmla="*/ 6352 h 10000"/>
                  <a:gd name="connsiteX202" fmla="*/ 2591 w 10000"/>
                  <a:gd name="connsiteY202" fmla="*/ 6322 h 10000"/>
                  <a:gd name="connsiteX203" fmla="*/ 2446 w 10000"/>
                  <a:gd name="connsiteY203" fmla="*/ 6292 h 10000"/>
                  <a:gd name="connsiteX204" fmla="*/ 2276 w 10000"/>
                  <a:gd name="connsiteY204" fmla="*/ 6278 h 10000"/>
                  <a:gd name="connsiteX205" fmla="*/ 2107 w 10000"/>
                  <a:gd name="connsiteY205" fmla="*/ 6263 h 10000"/>
                  <a:gd name="connsiteX206" fmla="*/ 1768 w 10000"/>
                  <a:gd name="connsiteY206" fmla="*/ 6248 h 10000"/>
                  <a:gd name="connsiteX207" fmla="*/ 1404 w 10000"/>
                  <a:gd name="connsiteY207" fmla="*/ 6263 h 10000"/>
                  <a:gd name="connsiteX208" fmla="*/ 1090 w 10000"/>
                  <a:gd name="connsiteY208" fmla="*/ 6278 h 10000"/>
                  <a:gd name="connsiteX209" fmla="*/ 799 w 10000"/>
                  <a:gd name="connsiteY209" fmla="*/ 6278 h 10000"/>
                  <a:gd name="connsiteX210" fmla="*/ 557 w 10000"/>
                  <a:gd name="connsiteY210" fmla="*/ 6263 h 10000"/>
                  <a:gd name="connsiteX211" fmla="*/ 363 w 10000"/>
                  <a:gd name="connsiteY211" fmla="*/ 6233 h 10000"/>
                  <a:gd name="connsiteX212" fmla="*/ 605 w 10000"/>
                  <a:gd name="connsiteY212" fmla="*/ 5805 h 10000"/>
                  <a:gd name="connsiteX213" fmla="*/ 872 w 10000"/>
                  <a:gd name="connsiteY213" fmla="*/ 5391 h 10000"/>
                  <a:gd name="connsiteX214" fmla="*/ 969 w 10000"/>
                  <a:gd name="connsiteY214" fmla="*/ 5170 h 10000"/>
                  <a:gd name="connsiteX215" fmla="*/ 1041 w 10000"/>
                  <a:gd name="connsiteY215" fmla="*/ 4963 h 10000"/>
                  <a:gd name="connsiteX216" fmla="*/ 1065 w 10000"/>
                  <a:gd name="connsiteY216" fmla="*/ 4860 h 10000"/>
                  <a:gd name="connsiteX217" fmla="*/ 1041 w 10000"/>
                  <a:gd name="connsiteY217" fmla="*/ 4756 h 10000"/>
                  <a:gd name="connsiteX218" fmla="*/ 1017 w 10000"/>
                  <a:gd name="connsiteY218" fmla="*/ 4653 h 10000"/>
                  <a:gd name="connsiteX219" fmla="*/ 944 w 10000"/>
                  <a:gd name="connsiteY219" fmla="*/ 4549 h 10000"/>
                  <a:gd name="connsiteX220" fmla="*/ 1211 w 10000"/>
                  <a:gd name="connsiteY220" fmla="*/ 4520 h 10000"/>
                  <a:gd name="connsiteX221" fmla="*/ 1404 w 10000"/>
                  <a:gd name="connsiteY221" fmla="*/ 4505 h 10000"/>
                  <a:gd name="connsiteX222" fmla="*/ 1574 w 10000"/>
                  <a:gd name="connsiteY222" fmla="*/ 4505 h 10000"/>
                  <a:gd name="connsiteX223" fmla="*/ 1719 w 10000"/>
                  <a:gd name="connsiteY223" fmla="*/ 4520 h 10000"/>
                  <a:gd name="connsiteX224" fmla="*/ 1840 w 10000"/>
                  <a:gd name="connsiteY224" fmla="*/ 4520 h 10000"/>
                  <a:gd name="connsiteX225" fmla="*/ 1985 w 10000"/>
                  <a:gd name="connsiteY225" fmla="*/ 4520 h 10000"/>
                  <a:gd name="connsiteX226" fmla="*/ 2131 w 10000"/>
                  <a:gd name="connsiteY226" fmla="*/ 4490 h 10000"/>
                  <a:gd name="connsiteX227" fmla="*/ 2324 w 10000"/>
                  <a:gd name="connsiteY227" fmla="*/ 4446 h 10000"/>
                  <a:gd name="connsiteX228" fmla="*/ 2324 w 10000"/>
                  <a:gd name="connsiteY228" fmla="*/ 4579 h 10000"/>
                  <a:gd name="connsiteX229" fmla="*/ 2324 w 10000"/>
                  <a:gd name="connsiteY229" fmla="*/ 4742 h 10000"/>
                  <a:gd name="connsiteX230" fmla="*/ 2324 w 10000"/>
                  <a:gd name="connsiteY230" fmla="*/ 4874 h 10000"/>
                  <a:gd name="connsiteX231" fmla="*/ 2324 w 10000"/>
                  <a:gd name="connsiteY231" fmla="*/ 5037 h 10000"/>
                  <a:gd name="connsiteX232" fmla="*/ 2542 w 10000"/>
                  <a:gd name="connsiteY232" fmla="*/ 5022 h 10000"/>
                  <a:gd name="connsiteX233" fmla="*/ 2688 w 10000"/>
                  <a:gd name="connsiteY233" fmla="*/ 5037 h 10000"/>
                  <a:gd name="connsiteX234" fmla="*/ 2809 w 10000"/>
                  <a:gd name="connsiteY234" fmla="*/ 5066 h 10000"/>
                  <a:gd name="connsiteX235" fmla="*/ 2930 w 10000"/>
                  <a:gd name="connsiteY235" fmla="*/ 5096 h 10000"/>
                  <a:gd name="connsiteX236" fmla="*/ 3027 w 10000"/>
                  <a:gd name="connsiteY236" fmla="*/ 5126 h 10000"/>
                  <a:gd name="connsiteX237" fmla="*/ 3148 w 10000"/>
                  <a:gd name="connsiteY237" fmla="*/ 5155 h 10000"/>
                  <a:gd name="connsiteX238" fmla="*/ 3293 w 10000"/>
                  <a:gd name="connsiteY238" fmla="*/ 5170 h 10000"/>
                  <a:gd name="connsiteX239" fmla="*/ 3511 w 10000"/>
                  <a:gd name="connsiteY239" fmla="*/ 5155 h 10000"/>
                  <a:gd name="connsiteX240" fmla="*/ 3584 w 10000"/>
                  <a:gd name="connsiteY240" fmla="*/ 5096 h 10000"/>
                  <a:gd name="connsiteX241" fmla="*/ 3656 w 10000"/>
                  <a:gd name="connsiteY241" fmla="*/ 5022 h 10000"/>
                  <a:gd name="connsiteX242" fmla="*/ 3680 w 10000"/>
                  <a:gd name="connsiteY242" fmla="*/ 4934 h 10000"/>
                  <a:gd name="connsiteX243" fmla="*/ 3705 w 10000"/>
                  <a:gd name="connsiteY243" fmla="*/ 4860 h 10000"/>
                  <a:gd name="connsiteX244" fmla="*/ 3729 w 10000"/>
                  <a:gd name="connsiteY244" fmla="*/ 4697 h 10000"/>
                  <a:gd name="connsiteX245" fmla="*/ 3705 w 10000"/>
                  <a:gd name="connsiteY245" fmla="*/ 4520 h 10000"/>
                  <a:gd name="connsiteX246" fmla="*/ 3632 w 10000"/>
                  <a:gd name="connsiteY246" fmla="*/ 4343 h 10000"/>
                  <a:gd name="connsiteX247" fmla="*/ 3559 w 10000"/>
                  <a:gd name="connsiteY247" fmla="*/ 4195 h 10000"/>
                  <a:gd name="connsiteX248" fmla="*/ 3438 w 10000"/>
                  <a:gd name="connsiteY248" fmla="*/ 4047 h 10000"/>
                  <a:gd name="connsiteX249" fmla="*/ 3317 w 10000"/>
                  <a:gd name="connsiteY249" fmla="*/ 3959 h 10000"/>
                  <a:gd name="connsiteX250" fmla="*/ 3462 w 10000"/>
                  <a:gd name="connsiteY250" fmla="*/ 3944 h 10000"/>
                  <a:gd name="connsiteX251" fmla="*/ 3584 w 10000"/>
                  <a:gd name="connsiteY251" fmla="*/ 3914 h 10000"/>
                  <a:gd name="connsiteX252" fmla="*/ 3680 w 10000"/>
                  <a:gd name="connsiteY252" fmla="*/ 3855 h 10000"/>
                  <a:gd name="connsiteX253" fmla="*/ 3801 w 10000"/>
                  <a:gd name="connsiteY253" fmla="*/ 3752 h 10000"/>
                  <a:gd name="connsiteX254" fmla="*/ 3923 w 10000"/>
                  <a:gd name="connsiteY254" fmla="*/ 3663 h 10000"/>
                  <a:gd name="connsiteX255" fmla="*/ 4019 w 10000"/>
                  <a:gd name="connsiteY255" fmla="*/ 3560 h 10000"/>
                  <a:gd name="connsiteX256" fmla="*/ 4092 w 10000"/>
                  <a:gd name="connsiteY256" fmla="*/ 3442 h 10000"/>
                  <a:gd name="connsiteX257" fmla="*/ 4165 w 10000"/>
                  <a:gd name="connsiteY257" fmla="*/ 3323 h 10000"/>
                  <a:gd name="connsiteX258" fmla="*/ 4213 w 10000"/>
                  <a:gd name="connsiteY258" fmla="*/ 3220 h 10000"/>
                  <a:gd name="connsiteX259" fmla="*/ 4237 w 10000"/>
                  <a:gd name="connsiteY259" fmla="*/ 3102 h 10000"/>
                  <a:gd name="connsiteX260" fmla="*/ 4262 w 10000"/>
                  <a:gd name="connsiteY260" fmla="*/ 3013 h 10000"/>
                  <a:gd name="connsiteX261" fmla="*/ 4237 w 10000"/>
                  <a:gd name="connsiteY261" fmla="*/ 2939 h 10000"/>
                  <a:gd name="connsiteX262" fmla="*/ 4213 w 10000"/>
                  <a:gd name="connsiteY262" fmla="*/ 2866 h 10000"/>
                  <a:gd name="connsiteX263" fmla="*/ 4140 w 10000"/>
                  <a:gd name="connsiteY263" fmla="*/ 2836 h 10000"/>
                  <a:gd name="connsiteX264" fmla="*/ 4044 w 10000"/>
                  <a:gd name="connsiteY264" fmla="*/ 2836 h 10000"/>
                  <a:gd name="connsiteX265" fmla="*/ 3923 w 10000"/>
                  <a:gd name="connsiteY265" fmla="*/ 2866 h 10000"/>
                  <a:gd name="connsiteX266" fmla="*/ 4019 w 10000"/>
                  <a:gd name="connsiteY266" fmla="*/ 2777 h 10000"/>
                  <a:gd name="connsiteX267" fmla="*/ 4068 w 10000"/>
                  <a:gd name="connsiteY267" fmla="*/ 2674 h 10000"/>
                  <a:gd name="connsiteX268" fmla="*/ 4092 w 10000"/>
                  <a:gd name="connsiteY268" fmla="*/ 2541 h 10000"/>
                  <a:gd name="connsiteX269" fmla="*/ 4092 w 10000"/>
                  <a:gd name="connsiteY269" fmla="*/ 2393 h 10000"/>
                  <a:gd name="connsiteX270" fmla="*/ 4116 w 10000"/>
                  <a:gd name="connsiteY270" fmla="*/ 2349 h 10000"/>
                  <a:gd name="connsiteX271" fmla="*/ 4165 w 10000"/>
                  <a:gd name="connsiteY271" fmla="*/ 2304 h 10000"/>
                  <a:gd name="connsiteX272" fmla="*/ 4213 w 10000"/>
                  <a:gd name="connsiteY272" fmla="*/ 2290 h 10000"/>
                  <a:gd name="connsiteX273" fmla="*/ 4286 w 10000"/>
                  <a:gd name="connsiteY273" fmla="*/ 2275 h 10000"/>
                  <a:gd name="connsiteX274" fmla="*/ 4504 w 10000"/>
                  <a:gd name="connsiteY274" fmla="*/ 2260 h 10000"/>
                  <a:gd name="connsiteX275" fmla="*/ 4697 w 10000"/>
                  <a:gd name="connsiteY275" fmla="*/ 2275 h 10000"/>
                  <a:gd name="connsiteX276" fmla="*/ 4673 w 10000"/>
                  <a:gd name="connsiteY276" fmla="*/ 2112 h 10000"/>
                  <a:gd name="connsiteX277" fmla="*/ 4625 w 10000"/>
                  <a:gd name="connsiteY277" fmla="*/ 1950 h 10000"/>
                  <a:gd name="connsiteX278" fmla="*/ 4552 w 10000"/>
                  <a:gd name="connsiteY278" fmla="*/ 1802 h 10000"/>
                  <a:gd name="connsiteX279" fmla="*/ 4455 w 10000"/>
                  <a:gd name="connsiteY279" fmla="*/ 1640 h 10000"/>
                  <a:gd name="connsiteX280" fmla="*/ 4213 w 10000"/>
                  <a:gd name="connsiteY280" fmla="*/ 1329 h 10000"/>
                  <a:gd name="connsiteX281" fmla="*/ 3971 w 10000"/>
                  <a:gd name="connsiteY281" fmla="*/ 1034 h 10000"/>
                  <a:gd name="connsiteX282" fmla="*/ 3850 w 10000"/>
                  <a:gd name="connsiteY282" fmla="*/ 901 h 10000"/>
                  <a:gd name="connsiteX283" fmla="*/ 3753 w 10000"/>
                  <a:gd name="connsiteY283" fmla="*/ 753 h 10000"/>
                  <a:gd name="connsiteX284" fmla="*/ 3680 w 10000"/>
                  <a:gd name="connsiteY284" fmla="*/ 620 h 10000"/>
                  <a:gd name="connsiteX285" fmla="*/ 3656 w 10000"/>
                  <a:gd name="connsiteY285" fmla="*/ 487 h 10000"/>
                  <a:gd name="connsiteX286" fmla="*/ 3632 w 10000"/>
                  <a:gd name="connsiteY286" fmla="*/ 355 h 10000"/>
                  <a:gd name="connsiteX287" fmla="*/ 3680 w 10000"/>
                  <a:gd name="connsiteY287" fmla="*/ 222 h 10000"/>
                  <a:gd name="connsiteX288" fmla="*/ 3705 w 10000"/>
                  <a:gd name="connsiteY288" fmla="*/ 162 h 10000"/>
                  <a:gd name="connsiteX289" fmla="*/ 3753 w 10000"/>
                  <a:gd name="connsiteY289" fmla="*/ 103 h 10000"/>
                  <a:gd name="connsiteX290" fmla="*/ 3826 w 10000"/>
                  <a:gd name="connsiteY290" fmla="*/ 59 h 10000"/>
                  <a:gd name="connsiteX291" fmla="*/ 3923 w 10000"/>
                  <a:gd name="connsiteY291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9492 w 10000"/>
                  <a:gd name="connsiteY61" fmla="*/ 3530 h 10000"/>
                  <a:gd name="connsiteX62" fmla="*/ 6852 w 10000"/>
                  <a:gd name="connsiteY62" fmla="*/ 4313 h 10000"/>
                  <a:gd name="connsiteX63" fmla="*/ 6852 w 10000"/>
                  <a:gd name="connsiteY63" fmla="*/ 4431 h 10000"/>
                  <a:gd name="connsiteX64" fmla="*/ 6852 w 10000"/>
                  <a:gd name="connsiteY64" fmla="*/ 4549 h 10000"/>
                  <a:gd name="connsiteX65" fmla="*/ 6804 w 10000"/>
                  <a:gd name="connsiteY65" fmla="*/ 4564 h 10000"/>
                  <a:gd name="connsiteX66" fmla="*/ 6731 w 10000"/>
                  <a:gd name="connsiteY66" fmla="*/ 4594 h 10000"/>
                  <a:gd name="connsiteX67" fmla="*/ 6683 w 10000"/>
                  <a:gd name="connsiteY67" fmla="*/ 4638 h 10000"/>
                  <a:gd name="connsiteX68" fmla="*/ 6683 w 10000"/>
                  <a:gd name="connsiteY68" fmla="*/ 4697 h 10000"/>
                  <a:gd name="connsiteX69" fmla="*/ 6659 w 10000"/>
                  <a:gd name="connsiteY69" fmla="*/ 4801 h 10000"/>
                  <a:gd name="connsiteX70" fmla="*/ 6659 w 10000"/>
                  <a:gd name="connsiteY70" fmla="*/ 4904 h 10000"/>
                  <a:gd name="connsiteX71" fmla="*/ 6538 w 10000"/>
                  <a:gd name="connsiteY71" fmla="*/ 4860 h 10000"/>
                  <a:gd name="connsiteX72" fmla="*/ 6465 w 10000"/>
                  <a:gd name="connsiteY72" fmla="*/ 4801 h 10000"/>
                  <a:gd name="connsiteX73" fmla="*/ 6392 w 10000"/>
                  <a:gd name="connsiteY73" fmla="*/ 4727 h 10000"/>
                  <a:gd name="connsiteX74" fmla="*/ 6320 w 10000"/>
                  <a:gd name="connsiteY74" fmla="*/ 4638 h 10000"/>
                  <a:gd name="connsiteX75" fmla="*/ 6199 w 10000"/>
                  <a:gd name="connsiteY75" fmla="*/ 4476 h 10000"/>
                  <a:gd name="connsiteX76" fmla="*/ 6077 w 10000"/>
                  <a:gd name="connsiteY76" fmla="*/ 4313 h 10000"/>
                  <a:gd name="connsiteX77" fmla="*/ 6223 w 10000"/>
                  <a:gd name="connsiteY77" fmla="*/ 4210 h 10000"/>
                  <a:gd name="connsiteX78" fmla="*/ 6416 w 10000"/>
                  <a:gd name="connsiteY78" fmla="*/ 4121 h 10000"/>
                  <a:gd name="connsiteX79" fmla="*/ 6634 w 10000"/>
                  <a:gd name="connsiteY79" fmla="*/ 4032 h 10000"/>
                  <a:gd name="connsiteX80" fmla="*/ 6877 w 10000"/>
                  <a:gd name="connsiteY80" fmla="*/ 3959 h 10000"/>
                  <a:gd name="connsiteX81" fmla="*/ 7385 w 10000"/>
                  <a:gd name="connsiteY81" fmla="*/ 3811 h 10000"/>
                  <a:gd name="connsiteX82" fmla="*/ 7893 w 10000"/>
                  <a:gd name="connsiteY82" fmla="*/ 3663 h 10000"/>
                  <a:gd name="connsiteX83" fmla="*/ 8136 w 10000"/>
                  <a:gd name="connsiteY83" fmla="*/ 3589 h 10000"/>
                  <a:gd name="connsiteX84" fmla="*/ 8378 w 10000"/>
                  <a:gd name="connsiteY84" fmla="*/ 3516 h 10000"/>
                  <a:gd name="connsiteX85" fmla="*/ 8571 w 10000"/>
                  <a:gd name="connsiteY85" fmla="*/ 3412 h 10000"/>
                  <a:gd name="connsiteX86" fmla="*/ 8765 w 10000"/>
                  <a:gd name="connsiteY86" fmla="*/ 3338 h 10000"/>
                  <a:gd name="connsiteX87" fmla="*/ 8886 w 10000"/>
                  <a:gd name="connsiteY87" fmla="*/ 3235 h 10000"/>
                  <a:gd name="connsiteX88" fmla="*/ 8983 w 10000"/>
                  <a:gd name="connsiteY88" fmla="*/ 3117 h 10000"/>
                  <a:gd name="connsiteX89" fmla="*/ 9007 w 10000"/>
                  <a:gd name="connsiteY89" fmla="*/ 3072 h 10000"/>
                  <a:gd name="connsiteX90" fmla="*/ 9031 w 10000"/>
                  <a:gd name="connsiteY90" fmla="*/ 3013 h 10000"/>
                  <a:gd name="connsiteX91" fmla="*/ 9031 w 10000"/>
                  <a:gd name="connsiteY91" fmla="*/ 2954 h 10000"/>
                  <a:gd name="connsiteX92" fmla="*/ 9007 w 10000"/>
                  <a:gd name="connsiteY92" fmla="*/ 2866 h 10000"/>
                  <a:gd name="connsiteX93" fmla="*/ 8838 w 10000"/>
                  <a:gd name="connsiteY93" fmla="*/ 2984 h 10000"/>
                  <a:gd name="connsiteX94" fmla="*/ 8644 w 10000"/>
                  <a:gd name="connsiteY94" fmla="*/ 3072 h 10000"/>
                  <a:gd name="connsiteX95" fmla="*/ 8450 w 10000"/>
                  <a:gd name="connsiteY95" fmla="*/ 3161 h 10000"/>
                  <a:gd name="connsiteX96" fmla="*/ 8257 w 10000"/>
                  <a:gd name="connsiteY96" fmla="*/ 3250 h 10000"/>
                  <a:gd name="connsiteX97" fmla="*/ 7821 w 10000"/>
                  <a:gd name="connsiteY97" fmla="*/ 3397 h 10000"/>
                  <a:gd name="connsiteX98" fmla="*/ 7361 w 10000"/>
                  <a:gd name="connsiteY98" fmla="*/ 3545 h 10000"/>
                  <a:gd name="connsiteX99" fmla="*/ 6901 w 10000"/>
                  <a:gd name="connsiteY99" fmla="*/ 3678 h 10000"/>
                  <a:gd name="connsiteX100" fmla="*/ 6465 w 10000"/>
                  <a:gd name="connsiteY100" fmla="*/ 3840 h 10000"/>
                  <a:gd name="connsiteX101" fmla="*/ 6247 w 10000"/>
                  <a:gd name="connsiteY101" fmla="*/ 3914 h 10000"/>
                  <a:gd name="connsiteX102" fmla="*/ 6053 w 10000"/>
                  <a:gd name="connsiteY102" fmla="*/ 4003 h 10000"/>
                  <a:gd name="connsiteX103" fmla="*/ 5860 w 10000"/>
                  <a:gd name="connsiteY103" fmla="*/ 4106 h 10000"/>
                  <a:gd name="connsiteX104" fmla="*/ 5666 w 10000"/>
                  <a:gd name="connsiteY104" fmla="*/ 4195 h 10000"/>
                  <a:gd name="connsiteX105" fmla="*/ 5811 w 10000"/>
                  <a:gd name="connsiteY105" fmla="*/ 4417 h 10000"/>
                  <a:gd name="connsiteX106" fmla="*/ 5908 w 10000"/>
                  <a:gd name="connsiteY106" fmla="*/ 4623 h 10000"/>
                  <a:gd name="connsiteX107" fmla="*/ 6005 w 10000"/>
                  <a:gd name="connsiteY107" fmla="*/ 4845 h 10000"/>
                  <a:gd name="connsiteX108" fmla="*/ 6077 w 10000"/>
                  <a:gd name="connsiteY108" fmla="*/ 5081 h 10000"/>
                  <a:gd name="connsiteX109" fmla="*/ 6126 w 10000"/>
                  <a:gd name="connsiteY109" fmla="*/ 5318 h 10000"/>
                  <a:gd name="connsiteX110" fmla="*/ 6150 w 10000"/>
                  <a:gd name="connsiteY110" fmla="*/ 5539 h 10000"/>
                  <a:gd name="connsiteX111" fmla="*/ 6174 w 10000"/>
                  <a:gd name="connsiteY111" fmla="*/ 5775 h 10000"/>
                  <a:gd name="connsiteX112" fmla="*/ 6174 w 10000"/>
                  <a:gd name="connsiteY112" fmla="*/ 5997 h 10000"/>
                  <a:gd name="connsiteX113" fmla="*/ 6150 w 10000"/>
                  <a:gd name="connsiteY113" fmla="*/ 6233 h 10000"/>
                  <a:gd name="connsiteX114" fmla="*/ 6102 w 10000"/>
                  <a:gd name="connsiteY114" fmla="*/ 6470 h 10000"/>
                  <a:gd name="connsiteX115" fmla="*/ 6053 w 10000"/>
                  <a:gd name="connsiteY115" fmla="*/ 6677 h 10000"/>
                  <a:gd name="connsiteX116" fmla="*/ 5981 w 10000"/>
                  <a:gd name="connsiteY116" fmla="*/ 6898 h 10000"/>
                  <a:gd name="connsiteX117" fmla="*/ 5884 w 10000"/>
                  <a:gd name="connsiteY117" fmla="*/ 7105 h 10000"/>
                  <a:gd name="connsiteX118" fmla="*/ 5763 w 10000"/>
                  <a:gd name="connsiteY118" fmla="*/ 7297 h 10000"/>
                  <a:gd name="connsiteX119" fmla="*/ 5617 w 10000"/>
                  <a:gd name="connsiteY119" fmla="*/ 7489 h 10000"/>
                  <a:gd name="connsiteX120" fmla="*/ 5472 w 10000"/>
                  <a:gd name="connsiteY120" fmla="*/ 7681 h 10000"/>
                  <a:gd name="connsiteX121" fmla="*/ 6174 w 10000"/>
                  <a:gd name="connsiteY121" fmla="*/ 7799 h 10000"/>
                  <a:gd name="connsiteX122" fmla="*/ 6901 w 10000"/>
                  <a:gd name="connsiteY122" fmla="*/ 7962 h 10000"/>
                  <a:gd name="connsiteX123" fmla="*/ 7046 w 10000"/>
                  <a:gd name="connsiteY123" fmla="*/ 8021 h 10000"/>
                  <a:gd name="connsiteX124" fmla="*/ 7167 w 10000"/>
                  <a:gd name="connsiteY124" fmla="*/ 8080 h 10000"/>
                  <a:gd name="connsiteX125" fmla="*/ 7288 w 10000"/>
                  <a:gd name="connsiteY125" fmla="*/ 8139 h 10000"/>
                  <a:gd name="connsiteX126" fmla="*/ 7361 w 10000"/>
                  <a:gd name="connsiteY126" fmla="*/ 8227 h 10000"/>
                  <a:gd name="connsiteX127" fmla="*/ 7385 w 10000"/>
                  <a:gd name="connsiteY127" fmla="*/ 8301 h 10000"/>
                  <a:gd name="connsiteX128" fmla="*/ 7385 w 10000"/>
                  <a:gd name="connsiteY128" fmla="*/ 8405 h 10000"/>
                  <a:gd name="connsiteX129" fmla="*/ 7337 w 10000"/>
                  <a:gd name="connsiteY129" fmla="*/ 8523 h 10000"/>
                  <a:gd name="connsiteX130" fmla="*/ 7264 w 10000"/>
                  <a:gd name="connsiteY130" fmla="*/ 8641 h 10000"/>
                  <a:gd name="connsiteX131" fmla="*/ 6949 w 10000"/>
                  <a:gd name="connsiteY131" fmla="*/ 8552 h 10000"/>
                  <a:gd name="connsiteX132" fmla="*/ 6659 w 10000"/>
                  <a:gd name="connsiteY132" fmla="*/ 8449 h 10000"/>
                  <a:gd name="connsiteX133" fmla="*/ 6368 w 10000"/>
                  <a:gd name="connsiteY133" fmla="*/ 8360 h 10000"/>
                  <a:gd name="connsiteX134" fmla="*/ 6077 w 10000"/>
                  <a:gd name="connsiteY134" fmla="*/ 8287 h 10000"/>
                  <a:gd name="connsiteX135" fmla="*/ 5956 w 10000"/>
                  <a:gd name="connsiteY135" fmla="*/ 8449 h 10000"/>
                  <a:gd name="connsiteX136" fmla="*/ 5860 w 10000"/>
                  <a:gd name="connsiteY136" fmla="*/ 8597 h 10000"/>
                  <a:gd name="connsiteX137" fmla="*/ 5811 w 10000"/>
                  <a:gd name="connsiteY137" fmla="*/ 8656 h 10000"/>
                  <a:gd name="connsiteX138" fmla="*/ 5714 w 10000"/>
                  <a:gd name="connsiteY138" fmla="*/ 8700 h 10000"/>
                  <a:gd name="connsiteX139" fmla="*/ 5642 w 10000"/>
                  <a:gd name="connsiteY139" fmla="*/ 8744 h 10000"/>
                  <a:gd name="connsiteX140" fmla="*/ 5569 w 10000"/>
                  <a:gd name="connsiteY140" fmla="*/ 8774 h 10000"/>
                  <a:gd name="connsiteX141" fmla="*/ 5496 w 10000"/>
                  <a:gd name="connsiteY141" fmla="*/ 8804 h 10000"/>
                  <a:gd name="connsiteX142" fmla="*/ 5400 w 10000"/>
                  <a:gd name="connsiteY142" fmla="*/ 8818 h 10000"/>
                  <a:gd name="connsiteX143" fmla="*/ 5278 w 10000"/>
                  <a:gd name="connsiteY143" fmla="*/ 8833 h 10000"/>
                  <a:gd name="connsiteX144" fmla="*/ 5157 w 10000"/>
                  <a:gd name="connsiteY144" fmla="*/ 8833 h 10000"/>
                  <a:gd name="connsiteX145" fmla="*/ 4867 w 10000"/>
                  <a:gd name="connsiteY145" fmla="*/ 8818 h 10000"/>
                  <a:gd name="connsiteX146" fmla="*/ 4504 w 10000"/>
                  <a:gd name="connsiteY146" fmla="*/ 8744 h 10000"/>
                  <a:gd name="connsiteX147" fmla="*/ 4504 w 10000"/>
                  <a:gd name="connsiteY147" fmla="*/ 8922 h 10000"/>
                  <a:gd name="connsiteX148" fmla="*/ 4479 w 10000"/>
                  <a:gd name="connsiteY148" fmla="*/ 9069 h 10000"/>
                  <a:gd name="connsiteX149" fmla="*/ 4455 w 10000"/>
                  <a:gd name="connsiteY149" fmla="*/ 9232 h 10000"/>
                  <a:gd name="connsiteX150" fmla="*/ 4431 w 10000"/>
                  <a:gd name="connsiteY150" fmla="*/ 9365 h 10000"/>
                  <a:gd name="connsiteX151" fmla="*/ 4383 w 10000"/>
                  <a:gd name="connsiteY151" fmla="*/ 9498 h 10000"/>
                  <a:gd name="connsiteX152" fmla="*/ 4286 w 10000"/>
                  <a:gd name="connsiteY152" fmla="*/ 9616 h 10000"/>
                  <a:gd name="connsiteX153" fmla="*/ 4213 w 10000"/>
                  <a:gd name="connsiteY153" fmla="*/ 9734 h 10000"/>
                  <a:gd name="connsiteX154" fmla="*/ 4092 w 10000"/>
                  <a:gd name="connsiteY154" fmla="*/ 9838 h 10000"/>
                  <a:gd name="connsiteX155" fmla="*/ 3801 w 10000"/>
                  <a:gd name="connsiteY155" fmla="*/ 9897 h 10000"/>
                  <a:gd name="connsiteX156" fmla="*/ 3559 w 10000"/>
                  <a:gd name="connsiteY156" fmla="*/ 9941 h 10000"/>
                  <a:gd name="connsiteX157" fmla="*/ 3269 w 10000"/>
                  <a:gd name="connsiteY157" fmla="*/ 9985 h 10000"/>
                  <a:gd name="connsiteX158" fmla="*/ 3051 w 10000"/>
                  <a:gd name="connsiteY158" fmla="*/ 10000 h 10000"/>
                  <a:gd name="connsiteX159" fmla="*/ 2567 w 10000"/>
                  <a:gd name="connsiteY159" fmla="*/ 10000 h 10000"/>
                  <a:gd name="connsiteX160" fmla="*/ 2107 w 10000"/>
                  <a:gd name="connsiteY160" fmla="*/ 9985 h 10000"/>
                  <a:gd name="connsiteX161" fmla="*/ 1671 w 10000"/>
                  <a:gd name="connsiteY161" fmla="*/ 9941 h 10000"/>
                  <a:gd name="connsiteX162" fmla="*/ 1211 w 10000"/>
                  <a:gd name="connsiteY162" fmla="*/ 9911 h 10000"/>
                  <a:gd name="connsiteX163" fmla="*/ 944 w 10000"/>
                  <a:gd name="connsiteY163" fmla="*/ 9911 h 10000"/>
                  <a:gd name="connsiteX164" fmla="*/ 702 w 10000"/>
                  <a:gd name="connsiteY164" fmla="*/ 9911 h 10000"/>
                  <a:gd name="connsiteX165" fmla="*/ 436 w 10000"/>
                  <a:gd name="connsiteY165" fmla="*/ 9926 h 10000"/>
                  <a:gd name="connsiteX166" fmla="*/ 169 w 10000"/>
                  <a:gd name="connsiteY166" fmla="*/ 9970 h 10000"/>
                  <a:gd name="connsiteX167" fmla="*/ 97 w 10000"/>
                  <a:gd name="connsiteY167" fmla="*/ 9867 h 10000"/>
                  <a:gd name="connsiteX168" fmla="*/ 48 w 10000"/>
                  <a:gd name="connsiteY168" fmla="*/ 9793 h 10000"/>
                  <a:gd name="connsiteX169" fmla="*/ 0 w 10000"/>
                  <a:gd name="connsiteY169" fmla="*/ 9705 h 10000"/>
                  <a:gd name="connsiteX170" fmla="*/ 0 w 10000"/>
                  <a:gd name="connsiteY170" fmla="*/ 9601 h 10000"/>
                  <a:gd name="connsiteX171" fmla="*/ 48 w 10000"/>
                  <a:gd name="connsiteY171" fmla="*/ 9424 h 10000"/>
                  <a:gd name="connsiteX172" fmla="*/ 97 w 10000"/>
                  <a:gd name="connsiteY172" fmla="*/ 9202 h 10000"/>
                  <a:gd name="connsiteX173" fmla="*/ 145 w 10000"/>
                  <a:gd name="connsiteY173" fmla="*/ 8996 h 10000"/>
                  <a:gd name="connsiteX174" fmla="*/ 194 w 10000"/>
                  <a:gd name="connsiteY174" fmla="*/ 8759 h 10000"/>
                  <a:gd name="connsiteX175" fmla="*/ 218 w 10000"/>
                  <a:gd name="connsiteY175" fmla="*/ 8641 h 10000"/>
                  <a:gd name="connsiteX176" fmla="*/ 218 w 10000"/>
                  <a:gd name="connsiteY176" fmla="*/ 8538 h 10000"/>
                  <a:gd name="connsiteX177" fmla="*/ 194 w 10000"/>
                  <a:gd name="connsiteY177" fmla="*/ 8405 h 10000"/>
                  <a:gd name="connsiteX178" fmla="*/ 169 w 10000"/>
                  <a:gd name="connsiteY178" fmla="*/ 8287 h 10000"/>
                  <a:gd name="connsiteX179" fmla="*/ 412 w 10000"/>
                  <a:gd name="connsiteY179" fmla="*/ 8213 h 10000"/>
                  <a:gd name="connsiteX180" fmla="*/ 654 w 10000"/>
                  <a:gd name="connsiteY180" fmla="*/ 8139 h 10000"/>
                  <a:gd name="connsiteX181" fmla="*/ 896 w 10000"/>
                  <a:gd name="connsiteY181" fmla="*/ 8095 h 10000"/>
                  <a:gd name="connsiteX182" fmla="*/ 1162 w 10000"/>
                  <a:gd name="connsiteY182" fmla="*/ 8065 h 10000"/>
                  <a:gd name="connsiteX183" fmla="*/ 1646 w 10000"/>
                  <a:gd name="connsiteY183" fmla="*/ 8021 h 10000"/>
                  <a:gd name="connsiteX184" fmla="*/ 2131 w 10000"/>
                  <a:gd name="connsiteY184" fmla="*/ 7976 h 10000"/>
                  <a:gd name="connsiteX185" fmla="*/ 2349 w 10000"/>
                  <a:gd name="connsiteY185" fmla="*/ 7947 h 10000"/>
                  <a:gd name="connsiteX186" fmla="*/ 2567 w 10000"/>
                  <a:gd name="connsiteY186" fmla="*/ 7917 h 10000"/>
                  <a:gd name="connsiteX187" fmla="*/ 2760 w 10000"/>
                  <a:gd name="connsiteY187" fmla="*/ 7843 h 10000"/>
                  <a:gd name="connsiteX188" fmla="*/ 2954 w 10000"/>
                  <a:gd name="connsiteY188" fmla="*/ 7784 h 10000"/>
                  <a:gd name="connsiteX189" fmla="*/ 3123 w 10000"/>
                  <a:gd name="connsiteY189" fmla="*/ 7710 h 10000"/>
                  <a:gd name="connsiteX190" fmla="*/ 3269 w 10000"/>
                  <a:gd name="connsiteY190" fmla="*/ 7592 h 10000"/>
                  <a:gd name="connsiteX191" fmla="*/ 3414 w 10000"/>
                  <a:gd name="connsiteY191" fmla="*/ 7474 h 10000"/>
                  <a:gd name="connsiteX192" fmla="*/ 3511 w 10000"/>
                  <a:gd name="connsiteY192" fmla="*/ 7312 h 10000"/>
                  <a:gd name="connsiteX193" fmla="*/ 3317 w 10000"/>
                  <a:gd name="connsiteY193" fmla="*/ 7238 h 10000"/>
                  <a:gd name="connsiteX194" fmla="*/ 3148 w 10000"/>
                  <a:gd name="connsiteY194" fmla="*/ 7179 h 10000"/>
                  <a:gd name="connsiteX195" fmla="*/ 3002 w 10000"/>
                  <a:gd name="connsiteY195" fmla="*/ 7090 h 10000"/>
                  <a:gd name="connsiteX196" fmla="*/ 2857 w 10000"/>
                  <a:gd name="connsiteY196" fmla="*/ 6987 h 10000"/>
                  <a:gd name="connsiteX197" fmla="*/ 2760 w 10000"/>
                  <a:gd name="connsiteY197" fmla="*/ 6869 h 10000"/>
                  <a:gd name="connsiteX198" fmla="*/ 2712 w 10000"/>
                  <a:gd name="connsiteY198" fmla="*/ 6721 h 10000"/>
                  <a:gd name="connsiteX199" fmla="*/ 2688 w 10000"/>
                  <a:gd name="connsiteY199" fmla="*/ 6558 h 10000"/>
                  <a:gd name="connsiteX200" fmla="*/ 2712 w 10000"/>
                  <a:gd name="connsiteY200" fmla="*/ 6352 h 10000"/>
                  <a:gd name="connsiteX201" fmla="*/ 2591 w 10000"/>
                  <a:gd name="connsiteY201" fmla="*/ 6322 h 10000"/>
                  <a:gd name="connsiteX202" fmla="*/ 2446 w 10000"/>
                  <a:gd name="connsiteY202" fmla="*/ 6292 h 10000"/>
                  <a:gd name="connsiteX203" fmla="*/ 2276 w 10000"/>
                  <a:gd name="connsiteY203" fmla="*/ 6278 h 10000"/>
                  <a:gd name="connsiteX204" fmla="*/ 2107 w 10000"/>
                  <a:gd name="connsiteY204" fmla="*/ 6263 h 10000"/>
                  <a:gd name="connsiteX205" fmla="*/ 1768 w 10000"/>
                  <a:gd name="connsiteY205" fmla="*/ 6248 h 10000"/>
                  <a:gd name="connsiteX206" fmla="*/ 1404 w 10000"/>
                  <a:gd name="connsiteY206" fmla="*/ 6263 h 10000"/>
                  <a:gd name="connsiteX207" fmla="*/ 1090 w 10000"/>
                  <a:gd name="connsiteY207" fmla="*/ 6278 h 10000"/>
                  <a:gd name="connsiteX208" fmla="*/ 799 w 10000"/>
                  <a:gd name="connsiteY208" fmla="*/ 6278 h 10000"/>
                  <a:gd name="connsiteX209" fmla="*/ 557 w 10000"/>
                  <a:gd name="connsiteY209" fmla="*/ 6263 h 10000"/>
                  <a:gd name="connsiteX210" fmla="*/ 363 w 10000"/>
                  <a:gd name="connsiteY210" fmla="*/ 6233 h 10000"/>
                  <a:gd name="connsiteX211" fmla="*/ 605 w 10000"/>
                  <a:gd name="connsiteY211" fmla="*/ 5805 h 10000"/>
                  <a:gd name="connsiteX212" fmla="*/ 872 w 10000"/>
                  <a:gd name="connsiteY212" fmla="*/ 5391 h 10000"/>
                  <a:gd name="connsiteX213" fmla="*/ 969 w 10000"/>
                  <a:gd name="connsiteY213" fmla="*/ 5170 h 10000"/>
                  <a:gd name="connsiteX214" fmla="*/ 1041 w 10000"/>
                  <a:gd name="connsiteY214" fmla="*/ 4963 h 10000"/>
                  <a:gd name="connsiteX215" fmla="*/ 1065 w 10000"/>
                  <a:gd name="connsiteY215" fmla="*/ 4860 h 10000"/>
                  <a:gd name="connsiteX216" fmla="*/ 1041 w 10000"/>
                  <a:gd name="connsiteY216" fmla="*/ 4756 h 10000"/>
                  <a:gd name="connsiteX217" fmla="*/ 1017 w 10000"/>
                  <a:gd name="connsiteY217" fmla="*/ 4653 h 10000"/>
                  <a:gd name="connsiteX218" fmla="*/ 944 w 10000"/>
                  <a:gd name="connsiteY218" fmla="*/ 4549 h 10000"/>
                  <a:gd name="connsiteX219" fmla="*/ 1211 w 10000"/>
                  <a:gd name="connsiteY219" fmla="*/ 4520 h 10000"/>
                  <a:gd name="connsiteX220" fmla="*/ 1404 w 10000"/>
                  <a:gd name="connsiteY220" fmla="*/ 4505 h 10000"/>
                  <a:gd name="connsiteX221" fmla="*/ 1574 w 10000"/>
                  <a:gd name="connsiteY221" fmla="*/ 4505 h 10000"/>
                  <a:gd name="connsiteX222" fmla="*/ 1719 w 10000"/>
                  <a:gd name="connsiteY222" fmla="*/ 4520 h 10000"/>
                  <a:gd name="connsiteX223" fmla="*/ 1840 w 10000"/>
                  <a:gd name="connsiteY223" fmla="*/ 4520 h 10000"/>
                  <a:gd name="connsiteX224" fmla="*/ 1985 w 10000"/>
                  <a:gd name="connsiteY224" fmla="*/ 4520 h 10000"/>
                  <a:gd name="connsiteX225" fmla="*/ 2131 w 10000"/>
                  <a:gd name="connsiteY225" fmla="*/ 4490 h 10000"/>
                  <a:gd name="connsiteX226" fmla="*/ 2324 w 10000"/>
                  <a:gd name="connsiteY226" fmla="*/ 4446 h 10000"/>
                  <a:gd name="connsiteX227" fmla="*/ 2324 w 10000"/>
                  <a:gd name="connsiteY227" fmla="*/ 4579 h 10000"/>
                  <a:gd name="connsiteX228" fmla="*/ 2324 w 10000"/>
                  <a:gd name="connsiteY228" fmla="*/ 4742 h 10000"/>
                  <a:gd name="connsiteX229" fmla="*/ 2324 w 10000"/>
                  <a:gd name="connsiteY229" fmla="*/ 4874 h 10000"/>
                  <a:gd name="connsiteX230" fmla="*/ 2324 w 10000"/>
                  <a:gd name="connsiteY230" fmla="*/ 5037 h 10000"/>
                  <a:gd name="connsiteX231" fmla="*/ 2542 w 10000"/>
                  <a:gd name="connsiteY231" fmla="*/ 5022 h 10000"/>
                  <a:gd name="connsiteX232" fmla="*/ 2688 w 10000"/>
                  <a:gd name="connsiteY232" fmla="*/ 5037 h 10000"/>
                  <a:gd name="connsiteX233" fmla="*/ 2809 w 10000"/>
                  <a:gd name="connsiteY233" fmla="*/ 5066 h 10000"/>
                  <a:gd name="connsiteX234" fmla="*/ 2930 w 10000"/>
                  <a:gd name="connsiteY234" fmla="*/ 5096 h 10000"/>
                  <a:gd name="connsiteX235" fmla="*/ 3027 w 10000"/>
                  <a:gd name="connsiteY235" fmla="*/ 5126 h 10000"/>
                  <a:gd name="connsiteX236" fmla="*/ 3148 w 10000"/>
                  <a:gd name="connsiteY236" fmla="*/ 5155 h 10000"/>
                  <a:gd name="connsiteX237" fmla="*/ 3293 w 10000"/>
                  <a:gd name="connsiteY237" fmla="*/ 5170 h 10000"/>
                  <a:gd name="connsiteX238" fmla="*/ 3511 w 10000"/>
                  <a:gd name="connsiteY238" fmla="*/ 5155 h 10000"/>
                  <a:gd name="connsiteX239" fmla="*/ 3584 w 10000"/>
                  <a:gd name="connsiteY239" fmla="*/ 5096 h 10000"/>
                  <a:gd name="connsiteX240" fmla="*/ 3656 w 10000"/>
                  <a:gd name="connsiteY240" fmla="*/ 5022 h 10000"/>
                  <a:gd name="connsiteX241" fmla="*/ 3680 w 10000"/>
                  <a:gd name="connsiteY241" fmla="*/ 4934 h 10000"/>
                  <a:gd name="connsiteX242" fmla="*/ 3705 w 10000"/>
                  <a:gd name="connsiteY242" fmla="*/ 4860 h 10000"/>
                  <a:gd name="connsiteX243" fmla="*/ 3729 w 10000"/>
                  <a:gd name="connsiteY243" fmla="*/ 4697 h 10000"/>
                  <a:gd name="connsiteX244" fmla="*/ 3705 w 10000"/>
                  <a:gd name="connsiteY244" fmla="*/ 4520 h 10000"/>
                  <a:gd name="connsiteX245" fmla="*/ 3632 w 10000"/>
                  <a:gd name="connsiteY245" fmla="*/ 4343 h 10000"/>
                  <a:gd name="connsiteX246" fmla="*/ 3559 w 10000"/>
                  <a:gd name="connsiteY246" fmla="*/ 4195 h 10000"/>
                  <a:gd name="connsiteX247" fmla="*/ 3438 w 10000"/>
                  <a:gd name="connsiteY247" fmla="*/ 4047 h 10000"/>
                  <a:gd name="connsiteX248" fmla="*/ 3317 w 10000"/>
                  <a:gd name="connsiteY248" fmla="*/ 3959 h 10000"/>
                  <a:gd name="connsiteX249" fmla="*/ 3462 w 10000"/>
                  <a:gd name="connsiteY249" fmla="*/ 3944 h 10000"/>
                  <a:gd name="connsiteX250" fmla="*/ 3584 w 10000"/>
                  <a:gd name="connsiteY250" fmla="*/ 3914 h 10000"/>
                  <a:gd name="connsiteX251" fmla="*/ 3680 w 10000"/>
                  <a:gd name="connsiteY251" fmla="*/ 3855 h 10000"/>
                  <a:gd name="connsiteX252" fmla="*/ 3801 w 10000"/>
                  <a:gd name="connsiteY252" fmla="*/ 3752 h 10000"/>
                  <a:gd name="connsiteX253" fmla="*/ 3923 w 10000"/>
                  <a:gd name="connsiteY253" fmla="*/ 3663 h 10000"/>
                  <a:gd name="connsiteX254" fmla="*/ 4019 w 10000"/>
                  <a:gd name="connsiteY254" fmla="*/ 3560 h 10000"/>
                  <a:gd name="connsiteX255" fmla="*/ 4092 w 10000"/>
                  <a:gd name="connsiteY255" fmla="*/ 3442 h 10000"/>
                  <a:gd name="connsiteX256" fmla="*/ 4165 w 10000"/>
                  <a:gd name="connsiteY256" fmla="*/ 3323 h 10000"/>
                  <a:gd name="connsiteX257" fmla="*/ 4213 w 10000"/>
                  <a:gd name="connsiteY257" fmla="*/ 3220 h 10000"/>
                  <a:gd name="connsiteX258" fmla="*/ 4237 w 10000"/>
                  <a:gd name="connsiteY258" fmla="*/ 3102 h 10000"/>
                  <a:gd name="connsiteX259" fmla="*/ 4262 w 10000"/>
                  <a:gd name="connsiteY259" fmla="*/ 3013 h 10000"/>
                  <a:gd name="connsiteX260" fmla="*/ 4237 w 10000"/>
                  <a:gd name="connsiteY260" fmla="*/ 2939 h 10000"/>
                  <a:gd name="connsiteX261" fmla="*/ 4213 w 10000"/>
                  <a:gd name="connsiteY261" fmla="*/ 2866 h 10000"/>
                  <a:gd name="connsiteX262" fmla="*/ 4140 w 10000"/>
                  <a:gd name="connsiteY262" fmla="*/ 2836 h 10000"/>
                  <a:gd name="connsiteX263" fmla="*/ 4044 w 10000"/>
                  <a:gd name="connsiteY263" fmla="*/ 2836 h 10000"/>
                  <a:gd name="connsiteX264" fmla="*/ 3923 w 10000"/>
                  <a:gd name="connsiteY264" fmla="*/ 2866 h 10000"/>
                  <a:gd name="connsiteX265" fmla="*/ 4019 w 10000"/>
                  <a:gd name="connsiteY265" fmla="*/ 2777 h 10000"/>
                  <a:gd name="connsiteX266" fmla="*/ 4068 w 10000"/>
                  <a:gd name="connsiteY266" fmla="*/ 2674 h 10000"/>
                  <a:gd name="connsiteX267" fmla="*/ 4092 w 10000"/>
                  <a:gd name="connsiteY267" fmla="*/ 2541 h 10000"/>
                  <a:gd name="connsiteX268" fmla="*/ 4092 w 10000"/>
                  <a:gd name="connsiteY268" fmla="*/ 2393 h 10000"/>
                  <a:gd name="connsiteX269" fmla="*/ 4116 w 10000"/>
                  <a:gd name="connsiteY269" fmla="*/ 2349 h 10000"/>
                  <a:gd name="connsiteX270" fmla="*/ 4165 w 10000"/>
                  <a:gd name="connsiteY270" fmla="*/ 2304 h 10000"/>
                  <a:gd name="connsiteX271" fmla="*/ 4213 w 10000"/>
                  <a:gd name="connsiteY271" fmla="*/ 2290 h 10000"/>
                  <a:gd name="connsiteX272" fmla="*/ 4286 w 10000"/>
                  <a:gd name="connsiteY272" fmla="*/ 2275 h 10000"/>
                  <a:gd name="connsiteX273" fmla="*/ 4504 w 10000"/>
                  <a:gd name="connsiteY273" fmla="*/ 2260 h 10000"/>
                  <a:gd name="connsiteX274" fmla="*/ 4697 w 10000"/>
                  <a:gd name="connsiteY274" fmla="*/ 2275 h 10000"/>
                  <a:gd name="connsiteX275" fmla="*/ 4673 w 10000"/>
                  <a:gd name="connsiteY275" fmla="*/ 2112 h 10000"/>
                  <a:gd name="connsiteX276" fmla="*/ 4625 w 10000"/>
                  <a:gd name="connsiteY276" fmla="*/ 1950 h 10000"/>
                  <a:gd name="connsiteX277" fmla="*/ 4552 w 10000"/>
                  <a:gd name="connsiteY277" fmla="*/ 1802 h 10000"/>
                  <a:gd name="connsiteX278" fmla="*/ 4455 w 10000"/>
                  <a:gd name="connsiteY278" fmla="*/ 1640 h 10000"/>
                  <a:gd name="connsiteX279" fmla="*/ 4213 w 10000"/>
                  <a:gd name="connsiteY279" fmla="*/ 1329 h 10000"/>
                  <a:gd name="connsiteX280" fmla="*/ 3971 w 10000"/>
                  <a:gd name="connsiteY280" fmla="*/ 1034 h 10000"/>
                  <a:gd name="connsiteX281" fmla="*/ 3850 w 10000"/>
                  <a:gd name="connsiteY281" fmla="*/ 901 h 10000"/>
                  <a:gd name="connsiteX282" fmla="*/ 3753 w 10000"/>
                  <a:gd name="connsiteY282" fmla="*/ 753 h 10000"/>
                  <a:gd name="connsiteX283" fmla="*/ 3680 w 10000"/>
                  <a:gd name="connsiteY283" fmla="*/ 620 h 10000"/>
                  <a:gd name="connsiteX284" fmla="*/ 3656 w 10000"/>
                  <a:gd name="connsiteY284" fmla="*/ 487 h 10000"/>
                  <a:gd name="connsiteX285" fmla="*/ 3632 w 10000"/>
                  <a:gd name="connsiteY285" fmla="*/ 355 h 10000"/>
                  <a:gd name="connsiteX286" fmla="*/ 3680 w 10000"/>
                  <a:gd name="connsiteY286" fmla="*/ 222 h 10000"/>
                  <a:gd name="connsiteX287" fmla="*/ 3705 w 10000"/>
                  <a:gd name="connsiteY287" fmla="*/ 162 h 10000"/>
                  <a:gd name="connsiteX288" fmla="*/ 3753 w 10000"/>
                  <a:gd name="connsiteY288" fmla="*/ 103 h 10000"/>
                  <a:gd name="connsiteX289" fmla="*/ 3826 w 10000"/>
                  <a:gd name="connsiteY289" fmla="*/ 59 h 10000"/>
                  <a:gd name="connsiteX290" fmla="*/ 3923 w 10000"/>
                  <a:gd name="connsiteY290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9661 w 10000"/>
                  <a:gd name="connsiteY60" fmla="*/ 3397 h 10000"/>
                  <a:gd name="connsiteX61" fmla="*/ 6852 w 10000"/>
                  <a:gd name="connsiteY61" fmla="*/ 4313 h 10000"/>
                  <a:gd name="connsiteX62" fmla="*/ 6852 w 10000"/>
                  <a:gd name="connsiteY62" fmla="*/ 4431 h 10000"/>
                  <a:gd name="connsiteX63" fmla="*/ 6852 w 10000"/>
                  <a:gd name="connsiteY63" fmla="*/ 4549 h 10000"/>
                  <a:gd name="connsiteX64" fmla="*/ 6804 w 10000"/>
                  <a:gd name="connsiteY64" fmla="*/ 4564 h 10000"/>
                  <a:gd name="connsiteX65" fmla="*/ 6731 w 10000"/>
                  <a:gd name="connsiteY65" fmla="*/ 4594 h 10000"/>
                  <a:gd name="connsiteX66" fmla="*/ 6683 w 10000"/>
                  <a:gd name="connsiteY66" fmla="*/ 4638 h 10000"/>
                  <a:gd name="connsiteX67" fmla="*/ 6683 w 10000"/>
                  <a:gd name="connsiteY67" fmla="*/ 4697 h 10000"/>
                  <a:gd name="connsiteX68" fmla="*/ 6659 w 10000"/>
                  <a:gd name="connsiteY68" fmla="*/ 4801 h 10000"/>
                  <a:gd name="connsiteX69" fmla="*/ 6659 w 10000"/>
                  <a:gd name="connsiteY69" fmla="*/ 4904 h 10000"/>
                  <a:gd name="connsiteX70" fmla="*/ 6538 w 10000"/>
                  <a:gd name="connsiteY70" fmla="*/ 4860 h 10000"/>
                  <a:gd name="connsiteX71" fmla="*/ 6465 w 10000"/>
                  <a:gd name="connsiteY71" fmla="*/ 4801 h 10000"/>
                  <a:gd name="connsiteX72" fmla="*/ 6392 w 10000"/>
                  <a:gd name="connsiteY72" fmla="*/ 4727 h 10000"/>
                  <a:gd name="connsiteX73" fmla="*/ 6320 w 10000"/>
                  <a:gd name="connsiteY73" fmla="*/ 4638 h 10000"/>
                  <a:gd name="connsiteX74" fmla="*/ 6199 w 10000"/>
                  <a:gd name="connsiteY74" fmla="*/ 4476 h 10000"/>
                  <a:gd name="connsiteX75" fmla="*/ 6077 w 10000"/>
                  <a:gd name="connsiteY75" fmla="*/ 4313 h 10000"/>
                  <a:gd name="connsiteX76" fmla="*/ 6223 w 10000"/>
                  <a:gd name="connsiteY76" fmla="*/ 4210 h 10000"/>
                  <a:gd name="connsiteX77" fmla="*/ 6416 w 10000"/>
                  <a:gd name="connsiteY77" fmla="*/ 4121 h 10000"/>
                  <a:gd name="connsiteX78" fmla="*/ 6634 w 10000"/>
                  <a:gd name="connsiteY78" fmla="*/ 4032 h 10000"/>
                  <a:gd name="connsiteX79" fmla="*/ 6877 w 10000"/>
                  <a:gd name="connsiteY79" fmla="*/ 3959 h 10000"/>
                  <a:gd name="connsiteX80" fmla="*/ 7385 w 10000"/>
                  <a:gd name="connsiteY80" fmla="*/ 3811 h 10000"/>
                  <a:gd name="connsiteX81" fmla="*/ 7893 w 10000"/>
                  <a:gd name="connsiteY81" fmla="*/ 3663 h 10000"/>
                  <a:gd name="connsiteX82" fmla="*/ 8136 w 10000"/>
                  <a:gd name="connsiteY82" fmla="*/ 3589 h 10000"/>
                  <a:gd name="connsiteX83" fmla="*/ 8378 w 10000"/>
                  <a:gd name="connsiteY83" fmla="*/ 3516 h 10000"/>
                  <a:gd name="connsiteX84" fmla="*/ 8571 w 10000"/>
                  <a:gd name="connsiteY84" fmla="*/ 3412 h 10000"/>
                  <a:gd name="connsiteX85" fmla="*/ 8765 w 10000"/>
                  <a:gd name="connsiteY85" fmla="*/ 3338 h 10000"/>
                  <a:gd name="connsiteX86" fmla="*/ 8886 w 10000"/>
                  <a:gd name="connsiteY86" fmla="*/ 3235 h 10000"/>
                  <a:gd name="connsiteX87" fmla="*/ 8983 w 10000"/>
                  <a:gd name="connsiteY87" fmla="*/ 3117 h 10000"/>
                  <a:gd name="connsiteX88" fmla="*/ 9007 w 10000"/>
                  <a:gd name="connsiteY88" fmla="*/ 3072 h 10000"/>
                  <a:gd name="connsiteX89" fmla="*/ 9031 w 10000"/>
                  <a:gd name="connsiteY89" fmla="*/ 3013 h 10000"/>
                  <a:gd name="connsiteX90" fmla="*/ 9031 w 10000"/>
                  <a:gd name="connsiteY90" fmla="*/ 2954 h 10000"/>
                  <a:gd name="connsiteX91" fmla="*/ 9007 w 10000"/>
                  <a:gd name="connsiteY91" fmla="*/ 2866 h 10000"/>
                  <a:gd name="connsiteX92" fmla="*/ 8838 w 10000"/>
                  <a:gd name="connsiteY92" fmla="*/ 2984 h 10000"/>
                  <a:gd name="connsiteX93" fmla="*/ 8644 w 10000"/>
                  <a:gd name="connsiteY93" fmla="*/ 3072 h 10000"/>
                  <a:gd name="connsiteX94" fmla="*/ 8450 w 10000"/>
                  <a:gd name="connsiteY94" fmla="*/ 3161 h 10000"/>
                  <a:gd name="connsiteX95" fmla="*/ 8257 w 10000"/>
                  <a:gd name="connsiteY95" fmla="*/ 3250 h 10000"/>
                  <a:gd name="connsiteX96" fmla="*/ 7821 w 10000"/>
                  <a:gd name="connsiteY96" fmla="*/ 3397 h 10000"/>
                  <a:gd name="connsiteX97" fmla="*/ 7361 w 10000"/>
                  <a:gd name="connsiteY97" fmla="*/ 3545 h 10000"/>
                  <a:gd name="connsiteX98" fmla="*/ 6901 w 10000"/>
                  <a:gd name="connsiteY98" fmla="*/ 3678 h 10000"/>
                  <a:gd name="connsiteX99" fmla="*/ 6465 w 10000"/>
                  <a:gd name="connsiteY99" fmla="*/ 3840 h 10000"/>
                  <a:gd name="connsiteX100" fmla="*/ 6247 w 10000"/>
                  <a:gd name="connsiteY100" fmla="*/ 3914 h 10000"/>
                  <a:gd name="connsiteX101" fmla="*/ 6053 w 10000"/>
                  <a:gd name="connsiteY101" fmla="*/ 4003 h 10000"/>
                  <a:gd name="connsiteX102" fmla="*/ 5860 w 10000"/>
                  <a:gd name="connsiteY102" fmla="*/ 4106 h 10000"/>
                  <a:gd name="connsiteX103" fmla="*/ 5666 w 10000"/>
                  <a:gd name="connsiteY103" fmla="*/ 4195 h 10000"/>
                  <a:gd name="connsiteX104" fmla="*/ 5811 w 10000"/>
                  <a:gd name="connsiteY104" fmla="*/ 4417 h 10000"/>
                  <a:gd name="connsiteX105" fmla="*/ 5908 w 10000"/>
                  <a:gd name="connsiteY105" fmla="*/ 4623 h 10000"/>
                  <a:gd name="connsiteX106" fmla="*/ 6005 w 10000"/>
                  <a:gd name="connsiteY106" fmla="*/ 4845 h 10000"/>
                  <a:gd name="connsiteX107" fmla="*/ 6077 w 10000"/>
                  <a:gd name="connsiteY107" fmla="*/ 5081 h 10000"/>
                  <a:gd name="connsiteX108" fmla="*/ 6126 w 10000"/>
                  <a:gd name="connsiteY108" fmla="*/ 5318 h 10000"/>
                  <a:gd name="connsiteX109" fmla="*/ 6150 w 10000"/>
                  <a:gd name="connsiteY109" fmla="*/ 5539 h 10000"/>
                  <a:gd name="connsiteX110" fmla="*/ 6174 w 10000"/>
                  <a:gd name="connsiteY110" fmla="*/ 5775 h 10000"/>
                  <a:gd name="connsiteX111" fmla="*/ 6174 w 10000"/>
                  <a:gd name="connsiteY111" fmla="*/ 5997 h 10000"/>
                  <a:gd name="connsiteX112" fmla="*/ 6150 w 10000"/>
                  <a:gd name="connsiteY112" fmla="*/ 6233 h 10000"/>
                  <a:gd name="connsiteX113" fmla="*/ 6102 w 10000"/>
                  <a:gd name="connsiteY113" fmla="*/ 6470 h 10000"/>
                  <a:gd name="connsiteX114" fmla="*/ 6053 w 10000"/>
                  <a:gd name="connsiteY114" fmla="*/ 6677 h 10000"/>
                  <a:gd name="connsiteX115" fmla="*/ 5981 w 10000"/>
                  <a:gd name="connsiteY115" fmla="*/ 6898 h 10000"/>
                  <a:gd name="connsiteX116" fmla="*/ 5884 w 10000"/>
                  <a:gd name="connsiteY116" fmla="*/ 7105 h 10000"/>
                  <a:gd name="connsiteX117" fmla="*/ 5763 w 10000"/>
                  <a:gd name="connsiteY117" fmla="*/ 7297 h 10000"/>
                  <a:gd name="connsiteX118" fmla="*/ 5617 w 10000"/>
                  <a:gd name="connsiteY118" fmla="*/ 7489 h 10000"/>
                  <a:gd name="connsiteX119" fmla="*/ 5472 w 10000"/>
                  <a:gd name="connsiteY119" fmla="*/ 7681 h 10000"/>
                  <a:gd name="connsiteX120" fmla="*/ 6174 w 10000"/>
                  <a:gd name="connsiteY120" fmla="*/ 7799 h 10000"/>
                  <a:gd name="connsiteX121" fmla="*/ 6901 w 10000"/>
                  <a:gd name="connsiteY121" fmla="*/ 7962 h 10000"/>
                  <a:gd name="connsiteX122" fmla="*/ 7046 w 10000"/>
                  <a:gd name="connsiteY122" fmla="*/ 8021 h 10000"/>
                  <a:gd name="connsiteX123" fmla="*/ 7167 w 10000"/>
                  <a:gd name="connsiteY123" fmla="*/ 8080 h 10000"/>
                  <a:gd name="connsiteX124" fmla="*/ 7288 w 10000"/>
                  <a:gd name="connsiteY124" fmla="*/ 8139 h 10000"/>
                  <a:gd name="connsiteX125" fmla="*/ 7361 w 10000"/>
                  <a:gd name="connsiteY125" fmla="*/ 8227 h 10000"/>
                  <a:gd name="connsiteX126" fmla="*/ 7385 w 10000"/>
                  <a:gd name="connsiteY126" fmla="*/ 8301 h 10000"/>
                  <a:gd name="connsiteX127" fmla="*/ 7385 w 10000"/>
                  <a:gd name="connsiteY127" fmla="*/ 8405 h 10000"/>
                  <a:gd name="connsiteX128" fmla="*/ 7337 w 10000"/>
                  <a:gd name="connsiteY128" fmla="*/ 8523 h 10000"/>
                  <a:gd name="connsiteX129" fmla="*/ 7264 w 10000"/>
                  <a:gd name="connsiteY129" fmla="*/ 8641 h 10000"/>
                  <a:gd name="connsiteX130" fmla="*/ 6949 w 10000"/>
                  <a:gd name="connsiteY130" fmla="*/ 8552 h 10000"/>
                  <a:gd name="connsiteX131" fmla="*/ 6659 w 10000"/>
                  <a:gd name="connsiteY131" fmla="*/ 8449 h 10000"/>
                  <a:gd name="connsiteX132" fmla="*/ 6368 w 10000"/>
                  <a:gd name="connsiteY132" fmla="*/ 8360 h 10000"/>
                  <a:gd name="connsiteX133" fmla="*/ 6077 w 10000"/>
                  <a:gd name="connsiteY133" fmla="*/ 8287 h 10000"/>
                  <a:gd name="connsiteX134" fmla="*/ 5956 w 10000"/>
                  <a:gd name="connsiteY134" fmla="*/ 8449 h 10000"/>
                  <a:gd name="connsiteX135" fmla="*/ 5860 w 10000"/>
                  <a:gd name="connsiteY135" fmla="*/ 8597 h 10000"/>
                  <a:gd name="connsiteX136" fmla="*/ 5811 w 10000"/>
                  <a:gd name="connsiteY136" fmla="*/ 8656 h 10000"/>
                  <a:gd name="connsiteX137" fmla="*/ 5714 w 10000"/>
                  <a:gd name="connsiteY137" fmla="*/ 8700 h 10000"/>
                  <a:gd name="connsiteX138" fmla="*/ 5642 w 10000"/>
                  <a:gd name="connsiteY138" fmla="*/ 8744 h 10000"/>
                  <a:gd name="connsiteX139" fmla="*/ 5569 w 10000"/>
                  <a:gd name="connsiteY139" fmla="*/ 8774 h 10000"/>
                  <a:gd name="connsiteX140" fmla="*/ 5496 w 10000"/>
                  <a:gd name="connsiteY140" fmla="*/ 8804 h 10000"/>
                  <a:gd name="connsiteX141" fmla="*/ 5400 w 10000"/>
                  <a:gd name="connsiteY141" fmla="*/ 8818 h 10000"/>
                  <a:gd name="connsiteX142" fmla="*/ 5278 w 10000"/>
                  <a:gd name="connsiteY142" fmla="*/ 8833 h 10000"/>
                  <a:gd name="connsiteX143" fmla="*/ 5157 w 10000"/>
                  <a:gd name="connsiteY143" fmla="*/ 8833 h 10000"/>
                  <a:gd name="connsiteX144" fmla="*/ 4867 w 10000"/>
                  <a:gd name="connsiteY144" fmla="*/ 8818 h 10000"/>
                  <a:gd name="connsiteX145" fmla="*/ 4504 w 10000"/>
                  <a:gd name="connsiteY145" fmla="*/ 8744 h 10000"/>
                  <a:gd name="connsiteX146" fmla="*/ 4504 w 10000"/>
                  <a:gd name="connsiteY146" fmla="*/ 8922 h 10000"/>
                  <a:gd name="connsiteX147" fmla="*/ 4479 w 10000"/>
                  <a:gd name="connsiteY147" fmla="*/ 9069 h 10000"/>
                  <a:gd name="connsiteX148" fmla="*/ 4455 w 10000"/>
                  <a:gd name="connsiteY148" fmla="*/ 9232 h 10000"/>
                  <a:gd name="connsiteX149" fmla="*/ 4431 w 10000"/>
                  <a:gd name="connsiteY149" fmla="*/ 9365 h 10000"/>
                  <a:gd name="connsiteX150" fmla="*/ 4383 w 10000"/>
                  <a:gd name="connsiteY150" fmla="*/ 9498 h 10000"/>
                  <a:gd name="connsiteX151" fmla="*/ 4286 w 10000"/>
                  <a:gd name="connsiteY151" fmla="*/ 9616 h 10000"/>
                  <a:gd name="connsiteX152" fmla="*/ 4213 w 10000"/>
                  <a:gd name="connsiteY152" fmla="*/ 9734 h 10000"/>
                  <a:gd name="connsiteX153" fmla="*/ 4092 w 10000"/>
                  <a:gd name="connsiteY153" fmla="*/ 9838 h 10000"/>
                  <a:gd name="connsiteX154" fmla="*/ 3801 w 10000"/>
                  <a:gd name="connsiteY154" fmla="*/ 9897 h 10000"/>
                  <a:gd name="connsiteX155" fmla="*/ 3559 w 10000"/>
                  <a:gd name="connsiteY155" fmla="*/ 9941 h 10000"/>
                  <a:gd name="connsiteX156" fmla="*/ 3269 w 10000"/>
                  <a:gd name="connsiteY156" fmla="*/ 9985 h 10000"/>
                  <a:gd name="connsiteX157" fmla="*/ 3051 w 10000"/>
                  <a:gd name="connsiteY157" fmla="*/ 10000 h 10000"/>
                  <a:gd name="connsiteX158" fmla="*/ 2567 w 10000"/>
                  <a:gd name="connsiteY158" fmla="*/ 10000 h 10000"/>
                  <a:gd name="connsiteX159" fmla="*/ 2107 w 10000"/>
                  <a:gd name="connsiteY159" fmla="*/ 9985 h 10000"/>
                  <a:gd name="connsiteX160" fmla="*/ 1671 w 10000"/>
                  <a:gd name="connsiteY160" fmla="*/ 9941 h 10000"/>
                  <a:gd name="connsiteX161" fmla="*/ 1211 w 10000"/>
                  <a:gd name="connsiteY161" fmla="*/ 9911 h 10000"/>
                  <a:gd name="connsiteX162" fmla="*/ 944 w 10000"/>
                  <a:gd name="connsiteY162" fmla="*/ 9911 h 10000"/>
                  <a:gd name="connsiteX163" fmla="*/ 702 w 10000"/>
                  <a:gd name="connsiteY163" fmla="*/ 9911 h 10000"/>
                  <a:gd name="connsiteX164" fmla="*/ 436 w 10000"/>
                  <a:gd name="connsiteY164" fmla="*/ 9926 h 10000"/>
                  <a:gd name="connsiteX165" fmla="*/ 169 w 10000"/>
                  <a:gd name="connsiteY165" fmla="*/ 9970 h 10000"/>
                  <a:gd name="connsiteX166" fmla="*/ 97 w 10000"/>
                  <a:gd name="connsiteY166" fmla="*/ 9867 h 10000"/>
                  <a:gd name="connsiteX167" fmla="*/ 48 w 10000"/>
                  <a:gd name="connsiteY167" fmla="*/ 9793 h 10000"/>
                  <a:gd name="connsiteX168" fmla="*/ 0 w 10000"/>
                  <a:gd name="connsiteY168" fmla="*/ 9705 h 10000"/>
                  <a:gd name="connsiteX169" fmla="*/ 0 w 10000"/>
                  <a:gd name="connsiteY169" fmla="*/ 9601 h 10000"/>
                  <a:gd name="connsiteX170" fmla="*/ 48 w 10000"/>
                  <a:gd name="connsiteY170" fmla="*/ 9424 h 10000"/>
                  <a:gd name="connsiteX171" fmla="*/ 97 w 10000"/>
                  <a:gd name="connsiteY171" fmla="*/ 9202 h 10000"/>
                  <a:gd name="connsiteX172" fmla="*/ 145 w 10000"/>
                  <a:gd name="connsiteY172" fmla="*/ 8996 h 10000"/>
                  <a:gd name="connsiteX173" fmla="*/ 194 w 10000"/>
                  <a:gd name="connsiteY173" fmla="*/ 8759 h 10000"/>
                  <a:gd name="connsiteX174" fmla="*/ 218 w 10000"/>
                  <a:gd name="connsiteY174" fmla="*/ 8641 h 10000"/>
                  <a:gd name="connsiteX175" fmla="*/ 218 w 10000"/>
                  <a:gd name="connsiteY175" fmla="*/ 8538 h 10000"/>
                  <a:gd name="connsiteX176" fmla="*/ 194 w 10000"/>
                  <a:gd name="connsiteY176" fmla="*/ 8405 h 10000"/>
                  <a:gd name="connsiteX177" fmla="*/ 169 w 10000"/>
                  <a:gd name="connsiteY177" fmla="*/ 8287 h 10000"/>
                  <a:gd name="connsiteX178" fmla="*/ 412 w 10000"/>
                  <a:gd name="connsiteY178" fmla="*/ 8213 h 10000"/>
                  <a:gd name="connsiteX179" fmla="*/ 654 w 10000"/>
                  <a:gd name="connsiteY179" fmla="*/ 8139 h 10000"/>
                  <a:gd name="connsiteX180" fmla="*/ 896 w 10000"/>
                  <a:gd name="connsiteY180" fmla="*/ 8095 h 10000"/>
                  <a:gd name="connsiteX181" fmla="*/ 1162 w 10000"/>
                  <a:gd name="connsiteY181" fmla="*/ 8065 h 10000"/>
                  <a:gd name="connsiteX182" fmla="*/ 1646 w 10000"/>
                  <a:gd name="connsiteY182" fmla="*/ 8021 h 10000"/>
                  <a:gd name="connsiteX183" fmla="*/ 2131 w 10000"/>
                  <a:gd name="connsiteY183" fmla="*/ 7976 h 10000"/>
                  <a:gd name="connsiteX184" fmla="*/ 2349 w 10000"/>
                  <a:gd name="connsiteY184" fmla="*/ 7947 h 10000"/>
                  <a:gd name="connsiteX185" fmla="*/ 2567 w 10000"/>
                  <a:gd name="connsiteY185" fmla="*/ 7917 h 10000"/>
                  <a:gd name="connsiteX186" fmla="*/ 2760 w 10000"/>
                  <a:gd name="connsiteY186" fmla="*/ 7843 h 10000"/>
                  <a:gd name="connsiteX187" fmla="*/ 2954 w 10000"/>
                  <a:gd name="connsiteY187" fmla="*/ 7784 h 10000"/>
                  <a:gd name="connsiteX188" fmla="*/ 3123 w 10000"/>
                  <a:gd name="connsiteY188" fmla="*/ 7710 h 10000"/>
                  <a:gd name="connsiteX189" fmla="*/ 3269 w 10000"/>
                  <a:gd name="connsiteY189" fmla="*/ 7592 h 10000"/>
                  <a:gd name="connsiteX190" fmla="*/ 3414 w 10000"/>
                  <a:gd name="connsiteY190" fmla="*/ 7474 h 10000"/>
                  <a:gd name="connsiteX191" fmla="*/ 3511 w 10000"/>
                  <a:gd name="connsiteY191" fmla="*/ 7312 h 10000"/>
                  <a:gd name="connsiteX192" fmla="*/ 3317 w 10000"/>
                  <a:gd name="connsiteY192" fmla="*/ 7238 h 10000"/>
                  <a:gd name="connsiteX193" fmla="*/ 3148 w 10000"/>
                  <a:gd name="connsiteY193" fmla="*/ 7179 h 10000"/>
                  <a:gd name="connsiteX194" fmla="*/ 3002 w 10000"/>
                  <a:gd name="connsiteY194" fmla="*/ 7090 h 10000"/>
                  <a:gd name="connsiteX195" fmla="*/ 2857 w 10000"/>
                  <a:gd name="connsiteY195" fmla="*/ 6987 h 10000"/>
                  <a:gd name="connsiteX196" fmla="*/ 2760 w 10000"/>
                  <a:gd name="connsiteY196" fmla="*/ 6869 h 10000"/>
                  <a:gd name="connsiteX197" fmla="*/ 2712 w 10000"/>
                  <a:gd name="connsiteY197" fmla="*/ 6721 h 10000"/>
                  <a:gd name="connsiteX198" fmla="*/ 2688 w 10000"/>
                  <a:gd name="connsiteY198" fmla="*/ 6558 h 10000"/>
                  <a:gd name="connsiteX199" fmla="*/ 2712 w 10000"/>
                  <a:gd name="connsiteY199" fmla="*/ 6352 h 10000"/>
                  <a:gd name="connsiteX200" fmla="*/ 2591 w 10000"/>
                  <a:gd name="connsiteY200" fmla="*/ 6322 h 10000"/>
                  <a:gd name="connsiteX201" fmla="*/ 2446 w 10000"/>
                  <a:gd name="connsiteY201" fmla="*/ 6292 h 10000"/>
                  <a:gd name="connsiteX202" fmla="*/ 2276 w 10000"/>
                  <a:gd name="connsiteY202" fmla="*/ 6278 h 10000"/>
                  <a:gd name="connsiteX203" fmla="*/ 2107 w 10000"/>
                  <a:gd name="connsiteY203" fmla="*/ 6263 h 10000"/>
                  <a:gd name="connsiteX204" fmla="*/ 1768 w 10000"/>
                  <a:gd name="connsiteY204" fmla="*/ 6248 h 10000"/>
                  <a:gd name="connsiteX205" fmla="*/ 1404 w 10000"/>
                  <a:gd name="connsiteY205" fmla="*/ 6263 h 10000"/>
                  <a:gd name="connsiteX206" fmla="*/ 1090 w 10000"/>
                  <a:gd name="connsiteY206" fmla="*/ 6278 h 10000"/>
                  <a:gd name="connsiteX207" fmla="*/ 799 w 10000"/>
                  <a:gd name="connsiteY207" fmla="*/ 6278 h 10000"/>
                  <a:gd name="connsiteX208" fmla="*/ 557 w 10000"/>
                  <a:gd name="connsiteY208" fmla="*/ 6263 h 10000"/>
                  <a:gd name="connsiteX209" fmla="*/ 363 w 10000"/>
                  <a:gd name="connsiteY209" fmla="*/ 6233 h 10000"/>
                  <a:gd name="connsiteX210" fmla="*/ 605 w 10000"/>
                  <a:gd name="connsiteY210" fmla="*/ 5805 h 10000"/>
                  <a:gd name="connsiteX211" fmla="*/ 872 w 10000"/>
                  <a:gd name="connsiteY211" fmla="*/ 5391 h 10000"/>
                  <a:gd name="connsiteX212" fmla="*/ 969 w 10000"/>
                  <a:gd name="connsiteY212" fmla="*/ 5170 h 10000"/>
                  <a:gd name="connsiteX213" fmla="*/ 1041 w 10000"/>
                  <a:gd name="connsiteY213" fmla="*/ 4963 h 10000"/>
                  <a:gd name="connsiteX214" fmla="*/ 1065 w 10000"/>
                  <a:gd name="connsiteY214" fmla="*/ 4860 h 10000"/>
                  <a:gd name="connsiteX215" fmla="*/ 1041 w 10000"/>
                  <a:gd name="connsiteY215" fmla="*/ 4756 h 10000"/>
                  <a:gd name="connsiteX216" fmla="*/ 1017 w 10000"/>
                  <a:gd name="connsiteY216" fmla="*/ 4653 h 10000"/>
                  <a:gd name="connsiteX217" fmla="*/ 944 w 10000"/>
                  <a:gd name="connsiteY217" fmla="*/ 4549 h 10000"/>
                  <a:gd name="connsiteX218" fmla="*/ 1211 w 10000"/>
                  <a:gd name="connsiteY218" fmla="*/ 4520 h 10000"/>
                  <a:gd name="connsiteX219" fmla="*/ 1404 w 10000"/>
                  <a:gd name="connsiteY219" fmla="*/ 4505 h 10000"/>
                  <a:gd name="connsiteX220" fmla="*/ 1574 w 10000"/>
                  <a:gd name="connsiteY220" fmla="*/ 4505 h 10000"/>
                  <a:gd name="connsiteX221" fmla="*/ 1719 w 10000"/>
                  <a:gd name="connsiteY221" fmla="*/ 4520 h 10000"/>
                  <a:gd name="connsiteX222" fmla="*/ 1840 w 10000"/>
                  <a:gd name="connsiteY222" fmla="*/ 4520 h 10000"/>
                  <a:gd name="connsiteX223" fmla="*/ 1985 w 10000"/>
                  <a:gd name="connsiteY223" fmla="*/ 4520 h 10000"/>
                  <a:gd name="connsiteX224" fmla="*/ 2131 w 10000"/>
                  <a:gd name="connsiteY224" fmla="*/ 4490 h 10000"/>
                  <a:gd name="connsiteX225" fmla="*/ 2324 w 10000"/>
                  <a:gd name="connsiteY225" fmla="*/ 4446 h 10000"/>
                  <a:gd name="connsiteX226" fmla="*/ 2324 w 10000"/>
                  <a:gd name="connsiteY226" fmla="*/ 4579 h 10000"/>
                  <a:gd name="connsiteX227" fmla="*/ 2324 w 10000"/>
                  <a:gd name="connsiteY227" fmla="*/ 4742 h 10000"/>
                  <a:gd name="connsiteX228" fmla="*/ 2324 w 10000"/>
                  <a:gd name="connsiteY228" fmla="*/ 4874 h 10000"/>
                  <a:gd name="connsiteX229" fmla="*/ 2324 w 10000"/>
                  <a:gd name="connsiteY229" fmla="*/ 5037 h 10000"/>
                  <a:gd name="connsiteX230" fmla="*/ 2542 w 10000"/>
                  <a:gd name="connsiteY230" fmla="*/ 5022 h 10000"/>
                  <a:gd name="connsiteX231" fmla="*/ 2688 w 10000"/>
                  <a:gd name="connsiteY231" fmla="*/ 5037 h 10000"/>
                  <a:gd name="connsiteX232" fmla="*/ 2809 w 10000"/>
                  <a:gd name="connsiteY232" fmla="*/ 5066 h 10000"/>
                  <a:gd name="connsiteX233" fmla="*/ 2930 w 10000"/>
                  <a:gd name="connsiteY233" fmla="*/ 5096 h 10000"/>
                  <a:gd name="connsiteX234" fmla="*/ 3027 w 10000"/>
                  <a:gd name="connsiteY234" fmla="*/ 5126 h 10000"/>
                  <a:gd name="connsiteX235" fmla="*/ 3148 w 10000"/>
                  <a:gd name="connsiteY235" fmla="*/ 5155 h 10000"/>
                  <a:gd name="connsiteX236" fmla="*/ 3293 w 10000"/>
                  <a:gd name="connsiteY236" fmla="*/ 5170 h 10000"/>
                  <a:gd name="connsiteX237" fmla="*/ 3511 w 10000"/>
                  <a:gd name="connsiteY237" fmla="*/ 5155 h 10000"/>
                  <a:gd name="connsiteX238" fmla="*/ 3584 w 10000"/>
                  <a:gd name="connsiteY238" fmla="*/ 5096 h 10000"/>
                  <a:gd name="connsiteX239" fmla="*/ 3656 w 10000"/>
                  <a:gd name="connsiteY239" fmla="*/ 5022 h 10000"/>
                  <a:gd name="connsiteX240" fmla="*/ 3680 w 10000"/>
                  <a:gd name="connsiteY240" fmla="*/ 4934 h 10000"/>
                  <a:gd name="connsiteX241" fmla="*/ 3705 w 10000"/>
                  <a:gd name="connsiteY241" fmla="*/ 4860 h 10000"/>
                  <a:gd name="connsiteX242" fmla="*/ 3729 w 10000"/>
                  <a:gd name="connsiteY242" fmla="*/ 4697 h 10000"/>
                  <a:gd name="connsiteX243" fmla="*/ 3705 w 10000"/>
                  <a:gd name="connsiteY243" fmla="*/ 4520 h 10000"/>
                  <a:gd name="connsiteX244" fmla="*/ 3632 w 10000"/>
                  <a:gd name="connsiteY244" fmla="*/ 4343 h 10000"/>
                  <a:gd name="connsiteX245" fmla="*/ 3559 w 10000"/>
                  <a:gd name="connsiteY245" fmla="*/ 4195 h 10000"/>
                  <a:gd name="connsiteX246" fmla="*/ 3438 w 10000"/>
                  <a:gd name="connsiteY246" fmla="*/ 4047 h 10000"/>
                  <a:gd name="connsiteX247" fmla="*/ 3317 w 10000"/>
                  <a:gd name="connsiteY247" fmla="*/ 3959 h 10000"/>
                  <a:gd name="connsiteX248" fmla="*/ 3462 w 10000"/>
                  <a:gd name="connsiteY248" fmla="*/ 3944 h 10000"/>
                  <a:gd name="connsiteX249" fmla="*/ 3584 w 10000"/>
                  <a:gd name="connsiteY249" fmla="*/ 3914 h 10000"/>
                  <a:gd name="connsiteX250" fmla="*/ 3680 w 10000"/>
                  <a:gd name="connsiteY250" fmla="*/ 3855 h 10000"/>
                  <a:gd name="connsiteX251" fmla="*/ 3801 w 10000"/>
                  <a:gd name="connsiteY251" fmla="*/ 3752 h 10000"/>
                  <a:gd name="connsiteX252" fmla="*/ 3923 w 10000"/>
                  <a:gd name="connsiteY252" fmla="*/ 3663 h 10000"/>
                  <a:gd name="connsiteX253" fmla="*/ 4019 w 10000"/>
                  <a:gd name="connsiteY253" fmla="*/ 3560 h 10000"/>
                  <a:gd name="connsiteX254" fmla="*/ 4092 w 10000"/>
                  <a:gd name="connsiteY254" fmla="*/ 3442 h 10000"/>
                  <a:gd name="connsiteX255" fmla="*/ 4165 w 10000"/>
                  <a:gd name="connsiteY255" fmla="*/ 3323 h 10000"/>
                  <a:gd name="connsiteX256" fmla="*/ 4213 w 10000"/>
                  <a:gd name="connsiteY256" fmla="*/ 3220 h 10000"/>
                  <a:gd name="connsiteX257" fmla="*/ 4237 w 10000"/>
                  <a:gd name="connsiteY257" fmla="*/ 3102 h 10000"/>
                  <a:gd name="connsiteX258" fmla="*/ 4262 w 10000"/>
                  <a:gd name="connsiteY258" fmla="*/ 3013 h 10000"/>
                  <a:gd name="connsiteX259" fmla="*/ 4237 w 10000"/>
                  <a:gd name="connsiteY259" fmla="*/ 2939 h 10000"/>
                  <a:gd name="connsiteX260" fmla="*/ 4213 w 10000"/>
                  <a:gd name="connsiteY260" fmla="*/ 2866 h 10000"/>
                  <a:gd name="connsiteX261" fmla="*/ 4140 w 10000"/>
                  <a:gd name="connsiteY261" fmla="*/ 2836 h 10000"/>
                  <a:gd name="connsiteX262" fmla="*/ 4044 w 10000"/>
                  <a:gd name="connsiteY262" fmla="*/ 2836 h 10000"/>
                  <a:gd name="connsiteX263" fmla="*/ 3923 w 10000"/>
                  <a:gd name="connsiteY263" fmla="*/ 2866 h 10000"/>
                  <a:gd name="connsiteX264" fmla="*/ 4019 w 10000"/>
                  <a:gd name="connsiteY264" fmla="*/ 2777 h 10000"/>
                  <a:gd name="connsiteX265" fmla="*/ 4068 w 10000"/>
                  <a:gd name="connsiteY265" fmla="*/ 2674 h 10000"/>
                  <a:gd name="connsiteX266" fmla="*/ 4092 w 10000"/>
                  <a:gd name="connsiteY266" fmla="*/ 2541 h 10000"/>
                  <a:gd name="connsiteX267" fmla="*/ 4092 w 10000"/>
                  <a:gd name="connsiteY267" fmla="*/ 2393 h 10000"/>
                  <a:gd name="connsiteX268" fmla="*/ 4116 w 10000"/>
                  <a:gd name="connsiteY268" fmla="*/ 2349 h 10000"/>
                  <a:gd name="connsiteX269" fmla="*/ 4165 w 10000"/>
                  <a:gd name="connsiteY269" fmla="*/ 2304 h 10000"/>
                  <a:gd name="connsiteX270" fmla="*/ 4213 w 10000"/>
                  <a:gd name="connsiteY270" fmla="*/ 2290 h 10000"/>
                  <a:gd name="connsiteX271" fmla="*/ 4286 w 10000"/>
                  <a:gd name="connsiteY271" fmla="*/ 2275 h 10000"/>
                  <a:gd name="connsiteX272" fmla="*/ 4504 w 10000"/>
                  <a:gd name="connsiteY272" fmla="*/ 2260 h 10000"/>
                  <a:gd name="connsiteX273" fmla="*/ 4697 w 10000"/>
                  <a:gd name="connsiteY273" fmla="*/ 2275 h 10000"/>
                  <a:gd name="connsiteX274" fmla="*/ 4673 w 10000"/>
                  <a:gd name="connsiteY274" fmla="*/ 2112 h 10000"/>
                  <a:gd name="connsiteX275" fmla="*/ 4625 w 10000"/>
                  <a:gd name="connsiteY275" fmla="*/ 1950 h 10000"/>
                  <a:gd name="connsiteX276" fmla="*/ 4552 w 10000"/>
                  <a:gd name="connsiteY276" fmla="*/ 1802 h 10000"/>
                  <a:gd name="connsiteX277" fmla="*/ 4455 w 10000"/>
                  <a:gd name="connsiteY277" fmla="*/ 1640 h 10000"/>
                  <a:gd name="connsiteX278" fmla="*/ 4213 w 10000"/>
                  <a:gd name="connsiteY278" fmla="*/ 1329 h 10000"/>
                  <a:gd name="connsiteX279" fmla="*/ 3971 w 10000"/>
                  <a:gd name="connsiteY279" fmla="*/ 1034 h 10000"/>
                  <a:gd name="connsiteX280" fmla="*/ 3850 w 10000"/>
                  <a:gd name="connsiteY280" fmla="*/ 901 h 10000"/>
                  <a:gd name="connsiteX281" fmla="*/ 3753 w 10000"/>
                  <a:gd name="connsiteY281" fmla="*/ 753 h 10000"/>
                  <a:gd name="connsiteX282" fmla="*/ 3680 w 10000"/>
                  <a:gd name="connsiteY282" fmla="*/ 620 h 10000"/>
                  <a:gd name="connsiteX283" fmla="*/ 3656 w 10000"/>
                  <a:gd name="connsiteY283" fmla="*/ 487 h 10000"/>
                  <a:gd name="connsiteX284" fmla="*/ 3632 w 10000"/>
                  <a:gd name="connsiteY284" fmla="*/ 355 h 10000"/>
                  <a:gd name="connsiteX285" fmla="*/ 3680 w 10000"/>
                  <a:gd name="connsiteY285" fmla="*/ 222 h 10000"/>
                  <a:gd name="connsiteX286" fmla="*/ 3705 w 10000"/>
                  <a:gd name="connsiteY286" fmla="*/ 162 h 10000"/>
                  <a:gd name="connsiteX287" fmla="*/ 3753 w 10000"/>
                  <a:gd name="connsiteY287" fmla="*/ 103 h 10000"/>
                  <a:gd name="connsiteX288" fmla="*/ 3826 w 10000"/>
                  <a:gd name="connsiteY288" fmla="*/ 59 h 10000"/>
                  <a:gd name="connsiteX289" fmla="*/ 3923 w 10000"/>
                  <a:gd name="connsiteY289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9782 w 10000"/>
                  <a:gd name="connsiteY59" fmla="*/ 3279 h 10000"/>
                  <a:gd name="connsiteX60" fmla="*/ 6852 w 10000"/>
                  <a:gd name="connsiteY60" fmla="*/ 4313 h 10000"/>
                  <a:gd name="connsiteX61" fmla="*/ 6852 w 10000"/>
                  <a:gd name="connsiteY61" fmla="*/ 4431 h 10000"/>
                  <a:gd name="connsiteX62" fmla="*/ 6852 w 10000"/>
                  <a:gd name="connsiteY62" fmla="*/ 4549 h 10000"/>
                  <a:gd name="connsiteX63" fmla="*/ 6804 w 10000"/>
                  <a:gd name="connsiteY63" fmla="*/ 4564 h 10000"/>
                  <a:gd name="connsiteX64" fmla="*/ 6731 w 10000"/>
                  <a:gd name="connsiteY64" fmla="*/ 4594 h 10000"/>
                  <a:gd name="connsiteX65" fmla="*/ 6683 w 10000"/>
                  <a:gd name="connsiteY65" fmla="*/ 4638 h 10000"/>
                  <a:gd name="connsiteX66" fmla="*/ 6683 w 10000"/>
                  <a:gd name="connsiteY66" fmla="*/ 4697 h 10000"/>
                  <a:gd name="connsiteX67" fmla="*/ 6659 w 10000"/>
                  <a:gd name="connsiteY67" fmla="*/ 4801 h 10000"/>
                  <a:gd name="connsiteX68" fmla="*/ 6659 w 10000"/>
                  <a:gd name="connsiteY68" fmla="*/ 4904 h 10000"/>
                  <a:gd name="connsiteX69" fmla="*/ 6538 w 10000"/>
                  <a:gd name="connsiteY69" fmla="*/ 4860 h 10000"/>
                  <a:gd name="connsiteX70" fmla="*/ 6465 w 10000"/>
                  <a:gd name="connsiteY70" fmla="*/ 4801 h 10000"/>
                  <a:gd name="connsiteX71" fmla="*/ 6392 w 10000"/>
                  <a:gd name="connsiteY71" fmla="*/ 4727 h 10000"/>
                  <a:gd name="connsiteX72" fmla="*/ 6320 w 10000"/>
                  <a:gd name="connsiteY72" fmla="*/ 4638 h 10000"/>
                  <a:gd name="connsiteX73" fmla="*/ 6199 w 10000"/>
                  <a:gd name="connsiteY73" fmla="*/ 4476 h 10000"/>
                  <a:gd name="connsiteX74" fmla="*/ 6077 w 10000"/>
                  <a:gd name="connsiteY74" fmla="*/ 4313 h 10000"/>
                  <a:gd name="connsiteX75" fmla="*/ 6223 w 10000"/>
                  <a:gd name="connsiteY75" fmla="*/ 4210 h 10000"/>
                  <a:gd name="connsiteX76" fmla="*/ 6416 w 10000"/>
                  <a:gd name="connsiteY76" fmla="*/ 4121 h 10000"/>
                  <a:gd name="connsiteX77" fmla="*/ 6634 w 10000"/>
                  <a:gd name="connsiteY77" fmla="*/ 4032 h 10000"/>
                  <a:gd name="connsiteX78" fmla="*/ 6877 w 10000"/>
                  <a:gd name="connsiteY78" fmla="*/ 3959 h 10000"/>
                  <a:gd name="connsiteX79" fmla="*/ 7385 w 10000"/>
                  <a:gd name="connsiteY79" fmla="*/ 3811 h 10000"/>
                  <a:gd name="connsiteX80" fmla="*/ 7893 w 10000"/>
                  <a:gd name="connsiteY80" fmla="*/ 3663 h 10000"/>
                  <a:gd name="connsiteX81" fmla="*/ 8136 w 10000"/>
                  <a:gd name="connsiteY81" fmla="*/ 3589 h 10000"/>
                  <a:gd name="connsiteX82" fmla="*/ 8378 w 10000"/>
                  <a:gd name="connsiteY82" fmla="*/ 3516 h 10000"/>
                  <a:gd name="connsiteX83" fmla="*/ 8571 w 10000"/>
                  <a:gd name="connsiteY83" fmla="*/ 3412 h 10000"/>
                  <a:gd name="connsiteX84" fmla="*/ 8765 w 10000"/>
                  <a:gd name="connsiteY84" fmla="*/ 3338 h 10000"/>
                  <a:gd name="connsiteX85" fmla="*/ 8886 w 10000"/>
                  <a:gd name="connsiteY85" fmla="*/ 3235 h 10000"/>
                  <a:gd name="connsiteX86" fmla="*/ 8983 w 10000"/>
                  <a:gd name="connsiteY86" fmla="*/ 3117 h 10000"/>
                  <a:gd name="connsiteX87" fmla="*/ 9007 w 10000"/>
                  <a:gd name="connsiteY87" fmla="*/ 3072 h 10000"/>
                  <a:gd name="connsiteX88" fmla="*/ 9031 w 10000"/>
                  <a:gd name="connsiteY88" fmla="*/ 3013 h 10000"/>
                  <a:gd name="connsiteX89" fmla="*/ 9031 w 10000"/>
                  <a:gd name="connsiteY89" fmla="*/ 2954 h 10000"/>
                  <a:gd name="connsiteX90" fmla="*/ 9007 w 10000"/>
                  <a:gd name="connsiteY90" fmla="*/ 2866 h 10000"/>
                  <a:gd name="connsiteX91" fmla="*/ 8838 w 10000"/>
                  <a:gd name="connsiteY91" fmla="*/ 2984 h 10000"/>
                  <a:gd name="connsiteX92" fmla="*/ 8644 w 10000"/>
                  <a:gd name="connsiteY92" fmla="*/ 3072 h 10000"/>
                  <a:gd name="connsiteX93" fmla="*/ 8450 w 10000"/>
                  <a:gd name="connsiteY93" fmla="*/ 3161 h 10000"/>
                  <a:gd name="connsiteX94" fmla="*/ 8257 w 10000"/>
                  <a:gd name="connsiteY94" fmla="*/ 3250 h 10000"/>
                  <a:gd name="connsiteX95" fmla="*/ 7821 w 10000"/>
                  <a:gd name="connsiteY95" fmla="*/ 3397 h 10000"/>
                  <a:gd name="connsiteX96" fmla="*/ 7361 w 10000"/>
                  <a:gd name="connsiteY96" fmla="*/ 3545 h 10000"/>
                  <a:gd name="connsiteX97" fmla="*/ 6901 w 10000"/>
                  <a:gd name="connsiteY97" fmla="*/ 3678 h 10000"/>
                  <a:gd name="connsiteX98" fmla="*/ 6465 w 10000"/>
                  <a:gd name="connsiteY98" fmla="*/ 3840 h 10000"/>
                  <a:gd name="connsiteX99" fmla="*/ 6247 w 10000"/>
                  <a:gd name="connsiteY99" fmla="*/ 3914 h 10000"/>
                  <a:gd name="connsiteX100" fmla="*/ 6053 w 10000"/>
                  <a:gd name="connsiteY100" fmla="*/ 4003 h 10000"/>
                  <a:gd name="connsiteX101" fmla="*/ 5860 w 10000"/>
                  <a:gd name="connsiteY101" fmla="*/ 4106 h 10000"/>
                  <a:gd name="connsiteX102" fmla="*/ 5666 w 10000"/>
                  <a:gd name="connsiteY102" fmla="*/ 4195 h 10000"/>
                  <a:gd name="connsiteX103" fmla="*/ 5811 w 10000"/>
                  <a:gd name="connsiteY103" fmla="*/ 4417 h 10000"/>
                  <a:gd name="connsiteX104" fmla="*/ 5908 w 10000"/>
                  <a:gd name="connsiteY104" fmla="*/ 4623 h 10000"/>
                  <a:gd name="connsiteX105" fmla="*/ 6005 w 10000"/>
                  <a:gd name="connsiteY105" fmla="*/ 4845 h 10000"/>
                  <a:gd name="connsiteX106" fmla="*/ 6077 w 10000"/>
                  <a:gd name="connsiteY106" fmla="*/ 5081 h 10000"/>
                  <a:gd name="connsiteX107" fmla="*/ 6126 w 10000"/>
                  <a:gd name="connsiteY107" fmla="*/ 5318 h 10000"/>
                  <a:gd name="connsiteX108" fmla="*/ 6150 w 10000"/>
                  <a:gd name="connsiteY108" fmla="*/ 5539 h 10000"/>
                  <a:gd name="connsiteX109" fmla="*/ 6174 w 10000"/>
                  <a:gd name="connsiteY109" fmla="*/ 5775 h 10000"/>
                  <a:gd name="connsiteX110" fmla="*/ 6174 w 10000"/>
                  <a:gd name="connsiteY110" fmla="*/ 5997 h 10000"/>
                  <a:gd name="connsiteX111" fmla="*/ 6150 w 10000"/>
                  <a:gd name="connsiteY111" fmla="*/ 6233 h 10000"/>
                  <a:gd name="connsiteX112" fmla="*/ 6102 w 10000"/>
                  <a:gd name="connsiteY112" fmla="*/ 6470 h 10000"/>
                  <a:gd name="connsiteX113" fmla="*/ 6053 w 10000"/>
                  <a:gd name="connsiteY113" fmla="*/ 6677 h 10000"/>
                  <a:gd name="connsiteX114" fmla="*/ 5981 w 10000"/>
                  <a:gd name="connsiteY114" fmla="*/ 6898 h 10000"/>
                  <a:gd name="connsiteX115" fmla="*/ 5884 w 10000"/>
                  <a:gd name="connsiteY115" fmla="*/ 7105 h 10000"/>
                  <a:gd name="connsiteX116" fmla="*/ 5763 w 10000"/>
                  <a:gd name="connsiteY116" fmla="*/ 7297 h 10000"/>
                  <a:gd name="connsiteX117" fmla="*/ 5617 w 10000"/>
                  <a:gd name="connsiteY117" fmla="*/ 7489 h 10000"/>
                  <a:gd name="connsiteX118" fmla="*/ 5472 w 10000"/>
                  <a:gd name="connsiteY118" fmla="*/ 7681 h 10000"/>
                  <a:gd name="connsiteX119" fmla="*/ 6174 w 10000"/>
                  <a:gd name="connsiteY119" fmla="*/ 7799 h 10000"/>
                  <a:gd name="connsiteX120" fmla="*/ 6901 w 10000"/>
                  <a:gd name="connsiteY120" fmla="*/ 7962 h 10000"/>
                  <a:gd name="connsiteX121" fmla="*/ 7046 w 10000"/>
                  <a:gd name="connsiteY121" fmla="*/ 8021 h 10000"/>
                  <a:gd name="connsiteX122" fmla="*/ 7167 w 10000"/>
                  <a:gd name="connsiteY122" fmla="*/ 8080 h 10000"/>
                  <a:gd name="connsiteX123" fmla="*/ 7288 w 10000"/>
                  <a:gd name="connsiteY123" fmla="*/ 8139 h 10000"/>
                  <a:gd name="connsiteX124" fmla="*/ 7361 w 10000"/>
                  <a:gd name="connsiteY124" fmla="*/ 8227 h 10000"/>
                  <a:gd name="connsiteX125" fmla="*/ 7385 w 10000"/>
                  <a:gd name="connsiteY125" fmla="*/ 8301 h 10000"/>
                  <a:gd name="connsiteX126" fmla="*/ 7385 w 10000"/>
                  <a:gd name="connsiteY126" fmla="*/ 8405 h 10000"/>
                  <a:gd name="connsiteX127" fmla="*/ 7337 w 10000"/>
                  <a:gd name="connsiteY127" fmla="*/ 8523 h 10000"/>
                  <a:gd name="connsiteX128" fmla="*/ 7264 w 10000"/>
                  <a:gd name="connsiteY128" fmla="*/ 8641 h 10000"/>
                  <a:gd name="connsiteX129" fmla="*/ 6949 w 10000"/>
                  <a:gd name="connsiteY129" fmla="*/ 8552 h 10000"/>
                  <a:gd name="connsiteX130" fmla="*/ 6659 w 10000"/>
                  <a:gd name="connsiteY130" fmla="*/ 8449 h 10000"/>
                  <a:gd name="connsiteX131" fmla="*/ 6368 w 10000"/>
                  <a:gd name="connsiteY131" fmla="*/ 8360 h 10000"/>
                  <a:gd name="connsiteX132" fmla="*/ 6077 w 10000"/>
                  <a:gd name="connsiteY132" fmla="*/ 8287 h 10000"/>
                  <a:gd name="connsiteX133" fmla="*/ 5956 w 10000"/>
                  <a:gd name="connsiteY133" fmla="*/ 8449 h 10000"/>
                  <a:gd name="connsiteX134" fmla="*/ 5860 w 10000"/>
                  <a:gd name="connsiteY134" fmla="*/ 8597 h 10000"/>
                  <a:gd name="connsiteX135" fmla="*/ 5811 w 10000"/>
                  <a:gd name="connsiteY135" fmla="*/ 8656 h 10000"/>
                  <a:gd name="connsiteX136" fmla="*/ 5714 w 10000"/>
                  <a:gd name="connsiteY136" fmla="*/ 8700 h 10000"/>
                  <a:gd name="connsiteX137" fmla="*/ 5642 w 10000"/>
                  <a:gd name="connsiteY137" fmla="*/ 8744 h 10000"/>
                  <a:gd name="connsiteX138" fmla="*/ 5569 w 10000"/>
                  <a:gd name="connsiteY138" fmla="*/ 8774 h 10000"/>
                  <a:gd name="connsiteX139" fmla="*/ 5496 w 10000"/>
                  <a:gd name="connsiteY139" fmla="*/ 8804 h 10000"/>
                  <a:gd name="connsiteX140" fmla="*/ 5400 w 10000"/>
                  <a:gd name="connsiteY140" fmla="*/ 8818 h 10000"/>
                  <a:gd name="connsiteX141" fmla="*/ 5278 w 10000"/>
                  <a:gd name="connsiteY141" fmla="*/ 8833 h 10000"/>
                  <a:gd name="connsiteX142" fmla="*/ 5157 w 10000"/>
                  <a:gd name="connsiteY142" fmla="*/ 8833 h 10000"/>
                  <a:gd name="connsiteX143" fmla="*/ 4867 w 10000"/>
                  <a:gd name="connsiteY143" fmla="*/ 8818 h 10000"/>
                  <a:gd name="connsiteX144" fmla="*/ 4504 w 10000"/>
                  <a:gd name="connsiteY144" fmla="*/ 8744 h 10000"/>
                  <a:gd name="connsiteX145" fmla="*/ 4504 w 10000"/>
                  <a:gd name="connsiteY145" fmla="*/ 8922 h 10000"/>
                  <a:gd name="connsiteX146" fmla="*/ 4479 w 10000"/>
                  <a:gd name="connsiteY146" fmla="*/ 9069 h 10000"/>
                  <a:gd name="connsiteX147" fmla="*/ 4455 w 10000"/>
                  <a:gd name="connsiteY147" fmla="*/ 9232 h 10000"/>
                  <a:gd name="connsiteX148" fmla="*/ 4431 w 10000"/>
                  <a:gd name="connsiteY148" fmla="*/ 9365 h 10000"/>
                  <a:gd name="connsiteX149" fmla="*/ 4383 w 10000"/>
                  <a:gd name="connsiteY149" fmla="*/ 9498 h 10000"/>
                  <a:gd name="connsiteX150" fmla="*/ 4286 w 10000"/>
                  <a:gd name="connsiteY150" fmla="*/ 9616 h 10000"/>
                  <a:gd name="connsiteX151" fmla="*/ 4213 w 10000"/>
                  <a:gd name="connsiteY151" fmla="*/ 9734 h 10000"/>
                  <a:gd name="connsiteX152" fmla="*/ 4092 w 10000"/>
                  <a:gd name="connsiteY152" fmla="*/ 9838 h 10000"/>
                  <a:gd name="connsiteX153" fmla="*/ 3801 w 10000"/>
                  <a:gd name="connsiteY153" fmla="*/ 9897 h 10000"/>
                  <a:gd name="connsiteX154" fmla="*/ 3559 w 10000"/>
                  <a:gd name="connsiteY154" fmla="*/ 9941 h 10000"/>
                  <a:gd name="connsiteX155" fmla="*/ 3269 w 10000"/>
                  <a:gd name="connsiteY155" fmla="*/ 9985 h 10000"/>
                  <a:gd name="connsiteX156" fmla="*/ 3051 w 10000"/>
                  <a:gd name="connsiteY156" fmla="*/ 10000 h 10000"/>
                  <a:gd name="connsiteX157" fmla="*/ 2567 w 10000"/>
                  <a:gd name="connsiteY157" fmla="*/ 10000 h 10000"/>
                  <a:gd name="connsiteX158" fmla="*/ 2107 w 10000"/>
                  <a:gd name="connsiteY158" fmla="*/ 9985 h 10000"/>
                  <a:gd name="connsiteX159" fmla="*/ 1671 w 10000"/>
                  <a:gd name="connsiteY159" fmla="*/ 9941 h 10000"/>
                  <a:gd name="connsiteX160" fmla="*/ 1211 w 10000"/>
                  <a:gd name="connsiteY160" fmla="*/ 9911 h 10000"/>
                  <a:gd name="connsiteX161" fmla="*/ 944 w 10000"/>
                  <a:gd name="connsiteY161" fmla="*/ 9911 h 10000"/>
                  <a:gd name="connsiteX162" fmla="*/ 702 w 10000"/>
                  <a:gd name="connsiteY162" fmla="*/ 9911 h 10000"/>
                  <a:gd name="connsiteX163" fmla="*/ 436 w 10000"/>
                  <a:gd name="connsiteY163" fmla="*/ 9926 h 10000"/>
                  <a:gd name="connsiteX164" fmla="*/ 169 w 10000"/>
                  <a:gd name="connsiteY164" fmla="*/ 9970 h 10000"/>
                  <a:gd name="connsiteX165" fmla="*/ 97 w 10000"/>
                  <a:gd name="connsiteY165" fmla="*/ 9867 h 10000"/>
                  <a:gd name="connsiteX166" fmla="*/ 48 w 10000"/>
                  <a:gd name="connsiteY166" fmla="*/ 9793 h 10000"/>
                  <a:gd name="connsiteX167" fmla="*/ 0 w 10000"/>
                  <a:gd name="connsiteY167" fmla="*/ 9705 h 10000"/>
                  <a:gd name="connsiteX168" fmla="*/ 0 w 10000"/>
                  <a:gd name="connsiteY168" fmla="*/ 9601 h 10000"/>
                  <a:gd name="connsiteX169" fmla="*/ 48 w 10000"/>
                  <a:gd name="connsiteY169" fmla="*/ 9424 h 10000"/>
                  <a:gd name="connsiteX170" fmla="*/ 97 w 10000"/>
                  <a:gd name="connsiteY170" fmla="*/ 9202 h 10000"/>
                  <a:gd name="connsiteX171" fmla="*/ 145 w 10000"/>
                  <a:gd name="connsiteY171" fmla="*/ 8996 h 10000"/>
                  <a:gd name="connsiteX172" fmla="*/ 194 w 10000"/>
                  <a:gd name="connsiteY172" fmla="*/ 8759 h 10000"/>
                  <a:gd name="connsiteX173" fmla="*/ 218 w 10000"/>
                  <a:gd name="connsiteY173" fmla="*/ 8641 h 10000"/>
                  <a:gd name="connsiteX174" fmla="*/ 218 w 10000"/>
                  <a:gd name="connsiteY174" fmla="*/ 8538 h 10000"/>
                  <a:gd name="connsiteX175" fmla="*/ 194 w 10000"/>
                  <a:gd name="connsiteY175" fmla="*/ 8405 h 10000"/>
                  <a:gd name="connsiteX176" fmla="*/ 169 w 10000"/>
                  <a:gd name="connsiteY176" fmla="*/ 8287 h 10000"/>
                  <a:gd name="connsiteX177" fmla="*/ 412 w 10000"/>
                  <a:gd name="connsiteY177" fmla="*/ 8213 h 10000"/>
                  <a:gd name="connsiteX178" fmla="*/ 654 w 10000"/>
                  <a:gd name="connsiteY178" fmla="*/ 8139 h 10000"/>
                  <a:gd name="connsiteX179" fmla="*/ 896 w 10000"/>
                  <a:gd name="connsiteY179" fmla="*/ 8095 h 10000"/>
                  <a:gd name="connsiteX180" fmla="*/ 1162 w 10000"/>
                  <a:gd name="connsiteY180" fmla="*/ 8065 h 10000"/>
                  <a:gd name="connsiteX181" fmla="*/ 1646 w 10000"/>
                  <a:gd name="connsiteY181" fmla="*/ 8021 h 10000"/>
                  <a:gd name="connsiteX182" fmla="*/ 2131 w 10000"/>
                  <a:gd name="connsiteY182" fmla="*/ 7976 h 10000"/>
                  <a:gd name="connsiteX183" fmla="*/ 2349 w 10000"/>
                  <a:gd name="connsiteY183" fmla="*/ 7947 h 10000"/>
                  <a:gd name="connsiteX184" fmla="*/ 2567 w 10000"/>
                  <a:gd name="connsiteY184" fmla="*/ 7917 h 10000"/>
                  <a:gd name="connsiteX185" fmla="*/ 2760 w 10000"/>
                  <a:gd name="connsiteY185" fmla="*/ 7843 h 10000"/>
                  <a:gd name="connsiteX186" fmla="*/ 2954 w 10000"/>
                  <a:gd name="connsiteY186" fmla="*/ 7784 h 10000"/>
                  <a:gd name="connsiteX187" fmla="*/ 3123 w 10000"/>
                  <a:gd name="connsiteY187" fmla="*/ 7710 h 10000"/>
                  <a:gd name="connsiteX188" fmla="*/ 3269 w 10000"/>
                  <a:gd name="connsiteY188" fmla="*/ 7592 h 10000"/>
                  <a:gd name="connsiteX189" fmla="*/ 3414 w 10000"/>
                  <a:gd name="connsiteY189" fmla="*/ 7474 h 10000"/>
                  <a:gd name="connsiteX190" fmla="*/ 3511 w 10000"/>
                  <a:gd name="connsiteY190" fmla="*/ 7312 h 10000"/>
                  <a:gd name="connsiteX191" fmla="*/ 3317 w 10000"/>
                  <a:gd name="connsiteY191" fmla="*/ 7238 h 10000"/>
                  <a:gd name="connsiteX192" fmla="*/ 3148 w 10000"/>
                  <a:gd name="connsiteY192" fmla="*/ 7179 h 10000"/>
                  <a:gd name="connsiteX193" fmla="*/ 3002 w 10000"/>
                  <a:gd name="connsiteY193" fmla="*/ 7090 h 10000"/>
                  <a:gd name="connsiteX194" fmla="*/ 2857 w 10000"/>
                  <a:gd name="connsiteY194" fmla="*/ 6987 h 10000"/>
                  <a:gd name="connsiteX195" fmla="*/ 2760 w 10000"/>
                  <a:gd name="connsiteY195" fmla="*/ 6869 h 10000"/>
                  <a:gd name="connsiteX196" fmla="*/ 2712 w 10000"/>
                  <a:gd name="connsiteY196" fmla="*/ 6721 h 10000"/>
                  <a:gd name="connsiteX197" fmla="*/ 2688 w 10000"/>
                  <a:gd name="connsiteY197" fmla="*/ 6558 h 10000"/>
                  <a:gd name="connsiteX198" fmla="*/ 2712 w 10000"/>
                  <a:gd name="connsiteY198" fmla="*/ 6352 h 10000"/>
                  <a:gd name="connsiteX199" fmla="*/ 2591 w 10000"/>
                  <a:gd name="connsiteY199" fmla="*/ 6322 h 10000"/>
                  <a:gd name="connsiteX200" fmla="*/ 2446 w 10000"/>
                  <a:gd name="connsiteY200" fmla="*/ 6292 h 10000"/>
                  <a:gd name="connsiteX201" fmla="*/ 2276 w 10000"/>
                  <a:gd name="connsiteY201" fmla="*/ 6278 h 10000"/>
                  <a:gd name="connsiteX202" fmla="*/ 2107 w 10000"/>
                  <a:gd name="connsiteY202" fmla="*/ 6263 h 10000"/>
                  <a:gd name="connsiteX203" fmla="*/ 1768 w 10000"/>
                  <a:gd name="connsiteY203" fmla="*/ 6248 h 10000"/>
                  <a:gd name="connsiteX204" fmla="*/ 1404 w 10000"/>
                  <a:gd name="connsiteY204" fmla="*/ 6263 h 10000"/>
                  <a:gd name="connsiteX205" fmla="*/ 1090 w 10000"/>
                  <a:gd name="connsiteY205" fmla="*/ 6278 h 10000"/>
                  <a:gd name="connsiteX206" fmla="*/ 799 w 10000"/>
                  <a:gd name="connsiteY206" fmla="*/ 6278 h 10000"/>
                  <a:gd name="connsiteX207" fmla="*/ 557 w 10000"/>
                  <a:gd name="connsiteY207" fmla="*/ 6263 h 10000"/>
                  <a:gd name="connsiteX208" fmla="*/ 363 w 10000"/>
                  <a:gd name="connsiteY208" fmla="*/ 6233 h 10000"/>
                  <a:gd name="connsiteX209" fmla="*/ 605 w 10000"/>
                  <a:gd name="connsiteY209" fmla="*/ 5805 h 10000"/>
                  <a:gd name="connsiteX210" fmla="*/ 872 w 10000"/>
                  <a:gd name="connsiteY210" fmla="*/ 5391 h 10000"/>
                  <a:gd name="connsiteX211" fmla="*/ 969 w 10000"/>
                  <a:gd name="connsiteY211" fmla="*/ 5170 h 10000"/>
                  <a:gd name="connsiteX212" fmla="*/ 1041 w 10000"/>
                  <a:gd name="connsiteY212" fmla="*/ 4963 h 10000"/>
                  <a:gd name="connsiteX213" fmla="*/ 1065 w 10000"/>
                  <a:gd name="connsiteY213" fmla="*/ 4860 h 10000"/>
                  <a:gd name="connsiteX214" fmla="*/ 1041 w 10000"/>
                  <a:gd name="connsiteY214" fmla="*/ 4756 h 10000"/>
                  <a:gd name="connsiteX215" fmla="*/ 1017 w 10000"/>
                  <a:gd name="connsiteY215" fmla="*/ 4653 h 10000"/>
                  <a:gd name="connsiteX216" fmla="*/ 944 w 10000"/>
                  <a:gd name="connsiteY216" fmla="*/ 4549 h 10000"/>
                  <a:gd name="connsiteX217" fmla="*/ 1211 w 10000"/>
                  <a:gd name="connsiteY217" fmla="*/ 4520 h 10000"/>
                  <a:gd name="connsiteX218" fmla="*/ 1404 w 10000"/>
                  <a:gd name="connsiteY218" fmla="*/ 4505 h 10000"/>
                  <a:gd name="connsiteX219" fmla="*/ 1574 w 10000"/>
                  <a:gd name="connsiteY219" fmla="*/ 4505 h 10000"/>
                  <a:gd name="connsiteX220" fmla="*/ 1719 w 10000"/>
                  <a:gd name="connsiteY220" fmla="*/ 4520 h 10000"/>
                  <a:gd name="connsiteX221" fmla="*/ 1840 w 10000"/>
                  <a:gd name="connsiteY221" fmla="*/ 4520 h 10000"/>
                  <a:gd name="connsiteX222" fmla="*/ 1985 w 10000"/>
                  <a:gd name="connsiteY222" fmla="*/ 4520 h 10000"/>
                  <a:gd name="connsiteX223" fmla="*/ 2131 w 10000"/>
                  <a:gd name="connsiteY223" fmla="*/ 4490 h 10000"/>
                  <a:gd name="connsiteX224" fmla="*/ 2324 w 10000"/>
                  <a:gd name="connsiteY224" fmla="*/ 4446 h 10000"/>
                  <a:gd name="connsiteX225" fmla="*/ 2324 w 10000"/>
                  <a:gd name="connsiteY225" fmla="*/ 4579 h 10000"/>
                  <a:gd name="connsiteX226" fmla="*/ 2324 w 10000"/>
                  <a:gd name="connsiteY226" fmla="*/ 4742 h 10000"/>
                  <a:gd name="connsiteX227" fmla="*/ 2324 w 10000"/>
                  <a:gd name="connsiteY227" fmla="*/ 4874 h 10000"/>
                  <a:gd name="connsiteX228" fmla="*/ 2324 w 10000"/>
                  <a:gd name="connsiteY228" fmla="*/ 5037 h 10000"/>
                  <a:gd name="connsiteX229" fmla="*/ 2542 w 10000"/>
                  <a:gd name="connsiteY229" fmla="*/ 5022 h 10000"/>
                  <a:gd name="connsiteX230" fmla="*/ 2688 w 10000"/>
                  <a:gd name="connsiteY230" fmla="*/ 5037 h 10000"/>
                  <a:gd name="connsiteX231" fmla="*/ 2809 w 10000"/>
                  <a:gd name="connsiteY231" fmla="*/ 5066 h 10000"/>
                  <a:gd name="connsiteX232" fmla="*/ 2930 w 10000"/>
                  <a:gd name="connsiteY232" fmla="*/ 5096 h 10000"/>
                  <a:gd name="connsiteX233" fmla="*/ 3027 w 10000"/>
                  <a:gd name="connsiteY233" fmla="*/ 5126 h 10000"/>
                  <a:gd name="connsiteX234" fmla="*/ 3148 w 10000"/>
                  <a:gd name="connsiteY234" fmla="*/ 5155 h 10000"/>
                  <a:gd name="connsiteX235" fmla="*/ 3293 w 10000"/>
                  <a:gd name="connsiteY235" fmla="*/ 5170 h 10000"/>
                  <a:gd name="connsiteX236" fmla="*/ 3511 w 10000"/>
                  <a:gd name="connsiteY236" fmla="*/ 5155 h 10000"/>
                  <a:gd name="connsiteX237" fmla="*/ 3584 w 10000"/>
                  <a:gd name="connsiteY237" fmla="*/ 5096 h 10000"/>
                  <a:gd name="connsiteX238" fmla="*/ 3656 w 10000"/>
                  <a:gd name="connsiteY238" fmla="*/ 5022 h 10000"/>
                  <a:gd name="connsiteX239" fmla="*/ 3680 w 10000"/>
                  <a:gd name="connsiteY239" fmla="*/ 4934 h 10000"/>
                  <a:gd name="connsiteX240" fmla="*/ 3705 w 10000"/>
                  <a:gd name="connsiteY240" fmla="*/ 4860 h 10000"/>
                  <a:gd name="connsiteX241" fmla="*/ 3729 w 10000"/>
                  <a:gd name="connsiteY241" fmla="*/ 4697 h 10000"/>
                  <a:gd name="connsiteX242" fmla="*/ 3705 w 10000"/>
                  <a:gd name="connsiteY242" fmla="*/ 4520 h 10000"/>
                  <a:gd name="connsiteX243" fmla="*/ 3632 w 10000"/>
                  <a:gd name="connsiteY243" fmla="*/ 4343 h 10000"/>
                  <a:gd name="connsiteX244" fmla="*/ 3559 w 10000"/>
                  <a:gd name="connsiteY244" fmla="*/ 4195 h 10000"/>
                  <a:gd name="connsiteX245" fmla="*/ 3438 w 10000"/>
                  <a:gd name="connsiteY245" fmla="*/ 4047 h 10000"/>
                  <a:gd name="connsiteX246" fmla="*/ 3317 w 10000"/>
                  <a:gd name="connsiteY246" fmla="*/ 3959 h 10000"/>
                  <a:gd name="connsiteX247" fmla="*/ 3462 w 10000"/>
                  <a:gd name="connsiteY247" fmla="*/ 3944 h 10000"/>
                  <a:gd name="connsiteX248" fmla="*/ 3584 w 10000"/>
                  <a:gd name="connsiteY248" fmla="*/ 3914 h 10000"/>
                  <a:gd name="connsiteX249" fmla="*/ 3680 w 10000"/>
                  <a:gd name="connsiteY249" fmla="*/ 3855 h 10000"/>
                  <a:gd name="connsiteX250" fmla="*/ 3801 w 10000"/>
                  <a:gd name="connsiteY250" fmla="*/ 3752 h 10000"/>
                  <a:gd name="connsiteX251" fmla="*/ 3923 w 10000"/>
                  <a:gd name="connsiteY251" fmla="*/ 3663 h 10000"/>
                  <a:gd name="connsiteX252" fmla="*/ 4019 w 10000"/>
                  <a:gd name="connsiteY252" fmla="*/ 3560 h 10000"/>
                  <a:gd name="connsiteX253" fmla="*/ 4092 w 10000"/>
                  <a:gd name="connsiteY253" fmla="*/ 3442 h 10000"/>
                  <a:gd name="connsiteX254" fmla="*/ 4165 w 10000"/>
                  <a:gd name="connsiteY254" fmla="*/ 3323 h 10000"/>
                  <a:gd name="connsiteX255" fmla="*/ 4213 w 10000"/>
                  <a:gd name="connsiteY255" fmla="*/ 3220 h 10000"/>
                  <a:gd name="connsiteX256" fmla="*/ 4237 w 10000"/>
                  <a:gd name="connsiteY256" fmla="*/ 3102 h 10000"/>
                  <a:gd name="connsiteX257" fmla="*/ 4262 w 10000"/>
                  <a:gd name="connsiteY257" fmla="*/ 3013 h 10000"/>
                  <a:gd name="connsiteX258" fmla="*/ 4237 w 10000"/>
                  <a:gd name="connsiteY258" fmla="*/ 2939 h 10000"/>
                  <a:gd name="connsiteX259" fmla="*/ 4213 w 10000"/>
                  <a:gd name="connsiteY259" fmla="*/ 2866 h 10000"/>
                  <a:gd name="connsiteX260" fmla="*/ 4140 w 10000"/>
                  <a:gd name="connsiteY260" fmla="*/ 2836 h 10000"/>
                  <a:gd name="connsiteX261" fmla="*/ 4044 w 10000"/>
                  <a:gd name="connsiteY261" fmla="*/ 2836 h 10000"/>
                  <a:gd name="connsiteX262" fmla="*/ 3923 w 10000"/>
                  <a:gd name="connsiteY262" fmla="*/ 2866 h 10000"/>
                  <a:gd name="connsiteX263" fmla="*/ 4019 w 10000"/>
                  <a:gd name="connsiteY263" fmla="*/ 2777 h 10000"/>
                  <a:gd name="connsiteX264" fmla="*/ 4068 w 10000"/>
                  <a:gd name="connsiteY264" fmla="*/ 2674 h 10000"/>
                  <a:gd name="connsiteX265" fmla="*/ 4092 w 10000"/>
                  <a:gd name="connsiteY265" fmla="*/ 2541 h 10000"/>
                  <a:gd name="connsiteX266" fmla="*/ 4092 w 10000"/>
                  <a:gd name="connsiteY266" fmla="*/ 2393 h 10000"/>
                  <a:gd name="connsiteX267" fmla="*/ 4116 w 10000"/>
                  <a:gd name="connsiteY267" fmla="*/ 2349 h 10000"/>
                  <a:gd name="connsiteX268" fmla="*/ 4165 w 10000"/>
                  <a:gd name="connsiteY268" fmla="*/ 2304 h 10000"/>
                  <a:gd name="connsiteX269" fmla="*/ 4213 w 10000"/>
                  <a:gd name="connsiteY269" fmla="*/ 2290 h 10000"/>
                  <a:gd name="connsiteX270" fmla="*/ 4286 w 10000"/>
                  <a:gd name="connsiteY270" fmla="*/ 2275 h 10000"/>
                  <a:gd name="connsiteX271" fmla="*/ 4504 w 10000"/>
                  <a:gd name="connsiteY271" fmla="*/ 2260 h 10000"/>
                  <a:gd name="connsiteX272" fmla="*/ 4697 w 10000"/>
                  <a:gd name="connsiteY272" fmla="*/ 2275 h 10000"/>
                  <a:gd name="connsiteX273" fmla="*/ 4673 w 10000"/>
                  <a:gd name="connsiteY273" fmla="*/ 2112 h 10000"/>
                  <a:gd name="connsiteX274" fmla="*/ 4625 w 10000"/>
                  <a:gd name="connsiteY274" fmla="*/ 1950 h 10000"/>
                  <a:gd name="connsiteX275" fmla="*/ 4552 w 10000"/>
                  <a:gd name="connsiteY275" fmla="*/ 1802 h 10000"/>
                  <a:gd name="connsiteX276" fmla="*/ 4455 w 10000"/>
                  <a:gd name="connsiteY276" fmla="*/ 1640 h 10000"/>
                  <a:gd name="connsiteX277" fmla="*/ 4213 w 10000"/>
                  <a:gd name="connsiteY277" fmla="*/ 1329 h 10000"/>
                  <a:gd name="connsiteX278" fmla="*/ 3971 w 10000"/>
                  <a:gd name="connsiteY278" fmla="*/ 1034 h 10000"/>
                  <a:gd name="connsiteX279" fmla="*/ 3850 w 10000"/>
                  <a:gd name="connsiteY279" fmla="*/ 901 h 10000"/>
                  <a:gd name="connsiteX280" fmla="*/ 3753 w 10000"/>
                  <a:gd name="connsiteY280" fmla="*/ 753 h 10000"/>
                  <a:gd name="connsiteX281" fmla="*/ 3680 w 10000"/>
                  <a:gd name="connsiteY281" fmla="*/ 620 h 10000"/>
                  <a:gd name="connsiteX282" fmla="*/ 3656 w 10000"/>
                  <a:gd name="connsiteY282" fmla="*/ 487 h 10000"/>
                  <a:gd name="connsiteX283" fmla="*/ 3632 w 10000"/>
                  <a:gd name="connsiteY283" fmla="*/ 355 h 10000"/>
                  <a:gd name="connsiteX284" fmla="*/ 3680 w 10000"/>
                  <a:gd name="connsiteY284" fmla="*/ 222 h 10000"/>
                  <a:gd name="connsiteX285" fmla="*/ 3705 w 10000"/>
                  <a:gd name="connsiteY285" fmla="*/ 162 h 10000"/>
                  <a:gd name="connsiteX286" fmla="*/ 3753 w 10000"/>
                  <a:gd name="connsiteY286" fmla="*/ 103 h 10000"/>
                  <a:gd name="connsiteX287" fmla="*/ 3826 w 10000"/>
                  <a:gd name="connsiteY287" fmla="*/ 59 h 10000"/>
                  <a:gd name="connsiteX288" fmla="*/ 3923 w 10000"/>
                  <a:gd name="connsiteY288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9879 w 10000"/>
                  <a:gd name="connsiteY58" fmla="*/ 3117 h 10000"/>
                  <a:gd name="connsiteX59" fmla="*/ 6852 w 10000"/>
                  <a:gd name="connsiteY59" fmla="*/ 4313 h 10000"/>
                  <a:gd name="connsiteX60" fmla="*/ 6852 w 10000"/>
                  <a:gd name="connsiteY60" fmla="*/ 4431 h 10000"/>
                  <a:gd name="connsiteX61" fmla="*/ 6852 w 10000"/>
                  <a:gd name="connsiteY61" fmla="*/ 4549 h 10000"/>
                  <a:gd name="connsiteX62" fmla="*/ 6804 w 10000"/>
                  <a:gd name="connsiteY62" fmla="*/ 4564 h 10000"/>
                  <a:gd name="connsiteX63" fmla="*/ 6731 w 10000"/>
                  <a:gd name="connsiteY63" fmla="*/ 4594 h 10000"/>
                  <a:gd name="connsiteX64" fmla="*/ 6683 w 10000"/>
                  <a:gd name="connsiteY64" fmla="*/ 4638 h 10000"/>
                  <a:gd name="connsiteX65" fmla="*/ 6683 w 10000"/>
                  <a:gd name="connsiteY65" fmla="*/ 4697 h 10000"/>
                  <a:gd name="connsiteX66" fmla="*/ 6659 w 10000"/>
                  <a:gd name="connsiteY66" fmla="*/ 4801 h 10000"/>
                  <a:gd name="connsiteX67" fmla="*/ 6659 w 10000"/>
                  <a:gd name="connsiteY67" fmla="*/ 4904 h 10000"/>
                  <a:gd name="connsiteX68" fmla="*/ 6538 w 10000"/>
                  <a:gd name="connsiteY68" fmla="*/ 4860 h 10000"/>
                  <a:gd name="connsiteX69" fmla="*/ 6465 w 10000"/>
                  <a:gd name="connsiteY69" fmla="*/ 4801 h 10000"/>
                  <a:gd name="connsiteX70" fmla="*/ 6392 w 10000"/>
                  <a:gd name="connsiteY70" fmla="*/ 4727 h 10000"/>
                  <a:gd name="connsiteX71" fmla="*/ 6320 w 10000"/>
                  <a:gd name="connsiteY71" fmla="*/ 4638 h 10000"/>
                  <a:gd name="connsiteX72" fmla="*/ 6199 w 10000"/>
                  <a:gd name="connsiteY72" fmla="*/ 4476 h 10000"/>
                  <a:gd name="connsiteX73" fmla="*/ 6077 w 10000"/>
                  <a:gd name="connsiteY73" fmla="*/ 4313 h 10000"/>
                  <a:gd name="connsiteX74" fmla="*/ 6223 w 10000"/>
                  <a:gd name="connsiteY74" fmla="*/ 4210 h 10000"/>
                  <a:gd name="connsiteX75" fmla="*/ 6416 w 10000"/>
                  <a:gd name="connsiteY75" fmla="*/ 4121 h 10000"/>
                  <a:gd name="connsiteX76" fmla="*/ 6634 w 10000"/>
                  <a:gd name="connsiteY76" fmla="*/ 4032 h 10000"/>
                  <a:gd name="connsiteX77" fmla="*/ 6877 w 10000"/>
                  <a:gd name="connsiteY77" fmla="*/ 3959 h 10000"/>
                  <a:gd name="connsiteX78" fmla="*/ 7385 w 10000"/>
                  <a:gd name="connsiteY78" fmla="*/ 3811 h 10000"/>
                  <a:gd name="connsiteX79" fmla="*/ 7893 w 10000"/>
                  <a:gd name="connsiteY79" fmla="*/ 3663 h 10000"/>
                  <a:gd name="connsiteX80" fmla="*/ 8136 w 10000"/>
                  <a:gd name="connsiteY80" fmla="*/ 3589 h 10000"/>
                  <a:gd name="connsiteX81" fmla="*/ 8378 w 10000"/>
                  <a:gd name="connsiteY81" fmla="*/ 3516 h 10000"/>
                  <a:gd name="connsiteX82" fmla="*/ 8571 w 10000"/>
                  <a:gd name="connsiteY82" fmla="*/ 3412 h 10000"/>
                  <a:gd name="connsiteX83" fmla="*/ 8765 w 10000"/>
                  <a:gd name="connsiteY83" fmla="*/ 3338 h 10000"/>
                  <a:gd name="connsiteX84" fmla="*/ 8886 w 10000"/>
                  <a:gd name="connsiteY84" fmla="*/ 3235 h 10000"/>
                  <a:gd name="connsiteX85" fmla="*/ 8983 w 10000"/>
                  <a:gd name="connsiteY85" fmla="*/ 3117 h 10000"/>
                  <a:gd name="connsiteX86" fmla="*/ 9007 w 10000"/>
                  <a:gd name="connsiteY86" fmla="*/ 3072 h 10000"/>
                  <a:gd name="connsiteX87" fmla="*/ 9031 w 10000"/>
                  <a:gd name="connsiteY87" fmla="*/ 3013 h 10000"/>
                  <a:gd name="connsiteX88" fmla="*/ 9031 w 10000"/>
                  <a:gd name="connsiteY88" fmla="*/ 2954 h 10000"/>
                  <a:gd name="connsiteX89" fmla="*/ 9007 w 10000"/>
                  <a:gd name="connsiteY89" fmla="*/ 2866 h 10000"/>
                  <a:gd name="connsiteX90" fmla="*/ 8838 w 10000"/>
                  <a:gd name="connsiteY90" fmla="*/ 2984 h 10000"/>
                  <a:gd name="connsiteX91" fmla="*/ 8644 w 10000"/>
                  <a:gd name="connsiteY91" fmla="*/ 3072 h 10000"/>
                  <a:gd name="connsiteX92" fmla="*/ 8450 w 10000"/>
                  <a:gd name="connsiteY92" fmla="*/ 3161 h 10000"/>
                  <a:gd name="connsiteX93" fmla="*/ 8257 w 10000"/>
                  <a:gd name="connsiteY93" fmla="*/ 3250 h 10000"/>
                  <a:gd name="connsiteX94" fmla="*/ 7821 w 10000"/>
                  <a:gd name="connsiteY94" fmla="*/ 3397 h 10000"/>
                  <a:gd name="connsiteX95" fmla="*/ 7361 w 10000"/>
                  <a:gd name="connsiteY95" fmla="*/ 3545 h 10000"/>
                  <a:gd name="connsiteX96" fmla="*/ 6901 w 10000"/>
                  <a:gd name="connsiteY96" fmla="*/ 3678 h 10000"/>
                  <a:gd name="connsiteX97" fmla="*/ 6465 w 10000"/>
                  <a:gd name="connsiteY97" fmla="*/ 3840 h 10000"/>
                  <a:gd name="connsiteX98" fmla="*/ 6247 w 10000"/>
                  <a:gd name="connsiteY98" fmla="*/ 3914 h 10000"/>
                  <a:gd name="connsiteX99" fmla="*/ 6053 w 10000"/>
                  <a:gd name="connsiteY99" fmla="*/ 4003 h 10000"/>
                  <a:gd name="connsiteX100" fmla="*/ 5860 w 10000"/>
                  <a:gd name="connsiteY100" fmla="*/ 4106 h 10000"/>
                  <a:gd name="connsiteX101" fmla="*/ 5666 w 10000"/>
                  <a:gd name="connsiteY101" fmla="*/ 4195 h 10000"/>
                  <a:gd name="connsiteX102" fmla="*/ 5811 w 10000"/>
                  <a:gd name="connsiteY102" fmla="*/ 4417 h 10000"/>
                  <a:gd name="connsiteX103" fmla="*/ 5908 w 10000"/>
                  <a:gd name="connsiteY103" fmla="*/ 4623 h 10000"/>
                  <a:gd name="connsiteX104" fmla="*/ 6005 w 10000"/>
                  <a:gd name="connsiteY104" fmla="*/ 4845 h 10000"/>
                  <a:gd name="connsiteX105" fmla="*/ 6077 w 10000"/>
                  <a:gd name="connsiteY105" fmla="*/ 5081 h 10000"/>
                  <a:gd name="connsiteX106" fmla="*/ 6126 w 10000"/>
                  <a:gd name="connsiteY106" fmla="*/ 5318 h 10000"/>
                  <a:gd name="connsiteX107" fmla="*/ 6150 w 10000"/>
                  <a:gd name="connsiteY107" fmla="*/ 5539 h 10000"/>
                  <a:gd name="connsiteX108" fmla="*/ 6174 w 10000"/>
                  <a:gd name="connsiteY108" fmla="*/ 5775 h 10000"/>
                  <a:gd name="connsiteX109" fmla="*/ 6174 w 10000"/>
                  <a:gd name="connsiteY109" fmla="*/ 5997 h 10000"/>
                  <a:gd name="connsiteX110" fmla="*/ 6150 w 10000"/>
                  <a:gd name="connsiteY110" fmla="*/ 6233 h 10000"/>
                  <a:gd name="connsiteX111" fmla="*/ 6102 w 10000"/>
                  <a:gd name="connsiteY111" fmla="*/ 6470 h 10000"/>
                  <a:gd name="connsiteX112" fmla="*/ 6053 w 10000"/>
                  <a:gd name="connsiteY112" fmla="*/ 6677 h 10000"/>
                  <a:gd name="connsiteX113" fmla="*/ 5981 w 10000"/>
                  <a:gd name="connsiteY113" fmla="*/ 6898 h 10000"/>
                  <a:gd name="connsiteX114" fmla="*/ 5884 w 10000"/>
                  <a:gd name="connsiteY114" fmla="*/ 7105 h 10000"/>
                  <a:gd name="connsiteX115" fmla="*/ 5763 w 10000"/>
                  <a:gd name="connsiteY115" fmla="*/ 7297 h 10000"/>
                  <a:gd name="connsiteX116" fmla="*/ 5617 w 10000"/>
                  <a:gd name="connsiteY116" fmla="*/ 7489 h 10000"/>
                  <a:gd name="connsiteX117" fmla="*/ 5472 w 10000"/>
                  <a:gd name="connsiteY117" fmla="*/ 7681 h 10000"/>
                  <a:gd name="connsiteX118" fmla="*/ 6174 w 10000"/>
                  <a:gd name="connsiteY118" fmla="*/ 7799 h 10000"/>
                  <a:gd name="connsiteX119" fmla="*/ 6901 w 10000"/>
                  <a:gd name="connsiteY119" fmla="*/ 7962 h 10000"/>
                  <a:gd name="connsiteX120" fmla="*/ 7046 w 10000"/>
                  <a:gd name="connsiteY120" fmla="*/ 8021 h 10000"/>
                  <a:gd name="connsiteX121" fmla="*/ 7167 w 10000"/>
                  <a:gd name="connsiteY121" fmla="*/ 8080 h 10000"/>
                  <a:gd name="connsiteX122" fmla="*/ 7288 w 10000"/>
                  <a:gd name="connsiteY122" fmla="*/ 8139 h 10000"/>
                  <a:gd name="connsiteX123" fmla="*/ 7361 w 10000"/>
                  <a:gd name="connsiteY123" fmla="*/ 8227 h 10000"/>
                  <a:gd name="connsiteX124" fmla="*/ 7385 w 10000"/>
                  <a:gd name="connsiteY124" fmla="*/ 8301 h 10000"/>
                  <a:gd name="connsiteX125" fmla="*/ 7385 w 10000"/>
                  <a:gd name="connsiteY125" fmla="*/ 8405 h 10000"/>
                  <a:gd name="connsiteX126" fmla="*/ 7337 w 10000"/>
                  <a:gd name="connsiteY126" fmla="*/ 8523 h 10000"/>
                  <a:gd name="connsiteX127" fmla="*/ 7264 w 10000"/>
                  <a:gd name="connsiteY127" fmla="*/ 8641 h 10000"/>
                  <a:gd name="connsiteX128" fmla="*/ 6949 w 10000"/>
                  <a:gd name="connsiteY128" fmla="*/ 8552 h 10000"/>
                  <a:gd name="connsiteX129" fmla="*/ 6659 w 10000"/>
                  <a:gd name="connsiteY129" fmla="*/ 8449 h 10000"/>
                  <a:gd name="connsiteX130" fmla="*/ 6368 w 10000"/>
                  <a:gd name="connsiteY130" fmla="*/ 8360 h 10000"/>
                  <a:gd name="connsiteX131" fmla="*/ 6077 w 10000"/>
                  <a:gd name="connsiteY131" fmla="*/ 8287 h 10000"/>
                  <a:gd name="connsiteX132" fmla="*/ 5956 w 10000"/>
                  <a:gd name="connsiteY132" fmla="*/ 8449 h 10000"/>
                  <a:gd name="connsiteX133" fmla="*/ 5860 w 10000"/>
                  <a:gd name="connsiteY133" fmla="*/ 8597 h 10000"/>
                  <a:gd name="connsiteX134" fmla="*/ 5811 w 10000"/>
                  <a:gd name="connsiteY134" fmla="*/ 8656 h 10000"/>
                  <a:gd name="connsiteX135" fmla="*/ 5714 w 10000"/>
                  <a:gd name="connsiteY135" fmla="*/ 8700 h 10000"/>
                  <a:gd name="connsiteX136" fmla="*/ 5642 w 10000"/>
                  <a:gd name="connsiteY136" fmla="*/ 8744 h 10000"/>
                  <a:gd name="connsiteX137" fmla="*/ 5569 w 10000"/>
                  <a:gd name="connsiteY137" fmla="*/ 8774 h 10000"/>
                  <a:gd name="connsiteX138" fmla="*/ 5496 w 10000"/>
                  <a:gd name="connsiteY138" fmla="*/ 8804 h 10000"/>
                  <a:gd name="connsiteX139" fmla="*/ 5400 w 10000"/>
                  <a:gd name="connsiteY139" fmla="*/ 8818 h 10000"/>
                  <a:gd name="connsiteX140" fmla="*/ 5278 w 10000"/>
                  <a:gd name="connsiteY140" fmla="*/ 8833 h 10000"/>
                  <a:gd name="connsiteX141" fmla="*/ 5157 w 10000"/>
                  <a:gd name="connsiteY141" fmla="*/ 8833 h 10000"/>
                  <a:gd name="connsiteX142" fmla="*/ 4867 w 10000"/>
                  <a:gd name="connsiteY142" fmla="*/ 8818 h 10000"/>
                  <a:gd name="connsiteX143" fmla="*/ 4504 w 10000"/>
                  <a:gd name="connsiteY143" fmla="*/ 8744 h 10000"/>
                  <a:gd name="connsiteX144" fmla="*/ 4504 w 10000"/>
                  <a:gd name="connsiteY144" fmla="*/ 8922 h 10000"/>
                  <a:gd name="connsiteX145" fmla="*/ 4479 w 10000"/>
                  <a:gd name="connsiteY145" fmla="*/ 9069 h 10000"/>
                  <a:gd name="connsiteX146" fmla="*/ 4455 w 10000"/>
                  <a:gd name="connsiteY146" fmla="*/ 9232 h 10000"/>
                  <a:gd name="connsiteX147" fmla="*/ 4431 w 10000"/>
                  <a:gd name="connsiteY147" fmla="*/ 9365 h 10000"/>
                  <a:gd name="connsiteX148" fmla="*/ 4383 w 10000"/>
                  <a:gd name="connsiteY148" fmla="*/ 9498 h 10000"/>
                  <a:gd name="connsiteX149" fmla="*/ 4286 w 10000"/>
                  <a:gd name="connsiteY149" fmla="*/ 9616 h 10000"/>
                  <a:gd name="connsiteX150" fmla="*/ 4213 w 10000"/>
                  <a:gd name="connsiteY150" fmla="*/ 9734 h 10000"/>
                  <a:gd name="connsiteX151" fmla="*/ 4092 w 10000"/>
                  <a:gd name="connsiteY151" fmla="*/ 9838 h 10000"/>
                  <a:gd name="connsiteX152" fmla="*/ 3801 w 10000"/>
                  <a:gd name="connsiteY152" fmla="*/ 9897 h 10000"/>
                  <a:gd name="connsiteX153" fmla="*/ 3559 w 10000"/>
                  <a:gd name="connsiteY153" fmla="*/ 9941 h 10000"/>
                  <a:gd name="connsiteX154" fmla="*/ 3269 w 10000"/>
                  <a:gd name="connsiteY154" fmla="*/ 9985 h 10000"/>
                  <a:gd name="connsiteX155" fmla="*/ 3051 w 10000"/>
                  <a:gd name="connsiteY155" fmla="*/ 10000 h 10000"/>
                  <a:gd name="connsiteX156" fmla="*/ 2567 w 10000"/>
                  <a:gd name="connsiteY156" fmla="*/ 10000 h 10000"/>
                  <a:gd name="connsiteX157" fmla="*/ 2107 w 10000"/>
                  <a:gd name="connsiteY157" fmla="*/ 9985 h 10000"/>
                  <a:gd name="connsiteX158" fmla="*/ 1671 w 10000"/>
                  <a:gd name="connsiteY158" fmla="*/ 9941 h 10000"/>
                  <a:gd name="connsiteX159" fmla="*/ 1211 w 10000"/>
                  <a:gd name="connsiteY159" fmla="*/ 9911 h 10000"/>
                  <a:gd name="connsiteX160" fmla="*/ 944 w 10000"/>
                  <a:gd name="connsiteY160" fmla="*/ 9911 h 10000"/>
                  <a:gd name="connsiteX161" fmla="*/ 702 w 10000"/>
                  <a:gd name="connsiteY161" fmla="*/ 9911 h 10000"/>
                  <a:gd name="connsiteX162" fmla="*/ 436 w 10000"/>
                  <a:gd name="connsiteY162" fmla="*/ 9926 h 10000"/>
                  <a:gd name="connsiteX163" fmla="*/ 169 w 10000"/>
                  <a:gd name="connsiteY163" fmla="*/ 9970 h 10000"/>
                  <a:gd name="connsiteX164" fmla="*/ 97 w 10000"/>
                  <a:gd name="connsiteY164" fmla="*/ 9867 h 10000"/>
                  <a:gd name="connsiteX165" fmla="*/ 48 w 10000"/>
                  <a:gd name="connsiteY165" fmla="*/ 9793 h 10000"/>
                  <a:gd name="connsiteX166" fmla="*/ 0 w 10000"/>
                  <a:gd name="connsiteY166" fmla="*/ 9705 h 10000"/>
                  <a:gd name="connsiteX167" fmla="*/ 0 w 10000"/>
                  <a:gd name="connsiteY167" fmla="*/ 9601 h 10000"/>
                  <a:gd name="connsiteX168" fmla="*/ 48 w 10000"/>
                  <a:gd name="connsiteY168" fmla="*/ 9424 h 10000"/>
                  <a:gd name="connsiteX169" fmla="*/ 97 w 10000"/>
                  <a:gd name="connsiteY169" fmla="*/ 9202 h 10000"/>
                  <a:gd name="connsiteX170" fmla="*/ 145 w 10000"/>
                  <a:gd name="connsiteY170" fmla="*/ 8996 h 10000"/>
                  <a:gd name="connsiteX171" fmla="*/ 194 w 10000"/>
                  <a:gd name="connsiteY171" fmla="*/ 8759 h 10000"/>
                  <a:gd name="connsiteX172" fmla="*/ 218 w 10000"/>
                  <a:gd name="connsiteY172" fmla="*/ 8641 h 10000"/>
                  <a:gd name="connsiteX173" fmla="*/ 218 w 10000"/>
                  <a:gd name="connsiteY173" fmla="*/ 8538 h 10000"/>
                  <a:gd name="connsiteX174" fmla="*/ 194 w 10000"/>
                  <a:gd name="connsiteY174" fmla="*/ 8405 h 10000"/>
                  <a:gd name="connsiteX175" fmla="*/ 169 w 10000"/>
                  <a:gd name="connsiteY175" fmla="*/ 8287 h 10000"/>
                  <a:gd name="connsiteX176" fmla="*/ 412 w 10000"/>
                  <a:gd name="connsiteY176" fmla="*/ 8213 h 10000"/>
                  <a:gd name="connsiteX177" fmla="*/ 654 w 10000"/>
                  <a:gd name="connsiteY177" fmla="*/ 8139 h 10000"/>
                  <a:gd name="connsiteX178" fmla="*/ 896 w 10000"/>
                  <a:gd name="connsiteY178" fmla="*/ 8095 h 10000"/>
                  <a:gd name="connsiteX179" fmla="*/ 1162 w 10000"/>
                  <a:gd name="connsiteY179" fmla="*/ 8065 h 10000"/>
                  <a:gd name="connsiteX180" fmla="*/ 1646 w 10000"/>
                  <a:gd name="connsiteY180" fmla="*/ 8021 h 10000"/>
                  <a:gd name="connsiteX181" fmla="*/ 2131 w 10000"/>
                  <a:gd name="connsiteY181" fmla="*/ 7976 h 10000"/>
                  <a:gd name="connsiteX182" fmla="*/ 2349 w 10000"/>
                  <a:gd name="connsiteY182" fmla="*/ 7947 h 10000"/>
                  <a:gd name="connsiteX183" fmla="*/ 2567 w 10000"/>
                  <a:gd name="connsiteY183" fmla="*/ 7917 h 10000"/>
                  <a:gd name="connsiteX184" fmla="*/ 2760 w 10000"/>
                  <a:gd name="connsiteY184" fmla="*/ 7843 h 10000"/>
                  <a:gd name="connsiteX185" fmla="*/ 2954 w 10000"/>
                  <a:gd name="connsiteY185" fmla="*/ 7784 h 10000"/>
                  <a:gd name="connsiteX186" fmla="*/ 3123 w 10000"/>
                  <a:gd name="connsiteY186" fmla="*/ 7710 h 10000"/>
                  <a:gd name="connsiteX187" fmla="*/ 3269 w 10000"/>
                  <a:gd name="connsiteY187" fmla="*/ 7592 h 10000"/>
                  <a:gd name="connsiteX188" fmla="*/ 3414 w 10000"/>
                  <a:gd name="connsiteY188" fmla="*/ 7474 h 10000"/>
                  <a:gd name="connsiteX189" fmla="*/ 3511 w 10000"/>
                  <a:gd name="connsiteY189" fmla="*/ 7312 h 10000"/>
                  <a:gd name="connsiteX190" fmla="*/ 3317 w 10000"/>
                  <a:gd name="connsiteY190" fmla="*/ 7238 h 10000"/>
                  <a:gd name="connsiteX191" fmla="*/ 3148 w 10000"/>
                  <a:gd name="connsiteY191" fmla="*/ 7179 h 10000"/>
                  <a:gd name="connsiteX192" fmla="*/ 3002 w 10000"/>
                  <a:gd name="connsiteY192" fmla="*/ 7090 h 10000"/>
                  <a:gd name="connsiteX193" fmla="*/ 2857 w 10000"/>
                  <a:gd name="connsiteY193" fmla="*/ 6987 h 10000"/>
                  <a:gd name="connsiteX194" fmla="*/ 2760 w 10000"/>
                  <a:gd name="connsiteY194" fmla="*/ 6869 h 10000"/>
                  <a:gd name="connsiteX195" fmla="*/ 2712 w 10000"/>
                  <a:gd name="connsiteY195" fmla="*/ 6721 h 10000"/>
                  <a:gd name="connsiteX196" fmla="*/ 2688 w 10000"/>
                  <a:gd name="connsiteY196" fmla="*/ 6558 h 10000"/>
                  <a:gd name="connsiteX197" fmla="*/ 2712 w 10000"/>
                  <a:gd name="connsiteY197" fmla="*/ 6352 h 10000"/>
                  <a:gd name="connsiteX198" fmla="*/ 2591 w 10000"/>
                  <a:gd name="connsiteY198" fmla="*/ 6322 h 10000"/>
                  <a:gd name="connsiteX199" fmla="*/ 2446 w 10000"/>
                  <a:gd name="connsiteY199" fmla="*/ 6292 h 10000"/>
                  <a:gd name="connsiteX200" fmla="*/ 2276 w 10000"/>
                  <a:gd name="connsiteY200" fmla="*/ 6278 h 10000"/>
                  <a:gd name="connsiteX201" fmla="*/ 2107 w 10000"/>
                  <a:gd name="connsiteY201" fmla="*/ 6263 h 10000"/>
                  <a:gd name="connsiteX202" fmla="*/ 1768 w 10000"/>
                  <a:gd name="connsiteY202" fmla="*/ 6248 h 10000"/>
                  <a:gd name="connsiteX203" fmla="*/ 1404 w 10000"/>
                  <a:gd name="connsiteY203" fmla="*/ 6263 h 10000"/>
                  <a:gd name="connsiteX204" fmla="*/ 1090 w 10000"/>
                  <a:gd name="connsiteY204" fmla="*/ 6278 h 10000"/>
                  <a:gd name="connsiteX205" fmla="*/ 799 w 10000"/>
                  <a:gd name="connsiteY205" fmla="*/ 6278 h 10000"/>
                  <a:gd name="connsiteX206" fmla="*/ 557 w 10000"/>
                  <a:gd name="connsiteY206" fmla="*/ 6263 h 10000"/>
                  <a:gd name="connsiteX207" fmla="*/ 363 w 10000"/>
                  <a:gd name="connsiteY207" fmla="*/ 6233 h 10000"/>
                  <a:gd name="connsiteX208" fmla="*/ 605 w 10000"/>
                  <a:gd name="connsiteY208" fmla="*/ 5805 h 10000"/>
                  <a:gd name="connsiteX209" fmla="*/ 872 w 10000"/>
                  <a:gd name="connsiteY209" fmla="*/ 5391 h 10000"/>
                  <a:gd name="connsiteX210" fmla="*/ 969 w 10000"/>
                  <a:gd name="connsiteY210" fmla="*/ 5170 h 10000"/>
                  <a:gd name="connsiteX211" fmla="*/ 1041 w 10000"/>
                  <a:gd name="connsiteY211" fmla="*/ 4963 h 10000"/>
                  <a:gd name="connsiteX212" fmla="*/ 1065 w 10000"/>
                  <a:gd name="connsiteY212" fmla="*/ 4860 h 10000"/>
                  <a:gd name="connsiteX213" fmla="*/ 1041 w 10000"/>
                  <a:gd name="connsiteY213" fmla="*/ 4756 h 10000"/>
                  <a:gd name="connsiteX214" fmla="*/ 1017 w 10000"/>
                  <a:gd name="connsiteY214" fmla="*/ 4653 h 10000"/>
                  <a:gd name="connsiteX215" fmla="*/ 944 w 10000"/>
                  <a:gd name="connsiteY215" fmla="*/ 4549 h 10000"/>
                  <a:gd name="connsiteX216" fmla="*/ 1211 w 10000"/>
                  <a:gd name="connsiteY216" fmla="*/ 4520 h 10000"/>
                  <a:gd name="connsiteX217" fmla="*/ 1404 w 10000"/>
                  <a:gd name="connsiteY217" fmla="*/ 4505 h 10000"/>
                  <a:gd name="connsiteX218" fmla="*/ 1574 w 10000"/>
                  <a:gd name="connsiteY218" fmla="*/ 4505 h 10000"/>
                  <a:gd name="connsiteX219" fmla="*/ 1719 w 10000"/>
                  <a:gd name="connsiteY219" fmla="*/ 4520 h 10000"/>
                  <a:gd name="connsiteX220" fmla="*/ 1840 w 10000"/>
                  <a:gd name="connsiteY220" fmla="*/ 4520 h 10000"/>
                  <a:gd name="connsiteX221" fmla="*/ 1985 w 10000"/>
                  <a:gd name="connsiteY221" fmla="*/ 4520 h 10000"/>
                  <a:gd name="connsiteX222" fmla="*/ 2131 w 10000"/>
                  <a:gd name="connsiteY222" fmla="*/ 4490 h 10000"/>
                  <a:gd name="connsiteX223" fmla="*/ 2324 w 10000"/>
                  <a:gd name="connsiteY223" fmla="*/ 4446 h 10000"/>
                  <a:gd name="connsiteX224" fmla="*/ 2324 w 10000"/>
                  <a:gd name="connsiteY224" fmla="*/ 4579 h 10000"/>
                  <a:gd name="connsiteX225" fmla="*/ 2324 w 10000"/>
                  <a:gd name="connsiteY225" fmla="*/ 4742 h 10000"/>
                  <a:gd name="connsiteX226" fmla="*/ 2324 w 10000"/>
                  <a:gd name="connsiteY226" fmla="*/ 4874 h 10000"/>
                  <a:gd name="connsiteX227" fmla="*/ 2324 w 10000"/>
                  <a:gd name="connsiteY227" fmla="*/ 5037 h 10000"/>
                  <a:gd name="connsiteX228" fmla="*/ 2542 w 10000"/>
                  <a:gd name="connsiteY228" fmla="*/ 5022 h 10000"/>
                  <a:gd name="connsiteX229" fmla="*/ 2688 w 10000"/>
                  <a:gd name="connsiteY229" fmla="*/ 5037 h 10000"/>
                  <a:gd name="connsiteX230" fmla="*/ 2809 w 10000"/>
                  <a:gd name="connsiteY230" fmla="*/ 5066 h 10000"/>
                  <a:gd name="connsiteX231" fmla="*/ 2930 w 10000"/>
                  <a:gd name="connsiteY231" fmla="*/ 5096 h 10000"/>
                  <a:gd name="connsiteX232" fmla="*/ 3027 w 10000"/>
                  <a:gd name="connsiteY232" fmla="*/ 5126 h 10000"/>
                  <a:gd name="connsiteX233" fmla="*/ 3148 w 10000"/>
                  <a:gd name="connsiteY233" fmla="*/ 5155 h 10000"/>
                  <a:gd name="connsiteX234" fmla="*/ 3293 w 10000"/>
                  <a:gd name="connsiteY234" fmla="*/ 5170 h 10000"/>
                  <a:gd name="connsiteX235" fmla="*/ 3511 w 10000"/>
                  <a:gd name="connsiteY235" fmla="*/ 5155 h 10000"/>
                  <a:gd name="connsiteX236" fmla="*/ 3584 w 10000"/>
                  <a:gd name="connsiteY236" fmla="*/ 5096 h 10000"/>
                  <a:gd name="connsiteX237" fmla="*/ 3656 w 10000"/>
                  <a:gd name="connsiteY237" fmla="*/ 5022 h 10000"/>
                  <a:gd name="connsiteX238" fmla="*/ 3680 w 10000"/>
                  <a:gd name="connsiteY238" fmla="*/ 4934 h 10000"/>
                  <a:gd name="connsiteX239" fmla="*/ 3705 w 10000"/>
                  <a:gd name="connsiteY239" fmla="*/ 4860 h 10000"/>
                  <a:gd name="connsiteX240" fmla="*/ 3729 w 10000"/>
                  <a:gd name="connsiteY240" fmla="*/ 4697 h 10000"/>
                  <a:gd name="connsiteX241" fmla="*/ 3705 w 10000"/>
                  <a:gd name="connsiteY241" fmla="*/ 4520 h 10000"/>
                  <a:gd name="connsiteX242" fmla="*/ 3632 w 10000"/>
                  <a:gd name="connsiteY242" fmla="*/ 4343 h 10000"/>
                  <a:gd name="connsiteX243" fmla="*/ 3559 w 10000"/>
                  <a:gd name="connsiteY243" fmla="*/ 4195 h 10000"/>
                  <a:gd name="connsiteX244" fmla="*/ 3438 w 10000"/>
                  <a:gd name="connsiteY244" fmla="*/ 4047 h 10000"/>
                  <a:gd name="connsiteX245" fmla="*/ 3317 w 10000"/>
                  <a:gd name="connsiteY245" fmla="*/ 3959 h 10000"/>
                  <a:gd name="connsiteX246" fmla="*/ 3462 w 10000"/>
                  <a:gd name="connsiteY246" fmla="*/ 3944 h 10000"/>
                  <a:gd name="connsiteX247" fmla="*/ 3584 w 10000"/>
                  <a:gd name="connsiteY247" fmla="*/ 3914 h 10000"/>
                  <a:gd name="connsiteX248" fmla="*/ 3680 w 10000"/>
                  <a:gd name="connsiteY248" fmla="*/ 3855 h 10000"/>
                  <a:gd name="connsiteX249" fmla="*/ 3801 w 10000"/>
                  <a:gd name="connsiteY249" fmla="*/ 3752 h 10000"/>
                  <a:gd name="connsiteX250" fmla="*/ 3923 w 10000"/>
                  <a:gd name="connsiteY250" fmla="*/ 3663 h 10000"/>
                  <a:gd name="connsiteX251" fmla="*/ 4019 w 10000"/>
                  <a:gd name="connsiteY251" fmla="*/ 3560 h 10000"/>
                  <a:gd name="connsiteX252" fmla="*/ 4092 w 10000"/>
                  <a:gd name="connsiteY252" fmla="*/ 3442 h 10000"/>
                  <a:gd name="connsiteX253" fmla="*/ 4165 w 10000"/>
                  <a:gd name="connsiteY253" fmla="*/ 3323 h 10000"/>
                  <a:gd name="connsiteX254" fmla="*/ 4213 w 10000"/>
                  <a:gd name="connsiteY254" fmla="*/ 3220 h 10000"/>
                  <a:gd name="connsiteX255" fmla="*/ 4237 w 10000"/>
                  <a:gd name="connsiteY255" fmla="*/ 3102 h 10000"/>
                  <a:gd name="connsiteX256" fmla="*/ 4262 w 10000"/>
                  <a:gd name="connsiteY256" fmla="*/ 3013 h 10000"/>
                  <a:gd name="connsiteX257" fmla="*/ 4237 w 10000"/>
                  <a:gd name="connsiteY257" fmla="*/ 2939 h 10000"/>
                  <a:gd name="connsiteX258" fmla="*/ 4213 w 10000"/>
                  <a:gd name="connsiteY258" fmla="*/ 2866 h 10000"/>
                  <a:gd name="connsiteX259" fmla="*/ 4140 w 10000"/>
                  <a:gd name="connsiteY259" fmla="*/ 2836 h 10000"/>
                  <a:gd name="connsiteX260" fmla="*/ 4044 w 10000"/>
                  <a:gd name="connsiteY260" fmla="*/ 2836 h 10000"/>
                  <a:gd name="connsiteX261" fmla="*/ 3923 w 10000"/>
                  <a:gd name="connsiteY261" fmla="*/ 2866 h 10000"/>
                  <a:gd name="connsiteX262" fmla="*/ 4019 w 10000"/>
                  <a:gd name="connsiteY262" fmla="*/ 2777 h 10000"/>
                  <a:gd name="connsiteX263" fmla="*/ 4068 w 10000"/>
                  <a:gd name="connsiteY263" fmla="*/ 2674 h 10000"/>
                  <a:gd name="connsiteX264" fmla="*/ 4092 w 10000"/>
                  <a:gd name="connsiteY264" fmla="*/ 2541 h 10000"/>
                  <a:gd name="connsiteX265" fmla="*/ 4092 w 10000"/>
                  <a:gd name="connsiteY265" fmla="*/ 2393 h 10000"/>
                  <a:gd name="connsiteX266" fmla="*/ 4116 w 10000"/>
                  <a:gd name="connsiteY266" fmla="*/ 2349 h 10000"/>
                  <a:gd name="connsiteX267" fmla="*/ 4165 w 10000"/>
                  <a:gd name="connsiteY267" fmla="*/ 2304 h 10000"/>
                  <a:gd name="connsiteX268" fmla="*/ 4213 w 10000"/>
                  <a:gd name="connsiteY268" fmla="*/ 2290 h 10000"/>
                  <a:gd name="connsiteX269" fmla="*/ 4286 w 10000"/>
                  <a:gd name="connsiteY269" fmla="*/ 2275 h 10000"/>
                  <a:gd name="connsiteX270" fmla="*/ 4504 w 10000"/>
                  <a:gd name="connsiteY270" fmla="*/ 2260 h 10000"/>
                  <a:gd name="connsiteX271" fmla="*/ 4697 w 10000"/>
                  <a:gd name="connsiteY271" fmla="*/ 2275 h 10000"/>
                  <a:gd name="connsiteX272" fmla="*/ 4673 w 10000"/>
                  <a:gd name="connsiteY272" fmla="*/ 2112 h 10000"/>
                  <a:gd name="connsiteX273" fmla="*/ 4625 w 10000"/>
                  <a:gd name="connsiteY273" fmla="*/ 1950 h 10000"/>
                  <a:gd name="connsiteX274" fmla="*/ 4552 w 10000"/>
                  <a:gd name="connsiteY274" fmla="*/ 1802 h 10000"/>
                  <a:gd name="connsiteX275" fmla="*/ 4455 w 10000"/>
                  <a:gd name="connsiteY275" fmla="*/ 1640 h 10000"/>
                  <a:gd name="connsiteX276" fmla="*/ 4213 w 10000"/>
                  <a:gd name="connsiteY276" fmla="*/ 1329 h 10000"/>
                  <a:gd name="connsiteX277" fmla="*/ 3971 w 10000"/>
                  <a:gd name="connsiteY277" fmla="*/ 1034 h 10000"/>
                  <a:gd name="connsiteX278" fmla="*/ 3850 w 10000"/>
                  <a:gd name="connsiteY278" fmla="*/ 901 h 10000"/>
                  <a:gd name="connsiteX279" fmla="*/ 3753 w 10000"/>
                  <a:gd name="connsiteY279" fmla="*/ 753 h 10000"/>
                  <a:gd name="connsiteX280" fmla="*/ 3680 w 10000"/>
                  <a:gd name="connsiteY280" fmla="*/ 620 h 10000"/>
                  <a:gd name="connsiteX281" fmla="*/ 3656 w 10000"/>
                  <a:gd name="connsiteY281" fmla="*/ 487 h 10000"/>
                  <a:gd name="connsiteX282" fmla="*/ 3632 w 10000"/>
                  <a:gd name="connsiteY282" fmla="*/ 355 h 10000"/>
                  <a:gd name="connsiteX283" fmla="*/ 3680 w 10000"/>
                  <a:gd name="connsiteY283" fmla="*/ 222 h 10000"/>
                  <a:gd name="connsiteX284" fmla="*/ 3705 w 10000"/>
                  <a:gd name="connsiteY284" fmla="*/ 162 h 10000"/>
                  <a:gd name="connsiteX285" fmla="*/ 3753 w 10000"/>
                  <a:gd name="connsiteY285" fmla="*/ 103 h 10000"/>
                  <a:gd name="connsiteX286" fmla="*/ 3826 w 10000"/>
                  <a:gd name="connsiteY286" fmla="*/ 59 h 10000"/>
                  <a:gd name="connsiteX287" fmla="*/ 3923 w 10000"/>
                  <a:gd name="connsiteY287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9952 w 10000"/>
                  <a:gd name="connsiteY57" fmla="*/ 2954 h 10000"/>
                  <a:gd name="connsiteX58" fmla="*/ 6852 w 10000"/>
                  <a:gd name="connsiteY58" fmla="*/ 4313 h 10000"/>
                  <a:gd name="connsiteX59" fmla="*/ 6852 w 10000"/>
                  <a:gd name="connsiteY59" fmla="*/ 4431 h 10000"/>
                  <a:gd name="connsiteX60" fmla="*/ 6852 w 10000"/>
                  <a:gd name="connsiteY60" fmla="*/ 4549 h 10000"/>
                  <a:gd name="connsiteX61" fmla="*/ 6804 w 10000"/>
                  <a:gd name="connsiteY61" fmla="*/ 4564 h 10000"/>
                  <a:gd name="connsiteX62" fmla="*/ 6731 w 10000"/>
                  <a:gd name="connsiteY62" fmla="*/ 4594 h 10000"/>
                  <a:gd name="connsiteX63" fmla="*/ 6683 w 10000"/>
                  <a:gd name="connsiteY63" fmla="*/ 4638 h 10000"/>
                  <a:gd name="connsiteX64" fmla="*/ 6683 w 10000"/>
                  <a:gd name="connsiteY64" fmla="*/ 4697 h 10000"/>
                  <a:gd name="connsiteX65" fmla="*/ 6659 w 10000"/>
                  <a:gd name="connsiteY65" fmla="*/ 4801 h 10000"/>
                  <a:gd name="connsiteX66" fmla="*/ 6659 w 10000"/>
                  <a:gd name="connsiteY66" fmla="*/ 4904 h 10000"/>
                  <a:gd name="connsiteX67" fmla="*/ 6538 w 10000"/>
                  <a:gd name="connsiteY67" fmla="*/ 4860 h 10000"/>
                  <a:gd name="connsiteX68" fmla="*/ 6465 w 10000"/>
                  <a:gd name="connsiteY68" fmla="*/ 4801 h 10000"/>
                  <a:gd name="connsiteX69" fmla="*/ 6392 w 10000"/>
                  <a:gd name="connsiteY69" fmla="*/ 4727 h 10000"/>
                  <a:gd name="connsiteX70" fmla="*/ 6320 w 10000"/>
                  <a:gd name="connsiteY70" fmla="*/ 4638 h 10000"/>
                  <a:gd name="connsiteX71" fmla="*/ 6199 w 10000"/>
                  <a:gd name="connsiteY71" fmla="*/ 4476 h 10000"/>
                  <a:gd name="connsiteX72" fmla="*/ 6077 w 10000"/>
                  <a:gd name="connsiteY72" fmla="*/ 4313 h 10000"/>
                  <a:gd name="connsiteX73" fmla="*/ 6223 w 10000"/>
                  <a:gd name="connsiteY73" fmla="*/ 4210 h 10000"/>
                  <a:gd name="connsiteX74" fmla="*/ 6416 w 10000"/>
                  <a:gd name="connsiteY74" fmla="*/ 4121 h 10000"/>
                  <a:gd name="connsiteX75" fmla="*/ 6634 w 10000"/>
                  <a:gd name="connsiteY75" fmla="*/ 4032 h 10000"/>
                  <a:gd name="connsiteX76" fmla="*/ 6877 w 10000"/>
                  <a:gd name="connsiteY76" fmla="*/ 3959 h 10000"/>
                  <a:gd name="connsiteX77" fmla="*/ 7385 w 10000"/>
                  <a:gd name="connsiteY77" fmla="*/ 3811 h 10000"/>
                  <a:gd name="connsiteX78" fmla="*/ 7893 w 10000"/>
                  <a:gd name="connsiteY78" fmla="*/ 3663 h 10000"/>
                  <a:gd name="connsiteX79" fmla="*/ 8136 w 10000"/>
                  <a:gd name="connsiteY79" fmla="*/ 3589 h 10000"/>
                  <a:gd name="connsiteX80" fmla="*/ 8378 w 10000"/>
                  <a:gd name="connsiteY80" fmla="*/ 3516 h 10000"/>
                  <a:gd name="connsiteX81" fmla="*/ 8571 w 10000"/>
                  <a:gd name="connsiteY81" fmla="*/ 3412 h 10000"/>
                  <a:gd name="connsiteX82" fmla="*/ 8765 w 10000"/>
                  <a:gd name="connsiteY82" fmla="*/ 3338 h 10000"/>
                  <a:gd name="connsiteX83" fmla="*/ 8886 w 10000"/>
                  <a:gd name="connsiteY83" fmla="*/ 3235 h 10000"/>
                  <a:gd name="connsiteX84" fmla="*/ 8983 w 10000"/>
                  <a:gd name="connsiteY84" fmla="*/ 3117 h 10000"/>
                  <a:gd name="connsiteX85" fmla="*/ 9007 w 10000"/>
                  <a:gd name="connsiteY85" fmla="*/ 3072 h 10000"/>
                  <a:gd name="connsiteX86" fmla="*/ 9031 w 10000"/>
                  <a:gd name="connsiteY86" fmla="*/ 3013 h 10000"/>
                  <a:gd name="connsiteX87" fmla="*/ 9031 w 10000"/>
                  <a:gd name="connsiteY87" fmla="*/ 2954 h 10000"/>
                  <a:gd name="connsiteX88" fmla="*/ 9007 w 10000"/>
                  <a:gd name="connsiteY88" fmla="*/ 2866 h 10000"/>
                  <a:gd name="connsiteX89" fmla="*/ 8838 w 10000"/>
                  <a:gd name="connsiteY89" fmla="*/ 2984 h 10000"/>
                  <a:gd name="connsiteX90" fmla="*/ 8644 w 10000"/>
                  <a:gd name="connsiteY90" fmla="*/ 3072 h 10000"/>
                  <a:gd name="connsiteX91" fmla="*/ 8450 w 10000"/>
                  <a:gd name="connsiteY91" fmla="*/ 3161 h 10000"/>
                  <a:gd name="connsiteX92" fmla="*/ 8257 w 10000"/>
                  <a:gd name="connsiteY92" fmla="*/ 3250 h 10000"/>
                  <a:gd name="connsiteX93" fmla="*/ 7821 w 10000"/>
                  <a:gd name="connsiteY93" fmla="*/ 3397 h 10000"/>
                  <a:gd name="connsiteX94" fmla="*/ 7361 w 10000"/>
                  <a:gd name="connsiteY94" fmla="*/ 3545 h 10000"/>
                  <a:gd name="connsiteX95" fmla="*/ 6901 w 10000"/>
                  <a:gd name="connsiteY95" fmla="*/ 3678 h 10000"/>
                  <a:gd name="connsiteX96" fmla="*/ 6465 w 10000"/>
                  <a:gd name="connsiteY96" fmla="*/ 3840 h 10000"/>
                  <a:gd name="connsiteX97" fmla="*/ 6247 w 10000"/>
                  <a:gd name="connsiteY97" fmla="*/ 3914 h 10000"/>
                  <a:gd name="connsiteX98" fmla="*/ 6053 w 10000"/>
                  <a:gd name="connsiteY98" fmla="*/ 4003 h 10000"/>
                  <a:gd name="connsiteX99" fmla="*/ 5860 w 10000"/>
                  <a:gd name="connsiteY99" fmla="*/ 4106 h 10000"/>
                  <a:gd name="connsiteX100" fmla="*/ 5666 w 10000"/>
                  <a:gd name="connsiteY100" fmla="*/ 4195 h 10000"/>
                  <a:gd name="connsiteX101" fmla="*/ 5811 w 10000"/>
                  <a:gd name="connsiteY101" fmla="*/ 4417 h 10000"/>
                  <a:gd name="connsiteX102" fmla="*/ 5908 w 10000"/>
                  <a:gd name="connsiteY102" fmla="*/ 4623 h 10000"/>
                  <a:gd name="connsiteX103" fmla="*/ 6005 w 10000"/>
                  <a:gd name="connsiteY103" fmla="*/ 4845 h 10000"/>
                  <a:gd name="connsiteX104" fmla="*/ 6077 w 10000"/>
                  <a:gd name="connsiteY104" fmla="*/ 5081 h 10000"/>
                  <a:gd name="connsiteX105" fmla="*/ 6126 w 10000"/>
                  <a:gd name="connsiteY105" fmla="*/ 5318 h 10000"/>
                  <a:gd name="connsiteX106" fmla="*/ 6150 w 10000"/>
                  <a:gd name="connsiteY106" fmla="*/ 5539 h 10000"/>
                  <a:gd name="connsiteX107" fmla="*/ 6174 w 10000"/>
                  <a:gd name="connsiteY107" fmla="*/ 5775 h 10000"/>
                  <a:gd name="connsiteX108" fmla="*/ 6174 w 10000"/>
                  <a:gd name="connsiteY108" fmla="*/ 5997 h 10000"/>
                  <a:gd name="connsiteX109" fmla="*/ 6150 w 10000"/>
                  <a:gd name="connsiteY109" fmla="*/ 6233 h 10000"/>
                  <a:gd name="connsiteX110" fmla="*/ 6102 w 10000"/>
                  <a:gd name="connsiteY110" fmla="*/ 6470 h 10000"/>
                  <a:gd name="connsiteX111" fmla="*/ 6053 w 10000"/>
                  <a:gd name="connsiteY111" fmla="*/ 6677 h 10000"/>
                  <a:gd name="connsiteX112" fmla="*/ 5981 w 10000"/>
                  <a:gd name="connsiteY112" fmla="*/ 6898 h 10000"/>
                  <a:gd name="connsiteX113" fmla="*/ 5884 w 10000"/>
                  <a:gd name="connsiteY113" fmla="*/ 7105 h 10000"/>
                  <a:gd name="connsiteX114" fmla="*/ 5763 w 10000"/>
                  <a:gd name="connsiteY114" fmla="*/ 7297 h 10000"/>
                  <a:gd name="connsiteX115" fmla="*/ 5617 w 10000"/>
                  <a:gd name="connsiteY115" fmla="*/ 7489 h 10000"/>
                  <a:gd name="connsiteX116" fmla="*/ 5472 w 10000"/>
                  <a:gd name="connsiteY116" fmla="*/ 7681 h 10000"/>
                  <a:gd name="connsiteX117" fmla="*/ 6174 w 10000"/>
                  <a:gd name="connsiteY117" fmla="*/ 7799 h 10000"/>
                  <a:gd name="connsiteX118" fmla="*/ 6901 w 10000"/>
                  <a:gd name="connsiteY118" fmla="*/ 7962 h 10000"/>
                  <a:gd name="connsiteX119" fmla="*/ 7046 w 10000"/>
                  <a:gd name="connsiteY119" fmla="*/ 8021 h 10000"/>
                  <a:gd name="connsiteX120" fmla="*/ 7167 w 10000"/>
                  <a:gd name="connsiteY120" fmla="*/ 8080 h 10000"/>
                  <a:gd name="connsiteX121" fmla="*/ 7288 w 10000"/>
                  <a:gd name="connsiteY121" fmla="*/ 8139 h 10000"/>
                  <a:gd name="connsiteX122" fmla="*/ 7361 w 10000"/>
                  <a:gd name="connsiteY122" fmla="*/ 8227 h 10000"/>
                  <a:gd name="connsiteX123" fmla="*/ 7385 w 10000"/>
                  <a:gd name="connsiteY123" fmla="*/ 8301 h 10000"/>
                  <a:gd name="connsiteX124" fmla="*/ 7385 w 10000"/>
                  <a:gd name="connsiteY124" fmla="*/ 8405 h 10000"/>
                  <a:gd name="connsiteX125" fmla="*/ 7337 w 10000"/>
                  <a:gd name="connsiteY125" fmla="*/ 8523 h 10000"/>
                  <a:gd name="connsiteX126" fmla="*/ 7264 w 10000"/>
                  <a:gd name="connsiteY126" fmla="*/ 8641 h 10000"/>
                  <a:gd name="connsiteX127" fmla="*/ 6949 w 10000"/>
                  <a:gd name="connsiteY127" fmla="*/ 8552 h 10000"/>
                  <a:gd name="connsiteX128" fmla="*/ 6659 w 10000"/>
                  <a:gd name="connsiteY128" fmla="*/ 8449 h 10000"/>
                  <a:gd name="connsiteX129" fmla="*/ 6368 w 10000"/>
                  <a:gd name="connsiteY129" fmla="*/ 8360 h 10000"/>
                  <a:gd name="connsiteX130" fmla="*/ 6077 w 10000"/>
                  <a:gd name="connsiteY130" fmla="*/ 8287 h 10000"/>
                  <a:gd name="connsiteX131" fmla="*/ 5956 w 10000"/>
                  <a:gd name="connsiteY131" fmla="*/ 8449 h 10000"/>
                  <a:gd name="connsiteX132" fmla="*/ 5860 w 10000"/>
                  <a:gd name="connsiteY132" fmla="*/ 8597 h 10000"/>
                  <a:gd name="connsiteX133" fmla="*/ 5811 w 10000"/>
                  <a:gd name="connsiteY133" fmla="*/ 8656 h 10000"/>
                  <a:gd name="connsiteX134" fmla="*/ 5714 w 10000"/>
                  <a:gd name="connsiteY134" fmla="*/ 8700 h 10000"/>
                  <a:gd name="connsiteX135" fmla="*/ 5642 w 10000"/>
                  <a:gd name="connsiteY135" fmla="*/ 8744 h 10000"/>
                  <a:gd name="connsiteX136" fmla="*/ 5569 w 10000"/>
                  <a:gd name="connsiteY136" fmla="*/ 8774 h 10000"/>
                  <a:gd name="connsiteX137" fmla="*/ 5496 w 10000"/>
                  <a:gd name="connsiteY137" fmla="*/ 8804 h 10000"/>
                  <a:gd name="connsiteX138" fmla="*/ 5400 w 10000"/>
                  <a:gd name="connsiteY138" fmla="*/ 8818 h 10000"/>
                  <a:gd name="connsiteX139" fmla="*/ 5278 w 10000"/>
                  <a:gd name="connsiteY139" fmla="*/ 8833 h 10000"/>
                  <a:gd name="connsiteX140" fmla="*/ 5157 w 10000"/>
                  <a:gd name="connsiteY140" fmla="*/ 8833 h 10000"/>
                  <a:gd name="connsiteX141" fmla="*/ 4867 w 10000"/>
                  <a:gd name="connsiteY141" fmla="*/ 8818 h 10000"/>
                  <a:gd name="connsiteX142" fmla="*/ 4504 w 10000"/>
                  <a:gd name="connsiteY142" fmla="*/ 8744 h 10000"/>
                  <a:gd name="connsiteX143" fmla="*/ 4504 w 10000"/>
                  <a:gd name="connsiteY143" fmla="*/ 8922 h 10000"/>
                  <a:gd name="connsiteX144" fmla="*/ 4479 w 10000"/>
                  <a:gd name="connsiteY144" fmla="*/ 9069 h 10000"/>
                  <a:gd name="connsiteX145" fmla="*/ 4455 w 10000"/>
                  <a:gd name="connsiteY145" fmla="*/ 9232 h 10000"/>
                  <a:gd name="connsiteX146" fmla="*/ 4431 w 10000"/>
                  <a:gd name="connsiteY146" fmla="*/ 9365 h 10000"/>
                  <a:gd name="connsiteX147" fmla="*/ 4383 w 10000"/>
                  <a:gd name="connsiteY147" fmla="*/ 9498 h 10000"/>
                  <a:gd name="connsiteX148" fmla="*/ 4286 w 10000"/>
                  <a:gd name="connsiteY148" fmla="*/ 9616 h 10000"/>
                  <a:gd name="connsiteX149" fmla="*/ 4213 w 10000"/>
                  <a:gd name="connsiteY149" fmla="*/ 9734 h 10000"/>
                  <a:gd name="connsiteX150" fmla="*/ 4092 w 10000"/>
                  <a:gd name="connsiteY150" fmla="*/ 9838 h 10000"/>
                  <a:gd name="connsiteX151" fmla="*/ 3801 w 10000"/>
                  <a:gd name="connsiteY151" fmla="*/ 9897 h 10000"/>
                  <a:gd name="connsiteX152" fmla="*/ 3559 w 10000"/>
                  <a:gd name="connsiteY152" fmla="*/ 9941 h 10000"/>
                  <a:gd name="connsiteX153" fmla="*/ 3269 w 10000"/>
                  <a:gd name="connsiteY153" fmla="*/ 9985 h 10000"/>
                  <a:gd name="connsiteX154" fmla="*/ 3051 w 10000"/>
                  <a:gd name="connsiteY154" fmla="*/ 10000 h 10000"/>
                  <a:gd name="connsiteX155" fmla="*/ 2567 w 10000"/>
                  <a:gd name="connsiteY155" fmla="*/ 10000 h 10000"/>
                  <a:gd name="connsiteX156" fmla="*/ 2107 w 10000"/>
                  <a:gd name="connsiteY156" fmla="*/ 9985 h 10000"/>
                  <a:gd name="connsiteX157" fmla="*/ 1671 w 10000"/>
                  <a:gd name="connsiteY157" fmla="*/ 9941 h 10000"/>
                  <a:gd name="connsiteX158" fmla="*/ 1211 w 10000"/>
                  <a:gd name="connsiteY158" fmla="*/ 9911 h 10000"/>
                  <a:gd name="connsiteX159" fmla="*/ 944 w 10000"/>
                  <a:gd name="connsiteY159" fmla="*/ 9911 h 10000"/>
                  <a:gd name="connsiteX160" fmla="*/ 702 w 10000"/>
                  <a:gd name="connsiteY160" fmla="*/ 9911 h 10000"/>
                  <a:gd name="connsiteX161" fmla="*/ 436 w 10000"/>
                  <a:gd name="connsiteY161" fmla="*/ 9926 h 10000"/>
                  <a:gd name="connsiteX162" fmla="*/ 169 w 10000"/>
                  <a:gd name="connsiteY162" fmla="*/ 9970 h 10000"/>
                  <a:gd name="connsiteX163" fmla="*/ 97 w 10000"/>
                  <a:gd name="connsiteY163" fmla="*/ 9867 h 10000"/>
                  <a:gd name="connsiteX164" fmla="*/ 48 w 10000"/>
                  <a:gd name="connsiteY164" fmla="*/ 9793 h 10000"/>
                  <a:gd name="connsiteX165" fmla="*/ 0 w 10000"/>
                  <a:gd name="connsiteY165" fmla="*/ 9705 h 10000"/>
                  <a:gd name="connsiteX166" fmla="*/ 0 w 10000"/>
                  <a:gd name="connsiteY166" fmla="*/ 9601 h 10000"/>
                  <a:gd name="connsiteX167" fmla="*/ 48 w 10000"/>
                  <a:gd name="connsiteY167" fmla="*/ 9424 h 10000"/>
                  <a:gd name="connsiteX168" fmla="*/ 97 w 10000"/>
                  <a:gd name="connsiteY168" fmla="*/ 9202 h 10000"/>
                  <a:gd name="connsiteX169" fmla="*/ 145 w 10000"/>
                  <a:gd name="connsiteY169" fmla="*/ 8996 h 10000"/>
                  <a:gd name="connsiteX170" fmla="*/ 194 w 10000"/>
                  <a:gd name="connsiteY170" fmla="*/ 8759 h 10000"/>
                  <a:gd name="connsiteX171" fmla="*/ 218 w 10000"/>
                  <a:gd name="connsiteY171" fmla="*/ 8641 h 10000"/>
                  <a:gd name="connsiteX172" fmla="*/ 218 w 10000"/>
                  <a:gd name="connsiteY172" fmla="*/ 8538 h 10000"/>
                  <a:gd name="connsiteX173" fmla="*/ 194 w 10000"/>
                  <a:gd name="connsiteY173" fmla="*/ 8405 h 10000"/>
                  <a:gd name="connsiteX174" fmla="*/ 169 w 10000"/>
                  <a:gd name="connsiteY174" fmla="*/ 8287 h 10000"/>
                  <a:gd name="connsiteX175" fmla="*/ 412 w 10000"/>
                  <a:gd name="connsiteY175" fmla="*/ 8213 h 10000"/>
                  <a:gd name="connsiteX176" fmla="*/ 654 w 10000"/>
                  <a:gd name="connsiteY176" fmla="*/ 8139 h 10000"/>
                  <a:gd name="connsiteX177" fmla="*/ 896 w 10000"/>
                  <a:gd name="connsiteY177" fmla="*/ 8095 h 10000"/>
                  <a:gd name="connsiteX178" fmla="*/ 1162 w 10000"/>
                  <a:gd name="connsiteY178" fmla="*/ 8065 h 10000"/>
                  <a:gd name="connsiteX179" fmla="*/ 1646 w 10000"/>
                  <a:gd name="connsiteY179" fmla="*/ 8021 h 10000"/>
                  <a:gd name="connsiteX180" fmla="*/ 2131 w 10000"/>
                  <a:gd name="connsiteY180" fmla="*/ 7976 h 10000"/>
                  <a:gd name="connsiteX181" fmla="*/ 2349 w 10000"/>
                  <a:gd name="connsiteY181" fmla="*/ 7947 h 10000"/>
                  <a:gd name="connsiteX182" fmla="*/ 2567 w 10000"/>
                  <a:gd name="connsiteY182" fmla="*/ 7917 h 10000"/>
                  <a:gd name="connsiteX183" fmla="*/ 2760 w 10000"/>
                  <a:gd name="connsiteY183" fmla="*/ 7843 h 10000"/>
                  <a:gd name="connsiteX184" fmla="*/ 2954 w 10000"/>
                  <a:gd name="connsiteY184" fmla="*/ 7784 h 10000"/>
                  <a:gd name="connsiteX185" fmla="*/ 3123 w 10000"/>
                  <a:gd name="connsiteY185" fmla="*/ 7710 h 10000"/>
                  <a:gd name="connsiteX186" fmla="*/ 3269 w 10000"/>
                  <a:gd name="connsiteY186" fmla="*/ 7592 h 10000"/>
                  <a:gd name="connsiteX187" fmla="*/ 3414 w 10000"/>
                  <a:gd name="connsiteY187" fmla="*/ 7474 h 10000"/>
                  <a:gd name="connsiteX188" fmla="*/ 3511 w 10000"/>
                  <a:gd name="connsiteY188" fmla="*/ 7312 h 10000"/>
                  <a:gd name="connsiteX189" fmla="*/ 3317 w 10000"/>
                  <a:gd name="connsiteY189" fmla="*/ 7238 h 10000"/>
                  <a:gd name="connsiteX190" fmla="*/ 3148 w 10000"/>
                  <a:gd name="connsiteY190" fmla="*/ 7179 h 10000"/>
                  <a:gd name="connsiteX191" fmla="*/ 3002 w 10000"/>
                  <a:gd name="connsiteY191" fmla="*/ 7090 h 10000"/>
                  <a:gd name="connsiteX192" fmla="*/ 2857 w 10000"/>
                  <a:gd name="connsiteY192" fmla="*/ 6987 h 10000"/>
                  <a:gd name="connsiteX193" fmla="*/ 2760 w 10000"/>
                  <a:gd name="connsiteY193" fmla="*/ 6869 h 10000"/>
                  <a:gd name="connsiteX194" fmla="*/ 2712 w 10000"/>
                  <a:gd name="connsiteY194" fmla="*/ 6721 h 10000"/>
                  <a:gd name="connsiteX195" fmla="*/ 2688 w 10000"/>
                  <a:gd name="connsiteY195" fmla="*/ 6558 h 10000"/>
                  <a:gd name="connsiteX196" fmla="*/ 2712 w 10000"/>
                  <a:gd name="connsiteY196" fmla="*/ 6352 h 10000"/>
                  <a:gd name="connsiteX197" fmla="*/ 2591 w 10000"/>
                  <a:gd name="connsiteY197" fmla="*/ 6322 h 10000"/>
                  <a:gd name="connsiteX198" fmla="*/ 2446 w 10000"/>
                  <a:gd name="connsiteY198" fmla="*/ 6292 h 10000"/>
                  <a:gd name="connsiteX199" fmla="*/ 2276 w 10000"/>
                  <a:gd name="connsiteY199" fmla="*/ 6278 h 10000"/>
                  <a:gd name="connsiteX200" fmla="*/ 2107 w 10000"/>
                  <a:gd name="connsiteY200" fmla="*/ 6263 h 10000"/>
                  <a:gd name="connsiteX201" fmla="*/ 1768 w 10000"/>
                  <a:gd name="connsiteY201" fmla="*/ 6248 h 10000"/>
                  <a:gd name="connsiteX202" fmla="*/ 1404 w 10000"/>
                  <a:gd name="connsiteY202" fmla="*/ 6263 h 10000"/>
                  <a:gd name="connsiteX203" fmla="*/ 1090 w 10000"/>
                  <a:gd name="connsiteY203" fmla="*/ 6278 h 10000"/>
                  <a:gd name="connsiteX204" fmla="*/ 799 w 10000"/>
                  <a:gd name="connsiteY204" fmla="*/ 6278 h 10000"/>
                  <a:gd name="connsiteX205" fmla="*/ 557 w 10000"/>
                  <a:gd name="connsiteY205" fmla="*/ 6263 h 10000"/>
                  <a:gd name="connsiteX206" fmla="*/ 363 w 10000"/>
                  <a:gd name="connsiteY206" fmla="*/ 6233 h 10000"/>
                  <a:gd name="connsiteX207" fmla="*/ 605 w 10000"/>
                  <a:gd name="connsiteY207" fmla="*/ 5805 h 10000"/>
                  <a:gd name="connsiteX208" fmla="*/ 872 w 10000"/>
                  <a:gd name="connsiteY208" fmla="*/ 5391 h 10000"/>
                  <a:gd name="connsiteX209" fmla="*/ 969 w 10000"/>
                  <a:gd name="connsiteY209" fmla="*/ 5170 h 10000"/>
                  <a:gd name="connsiteX210" fmla="*/ 1041 w 10000"/>
                  <a:gd name="connsiteY210" fmla="*/ 4963 h 10000"/>
                  <a:gd name="connsiteX211" fmla="*/ 1065 w 10000"/>
                  <a:gd name="connsiteY211" fmla="*/ 4860 h 10000"/>
                  <a:gd name="connsiteX212" fmla="*/ 1041 w 10000"/>
                  <a:gd name="connsiteY212" fmla="*/ 4756 h 10000"/>
                  <a:gd name="connsiteX213" fmla="*/ 1017 w 10000"/>
                  <a:gd name="connsiteY213" fmla="*/ 4653 h 10000"/>
                  <a:gd name="connsiteX214" fmla="*/ 944 w 10000"/>
                  <a:gd name="connsiteY214" fmla="*/ 4549 h 10000"/>
                  <a:gd name="connsiteX215" fmla="*/ 1211 w 10000"/>
                  <a:gd name="connsiteY215" fmla="*/ 4520 h 10000"/>
                  <a:gd name="connsiteX216" fmla="*/ 1404 w 10000"/>
                  <a:gd name="connsiteY216" fmla="*/ 4505 h 10000"/>
                  <a:gd name="connsiteX217" fmla="*/ 1574 w 10000"/>
                  <a:gd name="connsiteY217" fmla="*/ 4505 h 10000"/>
                  <a:gd name="connsiteX218" fmla="*/ 1719 w 10000"/>
                  <a:gd name="connsiteY218" fmla="*/ 4520 h 10000"/>
                  <a:gd name="connsiteX219" fmla="*/ 1840 w 10000"/>
                  <a:gd name="connsiteY219" fmla="*/ 4520 h 10000"/>
                  <a:gd name="connsiteX220" fmla="*/ 1985 w 10000"/>
                  <a:gd name="connsiteY220" fmla="*/ 4520 h 10000"/>
                  <a:gd name="connsiteX221" fmla="*/ 2131 w 10000"/>
                  <a:gd name="connsiteY221" fmla="*/ 4490 h 10000"/>
                  <a:gd name="connsiteX222" fmla="*/ 2324 w 10000"/>
                  <a:gd name="connsiteY222" fmla="*/ 4446 h 10000"/>
                  <a:gd name="connsiteX223" fmla="*/ 2324 w 10000"/>
                  <a:gd name="connsiteY223" fmla="*/ 4579 h 10000"/>
                  <a:gd name="connsiteX224" fmla="*/ 2324 w 10000"/>
                  <a:gd name="connsiteY224" fmla="*/ 4742 h 10000"/>
                  <a:gd name="connsiteX225" fmla="*/ 2324 w 10000"/>
                  <a:gd name="connsiteY225" fmla="*/ 4874 h 10000"/>
                  <a:gd name="connsiteX226" fmla="*/ 2324 w 10000"/>
                  <a:gd name="connsiteY226" fmla="*/ 5037 h 10000"/>
                  <a:gd name="connsiteX227" fmla="*/ 2542 w 10000"/>
                  <a:gd name="connsiteY227" fmla="*/ 5022 h 10000"/>
                  <a:gd name="connsiteX228" fmla="*/ 2688 w 10000"/>
                  <a:gd name="connsiteY228" fmla="*/ 5037 h 10000"/>
                  <a:gd name="connsiteX229" fmla="*/ 2809 w 10000"/>
                  <a:gd name="connsiteY229" fmla="*/ 5066 h 10000"/>
                  <a:gd name="connsiteX230" fmla="*/ 2930 w 10000"/>
                  <a:gd name="connsiteY230" fmla="*/ 5096 h 10000"/>
                  <a:gd name="connsiteX231" fmla="*/ 3027 w 10000"/>
                  <a:gd name="connsiteY231" fmla="*/ 5126 h 10000"/>
                  <a:gd name="connsiteX232" fmla="*/ 3148 w 10000"/>
                  <a:gd name="connsiteY232" fmla="*/ 5155 h 10000"/>
                  <a:gd name="connsiteX233" fmla="*/ 3293 w 10000"/>
                  <a:gd name="connsiteY233" fmla="*/ 5170 h 10000"/>
                  <a:gd name="connsiteX234" fmla="*/ 3511 w 10000"/>
                  <a:gd name="connsiteY234" fmla="*/ 5155 h 10000"/>
                  <a:gd name="connsiteX235" fmla="*/ 3584 w 10000"/>
                  <a:gd name="connsiteY235" fmla="*/ 5096 h 10000"/>
                  <a:gd name="connsiteX236" fmla="*/ 3656 w 10000"/>
                  <a:gd name="connsiteY236" fmla="*/ 5022 h 10000"/>
                  <a:gd name="connsiteX237" fmla="*/ 3680 w 10000"/>
                  <a:gd name="connsiteY237" fmla="*/ 4934 h 10000"/>
                  <a:gd name="connsiteX238" fmla="*/ 3705 w 10000"/>
                  <a:gd name="connsiteY238" fmla="*/ 4860 h 10000"/>
                  <a:gd name="connsiteX239" fmla="*/ 3729 w 10000"/>
                  <a:gd name="connsiteY239" fmla="*/ 4697 h 10000"/>
                  <a:gd name="connsiteX240" fmla="*/ 3705 w 10000"/>
                  <a:gd name="connsiteY240" fmla="*/ 4520 h 10000"/>
                  <a:gd name="connsiteX241" fmla="*/ 3632 w 10000"/>
                  <a:gd name="connsiteY241" fmla="*/ 4343 h 10000"/>
                  <a:gd name="connsiteX242" fmla="*/ 3559 w 10000"/>
                  <a:gd name="connsiteY242" fmla="*/ 4195 h 10000"/>
                  <a:gd name="connsiteX243" fmla="*/ 3438 w 10000"/>
                  <a:gd name="connsiteY243" fmla="*/ 4047 h 10000"/>
                  <a:gd name="connsiteX244" fmla="*/ 3317 w 10000"/>
                  <a:gd name="connsiteY244" fmla="*/ 3959 h 10000"/>
                  <a:gd name="connsiteX245" fmla="*/ 3462 w 10000"/>
                  <a:gd name="connsiteY245" fmla="*/ 3944 h 10000"/>
                  <a:gd name="connsiteX246" fmla="*/ 3584 w 10000"/>
                  <a:gd name="connsiteY246" fmla="*/ 3914 h 10000"/>
                  <a:gd name="connsiteX247" fmla="*/ 3680 w 10000"/>
                  <a:gd name="connsiteY247" fmla="*/ 3855 h 10000"/>
                  <a:gd name="connsiteX248" fmla="*/ 3801 w 10000"/>
                  <a:gd name="connsiteY248" fmla="*/ 3752 h 10000"/>
                  <a:gd name="connsiteX249" fmla="*/ 3923 w 10000"/>
                  <a:gd name="connsiteY249" fmla="*/ 3663 h 10000"/>
                  <a:gd name="connsiteX250" fmla="*/ 4019 w 10000"/>
                  <a:gd name="connsiteY250" fmla="*/ 3560 h 10000"/>
                  <a:gd name="connsiteX251" fmla="*/ 4092 w 10000"/>
                  <a:gd name="connsiteY251" fmla="*/ 3442 h 10000"/>
                  <a:gd name="connsiteX252" fmla="*/ 4165 w 10000"/>
                  <a:gd name="connsiteY252" fmla="*/ 3323 h 10000"/>
                  <a:gd name="connsiteX253" fmla="*/ 4213 w 10000"/>
                  <a:gd name="connsiteY253" fmla="*/ 3220 h 10000"/>
                  <a:gd name="connsiteX254" fmla="*/ 4237 w 10000"/>
                  <a:gd name="connsiteY254" fmla="*/ 3102 h 10000"/>
                  <a:gd name="connsiteX255" fmla="*/ 4262 w 10000"/>
                  <a:gd name="connsiteY255" fmla="*/ 3013 h 10000"/>
                  <a:gd name="connsiteX256" fmla="*/ 4237 w 10000"/>
                  <a:gd name="connsiteY256" fmla="*/ 2939 h 10000"/>
                  <a:gd name="connsiteX257" fmla="*/ 4213 w 10000"/>
                  <a:gd name="connsiteY257" fmla="*/ 2866 h 10000"/>
                  <a:gd name="connsiteX258" fmla="*/ 4140 w 10000"/>
                  <a:gd name="connsiteY258" fmla="*/ 2836 h 10000"/>
                  <a:gd name="connsiteX259" fmla="*/ 4044 w 10000"/>
                  <a:gd name="connsiteY259" fmla="*/ 2836 h 10000"/>
                  <a:gd name="connsiteX260" fmla="*/ 3923 w 10000"/>
                  <a:gd name="connsiteY260" fmla="*/ 2866 h 10000"/>
                  <a:gd name="connsiteX261" fmla="*/ 4019 w 10000"/>
                  <a:gd name="connsiteY261" fmla="*/ 2777 h 10000"/>
                  <a:gd name="connsiteX262" fmla="*/ 4068 w 10000"/>
                  <a:gd name="connsiteY262" fmla="*/ 2674 h 10000"/>
                  <a:gd name="connsiteX263" fmla="*/ 4092 w 10000"/>
                  <a:gd name="connsiteY263" fmla="*/ 2541 h 10000"/>
                  <a:gd name="connsiteX264" fmla="*/ 4092 w 10000"/>
                  <a:gd name="connsiteY264" fmla="*/ 2393 h 10000"/>
                  <a:gd name="connsiteX265" fmla="*/ 4116 w 10000"/>
                  <a:gd name="connsiteY265" fmla="*/ 2349 h 10000"/>
                  <a:gd name="connsiteX266" fmla="*/ 4165 w 10000"/>
                  <a:gd name="connsiteY266" fmla="*/ 2304 h 10000"/>
                  <a:gd name="connsiteX267" fmla="*/ 4213 w 10000"/>
                  <a:gd name="connsiteY267" fmla="*/ 2290 h 10000"/>
                  <a:gd name="connsiteX268" fmla="*/ 4286 w 10000"/>
                  <a:gd name="connsiteY268" fmla="*/ 2275 h 10000"/>
                  <a:gd name="connsiteX269" fmla="*/ 4504 w 10000"/>
                  <a:gd name="connsiteY269" fmla="*/ 2260 h 10000"/>
                  <a:gd name="connsiteX270" fmla="*/ 4697 w 10000"/>
                  <a:gd name="connsiteY270" fmla="*/ 2275 h 10000"/>
                  <a:gd name="connsiteX271" fmla="*/ 4673 w 10000"/>
                  <a:gd name="connsiteY271" fmla="*/ 2112 h 10000"/>
                  <a:gd name="connsiteX272" fmla="*/ 4625 w 10000"/>
                  <a:gd name="connsiteY272" fmla="*/ 1950 h 10000"/>
                  <a:gd name="connsiteX273" fmla="*/ 4552 w 10000"/>
                  <a:gd name="connsiteY273" fmla="*/ 1802 h 10000"/>
                  <a:gd name="connsiteX274" fmla="*/ 4455 w 10000"/>
                  <a:gd name="connsiteY274" fmla="*/ 1640 h 10000"/>
                  <a:gd name="connsiteX275" fmla="*/ 4213 w 10000"/>
                  <a:gd name="connsiteY275" fmla="*/ 1329 h 10000"/>
                  <a:gd name="connsiteX276" fmla="*/ 3971 w 10000"/>
                  <a:gd name="connsiteY276" fmla="*/ 1034 h 10000"/>
                  <a:gd name="connsiteX277" fmla="*/ 3850 w 10000"/>
                  <a:gd name="connsiteY277" fmla="*/ 901 h 10000"/>
                  <a:gd name="connsiteX278" fmla="*/ 3753 w 10000"/>
                  <a:gd name="connsiteY278" fmla="*/ 753 h 10000"/>
                  <a:gd name="connsiteX279" fmla="*/ 3680 w 10000"/>
                  <a:gd name="connsiteY279" fmla="*/ 620 h 10000"/>
                  <a:gd name="connsiteX280" fmla="*/ 3656 w 10000"/>
                  <a:gd name="connsiteY280" fmla="*/ 487 h 10000"/>
                  <a:gd name="connsiteX281" fmla="*/ 3632 w 10000"/>
                  <a:gd name="connsiteY281" fmla="*/ 355 h 10000"/>
                  <a:gd name="connsiteX282" fmla="*/ 3680 w 10000"/>
                  <a:gd name="connsiteY282" fmla="*/ 222 h 10000"/>
                  <a:gd name="connsiteX283" fmla="*/ 3705 w 10000"/>
                  <a:gd name="connsiteY283" fmla="*/ 162 h 10000"/>
                  <a:gd name="connsiteX284" fmla="*/ 3753 w 10000"/>
                  <a:gd name="connsiteY284" fmla="*/ 103 h 10000"/>
                  <a:gd name="connsiteX285" fmla="*/ 3826 w 10000"/>
                  <a:gd name="connsiteY285" fmla="*/ 59 h 10000"/>
                  <a:gd name="connsiteX286" fmla="*/ 3923 w 10000"/>
                  <a:gd name="connsiteY286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10000 w 10000"/>
                  <a:gd name="connsiteY56" fmla="*/ 2747 h 10000"/>
                  <a:gd name="connsiteX57" fmla="*/ 6852 w 10000"/>
                  <a:gd name="connsiteY57" fmla="*/ 4313 h 10000"/>
                  <a:gd name="connsiteX58" fmla="*/ 6852 w 10000"/>
                  <a:gd name="connsiteY58" fmla="*/ 4431 h 10000"/>
                  <a:gd name="connsiteX59" fmla="*/ 6852 w 10000"/>
                  <a:gd name="connsiteY59" fmla="*/ 4549 h 10000"/>
                  <a:gd name="connsiteX60" fmla="*/ 6804 w 10000"/>
                  <a:gd name="connsiteY60" fmla="*/ 4564 h 10000"/>
                  <a:gd name="connsiteX61" fmla="*/ 6731 w 10000"/>
                  <a:gd name="connsiteY61" fmla="*/ 4594 h 10000"/>
                  <a:gd name="connsiteX62" fmla="*/ 6683 w 10000"/>
                  <a:gd name="connsiteY62" fmla="*/ 4638 h 10000"/>
                  <a:gd name="connsiteX63" fmla="*/ 6683 w 10000"/>
                  <a:gd name="connsiteY63" fmla="*/ 4697 h 10000"/>
                  <a:gd name="connsiteX64" fmla="*/ 6659 w 10000"/>
                  <a:gd name="connsiteY64" fmla="*/ 4801 h 10000"/>
                  <a:gd name="connsiteX65" fmla="*/ 6659 w 10000"/>
                  <a:gd name="connsiteY65" fmla="*/ 4904 h 10000"/>
                  <a:gd name="connsiteX66" fmla="*/ 6538 w 10000"/>
                  <a:gd name="connsiteY66" fmla="*/ 4860 h 10000"/>
                  <a:gd name="connsiteX67" fmla="*/ 6465 w 10000"/>
                  <a:gd name="connsiteY67" fmla="*/ 4801 h 10000"/>
                  <a:gd name="connsiteX68" fmla="*/ 6392 w 10000"/>
                  <a:gd name="connsiteY68" fmla="*/ 4727 h 10000"/>
                  <a:gd name="connsiteX69" fmla="*/ 6320 w 10000"/>
                  <a:gd name="connsiteY69" fmla="*/ 4638 h 10000"/>
                  <a:gd name="connsiteX70" fmla="*/ 6199 w 10000"/>
                  <a:gd name="connsiteY70" fmla="*/ 4476 h 10000"/>
                  <a:gd name="connsiteX71" fmla="*/ 6077 w 10000"/>
                  <a:gd name="connsiteY71" fmla="*/ 4313 h 10000"/>
                  <a:gd name="connsiteX72" fmla="*/ 6223 w 10000"/>
                  <a:gd name="connsiteY72" fmla="*/ 4210 h 10000"/>
                  <a:gd name="connsiteX73" fmla="*/ 6416 w 10000"/>
                  <a:gd name="connsiteY73" fmla="*/ 4121 h 10000"/>
                  <a:gd name="connsiteX74" fmla="*/ 6634 w 10000"/>
                  <a:gd name="connsiteY74" fmla="*/ 4032 h 10000"/>
                  <a:gd name="connsiteX75" fmla="*/ 6877 w 10000"/>
                  <a:gd name="connsiteY75" fmla="*/ 3959 h 10000"/>
                  <a:gd name="connsiteX76" fmla="*/ 7385 w 10000"/>
                  <a:gd name="connsiteY76" fmla="*/ 3811 h 10000"/>
                  <a:gd name="connsiteX77" fmla="*/ 7893 w 10000"/>
                  <a:gd name="connsiteY77" fmla="*/ 3663 h 10000"/>
                  <a:gd name="connsiteX78" fmla="*/ 8136 w 10000"/>
                  <a:gd name="connsiteY78" fmla="*/ 3589 h 10000"/>
                  <a:gd name="connsiteX79" fmla="*/ 8378 w 10000"/>
                  <a:gd name="connsiteY79" fmla="*/ 3516 h 10000"/>
                  <a:gd name="connsiteX80" fmla="*/ 8571 w 10000"/>
                  <a:gd name="connsiteY80" fmla="*/ 3412 h 10000"/>
                  <a:gd name="connsiteX81" fmla="*/ 8765 w 10000"/>
                  <a:gd name="connsiteY81" fmla="*/ 3338 h 10000"/>
                  <a:gd name="connsiteX82" fmla="*/ 8886 w 10000"/>
                  <a:gd name="connsiteY82" fmla="*/ 3235 h 10000"/>
                  <a:gd name="connsiteX83" fmla="*/ 8983 w 10000"/>
                  <a:gd name="connsiteY83" fmla="*/ 3117 h 10000"/>
                  <a:gd name="connsiteX84" fmla="*/ 9007 w 10000"/>
                  <a:gd name="connsiteY84" fmla="*/ 3072 h 10000"/>
                  <a:gd name="connsiteX85" fmla="*/ 9031 w 10000"/>
                  <a:gd name="connsiteY85" fmla="*/ 3013 h 10000"/>
                  <a:gd name="connsiteX86" fmla="*/ 9031 w 10000"/>
                  <a:gd name="connsiteY86" fmla="*/ 2954 h 10000"/>
                  <a:gd name="connsiteX87" fmla="*/ 9007 w 10000"/>
                  <a:gd name="connsiteY87" fmla="*/ 2866 h 10000"/>
                  <a:gd name="connsiteX88" fmla="*/ 8838 w 10000"/>
                  <a:gd name="connsiteY88" fmla="*/ 2984 h 10000"/>
                  <a:gd name="connsiteX89" fmla="*/ 8644 w 10000"/>
                  <a:gd name="connsiteY89" fmla="*/ 3072 h 10000"/>
                  <a:gd name="connsiteX90" fmla="*/ 8450 w 10000"/>
                  <a:gd name="connsiteY90" fmla="*/ 3161 h 10000"/>
                  <a:gd name="connsiteX91" fmla="*/ 8257 w 10000"/>
                  <a:gd name="connsiteY91" fmla="*/ 3250 h 10000"/>
                  <a:gd name="connsiteX92" fmla="*/ 7821 w 10000"/>
                  <a:gd name="connsiteY92" fmla="*/ 3397 h 10000"/>
                  <a:gd name="connsiteX93" fmla="*/ 7361 w 10000"/>
                  <a:gd name="connsiteY93" fmla="*/ 3545 h 10000"/>
                  <a:gd name="connsiteX94" fmla="*/ 6901 w 10000"/>
                  <a:gd name="connsiteY94" fmla="*/ 3678 h 10000"/>
                  <a:gd name="connsiteX95" fmla="*/ 6465 w 10000"/>
                  <a:gd name="connsiteY95" fmla="*/ 3840 h 10000"/>
                  <a:gd name="connsiteX96" fmla="*/ 6247 w 10000"/>
                  <a:gd name="connsiteY96" fmla="*/ 3914 h 10000"/>
                  <a:gd name="connsiteX97" fmla="*/ 6053 w 10000"/>
                  <a:gd name="connsiteY97" fmla="*/ 4003 h 10000"/>
                  <a:gd name="connsiteX98" fmla="*/ 5860 w 10000"/>
                  <a:gd name="connsiteY98" fmla="*/ 4106 h 10000"/>
                  <a:gd name="connsiteX99" fmla="*/ 5666 w 10000"/>
                  <a:gd name="connsiteY99" fmla="*/ 4195 h 10000"/>
                  <a:gd name="connsiteX100" fmla="*/ 5811 w 10000"/>
                  <a:gd name="connsiteY100" fmla="*/ 4417 h 10000"/>
                  <a:gd name="connsiteX101" fmla="*/ 5908 w 10000"/>
                  <a:gd name="connsiteY101" fmla="*/ 4623 h 10000"/>
                  <a:gd name="connsiteX102" fmla="*/ 6005 w 10000"/>
                  <a:gd name="connsiteY102" fmla="*/ 4845 h 10000"/>
                  <a:gd name="connsiteX103" fmla="*/ 6077 w 10000"/>
                  <a:gd name="connsiteY103" fmla="*/ 5081 h 10000"/>
                  <a:gd name="connsiteX104" fmla="*/ 6126 w 10000"/>
                  <a:gd name="connsiteY104" fmla="*/ 5318 h 10000"/>
                  <a:gd name="connsiteX105" fmla="*/ 6150 w 10000"/>
                  <a:gd name="connsiteY105" fmla="*/ 5539 h 10000"/>
                  <a:gd name="connsiteX106" fmla="*/ 6174 w 10000"/>
                  <a:gd name="connsiteY106" fmla="*/ 5775 h 10000"/>
                  <a:gd name="connsiteX107" fmla="*/ 6174 w 10000"/>
                  <a:gd name="connsiteY107" fmla="*/ 5997 h 10000"/>
                  <a:gd name="connsiteX108" fmla="*/ 6150 w 10000"/>
                  <a:gd name="connsiteY108" fmla="*/ 6233 h 10000"/>
                  <a:gd name="connsiteX109" fmla="*/ 6102 w 10000"/>
                  <a:gd name="connsiteY109" fmla="*/ 6470 h 10000"/>
                  <a:gd name="connsiteX110" fmla="*/ 6053 w 10000"/>
                  <a:gd name="connsiteY110" fmla="*/ 6677 h 10000"/>
                  <a:gd name="connsiteX111" fmla="*/ 5981 w 10000"/>
                  <a:gd name="connsiteY111" fmla="*/ 6898 h 10000"/>
                  <a:gd name="connsiteX112" fmla="*/ 5884 w 10000"/>
                  <a:gd name="connsiteY112" fmla="*/ 7105 h 10000"/>
                  <a:gd name="connsiteX113" fmla="*/ 5763 w 10000"/>
                  <a:gd name="connsiteY113" fmla="*/ 7297 h 10000"/>
                  <a:gd name="connsiteX114" fmla="*/ 5617 w 10000"/>
                  <a:gd name="connsiteY114" fmla="*/ 7489 h 10000"/>
                  <a:gd name="connsiteX115" fmla="*/ 5472 w 10000"/>
                  <a:gd name="connsiteY115" fmla="*/ 7681 h 10000"/>
                  <a:gd name="connsiteX116" fmla="*/ 6174 w 10000"/>
                  <a:gd name="connsiteY116" fmla="*/ 7799 h 10000"/>
                  <a:gd name="connsiteX117" fmla="*/ 6901 w 10000"/>
                  <a:gd name="connsiteY117" fmla="*/ 7962 h 10000"/>
                  <a:gd name="connsiteX118" fmla="*/ 7046 w 10000"/>
                  <a:gd name="connsiteY118" fmla="*/ 8021 h 10000"/>
                  <a:gd name="connsiteX119" fmla="*/ 7167 w 10000"/>
                  <a:gd name="connsiteY119" fmla="*/ 8080 h 10000"/>
                  <a:gd name="connsiteX120" fmla="*/ 7288 w 10000"/>
                  <a:gd name="connsiteY120" fmla="*/ 8139 h 10000"/>
                  <a:gd name="connsiteX121" fmla="*/ 7361 w 10000"/>
                  <a:gd name="connsiteY121" fmla="*/ 8227 h 10000"/>
                  <a:gd name="connsiteX122" fmla="*/ 7385 w 10000"/>
                  <a:gd name="connsiteY122" fmla="*/ 8301 h 10000"/>
                  <a:gd name="connsiteX123" fmla="*/ 7385 w 10000"/>
                  <a:gd name="connsiteY123" fmla="*/ 8405 h 10000"/>
                  <a:gd name="connsiteX124" fmla="*/ 7337 w 10000"/>
                  <a:gd name="connsiteY124" fmla="*/ 8523 h 10000"/>
                  <a:gd name="connsiteX125" fmla="*/ 7264 w 10000"/>
                  <a:gd name="connsiteY125" fmla="*/ 8641 h 10000"/>
                  <a:gd name="connsiteX126" fmla="*/ 6949 w 10000"/>
                  <a:gd name="connsiteY126" fmla="*/ 8552 h 10000"/>
                  <a:gd name="connsiteX127" fmla="*/ 6659 w 10000"/>
                  <a:gd name="connsiteY127" fmla="*/ 8449 h 10000"/>
                  <a:gd name="connsiteX128" fmla="*/ 6368 w 10000"/>
                  <a:gd name="connsiteY128" fmla="*/ 8360 h 10000"/>
                  <a:gd name="connsiteX129" fmla="*/ 6077 w 10000"/>
                  <a:gd name="connsiteY129" fmla="*/ 8287 h 10000"/>
                  <a:gd name="connsiteX130" fmla="*/ 5956 w 10000"/>
                  <a:gd name="connsiteY130" fmla="*/ 8449 h 10000"/>
                  <a:gd name="connsiteX131" fmla="*/ 5860 w 10000"/>
                  <a:gd name="connsiteY131" fmla="*/ 8597 h 10000"/>
                  <a:gd name="connsiteX132" fmla="*/ 5811 w 10000"/>
                  <a:gd name="connsiteY132" fmla="*/ 8656 h 10000"/>
                  <a:gd name="connsiteX133" fmla="*/ 5714 w 10000"/>
                  <a:gd name="connsiteY133" fmla="*/ 8700 h 10000"/>
                  <a:gd name="connsiteX134" fmla="*/ 5642 w 10000"/>
                  <a:gd name="connsiteY134" fmla="*/ 8744 h 10000"/>
                  <a:gd name="connsiteX135" fmla="*/ 5569 w 10000"/>
                  <a:gd name="connsiteY135" fmla="*/ 8774 h 10000"/>
                  <a:gd name="connsiteX136" fmla="*/ 5496 w 10000"/>
                  <a:gd name="connsiteY136" fmla="*/ 8804 h 10000"/>
                  <a:gd name="connsiteX137" fmla="*/ 5400 w 10000"/>
                  <a:gd name="connsiteY137" fmla="*/ 8818 h 10000"/>
                  <a:gd name="connsiteX138" fmla="*/ 5278 w 10000"/>
                  <a:gd name="connsiteY138" fmla="*/ 8833 h 10000"/>
                  <a:gd name="connsiteX139" fmla="*/ 5157 w 10000"/>
                  <a:gd name="connsiteY139" fmla="*/ 8833 h 10000"/>
                  <a:gd name="connsiteX140" fmla="*/ 4867 w 10000"/>
                  <a:gd name="connsiteY140" fmla="*/ 8818 h 10000"/>
                  <a:gd name="connsiteX141" fmla="*/ 4504 w 10000"/>
                  <a:gd name="connsiteY141" fmla="*/ 8744 h 10000"/>
                  <a:gd name="connsiteX142" fmla="*/ 4504 w 10000"/>
                  <a:gd name="connsiteY142" fmla="*/ 8922 h 10000"/>
                  <a:gd name="connsiteX143" fmla="*/ 4479 w 10000"/>
                  <a:gd name="connsiteY143" fmla="*/ 9069 h 10000"/>
                  <a:gd name="connsiteX144" fmla="*/ 4455 w 10000"/>
                  <a:gd name="connsiteY144" fmla="*/ 9232 h 10000"/>
                  <a:gd name="connsiteX145" fmla="*/ 4431 w 10000"/>
                  <a:gd name="connsiteY145" fmla="*/ 9365 h 10000"/>
                  <a:gd name="connsiteX146" fmla="*/ 4383 w 10000"/>
                  <a:gd name="connsiteY146" fmla="*/ 9498 h 10000"/>
                  <a:gd name="connsiteX147" fmla="*/ 4286 w 10000"/>
                  <a:gd name="connsiteY147" fmla="*/ 9616 h 10000"/>
                  <a:gd name="connsiteX148" fmla="*/ 4213 w 10000"/>
                  <a:gd name="connsiteY148" fmla="*/ 9734 h 10000"/>
                  <a:gd name="connsiteX149" fmla="*/ 4092 w 10000"/>
                  <a:gd name="connsiteY149" fmla="*/ 9838 h 10000"/>
                  <a:gd name="connsiteX150" fmla="*/ 3801 w 10000"/>
                  <a:gd name="connsiteY150" fmla="*/ 9897 h 10000"/>
                  <a:gd name="connsiteX151" fmla="*/ 3559 w 10000"/>
                  <a:gd name="connsiteY151" fmla="*/ 9941 h 10000"/>
                  <a:gd name="connsiteX152" fmla="*/ 3269 w 10000"/>
                  <a:gd name="connsiteY152" fmla="*/ 9985 h 10000"/>
                  <a:gd name="connsiteX153" fmla="*/ 3051 w 10000"/>
                  <a:gd name="connsiteY153" fmla="*/ 10000 h 10000"/>
                  <a:gd name="connsiteX154" fmla="*/ 2567 w 10000"/>
                  <a:gd name="connsiteY154" fmla="*/ 10000 h 10000"/>
                  <a:gd name="connsiteX155" fmla="*/ 2107 w 10000"/>
                  <a:gd name="connsiteY155" fmla="*/ 9985 h 10000"/>
                  <a:gd name="connsiteX156" fmla="*/ 1671 w 10000"/>
                  <a:gd name="connsiteY156" fmla="*/ 9941 h 10000"/>
                  <a:gd name="connsiteX157" fmla="*/ 1211 w 10000"/>
                  <a:gd name="connsiteY157" fmla="*/ 9911 h 10000"/>
                  <a:gd name="connsiteX158" fmla="*/ 944 w 10000"/>
                  <a:gd name="connsiteY158" fmla="*/ 9911 h 10000"/>
                  <a:gd name="connsiteX159" fmla="*/ 702 w 10000"/>
                  <a:gd name="connsiteY159" fmla="*/ 9911 h 10000"/>
                  <a:gd name="connsiteX160" fmla="*/ 436 w 10000"/>
                  <a:gd name="connsiteY160" fmla="*/ 9926 h 10000"/>
                  <a:gd name="connsiteX161" fmla="*/ 169 w 10000"/>
                  <a:gd name="connsiteY161" fmla="*/ 9970 h 10000"/>
                  <a:gd name="connsiteX162" fmla="*/ 97 w 10000"/>
                  <a:gd name="connsiteY162" fmla="*/ 9867 h 10000"/>
                  <a:gd name="connsiteX163" fmla="*/ 48 w 10000"/>
                  <a:gd name="connsiteY163" fmla="*/ 9793 h 10000"/>
                  <a:gd name="connsiteX164" fmla="*/ 0 w 10000"/>
                  <a:gd name="connsiteY164" fmla="*/ 9705 h 10000"/>
                  <a:gd name="connsiteX165" fmla="*/ 0 w 10000"/>
                  <a:gd name="connsiteY165" fmla="*/ 9601 h 10000"/>
                  <a:gd name="connsiteX166" fmla="*/ 48 w 10000"/>
                  <a:gd name="connsiteY166" fmla="*/ 9424 h 10000"/>
                  <a:gd name="connsiteX167" fmla="*/ 97 w 10000"/>
                  <a:gd name="connsiteY167" fmla="*/ 9202 h 10000"/>
                  <a:gd name="connsiteX168" fmla="*/ 145 w 10000"/>
                  <a:gd name="connsiteY168" fmla="*/ 8996 h 10000"/>
                  <a:gd name="connsiteX169" fmla="*/ 194 w 10000"/>
                  <a:gd name="connsiteY169" fmla="*/ 8759 h 10000"/>
                  <a:gd name="connsiteX170" fmla="*/ 218 w 10000"/>
                  <a:gd name="connsiteY170" fmla="*/ 8641 h 10000"/>
                  <a:gd name="connsiteX171" fmla="*/ 218 w 10000"/>
                  <a:gd name="connsiteY171" fmla="*/ 8538 h 10000"/>
                  <a:gd name="connsiteX172" fmla="*/ 194 w 10000"/>
                  <a:gd name="connsiteY172" fmla="*/ 8405 h 10000"/>
                  <a:gd name="connsiteX173" fmla="*/ 169 w 10000"/>
                  <a:gd name="connsiteY173" fmla="*/ 8287 h 10000"/>
                  <a:gd name="connsiteX174" fmla="*/ 412 w 10000"/>
                  <a:gd name="connsiteY174" fmla="*/ 8213 h 10000"/>
                  <a:gd name="connsiteX175" fmla="*/ 654 w 10000"/>
                  <a:gd name="connsiteY175" fmla="*/ 8139 h 10000"/>
                  <a:gd name="connsiteX176" fmla="*/ 896 w 10000"/>
                  <a:gd name="connsiteY176" fmla="*/ 8095 h 10000"/>
                  <a:gd name="connsiteX177" fmla="*/ 1162 w 10000"/>
                  <a:gd name="connsiteY177" fmla="*/ 8065 h 10000"/>
                  <a:gd name="connsiteX178" fmla="*/ 1646 w 10000"/>
                  <a:gd name="connsiteY178" fmla="*/ 8021 h 10000"/>
                  <a:gd name="connsiteX179" fmla="*/ 2131 w 10000"/>
                  <a:gd name="connsiteY179" fmla="*/ 7976 h 10000"/>
                  <a:gd name="connsiteX180" fmla="*/ 2349 w 10000"/>
                  <a:gd name="connsiteY180" fmla="*/ 7947 h 10000"/>
                  <a:gd name="connsiteX181" fmla="*/ 2567 w 10000"/>
                  <a:gd name="connsiteY181" fmla="*/ 7917 h 10000"/>
                  <a:gd name="connsiteX182" fmla="*/ 2760 w 10000"/>
                  <a:gd name="connsiteY182" fmla="*/ 7843 h 10000"/>
                  <a:gd name="connsiteX183" fmla="*/ 2954 w 10000"/>
                  <a:gd name="connsiteY183" fmla="*/ 7784 h 10000"/>
                  <a:gd name="connsiteX184" fmla="*/ 3123 w 10000"/>
                  <a:gd name="connsiteY184" fmla="*/ 7710 h 10000"/>
                  <a:gd name="connsiteX185" fmla="*/ 3269 w 10000"/>
                  <a:gd name="connsiteY185" fmla="*/ 7592 h 10000"/>
                  <a:gd name="connsiteX186" fmla="*/ 3414 w 10000"/>
                  <a:gd name="connsiteY186" fmla="*/ 7474 h 10000"/>
                  <a:gd name="connsiteX187" fmla="*/ 3511 w 10000"/>
                  <a:gd name="connsiteY187" fmla="*/ 7312 h 10000"/>
                  <a:gd name="connsiteX188" fmla="*/ 3317 w 10000"/>
                  <a:gd name="connsiteY188" fmla="*/ 7238 h 10000"/>
                  <a:gd name="connsiteX189" fmla="*/ 3148 w 10000"/>
                  <a:gd name="connsiteY189" fmla="*/ 7179 h 10000"/>
                  <a:gd name="connsiteX190" fmla="*/ 3002 w 10000"/>
                  <a:gd name="connsiteY190" fmla="*/ 7090 h 10000"/>
                  <a:gd name="connsiteX191" fmla="*/ 2857 w 10000"/>
                  <a:gd name="connsiteY191" fmla="*/ 6987 h 10000"/>
                  <a:gd name="connsiteX192" fmla="*/ 2760 w 10000"/>
                  <a:gd name="connsiteY192" fmla="*/ 6869 h 10000"/>
                  <a:gd name="connsiteX193" fmla="*/ 2712 w 10000"/>
                  <a:gd name="connsiteY193" fmla="*/ 6721 h 10000"/>
                  <a:gd name="connsiteX194" fmla="*/ 2688 w 10000"/>
                  <a:gd name="connsiteY194" fmla="*/ 6558 h 10000"/>
                  <a:gd name="connsiteX195" fmla="*/ 2712 w 10000"/>
                  <a:gd name="connsiteY195" fmla="*/ 6352 h 10000"/>
                  <a:gd name="connsiteX196" fmla="*/ 2591 w 10000"/>
                  <a:gd name="connsiteY196" fmla="*/ 6322 h 10000"/>
                  <a:gd name="connsiteX197" fmla="*/ 2446 w 10000"/>
                  <a:gd name="connsiteY197" fmla="*/ 6292 h 10000"/>
                  <a:gd name="connsiteX198" fmla="*/ 2276 w 10000"/>
                  <a:gd name="connsiteY198" fmla="*/ 6278 h 10000"/>
                  <a:gd name="connsiteX199" fmla="*/ 2107 w 10000"/>
                  <a:gd name="connsiteY199" fmla="*/ 6263 h 10000"/>
                  <a:gd name="connsiteX200" fmla="*/ 1768 w 10000"/>
                  <a:gd name="connsiteY200" fmla="*/ 6248 h 10000"/>
                  <a:gd name="connsiteX201" fmla="*/ 1404 w 10000"/>
                  <a:gd name="connsiteY201" fmla="*/ 6263 h 10000"/>
                  <a:gd name="connsiteX202" fmla="*/ 1090 w 10000"/>
                  <a:gd name="connsiteY202" fmla="*/ 6278 h 10000"/>
                  <a:gd name="connsiteX203" fmla="*/ 799 w 10000"/>
                  <a:gd name="connsiteY203" fmla="*/ 6278 h 10000"/>
                  <a:gd name="connsiteX204" fmla="*/ 557 w 10000"/>
                  <a:gd name="connsiteY204" fmla="*/ 6263 h 10000"/>
                  <a:gd name="connsiteX205" fmla="*/ 363 w 10000"/>
                  <a:gd name="connsiteY205" fmla="*/ 6233 h 10000"/>
                  <a:gd name="connsiteX206" fmla="*/ 605 w 10000"/>
                  <a:gd name="connsiteY206" fmla="*/ 5805 h 10000"/>
                  <a:gd name="connsiteX207" fmla="*/ 872 w 10000"/>
                  <a:gd name="connsiteY207" fmla="*/ 5391 h 10000"/>
                  <a:gd name="connsiteX208" fmla="*/ 969 w 10000"/>
                  <a:gd name="connsiteY208" fmla="*/ 5170 h 10000"/>
                  <a:gd name="connsiteX209" fmla="*/ 1041 w 10000"/>
                  <a:gd name="connsiteY209" fmla="*/ 4963 h 10000"/>
                  <a:gd name="connsiteX210" fmla="*/ 1065 w 10000"/>
                  <a:gd name="connsiteY210" fmla="*/ 4860 h 10000"/>
                  <a:gd name="connsiteX211" fmla="*/ 1041 w 10000"/>
                  <a:gd name="connsiteY211" fmla="*/ 4756 h 10000"/>
                  <a:gd name="connsiteX212" fmla="*/ 1017 w 10000"/>
                  <a:gd name="connsiteY212" fmla="*/ 4653 h 10000"/>
                  <a:gd name="connsiteX213" fmla="*/ 944 w 10000"/>
                  <a:gd name="connsiteY213" fmla="*/ 4549 h 10000"/>
                  <a:gd name="connsiteX214" fmla="*/ 1211 w 10000"/>
                  <a:gd name="connsiteY214" fmla="*/ 4520 h 10000"/>
                  <a:gd name="connsiteX215" fmla="*/ 1404 w 10000"/>
                  <a:gd name="connsiteY215" fmla="*/ 4505 h 10000"/>
                  <a:gd name="connsiteX216" fmla="*/ 1574 w 10000"/>
                  <a:gd name="connsiteY216" fmla="*/ 4505 h 10000"/>
                  <a:gd name="connsiteX217" fmla="*/ 1719 w 10000"/>
                  <a:gd name="connsiteY217" fmla="*/ 4520 h 10000"/>
                  <a:gd name="connsiteX218" fmla="*/ 1840 w 10000"/>
                  <a:gd name="connsiteY218" fmla="*/ 4520 h 10000"/>
                  <a:gd name="connsiteX219" fmla="*/ 1985 w 10000"/>
                  <a:gd name="connsiteY219" fmla="*/ 4520 h 10000"/>
                  <a:gd name="connsiteX220" fmla="*/ 2131 w 10000"/>
                  <a:gd name="connsiteY220" fmla="*/ 4490 h 10000"/>
                  <a:gd name="connsiteX221" fmla="*/ 2324 w 10000"/>
                  <a:gd name="connsiteY221" fmla="*/ 4446 h 10000"/>
                  <a:gd name="connsiteX222" fmla="*/ 2324 w 10000"/>
                  <a:gd name="connsiteY222" fmla="*/ 4579 h 10000"/>
                  <a:gd name="connsiteX223" fmla="*/ 2324 w 10000"/>
                  <a:gd name="connsiteY223" fmla="*/ 4742 h 10000"/>
                  <a:gd name="connsiteX224" fmla="*/ 2324 w 10000"/>
                  <a:gd name="connsiteY224" fmla="*/ 4874 h 10000"/>
                  <a:gd name="connsiteX225" fmla="*/ 2324 w 10000"/>
                  <a:gd name="connsiteY225" fmla="*/ 5037 h 10000"/>
                  <a:gd name="connsiteX226" fmla="*/ 2542 w 10000"/>
                  <a:gd name="connsiteY226" fmla="*/ 5022 h 10000"/>
                  <a:gd name="connsiteX227" fmla="*/ 2688 w 10000"/>
                  <a:gd name="connsiteY227" fmla="*/ 5037 h 10000"/>
                  <a:gd name="connsiteX228" fmla="*/ 2809 w 10000"/>
                  <a:gd name="connsiteY228" fmla="*/ 5066 h 10000"/>
                  <a:gd name="connsiteX229" fmla="*/ 2930 w 10000"/>
                  <a:gd name="connsiteY229" fmla="*/ 5096 h 10000"/>
                  <a:gd name="connsiteX230" fmla="*/ 3027 w 10000"/>
                  <a:gd name="connsiteY230" fmla="*/ 5126 h 10000"/>
                  <a:gd name="connsiteX231" fmla="*/ 3148 w 10000"/>
                  <a:gd name="connsiteY231" fmla="*/ 5155 h 10000"/>
                  <a:gd name="connsiteX232" fmla="*/ 3293 w 10000"/>
                  <a:gd name="connsiteY232" fmla="*/ 5170 h 10000"/>
                  <a:gd name="connsiteX233" fmla="*/ 3511 w 10000"/>
                  <a:gd name="connsiteY233" fmla="*/ 5155 h 10000"/>
                  <a:gd name="connsiteX234" fmla="*/ 3584 w 10000"/>
                  <a:gd name="connsiteY234" fmla="*/ 5096 h 10000"/>
                  <a:gd name="connsiteX235" fmla="*/ 3656 w 10000"/>
                  <a:gd name="connsiteY235" fmla="*/ 5022 h 10000"/>
                  <a:gd name="connsiteX236" fmla="*/ 3680 w 10000"/>
                  <a:gd name="connsiteY236" fmla="*/ 4934 h 10000"/>
                  <a:gd name="connsiteX237" fmla="*/ 3705 w 10000"/>
                  <a:gd name="connsiteY237" fmla="*/ 4860 h 10000"/>
                  <a:gd name="connsiteX238" fmla="*/ 3729 w 10000"/>
                  <a:gd name="connsiteY238" fmla="*/ 4697 h 10000"/>
                  <a:gd name="connsiteX239" fmla="*/ 3705 w 10000"/>
                  <a:gd name="connsiteY239" fmla="*/ 4520 h 10000"/>
                  <a:gd name="connsiteX240" fmla="*/ 3632 w 10000"/>
                  <a:gd name="connsiteY240" fmla="*/ 4343 h 10000"/>
                  <a:gd name="connsiteX241" fmla="*/ 3559 w 10000"/>
                  <a:gd name="connsiteY241" fmla="*/ 4195 h 10000"/>
                  <a:gd name="connsiteX242" fmla="*/ 3438 w 10000"/>
                  <a:gd name="connsiteY242" fmla="*/ 4047 h 10000"/>
                  <a:gd name="connsiteX243" fmla="*/ 3317 w 10000"/>
                  <a:gd name="connsiteY243" fmla="*/ 3959 h 10000"/>
                  <a:gd name="connsiteX244" fmla="*/ 3462 w 10000"/>
                  <a:gd name="connsiteY244" fmla="*/ 3944 h 10000"/>
                  <a:gd name="connsiteX245" fmla="*/ 3584 w 10000"/>
                  <a:gd name="connsiteY245" fmla="*/ 3914 h 10000"/>
                  <a:gd name="connsiteX246" fmla="*/ 3680 w 10000"/>
                  <a:gd name="connsiteY246" fmla="*/ 3855 h 10000"/>
                  <a:gd name="connsiteX247" fmla="*/ 3801 w 10000"/>
                  <a:gd name="connsiteY247" fmla="*/ 3752 h 10000"/>
                  <a:gd name="connsiteX248" fmla="*/ 3923 w 10000"/>
                  <a:gd name="connsiteY248" fmla="*/ 3663 h 10000"/>
                  <a:gd name="connsiteX249" fmla="*/ 4019 w 10000"/>
                  <a:gd name="connsiteY249" fmla="*/ 3560 h 10000"/>
                  <a:gd name="connsiteX250" fmla="*/ 4092 w 10000"/>
                  <a:gd name="connsiteY250" fmla="*/ 3442 h 10000"/>
                  <a:gd name="connsiteX251" fmla="*/ 4165 w 10000"/>
                  <a:gd name="connsiteY251" fmla="*/ 3323 h 10000"/>
                  <a:gd name="connsiteX252" fmla="*/ 4213 w 10000"/>
                  <a:gd name="connsiteY252" fmla="*/ 3220 h 10000"/>
                  <a:gd name="connsiteX253" fmla="*/ 4237 w 10000"/>
                  <a:gd name="connsiteY253" fmla="*/ 3102 h 10000"/>
                  <a:gd name="connsiteX254" fmla="*/ 4262 w 10000"/>
                  <a:gd name="connsiteY254" fmla="*/ 3013 h 10000"/>
                  <a:gd name="connsiteX255" fmla="*/ 4237 w 10000"/>
                  <a:gd name="connsiteY255" fmla="*/ 2939 h 10000"/>
                  <a:gd name="connsiteX256" fmla="*/ 4213 w 10000"/>
                  <a:gd name="connsiteY256" fmla="*/ 2866 h 10000"/>
                  <a:gd name="connsiteX257" fmla="*/ 4140 w 10000"/>
                  <a:gd name="connsiteY257" fmla="*/ 2836 h 10000"/>
                  <a:gd name="connsiteX258" fmla="*/ 4044 w 10000"/>
                  <a:gd name="connsiteY258" fmla="*/ 2836 h 10000"/>
                  <a:gd name="connsiteX259" fmla="*/ 3923 w 10000"/>
                  <a:gd name="connsiteY259" fmla="*/ 2866 h 10000"/>
                  <a:gd name="connsiteX260" fmla="*/ 4019 w 10000"/>
                  <a:gd name="connsiteY260" fmla="*/ 2777 h 10000"/>
                  <a:gd name="connsiteX261" fmla="*/ 4068 w 10000"/>
                  <a:gd name="connsiteY261" fmla="*/ 2674 h 10000"/>
                  <a:gd name="connsiteX262" fmla="*/ 4092 w 10000"/>
                  <a:gd name="connsiteY262" fmla="*/ 2541 h 10000"/>
                  <a:gd name="connsiteX263" fmla="*/ 4092 w 10000"/>
                  <a:gd name="connsiteY263" fmla="*/ 2393 h 10000"/>
                  <a:gd name="connsiteX264" fmla="*/ 4116 w 10000"/>
                  <a:gd name="connsiteY264" fmla="*/ 2349 h 10000"/>
                  <a:gd name="connsiteX265" fmla="*/ 4165 w 10000"/>
                  <a:gd name="connsiteY265" fmla="*/ 2304 h 10000"/>
                  <a:gd name="connsiteX266" fmla="*/ 4213 w 10000"/>
                  <a:gd name="connsiteY266" fmla="*/ 2290 h 10000"/>
                  <a:gd name="connsiteX267" fmla="*/ 4286 w 10000"/>
                  <a:gd name="connsiteY267" fmla="*/ 2275 h 10000"/>
                  <a:gd name="connsiteX268" fmla="*/ 4504 w 10000"/>
                  <a:gd name="connsiteY268" fmla="*/ 2260 h 10000"/>
                  <a:gd name="connsiteX269" fmla="*/ 4697 w 10000"/>
                  <a:gd name="connsiteY269" fmla="*/ 2275 h 10000"/>
                  <a:gd name="connsiteX270" fmla="*/ 4673 w 10000"/>
                  <a:gd name="connsiteY270" fmla="*/ 2112 h 10000"/>
                  <a:gd name="connsiteX271" fmla="*/ 4625 w 10000"/>
                  <a:gd name="connsiteY271" fmla="*/ 1950 h 10000"/>
                  <a:gd name="connsiteX272" fmla="*/ 4552 w 10000"/>
                  <a:gd name="connsiteY272" fmla="*/ 1802 h 10000"/>
                  <a:gd name="connsiteX273" fmla="*/ 4455 w 10000"/>
                  <a:gd name="connsiteY273" fmla="*/ 1640 h 10000"/>
                  <a:gd name="connsiteX274" fmla="*/ 4213 w 10000"/>
                  <a:gd name="connsiteY274" fmla="*/ 1329 h 10000"/>
                  <a:gd name="connsiteX275" fmla="*/ 3971 w 10000"/>
                  <a:gd name="connsiteY275" fmla="*/ 1034 h 10000"/>
                  <a:gd name="connsiteX276" fmla="*/ 3850 w 10000"/>
                  <a:gd name="connsiteY276" fmla="*/ 901 h 10000"/>
                  <a:gd name="connsiteX277" fmla="*/ 3753 w 10000"/>
                  <a:gd name="connsiteY277" fmla="*/ 753 h 10000"/>
                  <a:gd name="connsiteX278" fmla="*/ 3680 w 10000"/>
                  <a:gd name="connsiteY278" fmla="*/ 620 h 10000"/>
                  <a:gd name="connsiteX279" fmla="*/ 3656 w 10000"/>
                  <a:gd name="connsiteY279" fmla="*/ 487 h 10000"/>
                  <a:gd name="connsiteX280" fmla="*/ 3632 w 10000"/>
                  <a:gd name="connsiteY280" fmla="*/ 355 h 10000"/>
                  <a:gd name="connsiteX281" fmla="*/ 3680 w 10000"/>
                  <a:gd name="connsiteY281" fmla="*/ 222 h 10000"/>
                  <a:gd name="connsiteX282" fmla="*/ 3705 w 10000"/>
                  <a:gd name="connsiteY282" fmla="*/ 162 h 10000"/>
                  <a:gd name="connsiteX283" fmla="*/ 3753 w 10000"/>
                  <a:gd name="connsiteY283" fmla="*/ 103 h 10000"/>
                  <a:gd name="connsiteX284" fmla="*/ 3826 w 10000"/>
                  <a:gd name="connsiteY284" fmla="*/ 59 h 10000"/>
                  <a:gd name="connsiteX285" fmla="*/ 3923 w 10000"/>
                  <a:gd name="connsiteY285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10000 w 10000"/>
                  <a:gd name="connsiteY55" fmla="*/ 2644 h 10000"/>
                  <a:gd name="connsiteX56" fmla="*/ 6852 w 10000"/>
                  <a:gd name="connsiteY56" fmla="*/ 4313 h 10000"/>
                  <a:gd name="connsiteX57" fmla="*/ 6852 w 10000"/>
                  <a:gd name="connsiteY57" fmla="*/ 4431 h 10000"/>
                  <a:gd name="connsiteX58" fmla="*/ 6852 w 10000"/>
                  <a:gd name="connsiteY58" fmla="*/ 4549 h 10000"/>
                  <a:gd name="connsiteX59" fmla="*/ 6804 w 10000"/>
                  <a:gd name="connsiteY59" fmla="*/ 4564 h 10000"/>
                  <a:gd name="connsiteX60" fmla="*/ 6731 w 10000"/>
                  <a:gd name="connsiteY60" fmla="*/ 4594 h 10000"/>
                  <a:gd name="connsiteX61" fmla="*/ 6683 w 10000"/>
                  <a:gd name="connsiteY61" fmla="*/ 4638 h 10000"/>
                  <a:gd name="connsiteX62" fmla="*/ 6683 w 10000"/>
                  <a:gd name="connsiteY62" fmla="*/ 4697 h 10000"/>
                  <a:gd name="connsiteX63" fmla="*/ 6659 w 10000"/>
                  <a:gd name="connsiteY63" fmla="*/ 4801 h 10000"/>
                  <a:gd name="connsiteX64" fmla="*/ 6659 w 10000"/>
                  <a:gd name="connsiteY64" fmla="*/ 4904 h 10000"/>
                  <a:gd name="connsiteX65" fmla="*/ 6538 w 10000"/>
                  <a:gd name="connsiteY65" fmla="*/ 4860 h 10000"/>
                  <a:gd name="connsiteX66" fmla="*/ 6465 w 10000"/>
                  <a:gd name="connsiteY66" fmla="*/ 4801 h 10000"/>
                  <a:gd name="connsiteX67" fmla="*/ 6392 w 10000"/>
                  <a:gd name="connsiteY67" fmla="*/ 4727 h 10000"/>
                  <a:gd name="connsiteX68" fmla="*/ 6320 w 10000"/>
                  <a:gd name="connsiteY68" fmla="*/ 4638 h 10000"/>
                  <a:gd name="connsiteX69" fmla="*/ 6199 w 10000"/>
                  <a:gd name="connsiteY69" fmla="*/ 4476 h 10000"/>
                  <a:gd name="connsiteX70" fmla="*/ 6077 w 10000"/>
                  <a:gd name="connsiteY70" fmla="*/ 4313 h 10000"/>
                  <a:gd name="connsiteX71" fmla="*/ 6223 w 10000"/>
                  <a:gd name="connsiteY71" fmla="*/ 4210 h 10000"/>
                  <a:gd name="connsiteX72" fmla="*/ 6416 w 10000"/>
                  <a:gd name="connsiteY72" fmla="*/ 4121 h 10000"/>
                  <a:gd name="connsiteX73" fmla="*/ 6634 w 10000"/>
                  <a:gd name="connsiteY73" fmla="*/ 4032 h 10000"/>
                  <a:gd name="connsiteX74" fmla="*/ 6877 w 10000"/>
                  <a:gd name="connsiteY74" fmla="*/ 3959 h 10000"/>
                  <a:gd name="connsiteX75" fmla="*/ 7385 w 10000"/>
                  <a:gd name="connsiteY75" fmla="*/ 3811 h 10000"/>
                  <a:gd name="connsiteX76" fmla="*/ 7893 w 10000"/>
                  <a:gd name="connsiteY76" fmla="*/ 3663 h 10000"/>
                  <a:gd name="connsiteX77" fmla="*/ 8136 w 10000"/>
                  <a:gd name="connsiteY77" fmla="*/ 3589 h 10000"/>
                  <a:gd name="connsiteX78" fmla="*/ 8378 w 10000"/>
                  <a:gd name="connsiteY78" fmla="*/ 3516 h 10000"/>
                  <a:gd name="connsiteX79" fmla="*/ 8571 w 10000"/>
                  <a:gd name="connsiteY79" fmla="*/ 3412 h 10000"/>
                  <a:gd name="connsiteX80" fmla="*/ 8765 w 10000"/>
                  <a:gd name="connsiteY80" fmla="*/ 3338 h 10000"/>
                  <a:gd name="connsiteX81" fmla="*/ 8886 w 10000"/>
                  <a:gd name="connsiteY81" fmla="*/ 3235 h 10000"/>
                  <a:gd name="connsiteX82" fmla="*/ 8983 w 10000"/>
                  <a:gd name="connsiteY82" fmla="*/ 3117 h 10000"/>
                  <a:gd name="connsiteX83" fmla="*/ 9007 w 10000"/>
                  <a:gd name="connsiteY83" fmla="*/ 3072 h 10000"/>
                  <a:gd name="connsiteX84" fmla="*/ 9031 w 10000"/>
                  <a:gd name="connsiteY84" fmla="*/ 3013 h 10000"/>
                  <a:gd name="connsiteX85" fmla="*/ 9031 w 10000"/>
                  <a:gd name="connsiteY85" fmla="*/ 2954 h 10000"/>
                  <a:gd name="connsiteX86" fmla="*/ 9007 w 10000"/>
                  <a:gd name="connsiteY86" fmla="*/ 2866 h 10000"/>
                  <a:gd name="connsiteX87" fmla="*/ 8838 w 10000"/>
                  <a:gd name="connsiteY87" fmla="*/ 2984 h 10000"/>
                  <a:gd name="connsiteX88" fmla="*/ 8644 w 10000"/>
                  <a:gd name="connsiteY88" fmla="*/ 3072 h 10000"/>
                  <a:gd name="connsiteX89" fmla="*/ 8450 w 10000"/>
                  <a:gd name="connsiteY89" fmla="*/ 3161 h 10000"/>
                  <a:gd name="connsiteX90" fmla="*/ 8257 w 10000"/>
                  <a:gd name="connsiteY90" fmla="*/ 3250 h 10000"/>
                  <a:gd name="connsiteX91" fmla="*/ 7821 w 10000"/>
                  <a:gd name="connsiteY91" fmla="*/ 3397 h 10000"/>
                  <a:gd name="connsiteX92" fmla="*/ 7361 w 10000"/>
                  <a:gd name="connsiteY92" fmla="*/ 3545 h 10000"/>
                  <a:gd name="connsiteX93" fmla="*/ 6901 w 10000"/>
                  <a:gd name="connsiteY93" fmla="*/ 3678 h 10000"/>
                  <a:gd name="connsiteX94" fmla="*/ 6465 w 10000"/>
                  <a:gd name="connsiteY94" fmla="*/ 3840 h 10000"/>
                  <a:gd name="connsiteX95" fmla="*/ 6247 w 10000"/>
                  <a:gd name="connsiteY95" fmla="*/ 3914 h 10000"/>
                  <a:gd name="connsiteX96" fmla="*/ 6053 w 10000"/>
                  <a:gd name="connsiteY96" fmla="*/ 4003 h 10000"/>
                  <a:gd name="connsiteX97" fmla="*/ 5860 w 10000"/>
                  <a:gd name="connsiteY97" fmla="*/ 4106 h 10000"/>
                  <a:gd name="connsiteX98" fmla="*/ 5666 w 10000"/>
                  <a:gd name="connsiteY98" fmla="*/ 4195 h 10000"/>
                  <a:gd name="connsiteX99" fmla="*/ 5811 w 10000"/>
                  <a:gd name="connsiteY99" fmla="*/ 4417 h 10000"/>
                  <a:gd name="connsiteX100" fmla="*/ 5908 w 10000"/>
                  <a:gd name="connsiteY100" fmla="*/ 4623 h 10000"/>
                  <a:gd name="connsiteX101" fmla="*/ 6005 w 10000"/>
                  <a:gd name="connsiteY101" fmla="*/ 4845 h 10000"/>
                  <a:gd name="connsiteX102" fmla="*/ 6077 w 10000"/>
                  <a:gd name="connsiteY102" fmla="*/ 5081 h 10000"/>
                  <a:gd name="connsiteX103" fmla="*/ 6126 w 10000"/>
                  <a:gd name="connsiteY103" fmla="*/ 5318 h 10000"/>
                  <a:gd name="connsiteX104" fmla="*/ 6150 w 10000"/>
                  <a:gd name="connsiteY104" fmla="*/ 5539 h 10000"/>
                  <a:gd name="connsiteX105" fmla="*/ 6174 w 10000"/>
                  <a:gd name="connsiteY105" fmla="*/ 5775 h 10000"/>
                  <a:gd name="connsiteX106" fmla="*/ 6174 w 10000"/>
                  <a:gd name="connsiteY106" fmla="*/ 5997 h 10000"/>
                  <a:gd name="connsiteX107" fmla="*/ 6150 w 10000"/>
                  <a:gd name="connsiteY107" fmla="*/ 6233 h 10000"/>
                  <a:gd name="connsiteX108" fmla="*/ 6102 w 10000"/>
                  <a:gd name="connsiteY108" fmla="*/ 6470 h 10000"/>
                  <a:gd name="connsiteX109" fmla="*/ 6053 w 10000"/>
                  <a:gd name="connsiteY109" fmla="*/ 6677 h 10000"/>
                  <a:gd name="connsiteX110" fmla="*/ 5981 w 10000"/>
                  <a:gd name="connsiteY110" fmla="*/ 6898 h 10000"/>
                  <a:gd name="connsiteX111" fmla="*/ 5884 w 10000"/>
                  <a:gd name="connsiteY111" fmla="*/ 7105 h 10000"/>
                  <a:gd name="connsiteX112" fmla="*/ 5763 w 10000"/>
                  <a:gd name="connsiteY112" fmla="*/ 7297 h 10000"/>
                  <a:gd name="connsiteX113" fmla="*/ 5617 w 10000"/>
                  <a:gd name="connsiteY113" fmla="*/ 7489 h 10000"/>
                  <a:gd name="connsiteX114" fmla="*/ 5472 w 10000"/>
                  <a:gd name="connsiteY114" fmla="*/ 7681 h 10000"/>
                  <a:gd name="connsiteX115" fmla="*/ 6174 w 10000"/>
                  <a:gd name="connsiteY115" fmla="*/ 7799 h 10000"/>
                  <a:gd name="connsiteX116" fmla="*/ 6901 w 10000"/>
                  <a:gd name="connsiteY116" fmla="*/ 7962 h 10000"/>
                  <a:gd name="connsiteX117" fmla="*/ 7046 w 10000"/>
                  <a:gd name="connsiteY117" fmla="*/ 8021 h 10000"/>
                  <a:gd name="connsiteX118" fmla="*/ 7167 w 10000"/>
                  <a:gd name="connsiteY118" fmla="*/ 8080 h 10000"/>
                  <a:gd name="connsiteX119" fmla="*/ 7288 w 10000"/>
                  <a:gd name="connsiteY119" fmla="*/ 8139 h 10000"/>
                  <a:gd name="connsiteX120" fmla="*/ 7361 w 10000"/>
                  <a:gd name="connsiteY120" fmla="*/ 8227 h 10000"/>
                  <a:gd name="connsiteX121" fmla="*/ 7385 w 10000"/>
                  <a:gd name="connsiteY121" fmla="*/ 8301 h 10000"/>
                  <a:gd name="connsiteX122" fmla="*/ 7385 w 10000"/>
                  <a:gd name="connsiteY122" fmla="*/ 8405 h 10000"/>
                  <a:gd name="connsiteX123" fmla="*/ 7337 w 10000"/>
                  <a:gd name="connsiteY123" fmla="*/ 8523 h 10000"/>
                  <a:gd name="connsiteX124" fmla="*/ 7264 w 10000"/>
                  <a:gd name="connsiteY124" fmla="*/ 8641 h 10000"/>
                  <a:gd name="connsiteX125" fmla="*/ 6949 w 10000"/>
                  <a:gd name="connsiteY125" fmla="*/ 8552 h 10000"/>
                  <a:gd name="connsiteX126" fmla="*/ 6659 w 10000"/>
                  <a:gd name="connsiteY126" fmla="*/ 8449 h 10000"/>
                  <a:gd name="connsiteX127" fmla="*/ 6368 w 10000"/>
                  <a:gd name="connsiteY127" fmla="*/ 8360 h 10000"/>
                  <a:gd name="connsiteX128" fmla="*/ 6077 w 10000"/>
                  <a:gd name="connsiteY128" fmla="*/ 8287 h 10000"/>
                  <a:gd name="connsiteX129" fmla="*/ 5956 w 10000"/>
                  <a:gd name="connsiteY129" fmla="*/ 8449 h 10000"/>
                  <a:gd name="connsiteX130" fmla="*/ 5860 w 10000"/>
                  <a:gd name="connsiteY130" fmla="*/ 8597 h 10000"/>
                  <a:gd name="connsiteX131" fmla="*/ 5811 w 10000"/>
                  <a:gd name="connsiteY131" fmla="*/ 8656 h 10000"/>
                  <a:gd name="connsiteX132" fmla="*/ 5714 w 10000"/>
                  <a:gd name="connsiteY132" fmla="*/ 8700 h 10000"/>
                  <a:gd name="connsiteX133" fmla="*/ 5642 w 10000"/>
                  <a:gd name="connsiteY133" fmla="*/ 8744 h 10000"/>
                  <a:gd name="connsiteX134" fmla="*/ 5569 w 10000"/>
                  <a:gd name="connsiteY134" fmla="*/ 8774 h 10000"/>
                  <a:gd name="connsiteX135" fmla="*/ 5496 w 10000"/>
                  <a:gd name="connsiteY135" fmla="*/ 8804 h 10000"/>
                  <a:gd name="connsiteX136" fmla="*/ 5400 w 10000"/>
                  <a:gd name="connsiteY136" fmla="*/ 8818 h 10000"/>
                  <a:gd name="connsiteX137" fmla="*/ 5278 w 10000"/>
                  <a:gd name="connsiteY137" fmla="*/ 8833 h 10000"/>
                  <a:gd name="connsiteX138" fmla="*/ 5157 w 10000"/>
                  <a:gd name="connsiteY138" fmla="*/ 8833 h 10000"/>
                  <a:gd name="connsiteX139" fmla="*/ 4867 w 10000"/>
                  <a:gd name="connsiteY139" fmla="*/ 8818 h 10000"/>
                  <a:gd name="connsiteX140" fmla="*/ 4504 w 10000"/>
                  <a:gd name="connsiteY140" fmla="*/ 8744 h 10000"/>
                  <a:gd name="connsiteX141" fmla="*/ 4504 w 10000"/>
                  <a:gd name="connsiteY141" fmla="*/ 8922 h 10000"/>
                  <a:gd name="connsiteX142" fmla="*/ 4479 w 10000"/>
                  <a:gd name="connsiteY142" fmla="*/ 9069 h 10000"/>
                  <a:gd name="connsiteX143" fmla="*/ 4455 w 10000"/>
                  <a:gd name="connsiteY143" fmla="*/ 9232 h 10000"/>
                  <a:gd name="connsiteX144" fmla="*/ 4431 w 10000"/>
                  <a:gd name="connsiteY144" fmla="*/ 9365 h 10000"/>
                  <a:gd name="connsiteX145" fmla="*/ 4383 w 10000"/>
                  <a:gd name="connsiteY145" fmla="*/ 9498 h 10000"/>
                  <a:gd name="connsiteX146" fmla="*/ 4286 w 10000"/>
                  <a:gd name="connsiteY146" fmla="*/ 9616 h 10000"/>
                  <a:gd name="connsiteX147" fmla="*/ 4213 w 10000"/>
                  <a:gd name="connsiteY147" fmla="*/ 9734 h 10000"/>
                  <a:gd name="connsiteX148" fmla="*/ 4092 w 10000"/>
                  <a:gd name="connsiteY148" fmla="*/ 9838 h 10000"/>
                  <a:gd name="connsiteX149" fmla="*/ 3801 w 10000"/>
                  <a:gd name="connsiteY149" fmla="*/ 9897 h 10000"/>
                  <a:gd name="connsiteX150" fmla="*/ 3559 w 10000"/>
                  <a:gd name="connsiteY150" fmla="*/ 9941 h 10000"/>
                  <a:gd name="connsiteX151" fmla="*/ 3269 w 10000"/>
                  <a:gd name="connsiteY151" fmla="*/ 9985 h 10000"/>
                  <a:gd name="connsiteX152" fmla="*/ 3051 w 10000"/>
                  <a:gd name="connsiteY152" fmla="*/ 10000 h 10000"/>
                  <a:gd name="connsiteX153" fmla="*/ 2567 w 10000"/>
                  <a:gd name="connsiteY153" fmla="*/ 10000 h 10000"/>
                  <a:gd name="connsiteX154" fmla="*/ 2107 w 10000"/>
                  <a:gd name="connsiteY154" fmla="*/ 9985 h 10000"/>
                  <a:gd name="connsiteX155" fmla="*/ 1671 w 10000"/>
                  <a:gd name="connsiteY155" fmla="*/ 9941 h 10000"/>
                  <a:gd name="connsiteX156" fmla="*/ 1211 w 10000"/>
                  <a:gd name="connsiteY156" fmla="*/ 9911 h 10000"/>
                  <a:gd name="connsiteX157" fmla="*/ 944 w 10000"/>
                  <a:gd name="connsiteY157" fmla="*/ 9911 h 10000"/>
                  <a:gd name="connsiteX158" fmla="*/ 702 w 10000"/>
                  <a:gd name="connsiteY158" fmla="*/ 9911 h 10000"/>
                  <a:gd name="connsiteX159" fmla="*/ 436 w 10000"/>
                  <a:gd name="connsiteY159" fmla="*/ 9926 h 10000"/>
                  <a:gd name="connsiteX160" fmla="*/ 169 w 10000"/>
                  <a:gd name="connsiteY160" fmla="*/ 9970 h 10000"/>
                  <a:gd name="connsiteX161" fmla="*/ 97 w 10000"/>
                  <a:gd name="connsiteY161" fmla="*/ 9867 h 10000"/>
                  <a:gd name="connsiteX162" fmla="*/ 48 w 10000"/>
                  <a:gd name="connsiteY162" fmla="*/ 9793 h 10000"/>
                  <a:gd name="connsiteX163" fmla="*/ 0 w 10000"/>
                  <a:gd name="connsiteY163" fmla="*/ 9705 h 10000"/>
                  <a:gd name="connsiteX164" fmla="*/ 0 w 10000"/>
                  <a:gd name="connsiteY164" fmla="*/ 9601 h 10000"/>
                  <a:gd name="connsiteX165" fmla="*/ 48 w 10000"/>
                  <a:gd name="connsiteY165" fmla="*/ 9424 h 10000"/>
                  <a:gd name="connsiteX166" fmla="*/ 97 w 10000"/>
                  <a:gd name="connsiteY166" fmla="*/ 9202 h 10000"/>
                  <a:gd name="connsiteX167" fmla="*/ 145 w 10000"/>
                  <a:gd name="connsiteY167" fmla="*/ 8996 h 10000"/>
                  <a:gd name="connsiteX168" fmla="*/ 194 w 10000"/>
                  <a:gd name="connsiteY168" fmla="*/ 8759 h 10000"/>
                  <a:gd name="connsiteX169" fmla="*/ 218 w 10000"/>
                  <a:gd name="connsiteY169" fmla="*/ 8641 h 10000"/>
                  <a:gd name="connsiteX170" fmla="*/ 218 w 10000"/>
                  <a:gd name="connsiteY170" fmla="*/ 8538 h 10000"/>
                  <a:gd name="connsiteX171" fmla="*/ 194 w 10000"/>
                  <a:gd name="connsiteY171" fmla="*/ 8405 h 10000"/>
                  <a:gd name="connsiteX172" fmla="*/ 169 w 10000"/>
                  <a:gd name="connsiteY172" fmla="*/ 8287 h 10000"/>
                  <a:gd name="connsiteX173" fmla="*/ 412 w 10000"/>
                  <a:gd name="connsiteY173" fmla="*/ 8213 h 10000"/>
                  <a:gd name="connsiteX174" fmla="*/ 654 w 10000"/>
                  <a:gd name="connsiteY174" fmla="*/ 8139 h 10000"/>
                  <a:gd name="connsiteX175" fmla="*/ 896 w 10000"/>
                  <a:gd name="connsiteY175" fmla="*/ 8095 h 10000"/>
                  <a:gd name="connsiteX176" fmla="*/ 1162 w 10000"/>
                  <a:gd name="connsiteY176" fmla="*/ 8065 h 10000"/>
                  <a:gd name="connsiteX177" fmla="*/ 1646 w 10000"/>
                  <a:gd name="connsiteY177" fmla="*/ 8021 h 10000"/>
                  <a:gd name="connsiteX178" fmla="*/ 2131 w 10000"/>
                  <a:gd name="connsiteY178" fmla="*/ 7976 h 10000"/>
                  <a:gd name="connsiteX179" fmla="*/ 2349 w 10000"/>
                  <a:gd name="connsiteY179" fmla="*/ 7947 h 10000"/>
                  <a:gd name="connsiteX180" fmla="*/ 2567 w 10000"/>
                  <a:gd name="connsiteY180" fmla="*/ 7917 h 10000"/>
                  <a:gd name="connsiteX181" fmla="*/ 2760 w 10000"/>
                  <a:gd name="connsiteY181" fmla="*/ 7843 h 10000"/>
                  <a:gd name="connsiteX182" fmla="*/ 2954 w 10000"/>
                  <a:gd name="connsiteY182" fmla="*/ 7784 h 10000"/>
                  <a:gd name="connsiteX183" fmla="*/ 3123 w 10000"/>
                  <a:gd name="connsiteY183" fmla="*/ 7710 h 10000"/>
                  <a:gd name="connsiteX184" fmla="*/ 3269 w 10000"/>
                  <a:gd name="connsiteY184" fmla="*/ 7592 h 10000"/>
                  <a:gd name="connsiteX185" fmla="*/ 3414 w 10000"/>
                  <a:gd name="connsiteY185" fmla="*/ 7474 h 10000"/>
                  <a:gd name="connsiteX186" fmla="*/ 3511 w 10000"/>
                  <a:gd name="connsiteY186" fmla="*/ 7312 h 10000"/>
                  <a:gd name="connsiteX187" fmla="*/ 3317 w 10000"/>
                  <a:gd name="connsiteY187" fmla="*/ 7238 h 10000"/>
                  <a:gd name="connsiteX188" fmla="*/ 3148 w 10000"/>
                  <a:gd name="connsiteY188" fmla="*/ 7179 h 10000"/>
                  <a:gd name="connsiteX189" fmla="*/ 3002 w 10000"/>
                  <a:gd name="connsiteY189" fmla="*/ 7090 h 10000"/>
                  <a:gd name="connsiteX190" fmla="*/ 2857 w 10000"/>
                  <a:gd name="connsiteY190" fmla="*/ 6987 h 10000"/>
                  <a:gd name="connsiteX191" fmla="*/ 2760 w 10000"/>
                  <a:gd name="connsiteY191" fmla="*/ 6869 h 10000"/>
                  <a:gd name="connsiteX192" fmla="*/ 2712 w 10000"/>
                  <a:gd name="connsiteY192" fmla="*/ 6721 h 10000"/>
                  <a:gd name="connsiteX193" fmla="*/ 2688 w 10000"/>
                  <a:gd name="connsiteY193" fmla="*/ 6558 h 10000"/>
                  <a:gd name="connsiteX194" fmla="*/ 2712 w 10000"/>
                  <a:gd name="connsiteY194" fmla="*/ 6352 h 10000"/>
                  <a:gd name="connsiteX195" fmla="*/ 2591 w 10000"/>
                  <a:gd name="connsiteY195" fmla="*/ 6322 h 10000"/>
                  <a:gd name="connsiteX196" fmla="*/ 2446 w 10000"/>
                  <a:gd name="connsiteY196" fmla="*/ 6292 h 10000"/>
                  <a:gd name="connsiteX197" fmla="*/ 2276 w 10000"/>
                  <a:gd name="connsiteY197" fmla="*/ 6278 h 10000"/>
                  <a:gd name="connsiteX198" fmla="*/ 2107 w 10000"/>
                  <a:gd name="connsiteY198" fmla="*/ 6263 h 10000"/>
                  <a:gd name="connsiteX199" fmla="*/ 1768 w 10000"/>
                  <a:gd name="connsiteY199" fmla="*/ 6248 h 10000"/>
                  <a:gd name="connsiteX200" fmla="*/ 1404 w 10000"/>
                  <a:gd name="connsiteY200" fmla="*/ 6263 h 10000"/>
                  <a:gd name="connsiteX201" fmla="*/ 1090 w 10000"/>
                  <a:gd name="connsiteY201" fmla="*/ 6278 h 10000"/>
                  <a:gd name="connsiteX202" fmla="*/ 799 w 10000"/>
                  <a:gd name="connsiteY202" fmla="*/ 6278 h 10000"/>
                  <a:gd name="connsiteX203" fmla="*/ 557 w 10000"/>
                  <a:gd name="connsiteY203" fmla="*/ 6263 h 10000"/>
                  <a:gd name="connsiteX204" fmla="*/ 363 w 10000"/>
                  <a:gd name="connsiteY204" fmla="*/ 6233 h 10000"/>
                  <a:gd name="connsiteX205" fmla="*/ 605 w 10000"/>
                  <a:gd name="connsiteY205" fmla="*/ 5805 h 10000"/>
                  <a:gd name="connsiteX206" fmla="*/ 872 w 10000"/>
                  <a:gd name="connsiteY206" fmla="*/ 5391 h 10000"/>
                  <a:gd name="connsiteX207" fmla="*/ 969 w 10000"/>
                  <a:gd name="connsiteY207" fmla="*/ 5170 h 10000"/>
                  <a:gd name="connsiteX208" fmla="*/ 1041 w 10000"/>
                  <a:gd name="connsiteY208" fmla="*/ 4963 h 10000"/>
                  <a:gd name="connsiteX209" fmla="*/ 1065 w 10000"/>
                  <a:gd name="connsiteY209" fmla="*/ 4860 h 10000"/>
                  <a:gd name="connsiteX210" fmla="*/ 1041 w 10000"/>
                  <a:gd name="connsiteY210" fmla="*/ 4756 h 10000"/>
                  <a:gd name="connsiteX211" fmla="*/ 1017 w 10000"/>
                  <a:gd name="connsiteY211" fmla="*/ 4653 h 10000"/>
                  <a:gd name="connsiteX212" fmla="*/ 944 w 10000"/>
                  <a:gd name="connsiteY212" fmla="*/ 4549 h 10000"/>
                  <a:gd name="connsiteX213" fmla="*/ 1211 w 10000"/>
                  <a:gd name="connsiteY213" fmla="*/ 4520 h 10000"/>
                  <a:gd name="connsiteX214" fmla="*/ 1404 w 10000"/>
                  <a:gd name="connsiteY214" fmla="*/ 4505 h 10000"/>
                  <a:gd name="connsiteX215" fmla="*/ 1574 w 10000"/>
                  <a:gd name="connsiteY215" fmla="*/ 4505 h 10000"/>
                  <a:gd name="connsiteX216" fmla="*/ 1719 w 10000"/>
                  <a:gd name="connsiteY216" fmla="*/ 4520 h 10000"/>
                  <a:gd name="connsiteX217" fmla="*/ 1840 w 10000"/>
                  <a:gd name="connsiteY217" fmla="*/ 4520 h 10000"/>
                  <a:gd name="connsiteX218" fmla="*/ 1985 w 10000"/>
                  <a:gd name="connsiteY218" fmla="*/ 4520 h 10000"/>
                  <a:gd name="connsiteX219" fmla="*/ 2131 w 10000"/>
                  <a:gd name="connsiteY219" fmla="*/ 4490 h 10000"/>
                  <a:gd name="connsiteX220" fmla="*/ 2324 w 10000"/>
                  <a:gd name="connsiteY220" fmla="*/ 4446 h 10000"/>
                  <a:gd name="connsiteX221" fmla="*/ 2324 w 10000"/>
                  <a:gd name="connsiteY221" fmla="*/ 4579 h 10000"/>
                  <a:gd name="connsiteX222" fmla="*/ 2324 w 10000"/>
                  <a:gd name="connsiteY222" fmla="*/ 4742 h 10000"/>
                  <a:gd name="connsiteX223" fmla="*/ 2324 w 10000"/>
                  <a:gd name="connsiteY223" fmla="*/ 4874 h 10000"/>
                  <a:gd name="connsiteX224" fmla="*/ 2324 w 10000"/>
                  <a:gd name="connsiteY224" fmla="*/ 5037 h 10000"/>
                  <a:gd name="connsiteX225" fmla="*/ 2542 w 10000"/>
                  <a:gd name="connsiteY225" fmla="*/ 5022 h 10000"/>
                  <a:gd name="connsiteX226" fmla="*/ 2688 w 10000"/>
                  <a:gd name="connsiteY226" fmla="*/ 5037 h 10000"/>
                  <a:gd name="connsiteX227" fmla="*/ 2809 w 10000"/>
                  <a:gd name="connsiteY227" fmla="*/ 5066 h 10000"/>
                  <a:gd name="connsiteX228" fmla="*/ 2930 w 10000"/>
                  <a:gd name="connsiteY228" fmla="*/ 5096 h 10000"/>
                  <a:gd name="connsiteX229" fmla="*/ 3027 w 10000"/>
                  <a:gd name="connsiteY229" fmla="*/ 5126 h 10000"/>
                  <a:gd name="connsiteX230" fmla="*/ 3148 w 10000"/>
                  <a:gd name="connsiteY230" fmla="*/ 5155 h 10000"/>
                  <a:gd name="connsiteX231" fmla="*/ 3293 w 10000"/>
                  <a:gd name="connsiteY231" fmla="*/ 5170 h 10000"/>
                  <a:gd name="connsiteX232" fmla="*/ 3511 w 10000"/>
                  <a:gd name="connsiteY232" fmla="*/ 5155 h 10000"/>
                  <a:gd name="connsiteX233" fmla="*/ 3584 w 10000"/>
                  <a:gd name="connsiteY233" fmla="*/ 5096 h 10000"/>
                  <a:gd name="connsiteX234" fmla="*/ 3656 w 10000"/>
                  <a:gd name="connsiteY234" fmla="*/ 5022 h 10000"/>
                  <a:gd name="connsiteX235" fmla="*/ 3680 w 10000"/>
                  <a:gd name="connsiteY235" fmla="*/ 4934 h 10000"/>
                  <a:gd name="connsiteX236" fmla="*/ 3705 w 10000"/>
                  <a:gd name="connsiteY236" fmla="*/ 4860 h 10000"/>
                  <a:gd name="connsiteX237" fmla="*/ 3729 w 10000"/>
                  <a:gd name="connsiteY237" fmla="*/ 4697 h 10000"/>
                  <a:gd name="connsiteX238" fmla="*/ 3705 w 10000"/>
                  <a:gd name="connsiteY238" fmla="*/ 4520 h 10000"/>
                  <a:gd name="connsiteX239" fmla="*/ 3632 w 10000"/>
                  <a:gd name="connsiteY239" fmla="*/ 4343 h 10000"/>
                  <a:gd name="connsiteX240" fmla="*/ 3559 w 10000"/>
                  <a:gd name="connsiteY240" fmla="*/ 4195 h 10000"/>
                  <a:gd name="connsiteX241" fmla="*/ 3438 w 10000"/>
                  <a:gd name="connsiteY241" fmla="*/ 4047 h 10000"/>
                  <a:gd name="connsiteX242" fmla="*/ 3317 w 10000"/>
                  <a:gd name="connsiteY242" fmla="*/ 3959 h 10000"/>
                  <a:gd name="connsiteX243" fmla="*/ 3462 w 10000"/>
                  <a:gd name="connsiteY243" fmla="*/ 3944 h 10000"/>
                  <a:gd name="connsiteX244" fmla="*/ 3584 w 10000"/>
                  <a:gd name="connsiteY244" fmla="*/ 3914 h 10000"/>
                  <a:gd name="connsiteX245" fmla="*/ 3680 w 10000"/>
                  <a:gd name="connsiteY245" fmla="*/ 3855 h 10000"/>
                  <a:gd name="connsiteX246" fmla="*/ 3801 w 10000"/>
                  <a:gd name="connsiteY246" fmla="*/ 3752 h 10000"/>
                  <a:gd name="connsiteX247" fmla="*/ 3923 w 10000"/>
                  <a:gd name="connsiteY247" fmla="*/ 3663 h 10000"/>
                  <a:gd name="connsiteX248" fmla="*/ 4019 w 10000"/>
                  <a:gd name="connsiteY248" fmla="*/ 3560 h 10000"/>
                  <a:gd name="connsiteX249" fmla="*/ 4092 w 10000"/>
                  <a:gd name="connsiteY249" fmla="*/ 3442 h 10000"/>
                  <a:gd name="connsiteX250" fmla="*/ 4165 w 10000"/>
                  <a:gd name="connsiteY250" fmla="*/ 3323 h 10000"/>
                  <a:gd name="connsiteX251" fmla="*/ 4213 w 10000"/>
                  <a:gd name="connsiteY251" fmla="*/ 3220 h 10000"/>
                  <a:gd name="connsiteX252" fmla="*/ 4237 w 10000"/>
                  <a:gd name="connsiteY252" fmla="*/ 3102 h 10000"/>
                  <a:gd name="connsiteX253" fmla="*/ 4262 w 10000"/>
                  <a:gd name="connsiteY253" fmla="*/ 3013 h 10000"/>
                  <a:gd name="connsiteX254" fmla="*/ 4237 w 10000"/>
                  <a:gd name="connsiteY254" fmla="*/ 2939 h 10000"/>
                  <a:gd name="connsiteX255" fmla="*/ 4213 w 10000"/>
                  <a:gd name="connsiteY255" fmla="*/ 2866 h 10000"/>
                  <a:gd name="connsiteX256" fmla="*/ 4140 w 10000"/>
                  <a:gd name="connsiteY256" fmla="*/ 2836 h 10000"/>
                  <a:gd name="connsiteX257" fmla="*/ 4044 w 10000"/>
                  <a:gd name="connsiteY257" fmla="*/ 2836 h 10000"/>
                  <a:gd name="connsiteX258" fmla="*/ 3923 w 10000"/>
                  <a:gd name="connsiteY258" fmla="*/ 2866 h 10000"/>
                  <a:gd name="connsiteX259" fmla="*/ 4019 w 10000"/>
                  <a:gd name="connsiteY259" fmla="*/ 2777 h 10000"/>
                  <a:gd name="connsiteX260" fmla="*/ 4068 w 10000"/>
                  <a:gd name="connsiteY260" fmla="*/ 2674 h 10000"/>
                  <a:gd name="connsiteX261" fmla="*/ 4092 w 10000"/>
                  <a:gd name="connsiteY261" fmla="*/ 2541 h 10000"/>
                  <a:gd name="connsiteX262" fmla="*/ 4092 w 10000"/>
                  <a:gd name="connsiteY262" fmla="*/ 2393 h 10000"/>
                  <a:gd name="connsiteX263" fmla="*/ 4116 w 10000"/>
                  <a:gd name="connsiteY263" fmla="*/ 2349 h 10000"/>
                  <a:gd name="connsiteX264" fmla="*/ 4165 w 10000"/>
                  <a:gd name="connsiteY264" fmla="*/ 2304 h 10000"/>
                  <a:gd name="connsiteX265" fmla="*/ 4213 w 10000"/>
                  <a:gd name="connsiteY265" fmla="*/ 2290 h 10000"/>
                  <a:gd name="connsiteX266" fmla="*/ 4286 w 10000"/>
                  <a:gd name="connsiteY266" fmla="*/ 2275 h 10000"/>
                  <a:gd name="connsiteX267" fmla="*/ 4504 w 10000"/>
                  <a:gd name="connsiteY267" fmla="*/ 2260 h 10000"/>
                  <a:gd name="connsiteX268" fmla="*/ 4697 w 10000"/>
                  <a:gd name="connsiteY268" fmla="*/ 2275 h 10000"/>
                  <a:gd name="connsiteX269" fmla="*/ 4673 w 10000"/>
                  <a:gd name="connsiteY269" fmla="*/ 2112 h 10000"/>
                  <a:gd name="connsiteX270" fmla="*/ 4625 w 10000"/>
                  <a:gd name="connsiteY270" fmla="*/ 1950 h 10000"/>
                  <a:gd name="connsiteX271" fmla="*/ 4552 w 10000"/>
                  <a:gd name="connsiteY271" fmla="*/ 1802 h 10000"/>
                  <a:gd name="connsiteX272" fmla="*/ 4455 w 10000"/>
                  <a:gd name="connsiteY272" fmla="*/ 1640 h 10000"/>
                  <a:gd name="connsiteX273" fmla="*/ 4213 w 10000"/>
                  <a:gd name="connsiteY273" fmla="*/ 1329 h 10000"/>
                  <a:gd name="connsiteX274" fmla="*/ 3971 w 10000"/>
                  <a:gd name="connsiteY274" fmla="*/ 1034 h 10000"/>
                  <a:gd name="connsiteX275" fmla="*/ 3850 w 10000"/>
                  <a:gd name="connsiteY275" fmla="*/ 901 h 10000"/>
                  <a:gd name="connsiteX276" fmla="*/ 3753 w 10000"/>
                  <a:gd name="connsiteY276" fmla="*/ 753 h 10000"/>
                  <a:gd name="connsiteX277" fmla="*/ 3680 w 10000"/>
                  <a:gd name="connsiteY277" fmla="*/ 620 h 10000"/>
                  <a:gd name="connsiteX278" fmla="*/ 3656 w 10000"/>
                  <a:gd name="connsiteY278" fmla="*/ 487 h 10000"/>
                  <a:gd name="connsiteX279" fmla="*/ 3632 w 10000"/>
                  <a:gd name="connsiteY279" fmla="*/ 355 h 10000"/>
                  <a:gd name="connsiteX280" fmla="*/ 3680 w 10000"/>
                  <a:gd name="connsiteY280" fmla="*/ 222 h 10000"/>
                  <a:gd name="connsiteX281" fmla="*/ 3705 w 10000"/>
                  <a:gd name="connsiteY281" fmla="*/ 162 h 10000"/>
                  <a:gd name="connsiteX282" fmla="*/ 3753 w 10000"/>
                  <a:gd name="connsiteY282" fmla="*/ 103 h 10000"/>
                  <a:gd name="connsiteX283" fmla="*/ 3826 w 10000"/>
                  <a:gd name="connsiteY283" fmla="*/ 59 h 10000"/>
                  <a:gd name="connsiteX284" fmla="*/ 3923 w 10000"/>
                  <a:gd name="connsiteY284" fmla="*/ 0 h 10000"/>
                  <a:gd name="connsiteX0" fmla="*/ 3923 w 10000"/>
                  <a:gd name="connsiteY0" fmla="*/ 0 h 10000"/>
                  <a:gd name="connsiteX1" fmla="*/ 4092 w 10000"/>
                  <a:gd name="connsiteY1" fmla="*/ 0 h 10000"/>
                  <a:gd name="connsiteX2" fmla="*/ 4262 w 10000"/>
                  <a:gd name="connsiteY2" fmla="*/ 15 h 10000"/>
                  <a:gd name="connsiteX3" fmla="*/ 4431 w 10000"/>
                  <a:gd name="connsiteY3" fmla="*/ 44 h 10000"/>
                  <a:gd name="connsiteX4" fmla="*/ 4552 w 10000"/>
                  <a:gd name="connsiteY4" fmla="*/ 89 h 10000"/>
                  <a:gd name="connsiteX5" fmla="*/ 4746 w 10000"/>
                  <a:gd name="connsiteY5" fmla="*/ 192 h 10000"/>
                  <a:gd name="connsiteX6" fmla="*/ 4939 w 10000"/>
                  <a:gd name="connsiteY6" fmla="*/ 340 h 10000"/>
                  <a:gd name="connsiteX7" fmla="*/ 5085 w 10000"/>
                  <a:gd name="connsiteY7" fmla="*/ 473 h 10000"/>
                  <a:gd name="connsiteX8" fmla="*/ 5278 w 10000"/>
                  <a:gd name="connsiteY8" fmla="*/ 591 h 10000"/>
                  <a:gd name="connsiteX9" fmla="*/ 5400 w 10000"/>
                  <a:gd name="connsiteY9" fmla="*/ 650 h 10000"/>
                  <a:gd name="connsiteX10" fmla="*/ 5545 w 10000"/>
                  <a:gd name="connsiteY10" fmla="*/ 679 h 10000"/>
                  <a:gd name="connsiteX11" fmla="*/ 5690 w 10000"/>
                  <a:gd name="connsiteY11" fmla="*/ 709 h 10000"/>
                  <a:gd name="connsiteX12" fmla="*/ 5884 w 10000"/>
                  <a:gd name="connsiteY12" fmla="*/ 709 h 10000"/>
                  <a:gd name="connsiteX13" fmla="*/ 5884 w 10000"/>
                  <a:gd name="connsiteY13" fmla="*/ 768 h 10000"/>
                  <a:gd name="connsiteX14" fmla="*/ 5908 w 10000"/>
                  <a:gd name="connsiteY14" fmla="*/ 842 h 10000"/>
                  <a:gd name="connsiteX15" fmla="*/ 5956 w 10000"/>
                  <a:gd name="connsiteY15" fmla="*/ 916 h 10000"/>
                  <a:gd name="connsiteX16" fmla="*/ 6005 w 10000"/>
                  <a:gd name="connsiteY16" fmla="*/ 990 h 10000"/>
                  <a:gd name="connsiteX17" fmla="*/ 6077 w 10000"/>
                  <a:gd name="connsiteY17" fmla="*/ 1049 h 10000"/>
                  <a:gd name="connsiteX18" fmla="*/ 6174 w 10000"/>
                  <a:gd name="connsiteY18" fmla="*/ 1108 h 10000"/>
                  <a:gd name="connsiteX19" fmla="*/ 6295 w 10000"/>
                  <a:gd name="connsiteY19" fmla="*/ 1182 h 10000"/>
                  <a:gd name="connsiteX20" fmla="*/ 6392 w 10000"/>
                  <a:gd name="connsiteY20" fmla="*/ 1226 h 10000"/>
                  <a:gd name="connsiteX21" fmla="*/ 6489 w 10000"/>
                  <a:gd name="connsiteY21" fmla="*/ 1270 h 10000"/>
                  <a:gd name="connsiteX22" fmla="*/ 6586 w 10000"/>
                  <a:gd name="connsiteY22" fmla="*/ 1300 h 10000"/>
                  <a:gd name="connsiteX23" fmla="*/ 6683 w 10000"/>
                  <a:gd name="connsiteY23" fmla="*/ 1315 h 10000"/>
                  <a:gd name="connsiteX24" fmla="*/ 6804 w 10000"/>
                  <a:gd name="connsiteY24" fmla="*/ 1300 h 10000"/>
                  <a:gd name="connsiteX25" fmla="*/ 6901 w 10000"/>
                  <a:gd name="connsiteY25" fmla="*/ 1285 h 10000"/>
                  <a:gd name="connsiteX26" fmla="*/ 6973 w 10000"/>
                  <a:gd name="connsiteY26" fmla="*/ 1241 h 10000"/>
                  <a:gd name="connsiteX27" fmla="*/ 7022 w 10000"/>
                  <a:gd name="connsiteY27" fmla="*/ 1167 h 10000"/>
                  <a:gd name="connsiteX28" fmla="*/ 7046 w 10000"/>
                  <a:gd name="connsiteY28" fmla="*/ 1064 h 10000"/>
                  <a:gd name="connsiteX29" fmla="*/ 7409 w 10000"/>
                  <a:gd name="connsiteY29" fmla="*/ 1034 h 10000"/>
                  <a:gd name="connsiteX30" fmla="*/ 7748 w 10000"/>
                  <a:gd name="connsiteY30" fmla="*/ 1004 h 10000"/>
                  <a:gd name="connsiteX31" fmla="*/ 8039 w 10000"/>
                  <a:gd name="connsiteY31" fmla="*/ 990 h 10000"/>
                  <a:gd name="connsiteX32" fmla="*/ 8305 w 10000"/>
                  <a:gd name="connsiteY32" fmla="*/ 1004 h 10000"/>
                  <a:gd name="connsiteX33" fmla="*/ 8426 w 10000"/>
                  <a:gd name="connsiteY33" fmla="*/ 1019 h 10000"/>
                  <a:gd name="connsiteX34" fmla="*/ 8547 w 10000"/>
                  <a:gd name="connsiteY34" fmla="*/ 1034 h 10000"/>
                  <a:gd name="connsiteX35" fmla="*/ 8644 w 10000"/>
                  <a:gd name="connsiteY35" fmla="*/ 1064 h 10000"/>
                  <a:gd name="connsiteX36" fmla="*/ 8765 w 10000"/>
                  <a:gd name="connsiteY36" fmla="*/ 1108 h 10000"/>
                  <a:gd name="connsiteX37" fmla="*/ 8838 w 10000"/>
                  <a:gd name="connsiteY37" fmla="*/ 1182 h 10000"/>
                  <a:gd name="connsiteX38" fmla="*/ 8910 w 10000"/>
                  <a:gd name="connsiteY38" fmla="*/ 1241 h 10000"/>
                  <a:gd name="connsiteX39" fmla="*/ 8959 w 10000"/>
                  <a:gd name="connsiteY39" fmla="*/ 1329 h 10000"/>
                  <a:gd name="connsiteX40" fmla="*/ 9007 w 10000"/>
                  <a:gd name="connsiteY40" fmla="*/ 1433 h 10000"/>
                  <a:gd name="connsiteX41" fmla="*/ 9056 w 10000"/>
                  <a:gd name="connsiteY41" fmla="*/ 1551 h 10000"/>
                  <a:gd name="connsiteX42" fmla="*/ 9031 w 10000"/>
                  <a:gd name="connsiteY42" fmla="*/ 1625 h 10000"/>
                  <a:gd name="connsiteX43" fmla="*/ 9007 w 10000"/>
                  <a:gd name="connsiteY43" fmla="*/ 1684 h 10000"/>
                  <a:gd name="connsiteX44" fmla="*/ 8959 w 10000"/>
                  <a:gd name="connsiteY44" fmla="*/ 1758 h 10000"/>
                  <a:gd name="connsiteX45" fmla="*/ 8886 w 10000"/>
                  <a:gd name="connsiteY45" fmla="*/ 1802 h 10000"/>
                  <a:gd name="connsiteX46" fmla="*/ 8838 w 10000"/>
                  <a:gd name="connsiteY46" fmla="*/ 1861 h 10000"/>
                  <a:gd name="connsiteX47" fmla="*/ 8814 w 10000"/>
                  <a:gd name="connsiteY47" fmla="*/ 1935 h 10000"/>
                  <a:gd name="connsiteX48" fmla="*/ 8838 w 10000"/>
                  <a:gd name="connsiteY48" fmla="*/ 2024 h 10000"/>
                  <a:gd name="connsiteX49" fmla="*/ 9104 w 10000"/>
                  <a:gd name="connsiteY49" fmla="*/ 2157 h 10000"/>
                  <a:gd name="connsiteX50" fmla="*/ 9419 w 10000"/>
                  <a:gd name="connsiteY50" fmla="*/ 2275 h 10000"/>
                  <a:gd name="connsiteX51" fmla="*/ 9540 w 10000"/>
                  <a:gd name="connsiteY51" fmla="*/ 2349 h 10000"/>
                  <a:gd name="connsiteX52" fmla="*/ 9685 w 10000"/>
                  <a:gd name="connsiteY52" fmla="*/ 2422 h 10000"/>
                  <a:gd name="connsiteX53" fmla="*/ 9831 w 10000"/>
                  <a:gd name="connsiteY53" fmla="*/ 2467 h 10000"/>
                  <a:gd name="connsiteX54" fmla="*/ 10000 w 10000"/>
                  <a:gd name="connsiteY54" fmla="*/ 2511 h 10000"/>
                  <a:gd name="connsiteX55" fmla="*/ 6852 w 10000"/>
                  <a:gd name="connsiteY55" fmla="*/ 4313 h 10000"/>
                  <a:gd name="connsiteX56" fmla="*/ 6852 w 10000"/>
                  <a:gd name="connsiteY56" fmla="*/ 4431 h 10000"/>
                  <a:gd name="connsiteX57" fmla="*/ 6852 w 10000"/>
                  <a:gd name="connsiteY57" fmla="*/ 4549 h 10000"/>
                  <a:gd name="connsiteX58" fmla="*/ 6804 w 10000"/>
                  <a:gd name="connsiteY58" fmla="*/ 4564 h 10000"/>
                  <a:gd name="connsiteX59" fmla="*/ 6731 w 10000"/>
                  <a:gd name="connsiteY59" fmla="*/ 4594 h 10000"/>
                  <a:gd name="connsiteX60" fmla="*/ 6683 w 10000"/>
                  <a:gd name="connsiteY60" fmla="*/ 4638 h 10000"/>
                  <a:gd name="connsiteX61" fmla="*/ 6683 w 10000"/>
                  <a:gd name="connsiteY61" fmla="*/ 4697 h 10000"/>
                  <a:gd name="connsiteX62" fmla="*/ 6659 w 10000"/>
                  <a:gd name="connsiteY62" fmla="*/ 4801 h 10000"/>
                  <a:gd name="connsiteX63" fmla="*/ 6659 w 10000"/>
                  <a:gd name="connsiteY63" fmla="*/ 4904 h 10000"/>
                  <a:gd name="connsiteX64" fmla="*/ 6538 w 10000"/>
                  <a:gd name="connsiteY64" fmla="*/ 4860 h 10000"/>
                  <a:gd name="connsiteX65" fmla="*/ 6465 w 10000"/>
                  <a:gd name="connsiteY65" fmla="*/ 4801 h 10000"/>
                  <a:gd name="connsiteX66" fmla="*/ 6392 w 10000"/>
                  <a:gd name="connsiteY66" fmla="*/ 4727 h 10000"/>
                  <a:gd name="connsiteX67" fmla="*/ 6320 w 10000"/>
                  <a:gd name="connsiteY67" fmla="*/ 4638 h 10000"/>
                  <a:gd name="connsiteX68" fmla="*/ 6199 w 10000"/>
                  <a:gd name="connsiteY68" fmla="*/ 4476 h 10000"/>
                  <a:gd name="connsiteX69" fmla="*/ 6077 w 10000"/>
                  <a:gd name="connsiteY69" fmla="*/ 4313 h 10000"/>
                  <a:gd name="connsiteX70" fmla="*/ 6223 w 10000"/>
                  <a:gd name="connsiteY70" fmla="*/ 4210 h 10000"/>
                  <a:gd name="connsiteX71" fmla="*/ 6416 w 10000"/>
                  <a:gd name="connsiteY71" fmla="*/ 4121 h 10000"/>
                  <a:gd name="connsiteX72" fmla="*/ 6634 w 10000"/>
                  <a:gd name="connsiteY72" fmla="*/ 4032 h 10000"/>
                  <a:gd name="connsiteX73" fmla="*/ 6877 w 10000"/>
                  <a:gd name="connsiteY73" fmla="*/ 3959 h 10000"/>
                  <a:gd name="connsiteX74" fmla="*/ 7385 w 10000"/>
                  <a:gd name="connsiteY74" fmla="*/ 3811 h 10000"/>
                  <a:gd name="connsiteX75" fmla="*/ 7893 w 10000"/>
                  <a:gd name="connsiteY75" fmla="*/ 3663 h 10000"/>
                  <a:gd name="connsiteX76" fmla="*/ 8136 w 10000"/>
                  <a:gd name="connsiteY76" fmla="*/ 3589 h 10000"/>
                  <a:gd name="connsiteX77" fmla="*/ 8378 w 10000"/>
                  <a:gd name="connsiteY77" fmla="*/ 3516 h 10000"/>
                  <a:gd name="connsiteX78" fmla="*/ 8571 w 10000"/>
                  <a:gd name="connsiteY78" fmla="*/ 3412 h 10000"/>
                  <a:gd name="connsiteX79" fmla="*/ 8765 w 10000"/>
                  <a:gd name="connsiteY79" fmla="*/ 3338 h 10000"/>
                  <a:gd name="connsiteX80" fmla="*/ 8886 w 10000"/>
                  <a:gd name="connsiteY80" fmla="*/ 3235 h 10000"/>
                  <a:gd name="connsiteX81" fmla="*/ 8983 w 10000"/>
                  <a:gd name="connsiteY81" fmla="*/ 3117 h 10000"/>
                  <a:gd name="connsiteX82" fmla="*/ 9007 w 10000"/>
                  <a:gd name="connsiteY82" fmla="*/ 3072 h 10000"/>
                  <a:gd name="connsiteX83" fmla="*/ 9031 w 10000"/>
                  <a:gd name="connsiteY83" fmla="*/ 3013 h 10000"/>
                  <a:gd name="connsiteX84" fmla="*/ 9031 w 10000"/>
                  <a:gd name="connsiteY84" fmla="*/ 2954 h 10000"/>
                  <a:gd name="connsiteX85" fmla="*/ 9007 w 10000"/>
                  <a:gd name="connsiteY85" fmla="*/ 2866 h 10000"/>
                  <a:gd name="connsiteX86" fmla="*/ 8838 w 10000"/>
                  <a:gd name="connsiteY86" fmla="*/ 2984 h 10000"/>
                  <a:gd name="connsiteX87" fmla="*/ 8644 w 10000"/>
                  <a:gd name="connsiteY87" fmla="*/ 3072 h 10000"/>
                  <a:gd name="connsiteX88" fmla="*/ 8450 w 10000"/>
                  <a:gd name="connsiteY88" fmla="*/ 3161 h 10000"/>
                  <a:gd name="connsiteX89" fmla="*/ 8257 w 10000"/>
                  <a:gd name="connsiteY89" fmla="*/ 3250 h 10000"/>
                  <a:gd name="connsiteX90" fmla="*/ 7821 w 10000"/>
                  <a:gd name="connsiteY90" fmla="*/ 3397 h 10000"/>
                  <a:gd name="connsiteX91" fmla="*/ 7361 w 10000"/>
                  <a:gd name="connsiteY91" fmla="*/ 3545 h 10000"/>
                  <a:gd name="connsiteX92" fmla="*/ 6901 w 10000"/>
                  <a:gd name="connsiteY92" fmla="*/ 3678 h 10000"/>
                  <a:gd name="connsiteX93" fmla="*/ 6465 w 10000"/>
                  <a:gd name="connsiteY93" fmla="*/ 3840 h 10000"/>
                  <a:gd name="connsiteX94" fmla="*/ 6247 w 10000"/>
                  <a:gd name="connsiteY94" fmla="*/ 3914 h 10000"/>
                  <a:gd name="connsiteX95" fmla="*/ 6053 w 10000"/>
                  <a:gd name="connsiteY95" fmla="*/ 4003 h 10000"/>
                  <a:gd name="connsiteX96" fmla="*/ 5860 w 10000"/>
                  <a:gd name="connsiteY96" fmla="*/ 4106 h 10000"/>
                  <a:gd name="connsiteX97" fmla="*/ 5666 w 10000"/>
                  <a:gd name="connsiteY97" fmla="*/ 4195 h 10000"/>
                  <a:gd name="connsiteX98" fmla="*/ 5811 w 10000"/>
                  <a:gd name="connsiteY98" fmla="*/ 4417 h 10000"/>
                  <a:gd name="connsiteX99" fmla="*/ 5908 w 10000"/>
                  <a:gd name="connsiteY99" fmla="*/ 4623 h 10000"/>
                  <a:gd name="connsiteX100" fmla="*/ 6005 w 10000"/>
                  <a:gd name="connsiteY100" fmla="*/ 4845 h 10000"/>
                  <a:gd name="connsiteX101" fmla="*/ 6077 w 10000"/>
                  <a:gd name="connsiteY101" fmla="*/ 5081 h 10000"/>
                  <a:gd name="connsiteX102" fmla="*/ 6126 w 10000"/>
                  <a:gd name="connsiteY102" fmla="*/ 5318 h 10000"/>
                  <a:gd name="connsiteX103" fmla="*/ 6150 w 10000"/>
                  <a:gd name="connsiteY103" fmla="*/ 5539 h 10000"/>
                  <a:gd name="connsiteX104" fmla="*/ 6174 w 10000"/>
                  <a:gd name="connsiteY104" fmla="*/ 5775 h 10000"/>
                  <a:gd name="connsiteX105" fmla="*/ 6174 w 10000"/>
                  <a:gd name="connsiteY105" fmla="*/ 5997 h 10000"/>
                  <a:gd name="connsiteX106" fmla="*/ 6150 w 10000"/>
                  <a:gd name="connsiteY106" fmla="*/ 6233 h 10000"/>
                  <a:gd name="connsiteX107" fmla="*/ 6102 w 10000"/>
                  <a:gd name="connsiteY107" fmla="*/ 6470 h 10000"/>
                  <a:gd name="connsiteX108" fmla="*/ 6053 w 10000"/>
                  <a:gd name="connsiteY108" fmla="*/ 6677 h 10000"/>
                  <a:gd name="connsiteX109" fmla="*/ 5981 w 10000"/>
                  <a:gd name="connsiteY109" fmla="*/ 6898 h 10000"/>
                  <a:gd name="connsiteX110" fmla="*/ 5884 w 10000"/>
                  <a:gd name="connsiteY110" fmla="*/ 7105 h 10000"/>
                  <a:gd name="connsiteX111" fmla="*/ 5763 w 10000"/>
                  <a:gd name="connsiteY111" fmla="*/ 7297 h 10000"/>
                  <a:gd name="connsiteX112" fmla="*/ 5617 w 10000"/>
                  <a:gd name="connsiteY112" fmla="*/ 7489 h 10000"/>
                  <a:gd name="connsiteX113" fmla="*/ 5472 w 10000"/>
                  <a:gd name="connsiteY113" fmla="*/ 7681 h 10000"/>
                  <a:gd name="connsiteX114" fmla="*/ 6174 w 10000"/>
                  <a:gd name="connsiteY114" fmla="*/ 7799 h 10000"/>
                  <a:gd name="connsiteX115" fmla="*/ 6901 w 10000"/>
                  <a:gd name="connsiteY115" fmla="*/ 7962 h 10000"/>
                  <a:gd name="connsiteX116" fmla="*/ 7046 w 10000"/>
                  <a:gd name="connsiteY116" fmla="*/ 8021 h 10000"/>
                  <a:gd name="connsiteX117" fmla="*/ 7167 w 10000"/>
                  <a:gd name="connsiteY117" fmla="*/ 8080 h 10000"/>
                  <a:gd name="connsiteX118" fmla="*/ 7288 w 10000"/>
                  <a:gd name="connsiteY118" fmla="*/ 8139 h 10000"/>
                  <a:gd name="connsiteX119" fmla="*/ 7361 w 10000"/>
                  <a:gd name="connsiteY119" fmla="*/ 8227 h 10000"/>
                  <a:gd name="connsiteX120" fmla="*/ 7385 w 10000"/>
                  <a:gd name="connsiteY120" fmla="*/ 8301 h 10000"/>
                  <a:gd name="connsiteX121" fmla="*/ 7385 w 10000"/>
                  <a:gd name="connsiteY121" fmla="*/ 8405 h 10000"/>
                  <a:gd name="connsiteX122" fmla="*/ 7337 w 10000"/>
                  <a:gd name="connsiteY122" fmla="*/ 8523 h 10000"/>
                  <a:gd name="connsiteX123" fmla="*/ 7264 w 10000"/>
                  <a:gd name="connsiteY123" fmla="*/ 8641 h 10000"/>
                  <a:gd name="connsiteX124" fmla="*/ 6949 w 10000"/>
                  <a:gd name="connsiteY124" fmla="*/ 8552 h 10000"/>
                  <a:gd name="connsiteX125" fmla="*/ 6659 w 10000"/>
                  <a:gd name="connsiteY125" fmla="*/ 8449 h 10000"/>
                  <a:gd name="connsiteX126" fmla="*/ 6368 w 10000"/>
                  <a:gd name="connsiteY126" fmla="*/ 8360 h 10000"/>
                  <a:gd name="connsiteX127" fmla="*/ 6077 w 10000"/>
                  <a:gd name="connsiteY127" fmla="*/ 8287 h 10000"/>
                  <a:gd name="connsiteX128" fmla="*/ 5956 w 10000"/>
                  <a:gd name="connsiteY128" fmla="*/ 8449 h 10000"/>
                  <a:gd name="connsiteX129" fmla="*/ 5860 w 10000"/>
                  <a:gd name="connsiteY129" fmla="*/ 8597 h 10000"/>
                  <a:gd name="connsiteX130" fmla="*/ 5811 w 10000"/>
                  <a:gd name="connsiteY130" fmla="*/ 8656 h 10000"/>
                  <a:gd name="connsiteX131" fmla="*/ 5714 w 10000"/>
                  <a:gd name="connsiteY131" fmla="*/ 8700 h 10000"/>
                  <a:gd name="connsiteX132" fmla="*/ 5642 w 10000"/>
                  <a:gd name="connsiteY132" fmla="*/ 8744 h 10000"/>
                  <a:gd name="connsiteX133" fmla="*/ 5569 w 10000"/>
                  <a:gd name="connsiteY133" fmla="*/ 8774 h 10000"/>
                  <a:gd name="connsiteX134" fmla="*/ 5496 w 10000"/>
                  <a:gd name="connsiteY134" fmla="*/ 8804 h 10000"/>
                  <a:gd name="connsiteX135" fmla="*/ 5400 w 10000"/>
                  <a:gd name="connsiteY135" fmla="*/ 8818 h 10000"/>
                  <a:gd name="connsiteX136" fmla="*/ 5278 w 10000"/>
                  <a:gd name="connsiteY136" fmla="*/ 8833 h 10000"/>
                  <a:gd name="connsiteX137" fmla="*/ 5157 w 10000"/>
                  <a:gd name="connsiteY137" fmla="*/ 8833 h 10000"/>
                  <a:gd name="connsiteX138" fmla="*/ 4867 w 10000"/>
                  <a:gd name="connsiteY138" fmla="*/ 8818 h 10000"/>
                  <a:gd name="connsiteX139" fmla="*/ 4504 w 10000"/>
                  <a:gd name="connsiteY139" fmla="*/ 8744 h 10000"/>
                  <a:gd name="connsiteX140" fmla="*/ 4504 w 10000"/>
                  <a:gd name="connsiteY140" fmla="*/ 8922 h 10000"/>
                  <a:gd name="connsiteX141" fmla="*/ 4479 w 10000"/>
                  <a:gd name="connsiteY141" fmla="*/ 9069 h 10000"/>
                  <a:gd name="connsiteX142" fmla="*/ 4455 w 10000"/>
                  <a:gd name="connsiteY142" fmla="*/ 9232 h 10000"/>
                  <a:gd name="connsiteX143" fmla="*/ 4431 w 10000"/>
                  <a:gd name="connsiteY143" fmla="*/ 9365 h 10000"/>
                  <a:gd name="connsiteX144" fmla="*/ 4383 w 10000"/>
                  <a:gd name="connsiteY144" fmla="*/ 9498 h 10000"/>
                  <a:gd name="connsiteX145" fmla="*/ 4286 w 10000"/>
                  <a:gd name="connsiteY145" fmla="*/ 9616 h 10000"/>
                  <a:gd name="connsiteX146" fmla="*/ 4213 w 10000"/>
                  <a:gd name="connsiteY146" fmla="*/ 9734 h 10000"/>
                  <a:gd name="connsiteX147" fmla="*/ 4092 w 10000"/>
                  <a:gd name="connsiteY147" fmla="*/ 9838 h 10000"/>
                  <a:gd name="connsiteX148" fmla="*/ 3801 w 10000"/>
                  <a:gd name="connsiteY148" fmla="*/ 9897 h 10000"/>
                  <a:gd name="connsiteX149" fmla="*/ 3559 w 10000"/>
                  <a:gd name="connsiteY149" fmla="*/ 9941 h 10000"/>
                  <a:gd name="connsiteX150" fmla="*/ 3269 w 10000"/>
                  <a:gd name="connsiteY150" fmla="*/ 9985 h 10000"/>
                  <a:gd name="connsiteX151" fmla="*/ 3051 w 10000"/>
                  <a:gd name="connsiteY151" fmla="*/ 10000 h 10000"/>
                  <a:gd name="connsiteX152" fmla="*/ 2567 w 10000"/>
                  <a:gd name="connsiteY152" fmla="*/ 10000 h 10000"/>
                  <a:gd name="connsiteX153" fmla="*/ 2107 w 10000"/>
                  <a:gd name="connsiteY153" fmla="*/ 9985 h 10000"/>
                  <a:gd name="connsiteX154" fmla="*/ 1671 w 10000"/>
                  <a:gd name="connsiteY154" fmla="*/ 9941 h 10000"/>
                  <a:gd name="connsiteX155" fmla="*/ 1211 w 10000"/>
                  <a:gd name="connsiteY155" fmla="*/ 9911 h 10000"/>
                  <a:gd name="connsiteX156" fmla="*/ 944 w 10000"/>
                  <a:gd name="connsiteY156" fmla="*/ 9911 h 10000"/>
                  <a:gd name="connsiteX157" fmla="*/ 702 w 10000"/>
                  <a:gd name="connsiteY157" fmla="*/ 9911 h 10000"/>
                  <a:gd name="connsiteX158" fmla="*/ 436 w 10000"/>
                  <a:gd name="connsiteY158" fmla="*/ 9926 h 10000"/>
                  <a:gd name="connsiteX159" fmla="*/ 169 w 10000"/>
                  <a:gd name="connsiteY159" fmla="*/ 9970 h 10000"/>
                  <a:gd name="connsiteX160" fmla="*/ 97 w 10000"/>
                  <a:gd name="connsiteY160" fmla="*/ 9867 h 10000"/>
                  <a:gd name="connsiteX161" fmla="*/ 48 w 10000"/>
                  <a:gd name="connsiteY161" fmla="*/ 9793 h 10000"/>
                  <a:gd name="connsiteX162" fmla="*/ 0 w 10000"/>
                  <a:gd name="connsiteY162" fmla="*/ 9705 h 10000"/>
                  <a:gd name="connsiteX163" fmla="*/ 0 w 10000"/>
                  <a:gd name="connsiteY163" fmla="*/ 9601 h 10000"/>
                  <a:gd name="connsiteX164" fmla="*/ 48 w 10000"/>
                  <a:gd name="connsiteY164" fmla="*/ 9424 h 10000"/>
                  <a:gd name="connsiteX165" fmla="*/ 97 w 10000"/>
                  <a:gd name="connsiteY165" fmla="*/ 9202 h 10000"/>
                  <a:gd name="connsiteX166" fmla="*/ 145 w 10000"/>
                  <a:gd name="connsiteY166" fmla="*/ 8996 h 10000"/>
                  <a:gd name="connsiteX167" fmla="*/ 194 w 10000"/>
                  <a:gd name="connsiteY167" fmla="*/ 8759 h 10000"/>
                  <a:gd name="connsiteX168" fmla="*/ 218 w 10000"/>
                  <a:gd name="connsiteY168" fmla="*/ 8641 h 10000"/>
                  <a:gd name="connsiteX169" fmla="*/ 218 w 10000"/>
                  <a:gd name="connsiteY169" fmla="*/ 8538 h 10000"/>
                  <a:gd name="connsiteX170" fmla="*/ 194 w 10000"/>
                  <a:gd name="connsiteY170" fmla="*/ 8405 h 10000"/>
                  <a:gd name="connsiteX171" fmla="*/ 169 w 10000"/>
                  <a:gd name="connsiteY171" fmla="*/ 8287 h 10000"/>
                  <a:gd name="connsiteX172" fmla="*/ 412 w 10000"/>
                  <a:gd name="connsiteY172" fmla="*/ 8213 h 10000"/>
                  <a:gd name="connsiteX173" fmla="*/ 654 w 10000"/>
                  <a:gd name="connsiteY173" fmla="*/ 8139 h 10000"/>
                  <a:gd name="connsiteX174" fmla="*/ 896 w 10000"/>
                  <a:gd name="connsiteY174" fmla="*/ 8095 h 10000"/>
                  <a:gd name="connsiteX175" fmla="*/ 1162 w 10000"/>
                  <a:gd name="connsiteY175" fmla="*/ 8065 h 10000"/>
                  <a:gd name="connsiteX176" fmla="*/ 1646 w 10000"/>
                  <a:gd name="connsiteY176" fmla="*/ 8021 h 10000"/>
                  <a:gd name="connsiteX177" fmla="*/ 2131 w 10000"/>
                  <a:gd name="connsiteY177" fmla="*/ 7976 h 10000"/>
                  <a:gd name="connsiteX178" fmla="*/ 2349 w 10000"/>
                  <a:gd name="connsiteY178" fmla="*/ 7947 h 10000"/>
                  <a:gd name="connsiteX179" fmla="*/ 2567 w 10000"/>
                  <a:gd name="connsiteY179" fmla="*/ 7917 h 10000"/>
                  <a:gd name="connsiteX180" fmla="*/ 2760 w 10000"/>
                  <a:gd name="connsiteY180" fmla="*/ 7843 h 10000"/>
                  <a:gd name="connsiteX181" fmla="*/ 2954 w 10000"/>
                  <a:gd name="connsiteY181" fmla="*/ 7784 h 10000"/>
                  <a:gd name="connsiteX182" fmla="*/ 3123 w 10000"/>
                  <a:gd name="connsiteY182" fmla="*/ 7710 h 10000"/>
                  <a:gd name="connsiteX183" fmla="*/ 3269 w 10000"/>
                  <a:gd name="connsiteY183" fmla="*/ 7592 h 10000"/>
                  <a:gd name="connsiteX184" fmla="*/ 3414 w 10000"/>
                  <a:gd name="connsiteY184" fmla="*/ 7474 h 10000"/>
                  <a:gd name="connsiteX185" fmla="*/ 3511 w 10000"/>
                  <a:gd name="connsiteY185" fmla="*/ 7312 h 10000"/>
                  <a:gd name="connsiteX186" fmla="*/ 3317 w 10000"/>
                  <a:gd name="connsiteY186" fmla="*/ 7238 h 10000"/>
                  <a:gd name="connsiteX187" fmla="*/ 3148 w 10000"/>
                  <a:gd name="connsiteY187" fmla="*/ 7179 h 10000"/>
                  <a:gd name="connsiteX188" fmla="*/ 3002 w 10000"/>
                  <a:gd name="connsiteY188" fmla="*/ 7090 h 10000"/>
                  <a:gd name="connsiteX189" fmla="*/ 2857 w 10000"/>
                  <a:gd name="connsiteY189" fmla="*/ 6987 h 10000"/>
                  <a:gd name="connsiteX190" fmla="*/ 2760 w 10000"/>
                  <a:gd name="connsiteY190" fmla="*/ 6869 h 10000"/>
                  <a:gd name="connsiteX191" fmla="*/ 2712 w 10000"/>
                  <a:gd name="connsiteY191" fmla="*/ 6721 h 10000"/>
                  <a:gd name="connsiteX192" fmla="*/ 2688 w 10000"/>
                  <a:gd name="connsiteY192" fmla="*/ 6558 h 10000"/>
                  <a:gd name="connsiteX193" fmla="*/ 2712 w 10000"/>
                  <a:gd name="connsiteY193" fmla="*/ 6352 h 10000"/>
                  <a:gd name="connsiteX194" fmla="*/ 2591 w 10000"/>
                  <a:gd name="connsiteY194" fmla="*/ 6322 h 10000"/>
                  <a:gd name="connsiteX195" fmla="*/ 2446 w 10000"/>
                  <a:gd name="connsiteY195" fmla="*/ 6292 h 10000"/>
                  <a:gd name="connsiteX196" fmla="*/ 2276 w 10000"/>
                  <a:gd name="connsiteY196" fmla="*/ 6278 h 10000"/>
                  <a:gd name="connsiteX197" fmla="*/ 2107 w 10000"/>
                  <a:gd name="connsiteY197" fmla="*/ 6263 h 10000"/>
                  <a:gd name="connsiteX198" fmla="*/ 1768 w 10000"/>
                  <a:gd name="connsiteY198" fmla="*/ 6248 h 10000"/>
                  <a:gd name="connsiteX199" fmla="*/ 1404 w 10000"/>
                  <a:gd name="connsiteY199" fmla="*/ 6263 h 10000"/>
                  <a:gd name="connsiteX200" fmla="*/ 1090 w 10000"/>
                  <a:gd name="connsiteY200" fmla="*/ 6278 h 10000"/>
                  <a:gd name="connsiteX201" fmla="*/ 799 w 10000"/>
                  <a:gd name="connsiteY201" fmla="*/ 6278 h 10000"/>
                  <a:gd name="connsiteX202" fmla="*/ 557 w 10000"/>
                  <a:gd name="connsiteY202" fmla="*/ 6263 h 10000"/>
                  <a:gd name="connsiteX203" fmla="*/ 363 w 10000"/>
                  <a:gd name="connsiteY203" fmla="*/ 6233 h 10000"/>
                  <a:gd name="connsiteX204" fmla="*/ 605 w 10000"/>
                  <a:gd name="connsiteY204" fmla="*/ 5805 h 10000"/>
                  <a:gd name="connsiteX205" fmla="*/ 872 w 10000"/>
                  <a:gd name="connsiteY205" fmla="*/ 5391 h 10000"/>
                  <a:gd name="connsiteX206" fmla="*/ 969 w 10000"/>
                  <a:gd name="connsiteY206" fmla="*/ 5170 h 10000"/>
                  <a:gd name="connsiteX207" fmla="*/ 1041 w 10000"/>
                  <a:gd name="connsiteY207" fmla="*/ 4963 h 10000"/>
                  <a:gd name="connsiteX208" fmla="*/ 1065 w 10000"/>
                  <a:gd name="connsiteY208" fmla="*/ 4860 h 10000"/>
                  <a:gd name="connsiteX209" fmla="*/ 1041 w 10000"/>
                  <a:gd name="connsiteY209" fmla="*/ 4756 h 10000"/>
                  <a:gd name="connsiteX210" fmla="*/ 1017 w 10000"/>
                  <a:gd name="connsiteY210" fmla="*/ 4653 h 10000"/>
                  <a:gd name="connsiteX211" fmla="*/ 944 w 10000"/>
                  <a:gd name="connsiteY211" fmla="*/ 4549 h 10000"/>
                  <a:gd name="connsiteX212" fmla="*/ 1211 w 10000"/>
                  <a:gd name="connsiteY212" fmla="*/ 4520 h 10000"/>
                  <a:gd name="connsiteX213" fmla="*/ 1404 w 10000"/>
                  <a:gd name="connsiteY213" fmla="*/ 4505 h 10000"/>
                  <a:gd name="connsiteX214" fmla="*/ 1574 w 10000"/>
                  <a:gd name="connsiteY214" fmla="*/ 4505 h 10000"/>
                  <a:gd name="connsiteX215" fmla="*/ 1719 w 10000"/>
                  <a:gd name="connsiteY215" fmla="*/ 4520 h 10000"/>
                  <a:gd name="connsiteX216" fmla="*/ 1840 w 10000"/>
                  <a:gd name="connsiteY216" fmla="*/ 4520 h 10000"/>
                  <a:gd name="connsiteX217" fmla="*/ 1985 w 10000"/>
                  <a:gd name="connsiteY217" fmla="*/ 4520 h 10000"/>
                  <a:gd name="connsiteX218" fmla="*/ 2131 w 10000"/>
                  <a:gd name="connsiteY218" fmla="*/ 4490 h 10000"/>
                  <a:gd name="connsiteX219" fmla="*/ 2324 w 10000"/>
                  <a:gd name="connsiteY219" fmla="*/ 4446 h 10000"/>
                  <a:gd name="connsiteX220" fmla="*/ 2324 w 10000"/>
                  <a:gd name="connsiteY220" fmla="*/ 4579 h 10000"/>
                  <a:gd name="connsiteX221" fmla="*/ 2324 w 10000"/>
                  <a:gd name="connsiteY221" fmla="*/ 4742 h 10000"/>
                  <a:gd name="connsiteX222" fmla="*/ 2324 w 10000"/>
                  <a:gd name="connsiteY222" fmla="*/ 4874 h 10000"/>
                  <a:gd name="connsiteX223" fmla="*/ 2324 w 10000"/>
                  <a:gd name="connsiteY223" fmla="*/ 5037 h 10000"/>
                  <a:gd name="connsiteX224" fmla="*/ 2542 w 10000"/>
                  <a:gd name="connsiteY224" fmla="*/ 5022 h 10000"/>
                  <a:gd name="connsiteX225" fmla="*/ 2688 w 10000"/>
                  <a:gd name="connsiteY225" fmla="*/ 5037 h 10000"/>
                  <a:gd name="connsiteX226" fmla="*/ 2809 w 10000"/>
                  <a:gd name="connsiteY226" fmla="*/ 5066 h 10000"/>
                  <a:gd name="connsiteX227" fmla="*/ 2930 w 10000"/>
                  <a:gd name="connsiteY227" fmla="*/ 5096 h 10000"/>
                  <a:gd name="connsiteX228" fmla="*/ 3027 w 10000"/>
                  <a:gd name="connsiteY228" fmla="*/ 5126 h 10000"/>
                  <a:gd name="connsiteX229" fmla="*/ 3148 w 10000"/>
                  <a:gd name="connsiteY229" fmla="*/ 5155 h 10000"/>
                  <a:gd name="connsiteX230" fmla="*/ 3293 w 10000"/>
                  <a:gd name="connsiteY230" fmla="*/ 5170 h 10000"/>
                  <a:gd name="connsiteX231" fmla="*/ 3511 w 10000"/>
                  <a:gd name="connsiteY231" fmla="*/ 5155 h 10000"/>
                  <a:gd name="connsiteX232" fmla="*/ 3584 w 10000"/>
                  <a:gd name="connsiteY232" fmla="*/ 5096 h 10000"/>
                  <a:gd name="connsiteX233" fmla="*/ 3656 w 10000"/>
                  <a:gd name="connsiteY233" fmla="*/ 5022 h 10000"/>
                  <a:gd name="connsiteX234" fmla="*/ 3680 w 10000"/>
                  <a:gd name="connsiteY234" fmla="*/ 4934 h 10000"/>
                  <a:gd name="connsiteX235" fmla="*/ 3705 w 10000"/>
                  <a:gd name="connsiteY235" fmla="*/ 4860 h 10000"/>
                  <a:gd name="connsiteX236" fmla="*/ 3729 w 10000"/>
                  <a:gd name="connsiteY236" fmla="*/ 4697 h 10000"/>
                  <a:gd name="connsiteX237" fmla="*/ 3705 w 10000"/>
                  <a:gd name="connsiteY237" fmla="*/ 4520 h 10000"/>
                  <a:gd name="connsiteX238" fmla="*/ 3632 w 10000"/>
                  <a:gd name="connsiteY238" fmla="*/ 4343 h 10000"/>
                  <a:gd name="connsiteX239" fmla="*/ 3559 w 10000"/>
                  <a:gd name="connsiteY239" fmla="*/ 4195 h 10000"/>
                  <a:gd name="connsiteX240" fmla="*/ 3438 w 10000"/>
                  <a:gd name="connsiteY240" fmla="*/ 4047 h 10000"/>
                  <a:gd name="connsiteX241" fmla="*/ 3317 w 10000"/>
                  <a:gd name="connsiteY241" fmla="*/ 3959 h 10000"/>
                  <a:gd name="connsiteX242" fmla="*/ 3462 w 10000"/>
                  <a:gd name="connsiteY242" fmla="*/ 3944 h 10000"/>
                  <a:gd name="connsiteX243" fmla="*/ 3584 w 10000"/>
                  <a:gd name="connsiteY243" fmla="*/ 3914 h 10000"/>
                  <a:gd name="connsiteX244" fmla="*/ 3680 w 10000"/>
                  <a:gd name="connsiteY244" fmla="*/ 3855 h 10000"/>
                  <a:gd name="connsiteX245" fmla="*/ 3801 w 10000"/>
                  <a:gd name="connsiteY245" fmla="*/ 3752 h 10000"/>
                  <a:gd name="connsiteX246" fmla="*/ 3923 w 10000"/>
                  <a:gd name="connsiteY246" fmla="*/ 3663 h 10000"/>
                  <a:gd name="connsiteX247" fmla="*/ 4019 w 10000"/>
                  <a:gd name="connsiteY247" fmla="*/ 3560 h 10000"/>
                  <a:gd name="connsiteX248" fmla="*/ 4092 w 10000"/>
                  <a:gd name="connsiteY248" fmla="*/ 3442 h 10000"/>
                  <a:gd name="connsiteX249" fmla="*/ 4165 w 10000"/>
                  <a:gd name="connsiteY249" fmla="*/ 3323 h 10000"/>
                  <a:gd name="connsiteX250" fmla="*/ 4213 w 10000"/>
                  <a:gd name="connsiteY250" fmla="*/ 3220 h 10000"/>
                  <a:gd name="connsiteX251" fmla="*/ 4237 w 10000"/>
                  <a:gd name="connsiteY251" fmla="*/ 3102 h 10000"/>
                  <a:gd name="connsiteX252" fmla="*/ 4262 w 10000"/>
                  <a:gd name="connsiteY252" fmla="*/ 3013 h 10000"/>
                  <a:gd name="connsiteX253" fmla="*/ 4237 w 10000"/>
                  <a:gd name="connsiteY253" fmla="*/ 2939 h 10000"/>
                  <a:gd name="connsiteX254" fmla="*/ 4213 w 10000"/>
                  <a:gd name="connsiteY254" fmla="*/ 2866 h 10000"/>
                  <a:gd name="connsiteX255" fmla="*/ 4140 w 10000"/>
                  <a:gd name="connsiteY255" fmla="*/ 2836 h 10000"/>
                  <a:gd name="connsiteX256" fmla="*/ 4044 w 10000"/>
                  <a:gd name="connsiteY256" fmla="*/ 2836 h 10000"/>
                  <a:gd name="connsiteX257" fmla="*/ 3923 w 10000"/>
                  <a:gd name="connsiteY257" fmla="*/ 2866 h 10000"/>
                  <a:gd name="connsiteX258" fmla="*/ 4019 w 10000"/>
                  <a:gd name="connsiteY258" fmla="*/ 2777 h 10000"/>
                  <a:gd name="connsiteX259" fmla="*/ 4068 w 10000"/>
                  <a:gd name="connsiteY259" fmla="*/ 2674 h 10000"/>
                  <a:gd name="connsiteX260" fmla="*/ 4092 w 10000"/>
                  <a:gd name="connsiteY260" fmla="*/ 2541 h 10000"/>
                  <a:gd name="connsiteX261" fmla="*/ 4092 w 10000"/>
                  <a:gd name="connsiteY261" fmla="*/ 2393 h 10000"/>
                  <a:gd name="connsiteX262" fmla="*/ 4116 w 10000"/>
                  <a:gd name="connsiteY262" fmla="*/ 2349 h 10000"/>
                  <a:gd name="connsiteX263" fmla="*/ 4165 w 10000"/>
                  <a:gd name="connsiteY263" fmla="*/ 2304 h 10000"/>
                  <a:gd name="connsiteX264" fmla="*/ 4213 w 10000"/>
                  <a:gd name="connsiteY264" fmla="*/ 2290 h 10000"/>
                  <a:gd name="connsiteX265" fmla="*/ 4286 w 10000"/>
                  <a:gd name="connsiteY265" fmla="*/ 2275 h 10000"/>
                  <a:gd name="connsiteX266" fmla="*/ 4504 w 10000"/>
                  <a:gd name="connsiteY266" fmla="*/ 2260 h 10000"/>
                  <a:gd name="connsiteX267" fmla="*/ 4697 w 10000"/>
                  <a:gd name="connsiteY267" fmla="*/ 2275 h 10000"/>
                  <a:gd name="connsiteX268" fmla="*/ 4673 w 10000"/>
                  <a:gd name="connsiteY268" fmla="*/ 2112 h 10000"/>
                  <a:gd name="connsiteX269" fmla="*/ 4625 w 10000"/>
                  <a:gd name="connsiteY269" fmla="*/ 1950 h 10000"/>
                  <a:gd name="connsiteX270" fmla="*/ 4552 w 10000"/>
                  <a:gd name="connsiteY270" fmla="*/ 1802 h 10000"/>
                  <a:gd name="connsiteX271" fmla="*/ 4455 w 10000"/>
                  <a:gd name="connsiteY271" fmla="*/ 1640 h 10000"/>
                  <a:gd name="connsiteX272" fmla="*/ 4213 w 10000"/>
                  <a:gd name="connsiteY272" fmla="*/ 1329 h 10000"/>
                  <a:gd name="connsiteX273" fmla="*/ 3971 w 10000"/>
                  <a:gd name="connsiteY273" fmla="*/ 1034 h 10000"/>
                  <a:gd name="connsiteX274" fmla="*/ 3850 w 10000"/>
                  <a:gd name="connsiteY274" fmla="*/ 901 h 10000"/>
                  <a:gd name="connsiteX275" fmla="*/ 3753 w 10000"/>
                  <a:gd name="connsiteY275" fmla="*/ 753 h 10000"/>
                  <a:gd name="connsiteX276" fmla="*/ 3680 w 10000"/>
                  <a:gd name="connsiteY276" fmla="*/ 620 h 10000"/>
                  <a:gd name="connsiteX277" fmla="*/ 3656 w 10000"/>
                  <a:gd name="connsiteY277" fmla="*/ 487 h 10000"/>
                  <a:gd name="connsiteX278" fmla="*/ 3632 w 10000"/>
                  <a:gd name="connsiteY278" fmla="*/ 355 h 10000"/>
                  <a:gd name="connsiteX279" fmla="*/ 3680 w 10000"/>
                  <a:gd name="connsiteY279" fmla="*/ 222 h 10000"/>
                  <a:gd name="connsiteX280" fmla="*/ 3705 w 10000"/>
                  <a:gd name="connsiteY280" fmla="*/ 162 h 10000"/>
                  <a:gd name="connsiteX281" fmla="*/ 3753 w 10000"/>
                  <a:gd name="connsiteY281" fmla="*/ 103 h 10000"/>
                  <a:gd name="connsiteX282" fmla="*/ 3826 w 10000"/>
                  <a:gd name="connsiteY282" fmla="*/ 59 h 10000"/>
                  <a:gd name="connsiteX283" fmla="*/ 3923 w 10000"/>
                  <a:gd name="connsiteY283" fmla="*/ 0 h 10000"/>
                  <a:gd name="connsiteX0" fmla="*/ 3923 w 9831"/>
                  <a:gd name="connsiteY0" fmla="*/ 0 h 10000"/>
                  <a:gd name="connsiteX1" fmla="*/ 4092 w 9831"/>
                  <a:gd name="connsiteY1" fmla="*/ 0 h 10000"/>
                  <a:gd name="connsiteX2" fmla="*/ 4262 w 9831"/>
                  <a:gd name="connsiteY2" fmla="*/ 15 h 10000"/>
                  <a:gd name="connsiteX3" fmla="*/ 4431 w 9831"/>
                  <a:gd name="connsiteY3" fmla="*/ 44 h 10000"/>
                  <a:gd name="connsiteX4" fmla="*/ 4552 w 9831"/>
                  <a:gd name="connsiteY4" fmla="*/ 89 h 10000"/>
                  <a:gd name="connsiteX5" fmla="*/ 4746 w 9831"/>
                  <a:gd name="connsiteY5" fmla="*/ 192 h 10000"/>
                  <a:gd name="connsiteX6" fmla="*/ 4939 w 9831"/>
                  <a:gd name="connsiteY6" fmla="*/ 340 h 10000"/>
                  <a:gd name="connsiteX7" fmla="*/ 5085 w 9831"/>
                  <a:gd name="connsiteY7" fmla="*/ 473 h 10000"/>
                  <a:gd name="connsiteX8" fmla="*/ 5278 w 9831"/>
                  <a:gd name="connsiteY8" fmla="*/ 591 h 10000"/>
                  <a:gd name="connsiteX9" fmla="*/ 5400 w 9831"/>
                  <a:gd name="connsiteY9" fmla="*/ 650 h 10000"/>
                  <a:gd name="connsiteX10" fmla="*/ 5545 w 9831"/>
                  <a:gd name="connsiteY10" fmla="*/ 679 h 10000"/>
                  <a:gd name="connsiteX11" fmla="*/ 5690 w 9831"/>
                  <a:gd name="connsiteY11" fmla="*/ 709 h 10000"/>
                  <a:gd name="connsiteX12" fmla="*/ 5884 w 9831"/>
                  <a:gd name="connsiteY12" fmla="*/ 709 h 10000"/>
                  <a:gd name="connsiteX13" fmla="*/ 5884 w 9831"/>
                  <a:gd name="connsiteY13" fmla="*/ 768 h 10000"/>
                  <a:gd name="connsiteX14" fmla="*/ 5908 w 9831"/>
                  <a:gd name="connsiteY14" fmla="*/ 842 h 10000"/>
                  <a:gd name="connsiteX15" fmla="*/ 5956 w 9831"/>
                  <a:gd name="connsiteY15" fmla="*/ 916 h 10000"/>
                  <a:gd name="connsiteX16" fmla="*/ 6005 w 9831"/>
                  <a:gd name="connsiteY16" fmla="*/ 990 h 10000"/>
                  <a:gd name="connsiteX17" fmla="*/ 6077 w 9831"/>
                  <a:gd name="connsiteY17" fmla="*/ 1049 h 10000"/>
                  <a:gd name="connsiteX18" fmla="*/ 6174 w 9831"/>
                  <a:gd name="connsiteY18" fmla="*/ 1108 h 10000"/>
                  <a:gd name="connsiteX19" fmla="*/ 6295 w 9831"/>
                  <a:gd name="connsiteY19" fmla="*/ 1182 h 10000"/>
                  <a:gd name="connsiteX20" fmla="*/ 6392 w 9831"/>
                  <a:gd name="connsiteY20" fmla="*/ 1226 h 10000"/>
                  <a:gd name="connsiteX21" fmla="*/ 6489 w 9831"/>
                  <a:gd name="connsiteY21" fmla="*/ 1270 h 10000"/>
                  <a:gd name="connsiteX22" fmla="*/ 6586 w 9831"/>
                  <a:gd name="connsiteY22" fmla="*/ 1300 h 10000"/>
                  <a:gd name="connsiteX23" fmla="*/ 6683 w 9831"/>
                  <a:gd name="connsiteY23" fmla="*/ 1315 h 10000"/>
                  <a:gd name="connsiteX24" fmla="*/ 6804 w 9831"/>
                  <a:gd name="connsiteY24" fmla="*/ 1300 h 10000"/>
                  <a:gd name="connsiteX25" fmla="*/ 6901 w 9831"/>
                  <a:gd name="connsiteY25" fmla="*/ 1285 h 10000"/>
                  <a:gd name="connsiteX26" fmla="*/ 6973 w 9831"/>
                  <a:gd name="connsiteY26" fmla="*/ 1241 h 10000"/>
                  <a:gd name="connsiteX27" fmla="*/ 7022 w 9831"/>
                  <a:gd name="connsiteY27" fmla="*/ 1167 h 10000"/>
                  <a:gd name="connsiteX28" fmla="*/ 7046 w 9831"/>
                  <a:gd name="connsiteY28" fmla="*/ 1064 h 10000"/>
                  <a:gd name="connsiteX29" fmla="*/ 7409 w 9831"/>
                  <a:gd name="connsiteY29" fmla="*/ 1034 h 10000"/>
                  <a:gd name="connsiteX30" fmla="*/ 7748 w 9831"/>
                  <a:gd name="connsiteY30" fmla="*/ 1004 h 10000"/>
                  <a:gd name="connsiteX31" fmla="*/ 8039 w 9831"/>
                  <a:gd name="connsiteY31" fmla="*/ 990 h 10000"/>
                  <a:gd name="connsiteX32" fmla="*/ 8305 w 9831"/>
                  <a:gd name="connsiteY32" fmla="*/ 1004 h 10000"/>
                  <a:gd name="connsiteX33" fmla="*/ 8426 w 9831"/>
                  <a:gd name="connsiteY33" fmla="*/ 1019 h 10000"/>
                  <a:gd name="connsiteX34" fmla="*/ 8547 w 9831"/>
                  <a:gd name="connsiteY34" fmla="*/ 1034 h 10000"/>
                  <a:gd name="connsiteX35" fmla="*/ 8644 w 9831"/>
                  <a:gd name="connsiteY35" fmla="*/ 1064 h 10000"/>
                  <a:gd name="connsiteX36" fmla="*/ 8765 w 9831"/>
                  <a:gd name="connsiteY36" fmla="*/ 1108 h 10000"/>
                  <a:gd name="connsiteX37" fmla="*/ 8838 w 9831"/>
                  <a:gd name="connsiteY37" fmla="*/ 1182 h 10000"/>
                  <a:gd name="connsiteX38" fmla="*/ 8910 w 9831"/>
                  <a:gd name="connsiteY38" fmla="*/ 1241 h 10000"/>
                  <a:gd name="connsiteX39" fmla="*/ 8959 w 9831"/>
                  <a:gd name="connsiteY39" fmla="*/ 1329 h 10000"/>
                  <a:gd name="connsiteX40" fmla="*/ 9007 w 9831"/>
                  <a:gd name="connsiteY40" fmla="*/ 1433 h 10000"/>
                  <a:gd name="connsiteX41" fmla="*/ 9056 w 9831"/>
                  <a:gd name="connsiteY41" fmla="*/ 1551 h 10000"/>
                  <a:gd name="connsiteX42" fmla="*/ 9031 w 9831"/>
                  <a:gd name="connsiteY42" fmla="*/ 1625 h 10000"/>
                  <a:gd name="connsiteX43" fmla="*/ 9007 w 9831"/>
                  <a:gd name="connsiteY43" fmla="*/ 1684 h 10000"/>
                  <a:gd name="connsiteX44" fmla="*/ 8959 w 9831"/>
                  <a:gd name="connsiteY44" fmla="*/ 1758 h 10000"/>
                  <a:gd name="connsiteX45" fmla="*/ 8886 w 9831"/>
                  <a:gd name="connsiteY45" fmla="*/ 1802 h 10000"/>
                  <a:gd name="connsiteX46" fmla="*/ 8838 w 9831"/>
                  <a:gd name="connsiteY46" fmla="*/ 1861 h 10000"/>
                  <a:gd name="connsiteX47" fmla="*/ 8814 w 9831"/>
                  <a:gd name="connsiteY47" fmla="*/ 1935 h 10000"/>
                  <a:gd name="connsiteX48" fmla="*/ 8838 w 9831"/>
                  <a:gd name="connsiteY48" fmla="*/ 2024 h 10000"/>
                  <a:gd name="connsiteX49" fmla="*/ 9104 w 9831"/>
                  <a:gd name="connsiteY49" fmla="*/ 2157 h 10000"/>
                  <a:gd name="connsiteX50" fmla="*/ 9419 w 9831"/>
                  <a:gd name="connsiteY50" fmla="*/ 2275 h 10000"/>
                  <a:gd name="connsiteX51" fmla="*/ 9540 w 9831"/>
                  <a:gd name="connsiteY51" fmla="*/ 2349 h 10000"/>
                  <a:gd name="connsiteX52" fmla="*/ 9685 w 9831"/>
                  <a:gd name="connsiteY52" fmla="*/ 2422 h 10000"/>
                  <a:gd name="connsiteX53" fmla="*/ 9831 w 9831"/>
                  <a:gd name="connsiteY53" fmla="*/ 2467 h 10000"/>
                  <a:gd name="connsiteX54" fmla="*/ 6852 w 9831"/>
                  <a:gd name="connsiteY54" fmla="*/ 4313 h 10000"/>
                  <a:gd name="connsiteX55" fmla="*/ 6852 w 9831"/>
                  <a:gd name="connsiteY55" fmla="*/ 4431 h 10000"/>
                  <a:gd name="connsiteX56" fmla="*/ 6852 w 9831"/>
                  <a:gd name="connsiteY56" fmla="*/ 4549 h 10000"/>
                  <a:gd name="connsiteX57" fmla="*/ 6804 w 9831"/>
                  <a:gd name="connsiteY57" fmla="*/ 4564 h 10000"/>
                  <a:gd name="connsiteX58" fmla="*/ 6731 w 9831"/>
                  <a:gd name="connsiteY58" fmla="*/ 4594 h 10000"/>
                  <a:gd name="connsiteX59" fmla="*/ 6683 w 9831"/>
                  <a:gd name="connsiteY59" fmla="*/ 4638 h 10000"/>
                  <a:gd name="connsiteX60" fmla="*/ 6683 w 9831"/>
                  <a:gd name="connsiteY60" fmla="*/ 4697 h 10000"/>
                  <a:gd name="connsiteX61" fmla="*/ 6659 w 9831"/>
                  <a:gd name="connsiteY61" fmla="*/ 4801 h 10000"/>
                  <a:gd name="connsiteX62" fmla="*/ 6659 w 9831"/>
                  <a:gd name="connsiteY62" fmla="*/ 4904 h 10000"/>
                  <a:gd name="connsiteX63" fmla="*/ 6538 w 9831"/>
                  <a:gd name="connsiteY63" fmla="*/ 4860 h 10000"/>
                  <a:gd name="connsiteX64" fmla="*/ 6465 w 9831"/>
                  <a:gd name="connsiteY64" fmla="*/ 4801 h 10000"/>
                  <a:gd name="connsiteX65" fmla="*/ 6392 w 9831"/>
                  <a:gd name="connsiteY65" fmla="*/ 4727 h 10000"/>
                  <a:gd name="connsiteX66" fmla="*/ 6320 w 9831"/>
                  <a:gd name="connsiteY66" fmla="*/ 4638 h 10000"/>
                  <a:gd name="connsiteX67" fmla="*/ 6199 w 9831"/>
                  <a:gd name="connsiteY67" fmla="*/ 4476 h 10000"/>
                  <a:gd name="connsiteX68" fmla="*/ 6077 w 9831"/>
                  <a:gd name="connsiteY68" fmla="*/ 4313 h 10000"/>
                  <a:gd name="connsiteX69" fmla="*/ 6223 w 9831"/>
                  <a:gd name="connsiteY69" fmla="*/ 4210 h 10000"/>
                  <a:gd name="connsiteX70" fmla="*/ 6416 w 9831"/>
                  <a:gd name="connsiteY70" fmla="*/ 4121 h 10000"/>
                  <a:gd name="connsiteX71" fmla="*/ 6634 w 9831"/>
                  <a:gd name="connsiteY71" fmla="*/ 4032 h 10000"/>
                  <a:gd name="connsiteX72" fmla="*/ 6877 w 9831"/>
                  <a:gd name="connsiteY72" fmla="*/ 3959 h 10000"/>
                  <a:gd name="connsiteX73" fmla="*/ 7385 w 9831"/>
                  <a:gd name="connsiteY73" fmla="*/ 3811 h 10000"/>
                  <a:gd name="connsiteX74" fmla="*/ 7893 w 9831"/>
                  <a:gd name="connsiteY74" fmla="*/ 3663 h 10000"/>
                  <a:gd name="connsiteX75" fmla="*/ 8136 w 9831"/>
                  <a:gd name="connsiteY75" fmla="*/ 3589 h 10000"/>
                  <a:gd name="connsiteX76" fmla="*/ 8378 w 9831"/>
                  <a:gd name="connsiteY76" fmla="*/ 3516 h 10000"/>
                  <a:gd name="connsiteX77" fmla="*/ 8571 w 9831"/>
                  <a:gd name="connsiteY77" fmla="*/ 3412 h 10000"/>
                  <a:gd name="connsiteX78" fmla="*/ 8765 w 9831"/>
                  <a:gd name="connsiteY78" fmla="*/ 3338 h 10000"/>
                  <a:gd name="connsiteX79" fmla="*/ 8886 w 9831"/>
                  <a:gd name="connsiteY79" fmla="*/ 3235 h 10000"/>
                  <a:gd name="connsiteX80" fmla="*/ 8983 w 9831"/>
                  <a:gd name="connsiteY80" fmla="*/ 3117 h 10000"/>
                  <a:gd name="connsiteX81" fmla="*/ 9007 w 9831"/>
                  <a:gd name="connsiteY81" fmla="*/ 3072 h 10000"/>
                  <a:gd name="connsiteX82" fmla="*/ 9031 w 9831"/>
                  <a:gd name="connsiteY82" fmla="*/ 3013 h 10000"/>
                  <a:gd name="connsiteX83" fmla="*/ 9031 w 9831"/>
                  <a:gd name="connsiteY83" fmla="*/ 2954 h 10000"/>
                  <a:gd name="connsiteX84" fmla="*/ 9007 w 9831"/>
                  <a:gd name="connsiteY84" fmla="*/ 2866 h 10000"/>
                  <a:gd name="connsiteX85" fmla="*/ 8838 w 9831"/>
                  <a:gd name="connsiteY85" fmla="*/ 2984 h 10000"/>
                  <a:gd name="connsiteX86" fmla="*/ 8644 w 9831"/>
                  <a:gd name="connsiteY86" fmla="*/ 3072 h 10000"/>
                  <a:gd name="connsiteX87" fmla="*/ 8450 w 9831"/>
                  <a:gd name="connsiteY87" fmla="*/ 3161 h 10000"/>
                  <a:gd name="connsiteX88" fmla="*/ 8257 w 9831"/>
                  <a:gd name="connsiteY88" fmla="*/ 3250 h 10000"/>
                  <a:gd name="connsiteX89" fmla="*/ 7821 w 9831"/>
                  <a:gd name="connsiteY89" fmla="*/ 3397 h 10000"/>
                  <a:gd name="connsiteX90" fmla="*/ 7361 w 9831"/>
                  <a:gd name="connsiteY90" fmla="*/ 3545 h 10000"/>
                  <a:gd name="connsiteX91" fmla="*/ 6901 w 9831"/>
                  <a:gd name="connsiteY91" fmla="*/ 3678 h 10000"/>
                  <a:gd name="connsiteX92" fmla="*/ 6465 w 9831"/>
                  <a:gd name="connsiteY92" fmla="*/ 3840 h 10000"/>
                  <a:gd name="connsiteX93" fmla="*/ 6247 w 9831"/>
                  <a:gd name="connsiteY93" fmla="*/ 3914 h 10000"/>
                  <a:gd name="connsiteX94" fmla="*/ 6053 w 9831"/>
                  <a:gd name="connsiteY94" fmla="*/ 4003 h 10000"/>
                  <a:gd name="connsiteX95" fmla="*/ 5860 w 9831"/>
                  <a:gd name="connsiteY95" fmla="*/ 4106 h 10000"/>
                  <a:gd name="connsiteX96" fmla="*/ 5666 w 9831"/>
                  <a:gd name="connsiteY96" fmla="*/ 4195 h 10000"/>
                  <a:gd name="connsiteX97" fmla="*/ 5811 w 9831"/>
                  <a:gd name="connsiteY97" fmla="*/ 4417 h 10000"/>
                  <a:gd name="connsiteX98" fmla="*/ 5908 w 9831"/>
                  <a:gd name="connsiteY98" fmla="*/ 4623 h 10000"/>
                  <a:gd name="connsiteX99" fmla="*/ 6005 w 9831"/>
                  <a:gd name="connsiteY99" fmla="*/ 4845 h 10000"/>
                  <a:gd name="connsiteX100" fmla="*/ 6077 w 9831"/>
                  <a:gd name="connsiteY100" fmla="*/ 5081 h 10000"/>
                  <a:gd name="connsiteX101" fmla="*/ 6126 w 9831"/>
                  <a:gd name="connsiteY101" fmla="*/ 5318 h 10000"/>
                  <a:gd name="connsiteX102" fmla="*/ 6150 w 9831"/>
                  <a:gd name="connsiteY102" fmla="*/ 5539 h 10000"/>
                  <a:gd name="connsiteX103" fmla="*/ 6174 w 9831"/>
                  <a:gd name="connsiteY103" fmla="*/ 5775 h 10000"/>
                  <a:gd name="connsiteX104" fmla="*/ 6174 w 9831"/>
                  <a:gd name="connsiteY104" fmla="*/ 5997 h 10000"/>
                  <a:gd name="connsiteX105" fmla="*/ 6150 w 9831"/>
                  <a:gd name="connsiteY105" fmla="*/ 6233 h 10000"/>
                  <a:gd name="connsiteX106" fmla="*/ 6102 w 9831"/>
                  <a:gd name="connsiteY106" fmla="*/ 6470 h 10000"/>
                  <a:gd name="connsiteX107" fmla="*/ 6053 w 9831"/>
                  <a:gd name="connsiteY107" fmla="*/ 6677 h 10000"/>
                  <a:gd name="connsiteX108" fmla="*/ 5981 w 9831"/>
                  <a:gd name="connsiteY108" fmla="*/ 6898 h 10000"/>
                  <a:gd name="connsiteX109" fmla="*/ 5884 w 9831"/>
                  <a:gd name="connsiteY109" fmla="*/ 7105 h 10000"/>
                  <a:gd name="connsiteX110" fmla="*/ 5763 w 9831"/>
                  <a:gd name="connsiteY110" fmla="*/ 7297 h 10000"/>
                  <a:gd name="connsiteX111" fmla="*/ 5617 w 9831"/>
                  <a:gd name="connsiteY111" fmla="*/ 7489 h 10000"/>
                  <a:gd name="connsiteX112" fmla="*/ 5472 w 9831"/>
                  <a:gd name="connsiteY112" fmla="*/ 7681 h 10000"/>
                  <a:gd name="connsiteX113" fmla="*/ 6174 w 9831"/>
                  <a:gd name="connsiteY113" fmla="*/ 7799 h 10000"/>
                  <a:gd name="connsiteX114" fmla="*/ 6901 w 9831"/>
                  <a:gd name="connsiteY114" fmla="*/ 7962 h 10000"/>
                  <a:gd name="connsiteX115" fmla="*/ 7046 w 9831"/>
                  <a:gd name="connsiteY115" fmla="*/ 8021 h 10000"/>
                  <a:gd name="connsiteX116" fmla="*/ 7167 w 9831"/>
                  <a:gd name="connsiteY116" fmla="*/ 8080 h 10000"/>
                  <a:gd name="connsiteX117" fmla="*/ 7288 w 9831"/>
                  <a:gd name="connsiteY117" fmla="*/ 8139 h 10000"/>
                  <a:gd name="connsiteX118" fmla="*/ 7361 w 9831"/>
                  <a:gd name="connsiteY118" fmla="*/ 8227 h 10000"/>
                  <a:gd name="connsiteX119" fmla="*/ 7385 w 9831"/>
                  <a:gd name="connsiteY119" fmla="*/ 8301 h 10000"/>
                  <a:gd name="connsiteX120" fmla="*/ 7385 w 9831"/>
                  <a:gd name="connsiteY120" fmla="*/ 8405 h 10000"/>
                  <a:gd name="connsiteX121" fmla="*/ 7337 w 9831"/>
                  <a:gd name="connsiteY121" fmla="*/ 8523 h 10000"/>
                  <a:gd name="connsiteX122" fmla="*/ 7264 w 9831"/>
                  <a:gd name="connsiteY122" fmla="*/ 8641 h 10000"/>
                  <a:gd name="connsiteX123" fmla="*/ 6949 w 9831"/>
                  <a:gd name="connsiteY123" fmla="*/ 8552 h 10000"/>
                  <a:gd name="connsiteX124" fmla="*/ 6659 w 9831"/>
                  <a:gd name="connsiteY124" fmla="*/ 8449 h 10000"/>
                  <a:gd name="connsiteX125" fmla="*/ 6368 w 9831"/>
                  <a:gd name="connsiteY125" fmla="*/ 8360 h 10000"/>
                  <a:gd name="connsiteX126" fmla="*/ 6077 w 9831"/>
                  <a:gd name="connsiteY126" fmla="*/ 8287 h 10000"/>
                  <a:gd name="connsiteX127" fmla="*/ 5956 w 9831"/>
                  <a:gd name="connsiteY127" fmla="*/ 8449 h 10000"/>
                  <a:gd name="connsiteX128" fmla="*/ 5860 w 9831"/>
                  <a:gd name="connsiteY128" fmla="*/ 8597 h 10000"/>
                  <a:gd name="connsiteX129" fmla="*/ 5811 w 9831"/>
                  <a:gd name="connsiteY129" fmla="*/ 8656 h 10000"/>
                  <a:gd name="connsiteX130" fmla="*/ 5714 w 9831"/>
                  <a:gd name="connsiteY130" fmla="*/ 8700 h 10000"/>
                  <a:gd name="connsiteX131" fmla="*/ 5642 w 9831"/>
                  <a:gd name="connsiteY131" fmla="*/ 8744 h 10000"/>
                  <a:gd name="connsiteX132" fmla="*/ 5569 w 9831"/>
                  <a:gd name="connsiteY132" fmla="*/ 8774 h 10000"/>
                  <a:gd name="connsiteX133" fmla="*/ 5496 w 9831"/>
                  <a:gd name="connsiteY133" fmla="*/ 8804 h 10000"/>
                  <a:gd name="connsiteX134" fmla="*/ 5400 w 9831"/>
                  <a:gd name="connsiteY134" fmla="*/ 8818 h 10000"/>
                  <a:gd name="connsiteX135" fmla="*/ 5278 w 9831"/>
                  <a:gd name="connsiteY135" fmla="*/ 8833 h 10000"/>
                  <a:gd name="connsiteX136" fmla="*/ 5157 w 9831"/>
                  <a:gd name="connsiteY136" fmla="*/ 8833 h 10000"/>
                  <a:gd name="connsiteX137" fmla="*/ 4867 w 9831"/>
                  <a:gd name="connsiteY137" fmla="*/ 8818 h 10000"/>
                  <a:gd name="connsiteX138" fmla="*/ 4504 w 9831"/>
                  <a:gd name="connsiteY138" fmla="*/ 8744 h 10000"/>
                  <a:gd name="connsiteX139" fmla="*/ 4504 w 9831"/>
                  <a:gd name="connsiteY139" fmla="*/ 8922 h 10000"/>
                  <a:gd name="connsiteX140" fmla="*/ 4479 w 9831"/>
                  <a:gd name="connsiteY140" fmla="*/ 9069 h 10000"/>
                  <a:gd name="connsiteX141" fmla="*/ 4455 w 9831"/>
                  <a:gd name="connsiteY141" fmla="*/ 9232 h 10000"/>
                  <a:gd name="connsiteX142" fmla="*/ 4431 w 9831"/>
                  <a:gd name="connsiteY142" fmla="*/ 9365 h 10000"/>
                  <a:gd name="connsiteX143" fmla="*/ 4383 w 9831"/>
                  <a:gd name="connsiteY143" fmla="*/ 9498 h 10000"/>
                  <a:gd name="connsiteX144" fmla="*/ 4286 w 9831"/>
                  <a:gd name="connsiteY144" fmla="*/ 9616 h 10000"/>
                  <a:gd name="connsiteX145" fmla="*/ 4213 w 9831"/>
                  <a:gd name="connsiteY145" fmla="*/ 9734 h 10000"/>
                  <a:gd name="connsiteX146" fmla="*/ 4092 w 9831"/>
                  <a:gd name="connsiteY146" fmla="*/ 9838 h 10000"/>
                  <a:gd name="connsiteX147" fmla="*/ 3801 w 9831"/>
                  <a:gd name="connsiteY147" fmla="*/ 9897 h 10000"/>
                  <a:gd name="connsiteX148" fmla="*/ 3559 w 9831"/>
                  <a:gd name="connsiteY148" fmla="*/ 9941 h 10000"/>
                  <a:gd name="connsiteX149" fmla="*/ 3269 w 9831"/>
                  <a:gd name="connsiteY149" fmla="*/ 9985 h 10000"/>
                  <a:gd name="connsiteX150" fmla="*/ 3051 w 9831"/>
                  <a:gd name="connsiteY150" fmla="*/ 10000 h 10000"/>
                  <a:gd name="connsiteX151" fmla="*/ 2567 w 9831"/>
                  <a:gd name="connsiteY151" fmla="*/ 10000 h 10000"/>
                  <a:gd name="connsiteX152" fmla="*/ 2107 w 9831"/>
                  <a:gd name="connsiteY152" fmla="*/ 9985 h 10000"/>
                  <a:gd name="connsiteX153" fmla="*/ 1671 w 9831"/>
                  <a:gd name="connsiteY153" fmla="*/ 9941 h 10000"/>
                  <a:gd name="connsiteX154" fmla="*/ 1211 w 9831"/>
                  <a:gd name="connsiteY154" fmla="*/ 9911 h 10000"/>
                  <a:gd name="connsiteX155" fmla="*/ 944 w 9831"/>
                  <a:gd name="connsiteY155" fmla="*/ 9911 h 10000"/>
                  <a:gd name="connsiteX156" fmla="*/ 702 w 9831"/>
                  <a:gd name="connsiteY156" fmla="*/ 9911 h 10000"/>
                  <a:gd name="connsiteX157" fmla="*/ 436 w 9831"/>
                  <a:gd name="connsiteY157" fmla="*/ 9926 h 10000"/>
                  <a:gd name="connsiteX158" fmla="*/ 169 w 9831"/>
                  <a:gd name="connsiteY158" fmla="*/ 9970 h 10000"/>
                  <a:gd name="connsiteX159" fmla="*/ 97 w 9831"/>
                  <a:gd name="connsiteY159" fmla="*/ 9867 h 10000"/>
                  <a:gd name="connsiteX160" fmla="*/ 48 w 9831"/>
                  <a:gd name="connsiteY160" fmla="*/ 9793 h 10000"/>
                  <a:gd name="connsiteX161" fmla="*/ 0 w 9831"/>
                  <a:gd name="connsiteY161" fmla="*/ 9705 h 10000"/>
                  <a:gd name="connsiteX162" fmla="*/ 0 w 9831"/>
                  <a:gd name="connsiteY162" fmla="*/ 9601 h 10000"/>
                  <a:gd name="connsiteX163" fmla="*/ 48 w 9831"/>
                  <a:gd name="connsiteY163" fmla="*/ 9424 h 10000"/>
                  <a:gd name="connsiteX164" fmla="*/ 97 w 9831"/>
                  <a:gd name="connsiteY164" fmla="*/ 9202 h 10000"/>
                  <a:gd name="connsiteX165" fmla="*/ 145 w 9831"/>
                  <a:gd name="connsiteY165" fmla="*/ 8996 h 10000"/>
                  <a:gd name="connsiteX166" fmla="*/ 194 w 9831"/>
                  <a:gd name="connsiteY166" fmla="*/ 8759 h 10000"/>
                  <a:gd name="connsiteX167" fmla="*/ 218 w 9831"/>
                  <a:gd name="connsiteY167" fmla="*/ 8641 h 10000"/>
                  <a:gd name="connsiteX168" fmla="*/ 218 w 9831"/>
                  <a:gd name="connsiteY168" fmla="*/ 8538 h 10000"/>
                  <a:gd name="connsiteX169" fmla="*/ 194 w 9831"/>
                  <a:gd name="connsiteY169" fmla="*/ 8405 h 10000"/>
                  <a:gd name="connsiteX170" fmla="*/ 169 w 9831"/>
                  <a:gd name="connsiteY170" fmla="*/ 8287 h 10000"/>
                  <a:gd name="connsiteX171" fmla="*/ 412 w 9831"/>
                  <a:gd name="connsiteY171" fmla="*/ 8213 h 10000"/>
                  <a:gd name="connsiteX172" fmla="*/ 654 w 9831"/>
                  <a:gd name="connsiteY172" fmla="*/ 8139 h 10000"/>
                  <a:gd name="connsiteX173" fmla="*/ 896 w 9831"/>
                  <a:gd name="connsiteY173" fmla="*/ 8095 h 10000"/>
                  <a:gd name="connsiteX174" fmla="*/ 1162 w 9831"/>
                  <a:gd name="connsiteY174" fmla="*/ 8065 h 10000"/>
                  <a:gd name="connsiteX175" fmla="*/ 1646 w 9831"/>
                  <a:gd name="connsiteY175" fmla="*/ 8021 h 10000"/>
                  <a:gd name="connsiteX176" fmla="*/ 2131 w 9831"/>
                  <a:gd name="connsiteY176" fmla="*/ 7976 h 10000"/>
                  <a:gd name="connsiteX177" fmla="*/ 2349 w 9831"/>
                  <a:gd name="connsiteY177" fmla="*/ 7947 h 10000"/>
                  <a:gd name="connsiteX178" fmla="*/ 2567 w 9831"/>
                  <a:gd name="connsiteY178" fmla="*/ 7917 h 10000"/>
                  <a:gd name="connsiteX179" fmla="*/ 2760 w 9831"/>
                  <a:gd name="connsiteY179" fmla="*/ 7843 h 10000"/>
                  <a:gd name="connsiteX180" fmla="*/ 2954 w 9831"/>
                  <a:gd name="connsiteY180" fmla="*/ 7784 h 10000"/>
                  <a:gd name="connsiteX181" fmla="*/ 3123 w 9831"/>
                  <a:gd name="connsiteY181" fmla="*/ 7710 h 10000"/>
                  <a:gd name="connsiteX182" fmla="*/ 3269 w 9831"/>
                  <a:gd name="connsiteY182" fmla="*/ 7592 h 10000"/>
                  <a:gd name="connsiteX183" fmla="*/ 3414 w 9831"/>
                  <a:gd name="connsiteY183" fmla="*/ 7474 h 10000"/>
                  <a:gd name="connsiteX184" fmla="*/ 3511 w 9831"/>
                  <a:gd name="connsiteY184" fmla="*/ 7312 h 10000"/>
                  <a:gd name="connsiteX185" fmla="*/ 3317 w 9831"/>
                  <a:gd name="connsiteY185" fmla="*/ 7238 h 10000"/>
                  <a:gd name="connsiteX186" fmla="*/ 3148 w 9831"/>
                  <a:gd name="connsiteY186" fmla="*/ 7179 h 10000"/>
                  <a:gd name="connsiteX187" fmla="*/ 3002 w 9831"/>
                  <a:gd name="connsiteY187" fmla="*/ 7090 h 10000"/>
                  <a:gd name="connsiteX188" fmla="*/ 2857 w 9831"/>
                  <a:gd name="connsiteY188" fmla="*/ 6987 h 10000"/>
                  <a:gd name="connsiteX189" fmla="*/ 2760 w 9831"/>
                  <a:gd name="connsiteY189" fmla="*/ 6869 h 10000"/>
                  <a:gd name="connsiteX190" fmla="*/ 2712 w 9831"/>
                  <a:gd name="connsiteY190" fmla="*/ 6721 h 10000"/>
                  <a:gd name="connsiteX191" fmla="*/ 2688 w 9831"/>
                  <a:gd name="connsiteY191" fmla="*/ 6558 h 10000"/>
                  <a:gd name="connsiteX192" fmla="*/ 2712 w 9831"/>
                  <a:gd name="connsiteY192" fmla="*/ 6352 h 10000"/>
                  <a:gd name="connsiteX193" fmla="*/ 2591 w 9831"/>
                  <a:gd name="connsiteY193" fmla="*/ 6322 h 10000"/>
                  <a:gd name="connsiteX194" fmla="*/ 2446 w 9831"/>
                  <a:gd name="connsiteY194" fmla="*/ 6292 h 10000"/>
                  <a:gd name="connsiteX195" fmla="*/ 2276 w 9831"/>
                  <a:gd name="connsiteY195" fmla="*/ 6278 h 10000"/>
                  <a:gd name="connsiteX196" fmla="*/ 2107 w 9831"/>
                  <a:gd name="connsiteY196" fmla="*/ 6263 h 10000"/>
                  <a:gd name="connsiteX197" fmla="*/ 1768 w 9831"/>
                  <a:gd name="connsiteY197" fmla="*/ 6248 h 10000"/>
                  <a:gd name="connsiteX198" fmla="*/ 1404 w 9831"/>
                  <a:gd name="connsiteY198" fmla="*/ 6263 h 10000"/>
                  <a:gd name="connsiteX199" fmla="*/ 1090 w 9831"/>
                  <a:gd name="connsiteY199" fmla="*/ 6278 h 10000"/>
                  <a:gd name="connsiteX200" fmla="*/ 799 w 9831"/>
                  <a:gd name="connsiteY200" fmla="*/ 6278 h 10000"/>
                  <a:gd name="connsiteX201" fmla="*/ 557 w 9831"/>
                  <a:gd name="connsiteY201" fmla="*/ 6263 h 10000"/>
                  <a:gd name="connsiteX202" fmla="*/ 363 w 9831"/>
                  <a:gd name="connsiteY202" fmla="*/ 6233 h 10000"/>
                  <a:gd name="connsiteX203" fmla="*/ 605 w 9831"/>
                  <a:gd name="connsiteY203" fmla="*/ 5805 h 10000"/>
                  <a:gd name="connsiteX204" fmla="*/ 872 w 9831"/>
                  <a:gd name="connsiteY204" fmla="*/ 5391 h 10000"/>
                  <a:gd name="connsiteX205" fmla="*/ 969 w 9831"/>
                  <a:gd name="connsiteY205" fmla="*/ 5170 h 10000"/>
                  <a:gd name="connsiteX206" fmla="*/ 1041 w 9831"/>
                  <a:gd name="connsiteY206" fmla="*/ 4963 h 10000"/>
                  <a:gd name="connsiteX207" fmla="*/ 1065 w 9831"/>
                  <a:gd name="connsiteY207" fmla="*/ 4860 h 10000"/>
                  <a:gd name="connsiteX208" fmla="*/ 1041 w 9831"/>
                  <a:gd name="connsiteY208" fmla="*/ 4756 h 10000"/>
                  <a:gd name="connsiteX209" fmla="*/ 1017 w 9831"/>
                  <a:gd name="connsiteY209" fmla="*/ 4653 h 10000"/>
                  <a:gd name="connsiteX210" fmla="*/ 944 w 9831"/>
                  <a:gd name="connsiteY210" fmla="*/ 4549 h 10000"/>
                  <a:gd name="connsiteX211" fmla="*/ 1211 w 9831"/>
                  <a:gd name="connsiteY211" fmla="*/ 4520 h 10000"/>
                  <a:gd name="connsiteX212" fmla="*/ 1404 w 9831"/>
                  <a:gd name="connsiteY212" fmla="*/ 4505 h 10000"/>
                  <a:gd name="connsiteX213" fmla="*/ 1574 w 9831"/>
                  <a:gd name="connsiteY213" fmla="*/ 4505 h 10000"/>
                  <a:gd name="connsiteX214" fmla="*/ 1719 w 9831"/>
                  <a:gd name="connsiteY214" fmla="*/ 4520 h 10000"/>
                  <a:gd name="connsiteX215" fmla="*/ 1840 w 9831"/>
                  <a:gd name="connsiteY215" fmla="*/ 4520 h 10000"/>
                  <a:gd name="connsiteX216" fmla="*/ 1985 w 9831"/>
                  <a:gd name="connsiteY216" fmla="*/ 4520 h 10000"/>
                  <a:gd name="connsiteX217" fmla="*/ 2131 w 9831"/>
                  <a:gd name="connsiteY217" fmla="*/ 4490 h 10000"/>
                  <a:gd name="connsiteX218" fmla="*/ 2324 w 9831"/>
                  <a:gd name="connsiteY218" fmla="*/ 4446 h 10000"/>
                  <a:gd name="connsiteX219" fmla="*/ 2324 w 9831"/>
                  <a:gd name="connsiteY219" fmla="*/ 4579 h 10000"/>
                  <a:gd name="connsiteX220" fmla="*/ 2324 w 9831"/>
                  <a:gd name="connsiteY220" fmla="*/ 4742 h 10000"/>
                  <a:gd name="connsiteX221" fmla="*/ 2324 w 9831"/>
                  <a:gd name="connsiteY221" fmla="*/ 4874 h 10000"/>
                  <a:gd name="connsiteX222" fmla="*/ 2324 w 9831"/>
                  <a:gd name="connsiteY222" fmla="*/ 5037 h 10000"/>
                  <a:gd name="connsiteX223" fmla="*/ 2542 w 9831"/>
                  <a:gd name="connsiteY223" fmla="*/ 5022 h 10000"/>
                  <a:gd name="connsiteX224" fmla="*/ 2688 w 9831"/>
                  <a:gd name="connsiteY224" fmla="*/ 5037 h 10000"/>
                  <a:gd name="connsiteX225" fmla="*/ 2809 w 9831"/>
                  <a:gd name="connsiteY225" fmla="*/ 5066 h 10000"/>
                  <a:gd name="connsiteX226" fmla="*/ 2930 w 9831"/>
                  <a:gd name="connsiteY226" fmla="*/ 5096 h 10000"/>
                  <a:gd name="connsiteX227" fmla="*/ 3027 w 9831"/>
                  <a:gd name="connsiteY227" fmla="*/ 5126 h 10000"/>
                  <a:gd name="connsiteX228" fmla="*/ 3148 w 9831"/>
                  <a:gd name="connsiteY228" fmla="*/ 5155 h 10000"/>
                  <a:gd name="connsiteX229" fmla="*/ 3293 w 9831"/>
                  <a:gd name="connsiteY229" fmla="*/ 5170 h 10000"/>
                  <a:gd name="connsiteX230" fmla="*/ 3511 w 9831"/>
                  <a:gd name="connsiteY230" fmla="*/ 5155 h 10000"/>
                  <a:gd name="connsiteX231" fmla="*/ 3584 w 9831"/>
                  <a:gd name="connsiteY231" fmla="*/ 5096 h 10000"/>
                  <a:gd name="connsiteX232" fmla="*/ 3656 w 9831"/>
                  <a:gd name="connsiteY232" fmla="*/ 5022 h 10000"/>
                  <a:gd name="connsiteX233" fmla="*/ 3680 w 9831"/>
                  <a:gd name="connsiteY233" fmla="*/ 4934 h 10000"/>
                  <a:gd name="connsiteX234" fmla="*/ 3705 w 9831"/>
                  <a:gd name="connsiteY234" fmla="*/ 4860 h 10000"/>
                  <a:gd name="connsiteX235" fmla="*/ 3729 w 9831"/>
                  <a:gd name="connsiteY235" fmla="*/ 4697 h 10000"/>
                  <a:gd name="connsiteX236" fmla="*/ 3705 w 9831"/>
                  <a:gd name="connsiteY236" fmla="*/ 4520 h 10000"/>
                  <a:gd name="connsiteX237" fmla="*/ 3632 w 9831"/>
                  <a:gd name="connsiteY237" fmla="*/ 4343 h 10000"/>
                  <a:gd name="connsiteX238" fmla="*/ 3559 w 9831"/>
                  <a:gd name="connsiteY238" fmla="*/ 4195 h 10000"/>
                  <a:gd name="connsiteX239" fmla="*/ 3438 w 9831"/>
                  <a:gd name="connsiteY239" fmla="*/ 4047 h 10000"/>
                  <a:gd name="connsiteX240" fmla="*/ 3317 w 9831"/>
                  <a:gd name="connsiteY240" fmla="*/ 3959 h 10000"/>
                  <a:gd name="connsiteX241" fmla="*/ 3462 w 9831"/>
                  <a:gd name="connsiteY241" fmla="*/ 3944 h 10000"/>
                  <a:gd name="connsiteX242" fmla="*/ 3584 w 9831"/>
                  <a:gd name="connsiteY242" fmla="*/ 3914 h 10000"/>
                  <a:gd name="connsiteX243" fmla="*/ 3680 w 9831"/>
                  <a:gd name="connsiteY243" fmla="*/ 3855 h 10000"/>
                  <a:gd name="connsiteX244" fmla="*/ 3801 w 9831"/>
                  <a:gd name="connsiteY244" fmla="*/ 3752 h 10000"/>
                  <a:gd name="connsiteX245" fmla="*/ 3923 w 9831"/>
                  <a:gd name="connsiteY245" fmla="*/ 3663 h 10000"/>
                  <a:gd name="connsiteX246" fmla="*/ 4019 w 9831"/>
                  <a:gd name="connsiteY246" fmla="*/ 3560 h 10000"/>
                  <a:gd name="connsiteX247" fmla="*/ 4092 w 9831"/>
                  <a:gd name="connsiteY247" fmla="*/ 3442 h 10000"/>
                  <a:gd name="connsiteX248" fmla="*/ 4165 w 9831"/>
                  <a:gd name="connsiteY248" fmla="*/ 3323 h 10000"/>
                  <a:gd name="connsiteX249" fmla="*/ 4213 w 9831"/>
                  <a:gd name="connsiteY249" fmla="*/ 3220 h 10000"/>
                  <a:gd name="connsiteX250" fmla="*/ 4237 w 9831"/>
                  <a:gd name="connsiteY250" fmla="*/ 3102 h 10000"/>
                  <a:gd name="connsiteX251" fmla="*/ 4262 w 9831"/>
                  <a:gd name="connsiteY251" fmla="*/ 3013 h 10000"/>
                  <a:gd name="connsiteX252" fmla="*/ 4237 w 9831"/>
                  <a:gd name="connsiteY252" fmla="*/ 2939 h 10000"/>
                  <a:gd name="connsiteX253" fmla="*/ 4213 w 9831"/>
                  <a:gd name="connsiteY253" fmla="*/ 2866 h 10000"/>
                  <a:gd name="connsiteX254" fmla="*/ 4140 w 9831"/>
                  <a:gd name="connsiteY254" fmla="*/ 2836 h 10000"/>
                  <a:gd name="connsiteX255" fmla="*/ 4044 w 9831"/>
                  <a:gd name="connsiteY255" fmla="*/ 2836 h 10000"/>
                  <a:gd name="connsiteX256" fmla="*/ 3923 w 9831"/>
                  <a:gd name="connsiteY256" fmla="*/ 2866 h 10000"/>
                  <a:gd name="connsiteX257" fmla="*/ 4019 w 9831"/>
                  <a:gd name="connsiteY257" fmla="*/ 2777 h 10000"/>
                  <a:gd name="connsiteX258" fmla="*/ 4068 w 9831"/>
                  <a:gd name="connsiteY258" fmla="*/ 2674 h 10000"/>
                  <a:gd name="connsiteX259" fmla="*/ 4092 w 9831"/>
                  <a:gd name="connsiteY259" fmla="*/ 2541 h 10000"/>
                  <a:gd name="connsiteX260" fmla="*/ 4092 w 9831"/>
                  <a:gd name="connsiteY260" fmla="*/ 2393 h 10000"/>
                  <a:gd name="connsiteX261" fmla="*/ 4116 w 9831"/>
                  <a:gd name="connsiteY261" fmla="*/ 2349 h 10000"/>
                  <a:gd name="connsiteX262" fmla="*/ 4165 w 9831"/>
                  <a:gd name="connsiteY262" fmla="*/ 2304 h 10000"/>
                  <a:gd name="connsiteX263" fmla="*/ 4213 w 9831"/>
                  <a:gd name="connsiteY263" fmla="*/ 2290 h 10000"/>
                  <a:gd name="connsiteX264" fmla="*/ 4286 w 9831"/>
                  <a:gd name="connsiteY264" fmla="*/ 2275 h 10000"/>
                  <a:gd name="connsiteX265" fmla="*/ 4504 w 9831"/>
                  <a:gd name="connsiteY265" fmla="*/ 2260 h 10000"/>
                  <a:gd name="connsiteX266" fmla="*/ 4697 w 9831"/>
                  <a:gd name="connsiteY266" fmla="*/ 2275 h 10000"/>
                  <a:gd name="connsiteX267" fmla="*/ 4673 w 9831"/>
                  <a:gd name="connsiteY267" fmla="*/ 2112 h 10000"/>
                  <a:gd name="connsiteX268" fmla="*/ 4625 w 9831"/>
                  <a:gd name="connsiteY268" fmla="*/ 1950 h 10000"/>
                  <a:gd name="connsiteX269" fmla="*/ 4552 w 9831"/>
                  <a:gd name="connsiteY269" fmla="*/ 1802 h 10000"/>
                  <a:gd name="connsiteX270" fmla="*/ 4455 w 9831"/>
                  <a:gd name="connsiteY270" fmla="*/ 1640 h 10000"/>
                  <a:gd name="connsiteX271" fmla="*/ 4213 w 9831"/>
                  <a:gd name="connsiteY271" fmla="*/ 1329 h 10000"/>
                  <a:gd name="connsiteX272" fmla="*/ 3971 w 9831"/>
                  <a:gd name="connsiteY272" fmla="*/ 1034 h 10000"/>
                  <a:gd name="connsiteX273" fmla="*/ 3850 w 9831"/>
                  <a:gd name="connsiteY273" fmla="*/ 901 h 10000"/>
                  <a:gd name="connsiteX274" fmla="*/ 3753 w 9831"/>
                  <a:gd name="connsiteY274" fmla="*/ 753 h 10000"/>
                  <a:gd name="connsiteX275" fmla="*/ 3680 w 9831"/>
                  <a:gd name="connsiteY275" fmla="*/ 620 h 10000"/>
                  <a:gd name="connsiteX276" fmla="*/ 3656 w 9831"/>
                  <a:gd name="connsiteY276" fmla="*/ 487 h 10000"/>
                  <a:gd name="connsiteX277" fmla="*/ 3632 w 9831"/>
                  <a:gd name="connsiteY277" fmla="*/ 355 h 10000"/>
                  <a:gd name="connsiteX278" fmla="*/ 3680 w 9831"/>
                  <a:gd name="connsiteY278" fmla="*/ 222 h 10000"/>
                  <a:gd name="connsiteX279" fmla="*/ 3705 w 9831"/>
                  <a:gd name="connsiteY279" fmla="*/ 162 h 10000"/>
                  <a:gd name="connsiteX280" fmla="*/ 3753 w 9831"/>
                  <a:gd name="connsiteY280" fmla="*/ 103 h 10000"/>
                  <a:gd name="connsiteX281" fmla="*/ 3826 w 9831"/>
                  <a:gd name="connsiteY281" fmla="*/ 59 h 10000"/>
                  <a:gd name="connsiteX282" fmla="*/ 3923 w 9831"/>
                  <a:gd name="connsiteY282" fmla="*/ 0 h 10000"/>
                  <a:gd name="connsiteX0" fmla="*/ 3990 w 9851"/>
                  <a:gd name="connsiteY0" fmla="*/ 0 h 10000"/>
                  <a:gd name="connsiteX1" fmla="*/ 4162 w 9851"/>
                  <a:gd name="connsiteY1" fmla="*/ 0 h 10000"/>
                  <a:gd name="connsiteX2" fmla="*/ 4335 w 9851"/>
                  <a:gd name="connsiteY2" fmla="*/ 15 h 10000"/>
                  <a:gd name="connsiteX3" fmla="*/ 4507 w 9851"/>
                  <a:gd name="connsiteY3" fmla="*/ 44 h 10000"/>
                  <a:gd name="connsiteX4" fmla="*/ 4630 w 9851"/>
                  <a:gd name="connsiteY4" fmla="*/ 89 h 10000"/>
                  <a:gd name="connsiteX5" fmla="*/ 4828 w 9851"/>
                  <a:gd name="connsiteY5" fmla="*/ 192 h 10000"/>
                  <a:gd name="connsiteX6" fmla="*/ 5024 w 9851"/>
                  <a:gd name="connsiteY6" fmla="*/ 340 h 10000"/>
                  <a:gd name="connsiteX7" fmla="*/ 5172 w 9851"/>
                  <a:gd name="connsiteY7" fmla="*/ 473 h 10000"/>
                  <a:gd name="connsiteX8" fmla="*/ 5369 w 9851"/>
                  <a:gd name="connsiteY8" fmla="*/ 591 h 10000"/>
                  <a:gd name="connsiteX9" fmla="*/ 5493 w 9851"/>
                  <a:gd name="connsiteY9" fmla="*/ 650 h 10000"/>
                  <a:gd name="connsiteX10" fmla="*/ 5640 w 9851"/>
                  <a:gd name="connsiteY10" fmla="*/ 679 h 10000"/>
                  <a:gd name="connsiteX11" fmla="*/ 5788 w 9851"/>
                  <a:gd name="connsiteY11" fmla="*/ 709 h 10000"/>
                  <a:gd name="connsiteX12" fmla="*/ 5985 w 9851"/>
                  <a:gd name="connsiteY12" fmla="*/ 709 h 10000"/>
                  <a:gd name="connsiteX13" fmla="*/ 5985 w 9851"/>
                  <a:gd name="connsiteY13" fmla="*/ 768 h 10000"/>
                  <a:gd name="connsiteX14" fmla="*/ 6010 w 9851"/>
                  <a:gd name="connsiteY14" fmla="*/ 842 h 10000"/>
                  <a:gd name="connsiteX15" fmla="*/ 6058 w 9851"/>
                  <a:gd name="connsiteY15" fmla="*/ 916 h 10000"/>
                  <a:gd name="connsiteX16" fmla="*/ 6108 w 9851"/>
                  <a:gd name="connsiteY16" fmla="*/ 990 h 10000"/>
                  <a:gd name="connsiteX17" fmla="*/ 6181 w 9851"/>
                  <a:gd name="connsiteY17" fmla="*/ 1049 h 10000"/>
                  <a:gd name="connsiteX18" fmla="*/ 6280 w 9851"/>
                  <a:gd name="connsiteY18" fmla="*/ 1108 h 10000"/>
                  <a:gd name="connsiteX19" fmla="*/ 6403 w 9851"/>
                  <a:gd name="connsiteY19" fmla="*/ 1182 h 10000"/>
                  <a:gd name="connsiteX20" fmla="*/ 6502 w 9851"/>
                  <a:gd name="connsiteY20" fmla="*/ 1226 h 10000"/>
                  <a:gd name="connsiteX21" fmla="*/ 6601 w 9851"/>
                  <a:gd name="connsiteY21" fmla="*/ 1270 h 10000"/>
                  <a:gd name="connsiteX22" fmla="*/ 6699 w 9851"/>
                  <a:gd name="connsiteY22" fmla="*/ 1300 h 10000"/>
                  <a:gd name="connsiteX23" fmla="*/ 6798 w 9851"/>
                  <a:gd name="connsiteY23" fmla="*/ 1315 h 10000"/>
                  <a:gd name="connsiteX24" fmla="*/ 6921 w 9851"/>
                  <a:gd name="connsiteY24" fmla="*/ 1300 h 10000"/>
                  <a:gd name="connsiteX25" fmla="*/ 7020 w 9851"/>
                  <a:gd name="connsiteY25" fmla="*/ 1285 h 10000"/>
                  <a:gd name="connsiteX26" fmla="*/ 7093 w 9851"/>
                  <a:gd name="connsiteY26" fmla="*/ 1241 h 10000"/>
                  <a:gd name="connsiteX27" fmla="*/ 7143 w 9851"/>
                  <a:gd name="connsiteY27" fmla="*/ 1167 h 10000"/>
                  <a:gd name="connsiteX28" fmla="*/ 7167 w 9851"/>
                  <a:gd name="connsiteY28" fmla="*/ 1064 h 10000"/>
                  <a:gd name="connsiteX29" fmla="*/ 7536 w 9851"/>
                  <a:gd name="connsiteY29" fmla="*/ 1034 h 10000"/>
                  <a:gd name="connsiteX30" fmla="*/ 7881 w 9851"/>
                  <a:gd name="connsiteY30" fmla="*/ 1004 h 10000"/>
                  <a:gd name="connsiteX31" fmla="*/ 8177 w 9851"/>
                  <a:gd name="connsiteY31" fmla="*/ 990 h 10000"/>
                  <a:gd name="connsiteX32" fmla="*/ 8448 w 9851"/>
                  <a:gd name="connsiteY32" fmla="*/ 1004 h 10000"/>
                  <a:gd name="connsiteX33" fmla="*/ 8571 w 9851"/>
                  <a:gd name="connsiteY33" fmla="*/ 1019 h 10000"/>
                  <a:gd name="connsiteX34" fmla="*/ 8694 w 9851"/>
                  <a:gd name="connsiteY34" fmla="*/ 1034 h 10000"/>
                  <a:gd name="connsiteX35" fmla="*/ 8793 w 9851"/>
                  <a:gd name="connsiteY35" fmla="*/ 1064 h 10000"/>
                  <a:gd name="connsiteX36" fmla="*/ 8916 w 9851"/>
                  <a:gd name="connsiteY36" fmla="*/ 1108 h 10000"/>
                  <a:gd name="connsiteX37" fmla="*/ 8990 w 9851"/>
                  <a:gd name="connsiteY37" fmla="*/ 1182 h 10000"/>
                  <a:gd name="connsiteX38" fmla="*/ 9063 w 9851"/>
                  <a:gd name="connsiteY38" fmla="*/ 1241 h 10000"/>
                  <a:gd name="connsiteX39" fmla="*/ 9113 w 9851"/>
                  <a:gd name="connsiteY39" fmla="*/ 1329 h 10000"/>
                  <a:gd name="connsiteX40" fmla="*/ 9162 w 9851"/>
                  <a:gd name="connsiteY40" fmla="*/ 1433 h 10000"/>
                  <a:gd name="connsiteX41" fmla="*/ 9212 w 9851"/>
                  <a:gd name="connsiteY41" fmla="*/ 1551 h 10000"/>
                  <a:gd name="connsiteX42" fmla="*/ 9186 w 9851"/>
                  <a:gd name="connsiteY42" fmla="*/ 1625 h 10000"/>
                  <a:gd name="connsiteX43" fmla="*/ 9162 w 9851"/>
                  <a:gd name="connsiteY43" fmla="*/ 1684 h 10000"/>
                  <a:gd name="connsiteX44" fmla="*/ 9113 w 9851"/>
                  <a:gd name="connsiteY44" fmla="*/ 1758 h 10000"/>
                  <a:gd name="connsiteX45" fmla="*/ 9039 w 9851"/>
                  <a:gd name="connsiteY45" fmla="*/ 1802 h 10000"/>
                  <a:gd name="connsiteX46" fmla="*/ 8990 w 9851"/>
                  <a:gd name="connsiteY46" fmla="*/ 1861 h 10000"/>
                  <a:gd name="connsiteX47" fmla="*/ 8966 w 9851"/>
                  <a:gd name="connsiteY47" fmla="*/ 1935 h 10000"/>
                  <a:gd name="connsiteX48" fmla="*/ 8990 w 9851"/>
                  <a:gd name="connsiteY48" fmla="*/ 2024 h 10000"/>
                  <a:gd name="connsiteX49" fmla="*/ 9261 w 9851"/>
                  <a:gd name="connsiteY49" fmla="*/ 2157 h 10000"/>
                  <a:gd name="connsiteX50" fmla="*/ 9581 w 9851"/>
                  <a:gd name="connsiteY50" fmla="*/ 2275 h 10000"/>
                  <a:gd name="connsiteX51" fmla="*/ 9704 w 9851"/>
                  <a:gd name="connsiteY51" fmla="*/ 2349 h 10000"/>
                  <a:gd name="connsiteX52" fmla="*/ 9851 w 9851"/>
                  <a:gd name="connsiteY52" fmla="*/ 2422 h 10000"/>
                  <a:gd name="connsiteX53" fmla="*/ 6970 w 9851"/>
                  <a:gd name="connsiteY53" fmla="*/ 4313 h 10000"/>
                  <a:gd name="connsiteX54" fmla="*/ 6970 w 9851"/>
                  <a:gd name="connsiteY54" fmla="*/ 4431 h 10000"/>
                  <a:gd name="connsiteX55" fmla="*/ 6970 w 9851"/>
                  <a:gd name="connsiteY55" fmla="*/ 4549 h 10000"/>
                  <a:gd name="connsiteX56" fmla="*/ 6921 w 9851"/>
                  <a:gd name="connsiteY56" fmla="*/ 4564 h 10000"/>
                  <a:gd name="connsiteX57" fmla="*/ 6847 w 9851"/>
                  <a:gd name="connsiteY57" fmla="*/ 4594 h 10000"/>
                  <a:gd name="connsiteX58" fmla="*/ 6798 w 9851"/>
                  <a:gd name="connsiteY58" fmla="*/ 4638 h 10000"/>
                  <a:gd name="connsiteX59" fmla="*/ 6798 w 9851"/>
                  <a:gd name="connsiteY59" fmla="*/ 4697 h 10000"/>
                  <a:gd name="connsiteX60" fmla="*/ 6773 w 9851"/>
                  <a:gd name="connsiteY60" fmla="*/ 4801 h 10000"/>
                  <a:gd name="connsiteX61" fmla="*/ 6773 w 9851"/>
                  <a:gd name="connsiteY61" fmla="*/ 4904 h 10000"/>
                  <a:gd name="connsiteX62" fmla="*/ 6650 w 9851"/>
                  <a:gd name="connsiteY62" fmla="*/ 4860 h 10000"/>
                  <a:gd name="connsiteX63" fmla="*/ 6576 w 9851"/>
                  <a:gd name="connsiteY63" fmla="*/ 4801 h 10000"/>
                  <a:gd name="connsiteX64" fmla="*/ 6502 w 9851"/>
                  <a:gd name="connsiteY64" fmla="*/ 4727 h 10000"/>
                  <a:gd name="connsiteX65" fmla="*/ 6429 w 9851"/>
                  <a:gd name="connsiteY65" fmla="*/ 4638 h 10000"/>
                  <a:gd name="connsiteX66" fmla="*/ 6306 w 9851"/>
                  <a:gd name="connsiteY66" fmla="*/ 4476 h 10000"/>
                  <a:gd name="connsiteX67" fmla="*/ 6181 w 9851"/>
                  <a:gd name="connsiteY67" fmla="*/ 4313 h 10000"/>
                  <a:gd name="connsiteX68" fmla="*/ 6330 w 9851"/>
                  <a:gd name="connsiteY68" fmla="*/ 4210 h 10000"/>
                  <a:gd name="connsiteX69" fmla="*/ 6526 w 9851"/>
                  <a:gd name="connsiteY69" fmla="*/ 4121 h 10000"/>
                  <a:gd name="connsiteX70" fmla="*/ 6748 w 9851"/>
                  <a:gd name="connsiteY70" fmla="*/ 4032 h 10000"/>
                  <a:gd name="connsiteX71" fmla="*/ 6995 w 9851"/>
                  <a:gd name="connsiteY71" fmla="*/ 3959 h 10000"/>
                  <a:gd name="connsiteX72" fmla="*/ 7512 w 9851"/>
                  <a:gd name="connsiteY72" fmla="*/ 3811 h 10000"/>
                  <a:gd name="connsiteX73" fmla="*/ 8029 w 9851"/>
                  <a:gd name="connsiteY73" fmla="*/ 3663 h 10000"/>
                  <a:gd name="connsiteX74" fmla="*/ 8276 w 9851"/>
                  <a:gd name="connsiteY74" fmla="*/ 3589 h 10000"/>
                  <a:gd name="connsiteX75" fmla="*/ 8522 w 9851"/>
                  <a:gd name="connsiteY75" fmla="*/ 3516 h 10000"/>
                  <a:gd name="connsiteX76" fmla="*/ 8718 w 9851"/>
                  <a:gd name="connsiteY76" fmla="*/ 3412 h 10000"/>
                  <a:gd name="connsiteX77" fmla="*/ 8916 w 9851"/>
                  <a:gd name="connsiteY77" fmla="*/ 3338 h 10000"/>
                  <a:gd name="connsiteX78" fmla="*/ 9039 w 9851"/>
                  <a:gd name="connsiteY78" fmla="*/ 3235 h 10000"/>
                  <a:gd name="connsiteX79" fmla="*/ 9137 w 9851"/>
                  <a:gd name="connsiteY79" fmla="*/ 3117 h 10000"/>
                  <a:gd name="connsiteX80" fmla="*/ 9162 w 9851"/>
                  <a:gd name="connsiteY80" fmla="*/ 3072 h 10000"/>
                  <a:gd name="connsiteX81" fmla="*/ 9186 w 9851"/>
                  <a:gd name="connsiteY81" fmla="*/ 3013 h 10000"/>
                  <a:gd name="connsiteX82" fmla="*/ 9186 w 9851"/>
                  <a:gd name="connsiteY82" fmla="*/ 2954 h 10000"/>
                  <a:gd name="connsiteX83" fmla="*/ 9162 w 9851"/>
                  <a:gd name="connsiteY83" fmla="*/ 2866 h 10000"/>
                  <a:gd name="connsiteX84" fmla="*/ 8990 w 9851"/>
                  <a:gd name="connsiteY84" fmla="*/ 2984 h 10000"/>
                  <a:gd name="connsiteX85" fmla="*/ 8793 w 9851"/>
                  <a:gd name="connsiteY85" fmla="*/ 3072 h 10000"/>
                  <a:gd name="connsiteX86" fmla="*/ 8595 w 9851"/>
                  <a:gd name="connsiteY86" fmla="*/ 3161 h 10000"/>
                  <a:gd name="connsiteX87" fmla="*/ 8399 w 9851"/>
                  <a:gd name="connsiteY87" fmla="*/ 3250 h 10000"/>
                  <a:gd name="connsiteX88" fmla="*/ 7955 w 9851"/>
                  <a:gd name="connsiteY88" fmla="*/ 3397 h 10000"/>
                  <a:gd name="connsiteX89" fmla="*/ 7488 w 9851"/>
                  <a:gd name="connsiteY89" fmla="*/ 3545 h 10000"/>
                  <a:gd name="connsiteX90" fmla="*/ 7020 w 9851"/>
                  <a:gd name="connsiteY90" fmla="*/ 3678 h 10000"/>
                  <a:gd name="connsiteX91" fmla="*/ 6576 w 9851"/>
                  <a:gd name="connsiteY91" fmla="*/ 3840 h 10000"/>
                  <a:gd name="connsiteX92" fmla="*/ 6354 w 9851"/>
                  <a:gd name="connsiteY92" fmla="*/ 3914 h 10000"/>
                  <a:gd name="connsiteX93" fmla="*/ 6157 w 9851"/>
                  <a:gd name="connsiteY93" fmla="*/ 4003 h 10000"/>
                  <a:gd name="connsiteX94" fmla="*/ 5961 w 9851"/>
                  <a:gd name="connsiteY94" fmla="*/ 4106 h 10000"/>
                  <a:gd name="connsiteX95" fmla="*/ 5763 w 9851"/>
                  <a:gd name="connsiteY95" fmla="*/ 4195 h 10000"/>
                  <a:gd name="connsiteX96" fmla="*/ 5911 w 9851"/>
                  <a:gd name="connsiteY96" fmla="*/ 4417 h 10000"/>
                  <a:gd name="connsiteX97" fmla="*/ 6010 w 9851"/>
                  <a:gd name="connsiteY97" fmla="*/ 4623 h 10000"/>
                  <a:gd name="connsiteX98" fmla="*/ 6108 w 9851"/>
                  <a:gd name="connsiteY98" fmla="*/ 4845 h 10000"/>
                  <a:gd name="connsiteX99" fmla="*/ 6181 w 9851"/>
                  <a:gd name="connsiteY99" fmla="*/ 5081 h 10000"/>
                  <a:gd name="connsiteX100" fmla="*/ 6231 w 9851"/>
                  <a:gd name="connsiteY100" fmla="*/ 5318 h 10000"/>
                  <a:gd name="connsiteX101" fmla="*/ 6256 w 9851"/>
                  <a:gd name="connsiteY101" fmla="*/ 5539 h 10000"/>
                  <a:gd name="connsiteX102" fmla="*/ 6280 w 9851"/>
                  <a:gd name="connsiteY102" fmla="*/ 5775 h 10000"/>
                  <a:gd name="connsiteX103" fmla="*/ 6280 w 9851"/>
                  <a:gd name="connsiteY103" fmla="*/ 5997 h 10000"/>
                  <a:gd name="connsiteX104" fmla="*/ 6256 w 9851"/>
                  <a:gd name="connsiteY104" fmla="*/ 6233 h 10000"/>
                  <a:gd name="connsiteX105" fmla="*/ 6207 w 9851"/>
                  <a:gd name="connsiteY105" fmla="*/ 6470 h 10000"/>
                  <a:gd name="connsiteX106" fmla="*/ 6157 w 9851"/>
                  <a:gd name="connsiteY106" fmla="*/ 6677 h 10000"/>
                  <a:gd name="connsiteX107" fmla="*/ 6084 w 9851"/>
                  <a:gd name="connsiteY107" fmla="*/ 6898 h 10000"/>
                  <a:gd name="connsiteX108" fmla="*/ 5985 w 9851"/>
                  <a:gd name="connsiteY108" fmla="*/ 7105 h 10000"/>
                  <a:gd name="connsiteX109" fmla="*/ 5862 w 9851"/>
                  <a:gd name="connsiteY109" fmla="*/ 7297 h 10000"/>
                  <a:gd name="connsiteX110" fmla="*/ 5714 w 9851"/>
                  <a:gd name="connsiteY110" fmla="*/ 7489 h 10000"/>
                  <a:gd name="connsiteX111" fmla="*/ 5566 w 9851"/>
                  <a:gd name="connsiteY111" fmla="*/ 7681 h 10000"/>
                  <a:gd name="connsiteX112" fmla="*/ 6280 w 9851"/>
                  <a:gd name="connsiteY112" fmla="*/ 7799 h 10000"/>
                  <a:gd name="connsiteX113" fmla="*/ 7020 w 9851"/>
                  <a:gd name="connsiteY113" fmla="*/ 7962 h 10000"/>
                  <a:gd name="connsiteX114" fmla="*/ 7167 w 9851"/>
                  <a:gd name="connsiteY114" fmla="*/ 8021 h 10000"/>
                  <a:gd name="connsiteX115" fmla="*/ 7290 w 9851"/>
                  <a:gd name="connsiteY115" fmla="*/ 8080 h 10000"/>
                  <a:gd name="connsiteX116" fmla="*/ 7413 w 9851"/>
                  <a:gd name="connsiteY116" fmla="*/ 8139 h 10000"/>
                  <a:gd name="connsiteX117" fmla="*/ 7488 w 9851"/>
                  <a:gd name="connsiteY117" fmla="*/ 8227 h 10000"/>
                  <a:gd name="connsiteX118" fmla="*/ 7512 w 9851"/>
                  <a:gd name="connsiteY118" fmla="*/ 8301 h 10000"/>
                  <a:gd name="connsiteX119" fmla="*/ 7512 w 9851"/>
                  <a:gd name="connsiteY119" fmla="*/ 8405 h 10000"/>
                  <a:gd name="connsiteX120" fmla="*/ 7463 w 9851"/>
                  <a:gd name="connsiteY120" fmla="*/ 8523 h 10000"/>
                  <a:gd name="connsiteX121" fmla="*/ 7389 w 9851"/>
                  <a:gd name="connsiteY121" fmla="*/ 8641 h 10000"/>
                  <a:gd name="connsiteX122" fmla="*/ 7068 w 9851"/>
                  <a:gd name="connsiteY122" fmla="*/ 8552 h 10000"/>
                  <a:gd name="connsiteX123" fmla="*/ 6773 w 9851"/>
                  <a:gd name="connsiteY123" fmla="*/ 8449 h 10000"/>
                  <a:gd name="connsiteX124" fmla="*/ 6477 w 9851"/>
                  <a:gd name="connsiteY124" fmla="*/ 8360 h 10000"/>
                  <a:gd name="connsiteX125" fmla="*/ 6181 w 9851"/>
                  <a:gd name="connsiteY125" fmla="*/ 8287 h 10000"/>
                  <a:gd name="connsiteX126" fmla="*/ 6058 w 9851"/>
                  <a:gd name="connsiteY126" fmla="*/ 8449 h 10000"/>
                  <a:gd name="connsiteX127" fmla="*/ 5961 w 9851"/>
                  <a:gd name="connsiteY127" fmla="*/ 8597 h 10000"/>
                  <a:gd name="connsiteX128" fmla="*/ 5911 w 9851"/>
                  <a:gd name="connsiteY128" fmla="*/ 8656 h 10000"/>
                  <a:gd name="connsiteX129" fmla="*/ 5812 w 9851"/>
                  <a:gd name="connsiteY129" fmla="*/ 8700 h 10000"/>
                  <a:gd name="connsiteX130" fmla="*/ 5739 w 9851"/>
                  <a:gd name="connsiteY130" fmla="*/ 8744 h 10000"/>
                  <a:gd name="connsiteX131" fmla="*/ 5665 w 9851"/>
                  <a:gd name="connsiteY131" fmla="*/ 8774 h 10000"/>
                  <a:gd name="connsiteX132" fmla="*/ 5590 w 9851"/>
                  <a:gd name="connsiteY132" fmla="*/ 8804 h 10000"/>
                  <a:gd name="connsiteX133" fmla="*/ 5493 w 9851"/>
                  <a:gd name="connsiteY133" fmla="*/ 8818 h 10000"/>
                  <a:gd name="connsiteX134" fmla="*/ 5369 w 9851"/>
                  <a:gd name="connsiteY134" fmla="*/ 8833 h 10000"/>
                  <a:gd name="connsiteX135" fmla="*/ 5246 w 9851"/>
                  <a:gd name="connsiteY135" fmla="*/ 8833 h 10000"/>
                  <a:gd name="connsiteX136" fmla="*/ 4951 w 9851"/>
                  <a:gd name="connsiteY136" fmla="*/ 8818 h 10000"/>
                  <a:gd name="connsiteX137" fmla="*/ 4581 w 9851"/>
                  <a:gd name="connsiteY137" fmla="*/ 8744 h 10000"/>
                  <a:gd name="connsiteX138" fmla="*/ 4581 w 9851"/>
                  <a:gd name="connsiteY138" fmla="*/ 8922 h 10000"/>
                  <a:gd name="connsiteX139" fmla="*/ 4556 w 9851"/>
                  <a:gd name="connsiteY139" fmla="*/ 9069 h 10000"/>
                  <a:gd name="connsiteX140" fmla="*/ 4532 w 9851"/>
                  <a:gd name="connsiteY140" fmla="*/ 9232 h 10000"/>
                  <a:gd name="connsiteX141" fmla="*/ 4507 w 9851"/>
                  <a:gd name="connsiteY141" fmla="*/ 9365 h 10000"/>
                  <a:gd name="connsiteX142" fmla="*/ 4458 w 9851"/>
                  <a:gd name="connsiteY142" fmla="*/ 9498 h 10000"/>
                  <a:gd name="connsiteX143" fmla="*/ 4360 w 9851"/>
                  <a:gd name="connsiteY143" fmla="*/ 9616 h 10000"/>
                  <a:gd name="connsiteX144" fmla="*/ 4285 w 9851"/>
                  <a:gd name="connsiteY144" fmla="*/ 9734 h 10000"/>
                  <a:gd name="connsiteX145" fmla="*/ 4162 w 9851"/>
                  <a:gd name="connsiteY145" fmla="*/ 9838 h 10000"/>
                  <a:gd name="connsiteX146" fmla="*/ 3866 w 9851"/>
                  <a:gd name="connsiteY146" fmla="*/ 9897 h 10000"/>
                  <a:gd name="connsiteX147" fmla="*/ 3620 w 9851"/>
                  <a:gd name="connsiteY147" fmla="*/ 9941 h 10000"/>
                  <a:gd name="connsiteX148" fmla="*/ 3325 w 9851"/>
                  <a:gd name="connsiteY148" fmla="*/ 9985 h 10000"/>
                  <a:gd name="connsiteX149" fmla="*/ 3103 w 9851"/>
                  <a:gd name="connsiteY149" fmla="*/ 10000 h 10000"/>
                  <a:gd name="connsiteX150" fmla="*/ 2611 w 9851"/>
                  <a:gd name="connsiteY150" fmla="*/ 10000 h 10000"/>
                  <a:gd name="connsiteX151" fmla="*/ 2143 w 9851"/>
                  <a:gd name="connsiteY151" fmla="*/ 9985 h 10000"/>
                  <a:gd name="connsiteX152" fmla="*/ 1700 w 9851"/>
                  <a:gd name="connsiteY152" fmla="*/ 9941 h 10000"/>
                  <a:gd name="connsiteX153" fmla="*/ 1232 w 9851"/>
                  <a:gd name="connsiteY153" fmla="*/ 9911 h 10000"/>
                  <a:gd name="connsiteX154" fmla="*/ 960 w 9851"/>
                  <a:gd name="connsiteY154" fmla="*/ 9911 h 10000"/>
                  <a:gd name="connsiteX155" fmla="*/ 714 w 9851"/>
                  <a:gd name="connsiteY155" fmla="*/ 9911 h 10000"/>
                  <a:gd name="connsiteX156" fmla="*/ 443 w 9851"/>
                  <a:gd name="connsiteY156" fmla="*/ 9926 h 10000"/>
                  <a:gd name="connsiteX157" fmla="*/ 172 w 9851"/>
                  <a:gd name="connsiteY157" fmla="*/ 9970 h 10000"/>
                  <a:gd name="connsiteX158" fmla="*/ 99 w 9851"/>
                  <a:gd name="connsiteY158" fmla="*/ 9867 h 10000"/>
                  <a:gd name="connsiteX159" fmla="*/ 49 w 9851"/>
                  <a:gd name="connsiteY159" fmla="*/ 9793 h 10000"/>
                  <a:gd name="connsiteX160" fmla="*/ 0 w 9851"/>
                  <a:gd name="connsiteY160" fmla="*/ 9705 h 10000"/>
                  <a:gd name="connsiteX161" fmla="*/ 0 w 9851"/>
                  <a:gd name="connsiteY161" fmla="*/ 9601 h 10000"/>
                  <a:gd name="connsiteX162" fmla="*/ 49 w 9851"/>
                  <a:gd name="connsiteY162" fmla="*/ 9424 h 10000"/>
                  <a:gd name="connsiteX163" fmla="*/ 99 w 9851"/>
                  <a:gd name="connsiteY163" fmla="*/ 9202 h 10000"/>
                  <a:gd name="connsiteX164" fmla="*/ 147 w 9851"/>
                  <a:gd name="connsiteY164" fmla="*/ 8996 h 10000"/>
                  <a:gd name="connsiteX165" fmla="*/ 197 w 9851"/>
                  <a:gd name="connsiteY165" fmla="*/ 8759 h 10000"/>
                  <a:gd name="connsiteX166" fmla="*/ 222 w 9851"/>
                  <a:gd name="connsiteY166" fmla="*/ 8641 h 10000"/>
                  <a:gd name="connsiteX167" fmla="*/ 222 w 9851"/>
                  <a:gd name="connsiteY167" fmla="*/ 8538 h 10000"/>
                  <a:gd name="connsiteX168" fmla="*/ 197 w 9851"/>
                  <a:gd name="connsiteY168" fmla="*/ 8405 h 10000"/>
                  <a:gd name="connsiteX169" fmla="*/ 172 w 9851"/>
                  <a:gd name="connsiteY169" fmla="*/ 8287 h 10000"/>
                  <a:gd name="connsiteX170" fmla="*/ 419 w 9851"/>
                  <a:gd name="connsiteY170" fmla="*/ 8213 h 10000"/>
                  <a:gd name="connsiteX171" fmla="*/ 665 w 9851"/>
                  <a:gd name="connsiteY171" fmla="*/ 8139 h 10000"/>
                  <a:gd name="connsiteX172" fmla="*/ 911 w 9851"/>
                  <a:gd name="connsiteY172" fmla="*/ 8095 h 10000"/>
                  <a:gd name="connsiteX173" fmla="*/ 1182 w 9851"/>
                  <a:gd name="connsiteY173" fmla="*/ 8065 h 10000"/>
                  <a:gd name="connsiteX174" fmla="*/ 1674 w 9851"/>
                  <a:gd name="connsiteY174" fmla="*/ 8021 h 10000"/>
                  <a:gd name="connsiteX175" fmla="*/ 2168 w 9851"/>
                  <a:gd name="connsiteY175" fmla="*/ 7976 h 10000"/>
                  <a:gd name="connsiteX176" fmla="*/ 2389 w 9851"/>
                  <a:gd name="connsiteY176" fmla="*/ 7947 h 10000"/>
                  <a:gd name="connsiteX177" fmla="*/ 2611 w 9851"/>
                  <a:gd name="connsiteY177" fmla="*/ 7917 h 10000"/>
                  <a:gd name="connsiteX178" fmla="*/ 2807 w 9851"/>
                  <a:gd name="connsiteY178" fmla="*/ 7843 h 10000"/>
                  <a:gd name="connsiteX179" fmla="*/ 3005 w 9851"/>
                  <a:gd name="connsiteY179" fmla="*/ 7784 h 10000"/>
                  <a:gd name="connsiteX180" fmla="*/ 3177 w 9851"/>
                  <a:gd name="connsiteY180" fmla="*/ 7710 h 10000"/>
                  <a:gd name="connsiteX181" fmla="*/ 3325 w 9851"/>
                  <a:gd name="connsiteY181" fmla="*/ 7592 h 10000"/>
                  <a:gd name="connsiteX182" fmla="*/ 3473 w 9851"/>
                  <a:gd name="connsiteY182" fmla="*/ 7474 h 10000"/>
                  <a:gd name="connsiteX183" fmla="*/ 3571 w 9851"/>
                  <a:gd name="connsiteY183" fmla="*/ 7312 h 10000"/>
                  <a:gd name="connsiteX184" fmla="*/ 3374 w 9851"/>
                  <a:gd name="connsiteY184" fmla="*/ 7238 h 10000"/>
                  <a:gd name="connsiteX185" fmla="*/ 3202 w 9851"/>
                  <a:gd name="connsiteY185" fmla="*/ 7179 h 10000"/>
                  <a:gd name="connsiteX186" fmla="*/ 3054 w 9851"/>
                  <a:gd name="connsiteY186" fmla="*/ 7090 h 10000"/>
                  <a:gd name="connsiteX187" fmla="*/ 2906 w 9851"/>
                  <a:gd name="connsiteY187" fmla="*/ 6987 h 10000"/>
                  <a:gd name="connsiteX188" fmla="*/ 2807 w 9851"/>
                  <a:gd name="connsiteY188" fmla="*/ 6869 h 10000"/>
                  <a:gd name="connsiteX189" fmla="*/ 2759 w 9851"/>
                  <a:gd name="connsiteY189" fmla="*/ 6721 h 10000"/>
                  <a:gd name="connsiteX190" fmla="*/ 2734 w 9851"/>
                  <a:gd name="connsiteY190" fmla="*/ 6558 h 10000"/>
                  <a:gd name="connsiteX191" fmla="*/ 2759 w 9851"/>
                  <a:gd name="connsiteY191" fmla="*/ 6352 h 10000"/>
                  <a:gd name="connsiteX192" fmla="*/ 2636 w 9851"/>
                  <a:gd name="connsiteY192" fmla="*/ 6322 h 10000"/>
                  <a:gd name="connsiteX193" fmla="*/ 2488 w 9851"/>
                  <a:gd name="connsiteY193" fmla="*/ 6292 h 10000"/>
                  <a:gd name="connsiteX194" fmla="*/ 2315 w 9851"/>
                  <a:gd name="connsiteY194" fmla="*/ 6278 h 10000"/>
                  <a:gd name="connsiteX195" fmla="*/ 2143 w 9851"/>
                  <a:gd name="connsiteY195" fmla="*/ 6263 h 10000"/>
                  <a:gd name="connsiteX196" fmla="*/ 1798 w 9851"/>
                  <a:gd name="connsiteY196" fmla="*/ 6248 h 10000"/>
                  <a:gd name="connsiteX197" fmla="*/ 1428 w 9851"/>
                  <a:gd name="connsiteY197" fmla="*/ 6263 h 10000"/>
                  <a:gd name="connsiteX198" fmla="*/ 1109 w 9851"/>
                  <a:gd name="connsiteY198" fmla="*/ 6278 h 10000"/>
                  <a:gd name="connsiteX199" fmla="*/ 813 w 9851"/>
                  <a:gd name="connsiteY199" fmla="*/ 6278 h 10000"/>
                  <a:gd name="connsiteX200" fmla="*/ 567 w 9851"/>
                  <a:gd name="connsiteY200" fmla="*/ 6263 h 10000"/>
                  <a:gd name="connsiteX201" fmla="*/ 369 w 9851"/>
                  <a:gd name="connsiteY201" fmla="*/ 6233 h 10000"/>
                  <a:gd name="connsiteX202" fmla="*/ 615 w 9851"/>
                  <a:gd name="connsiteY202" fmla="*/ 5805 h 10000"/>
                  <a:gd name="connsiteX203" fmla="*/ 887 w 9851"/>
                  <a:gd name="connsiteY203" fmla="*/ 5391 h 10000"/>
                  <a:gd name="connsiteX204" fmla="*/ 986 w 9851"/>
                  <a:gd name="connsiteY204" fmla="*/ 5170 h 10000"/>
                  <a:gd name="connsiteX205" fmla="*/ 1059 w 9851"/>
                  <a:gd name="connsiteY205" fmla="*/ 4963 h 10000"/>
                  <a:gd name="connsiteX206" fmla="*/ 1083 w 9851"/>
                  <a:gd name="connsiteY206" fmla="*/ 4860 h 10000"/>
                  <a:gd name="connsiteX207" fmla="*/ 1059 w 9851"/>
                  <a:gd name="connsiteY207" fmla="*/ 4756 h 10000"/>
                  <a:gd name="connsiteX208" fmla="*/ 1034 w 9851"/>
                  <a:gd name="connsiteY208" fmla="*/ 4653 h 10000"/>
                  <a:gd name="connsiteX209" fmla="*/ 960 w 9851"/>
                  <a:gd name="connsiteY209" fmla="*/ 4549 h 10000"/>
                  <a:gd name="connsiteX210" fmla="*/ 1232 w 9851"/>
                  <a:gd name="connsiteY210" fmla="*/ 4520 h 10000"/>
                  <a:gd name="connsiteX211" fmla="*/ 1428 w 9851"/>
                  <a:gd name="connsiteY211" fmla="*/ 4505 h 10000"/>
                  <a:gd name="connsiteX212" fmla="*/ 1601 w 9851"/>
                  <a:gd name="connsiteY212" fmla="*/ 4505 h 10000"/>
                  <a:gd name="connsiteX213" fmla="*/ 1749 w 9851"/>
                  <a:gd name="connsiteY213" fmla="*/ 4520 h 10000"/>
                  <a:gd name="connsiteX214" fmla="*/ 1872 w 9851"/>
                  <a:gd name="connsiteY214" fmla="*/ 4520 h 10000"/>
                  <a:gd name="connsiteX215" fmla="*/ 2019 w 9851"/>
                  <a:gd name="connsiteY215" fmla="*/ 4520 h 10000"/>
                  <a:gd name="connsiteX216" fmla="*/ 2168 w 9851"/>
                  <a:gd name="connsiteY216" fmla="*/ 4490 h 10000"/>
                  <a:gd name="connsiteX217" fmla="*/ 2364 w 9851"/>
                  <a:gd name="connsiteY217" fmla="*/ 4446 h 10000"/>
                  <a:gd name="connsiteX218" fmla="*/ 2364 w 9851"/>
                  <a:gd name="connsiteY218" fmla="*/ 4579 h 10000"/>
                  <a:gd name="connsiteX219" fmla="*/ 2364 w 9851"/>
                  <a:gd name="connsiteY219" fmla="*/ 4742 h 10000"/>
                  <a:gd name="connsiteX220" fmla="*/ 2364 w 9851"/>
                  <a:gd name="connsiteY220" fmla="*/ 4874 h 10000"/>
                  <a:gd name="connsiteX221" fmla="*/ 2364 w 9851"/>
                  <a:gd name="connsiteY221" fmla="*/ 5037 h 10000"/>
                  <a:gd name="connsiteX222" fmla="*/ 2586 w 9851"/>
                  <a:gd name="connsiteY222" fmla="*/ 5022 h 10000"/>
                  <a:gd name="connsiteX223" fmla="*/ 2734 w 9851"/>
                  <a:gd name="connsiteY223" fmla="*/ 5037 h 10000"/>
                  <a:gd name="connsiteX224" fmla="*/ 2857 w 9851"/>
                  <a:gd name="connsiteY224" fmla="*/ 5066 h 10000"/>
                  <a:gd name="connsiteX225" fmla="*/ 2980 w 9851"/>
                  <a:gd name="connsiteY225" fmla="*/ 5096 h 10000"/>
                  <a:gd name="connsiteX226" fmla="*/ 3079 w 9851"/>
                  <a:gd name="connsiteY226" fmla="*/ 5126 h 10000"/>
                  <a:gd name="connsiteX227" fmla="*/ 3202 w 9851"/>
                  <a:gd name="connsiteY227" fmla="*/ 5155 h 10000"/>
                  <a:gd name="connsiteX228" fmla="*/ 3350 w 9851"/>
                  <a:gd name="connsiteY228" fmla="*/ 5170 h 10000"/>
                  <a:gd name="connsiteX229" fmla="*/ 3571 w 9851"/>
                  <a:gd name="connsiteY229" fmla="*/ 5155 h 10000"/>
                  <a:gd name="connsiteX230" fmla="*/ 3646 w 9851"/>
                  <a:gd name="connsiteY230" fmla="*/ 5096 h 10000"/>
                  <a:gd name="connsiteX231" fmla="*/ 3719 w 9851"/>
                  <a:gd name="connsiteY231" fmla="*/ 5022 h 10000"/>
                  <a:gd name="connsiteX232" fmla="*/ 3743 w 9851"/>
                  <a:gd name="connsiteY232" fmla="*/ 4934 h 10000"/>
                  <a:gd name="connsiteX233" fmla="*/ 3769 w 9851"/>
                  <a:gd name="connsiteY233" fmla="*/ 4860 h 10000"/>
                  <a:gd name="connsiteX234" fmla="*/ 3793 w 9851"/>
                  <a:gd name="connsiteY234" fmla="*/ 4697 h 10000"/>
                  <a:gd name="connsiteX235" fmla="*/ 3769 w 9851"/>
                  <a:gd name="connsiteY235" fmla="*/ 4520 h 10000"/>
                  <a:gd name="connsiteX236" fmla="*/ 3694 w 9851"/>
                  <a:gd name="connsiteY236" fmla="*/ 4343 h 10000"/>
                  <a:gd name="connsiteX237" fmla="*/ 3620 w 9851"/>
                  <a:gd name="connsiteY237" fmla="*/ 4195 h 10000"/>
                  <a:gd name="connsiteX238" fmla="*/ 3497 w 9851"/>
                  <a:gd name="connsiteY238" fmla="*/ 4047 h 10000"/>
                  <a:gd name="connsiteX239" fmla="*/ 3374 w 9851"/>
                  <a:gd name="connsiteY239" fmla="*/ 3959 h 10000"/>
                  <a:gd name="connsiteX240" fmla="*/ 3522 w 9851"/>
                  <a:gd name="connsiteY240" fmla="*/ 3944 h 10000"/>
                  <a:gd name="connsiteX241" fmla="*/ 3646 w 9851"/>
                  <a:gd name="connsiteY241" fmla="*/ 3914 h 10000"/>
                  <a:gd name="connsiteX242" fmla="*/ 3743 w 9851"/>
                  <a:gd name="connsiteY242" fmla="*/ 3855 h 10000"/>
                  <a:gd name="connsiteX243" fmla="*/ 3866 w 9851"/>
                  <a:gd name="connsiteY243" fmla="*/ 3752 h 10000"/>
                  <a:gd name="connsiteX244" fmla="*/ 3990 w 9851"/>
                  <a:gd name="connsiteY244" fmla="*/ 3663 h 10000"/>
                  <a:gd name="connsiteX245" fmla="*/ 4088 w 9851"/>
                  <a:gd name="connsiteY245" fmla="*/ 3560 h 10000"/>
                  <a:gd name="connsiteX246" fmla="*/ 4162 w 9851"/>
                  <a:gd name="connsiteY246" fmla="*/ 3442 h 10000"/>
                  <a:gd name="connsiteX247" fmla="*/ 4237 w 9851"/>
                  <a:gd name="connsiteY247" fmla="*/ 3323 h 10000"/>
                  <a:gd name="connsiteX248" fmla="*/ 4285 w 9851"/>
                  <a:gd name="connsiteY248" fmla="*/ 3220 h 10000"/>
                  <a:gd name="connsiteX249" fmla="*/ 4310 w 9851"/>
                  <a:gd name="connsiteY249" fmla="*/ 3102 h 10000"/>
                  <a:gd name="connsiteX250" fmla="*/ 4335 w 9851"/>
                  <a:gd name="connsiteY250" fmla="*/ 3013 h 10000"/>
                  <a:gd name="connsiteX251" fmla="*/ 4310 w 9851"/>
                  <a:gd name="connsiteY251" fmla="*/ 2939 h 10000"/>
                  <a:gd name="connsiteX252" fmla="*/ 4285 w 9851"/>
                  <a:gd name="connsiteY252" fmla="*/ 2866 h 10000"/>
                  <a:gd name="connsiteX253" fmla="*/ 4211 w 9851"/>
                  <a:gd name="connsiteY253" fmla="*/ 2836 h 10000"/>
                  <a:gd name="connsiteX254" fmla="*/ 4114 w 9851"/>
                  <a:gd name="connsiteY254" fmla="*/ 2836 h 10000"/>
                  <a:gd name="connsiteX255" fmla="*/ 3990 w 9851"/>
                  <a:gd name="connsiteY255" fmla="*/ 2866 h 10000"/>
                  <a:gd name="connsiteX256" fmla="*/ 4088 w 9851"/>
                  <a:gd name="connsiteY256" fmla="*/ 2777 h 10000"/>
                  <a:gd name="connsiteX257" fmla="*/ 4138 w 9851"/>
                  <a:gd name="connsiteY257" fmla="*/ 2674 h 10000"/>
                  <a:gd name="connsiteX258" fmla="*/ 4162 w 9851"/>
                  <a:gd name="connsiteY258" fmla="*/ 2541 h 10000"/>
                  <a:gd name="connsiteX259" fmla="*/ 4162 w 9851"/>
                  <a:gd name="connsiteY259" fmla="*/ 2393 h 10000"/>
                  <a:gd name="connsiteX260" fmla="*/ 4187 w 9851"/>
                  <a:gd name="connsiteY260" fmla="*/ 2349 h 10000"/>
                  <a:gd name="connsiteX261" fmla="*/ 4237 w 9851"/>
                  <a:gd name="connsiteY261" fmla="*/ 2304 h 10000"/>
                  <a:gd name="connsiteX262" fmla="*/ 4285 w 9851"/>
                  <a:gd name="connsiteY262" fmla="*/ 2290 h 10000"/>
                  <a:gd name="connsiteX263" fmla="*/ 4360 w 9851"/>
                  <a:gd name="connsiteY263" fmla="*/ 2275 h 10000"/>
                  <a:gd name="connsiteX264" fmla="*/ 4581 w 9851"/>
                  <a:gd name="connsiteY264" fmla="*/ 2260 h 10000"/>
                  <a:gd name="connsiteX265" fmla="*/ 4778 w 9851"/>
                  <a:gd name="connsiteY265" fmla="*/ 2275 h 10000"/>
                  <a:gd name="connsiteX266" fmla="*/ 4753 w 9851"/>
                  <a:gd name="connsiteY266" fmla="*/ 2112 h 10000"/>
                  <a:gd name="connsiteX267" fmla="*/ 4705 w 9851"/>
                  <a:gd name="connsiteY267" fmla="*/ 1950 h 10000"/>
                  <a:gd name="connsiteX268" fmla="*/ 4630 w 9851"/>
                  <a:gd name="connsiteY268" fmla="*/ 1802 h 10000"/>
                  <a:gd name="connsiteX269" fmla="*/ 4532 w 9851"/>
                  <a:gd name="connsiteY269" fmla="*/ 1640 h 10000"/>
                  <a:gd name="connsiteX270" fmla="*/ 4285 w 9851"/>
                  <a:gd name="connsiteY270" fmla="*/ 1329 h 10000"/>
                  <a:gd name="connsiteX271" fmla="*/ 4039 w 9851"/>
                  <a:gd name="connsiteY271" fmla="*/ 1034 h 10000"/>
                  <a:gd name="connsiteX272" fmla="*/ 3916 w 9851"/>
                  <a:gd name="connsiteY272" fmla="*/ 901 h 10000"/>
                  <a:gd name="connsiteX273" fmla="*/ 3818 w 9851"/>
                  <a:gd name="connsiteY273" fmla="*/ 753 h 10000"/>
                  <a:gd name="connsiteX274" fmla="*/ 3743 w 9851"/>
                  <a:gd name="connsiteY274" fmla="*/ 620 h 10000"/>
                  <a:gd name="connsiteX275" fmla="*/ 3719 w 9851"/>
                  <a:gd name="connsiteY275" fmla="*/ 487 h 10000"/>
                  <a:gd name="connsiteX276" fmla="*/ 3694 w 9851"/>
                  <a:gd name="connsiteY276" fmla="*/ 355 h 10000"/>
                  <a:gd name="connsiteX277" fmla="*/ 3743 w 9851"/>
                  <a:gd name="connsiteY277" fmla="*/ 222 h 10000"/>
                  <a:gd name="connsiteX278" fmla="*/ 3769 w 9851"/>
                  <a:gd name="connsiteY278" fmla="*/ 162 h 10000"/>
                  <a:gd name="connsiteX279" fmla="*/ 3818 w 9851"/>
                  <a:gd name="connsiteY279" fmla="*/ 103 h 10000"/>
                  <a:gd name="connsiteX280" fmla="*/ 3892 w 9851"/>
                  <a:gd name="connsiteY280" fmla="*/ 59 h 10000"/>
                  <a:gd name="connsiteX281" fmla="*/ 3990 w 9851"/>
                  <a:gd name="connsiteY281" fmla="*/ 0 h 10000"/>
                  <a:gd name="connsiteX0" fmla="*/ 4050 w 9851"/>
                  <a:gd name="connsiteY0" fmla="*/ 0 h 10000"/>
                  <a:gd name="connsiteX1" fmla="*/ 4225 w 9851"/>
                  <a:gd name="connsiteY1" fmla="*/ 0 h 10000"/>
                  <a:gd name="connsiteX2" fmla="*/ 4401 w 9851"/>
                  <a:gd name="connsiteY2" fmla="*/ 15 h 10000"/>
                  <a:gd name="connsiteX3" fmla="*/ 4575 w 9851"/>
                  <a:gd name="connsiteY3" fmla="*/ 44 h 10000"/>
                  <a:gd name="connsiteX4" fmla="*/ 4700 w 9851"/>
                  <a:gd name="connsiteY4" fmla="*/ 89 h 10000"/>
                  <a:gd name="connsiteX5" fmla="*/ 4901 w 9851"/>
                  <a:gd name="connsiteY5" fmla="*/ 192 h 10000"/>
                  <a:gd name="connsiteX6" fmla="*/ 5100 w 9851"/>
                  <a:gd name="connsiteY6" fmla="*/ 340 h 10000"/>
                  <a:gd name="connsiteX7" fmla="*/ 5250 w 9851"/>
                  <a:gd name="connsiteY7" fmla="*/ 473 h 10000"/>
                  <a:gd name="connsiteX8" fmla="*/ 5450 w 9851"/>
                  <a:gd name="connsiteY8" fmla="*/ 591 h 10000"/>
                  <a:gd name="connsiteX9" fmla="*/ 5576 w 9851"/>
                  <a:gd name="connsiteY9" fmla="*/ 650 h 10000"/>
                  <a:gd name="connsiteX10" fmla="*/ 5725 w 9851"/>
                  <a:gd name="connsiteY10" fmla="*/ 679 h 10000"/>
                  <a:gd name="connsiteX11" fmla="*/ 5876 w 9851"/>
                  <a:gd name="connsiteY11" fmla="*/ 709 h 10000"/>
                  <a:gd name="connsiteX12" fmla="*/ 6076 w 9851"/>
                  <a:gd name="connsiteY12" fmla="*/ 709 h 10000"/>
                  <a:gd name="connsiteX13" fmla="*/ 6076 w 9851"/>
                  <a:gd name="connsiteY13" fmla="*/ 768 h 10000"/>
                  <a:gd name="connsiteX14" fmla="*/ 6101 w 9851"/>
                  <a:gd name="connsiteY14" fmla="*/ 842 h 10000"/>
                  <a:gd name="connsiteX15" fmla="*/ 6150 w 9851"/>
                  <a:gd name="connsiteY15" fmla="*/ 916 h 10000"/>
                  <a:gd name="connsiteX16" fmla="*/ 6200 w 9851"/>
                  <a:gd name="connsiteY16" fmla="*/ 990 h 10000"/>
                  <a:gd name="connsiteX17" fmla="*/ 6274 w 9851"/>
                  <a:gd name="connsiteY17" fmla="*/ 1049 h 10000"/>
                  <a:gd name="connsiteX18" fmla="*/ 6375 w 9851"/>
                  <a:gd name="connsiteY18" fmla="*/ 1108 h 10000"/>
                  <a:gd name="connsiteX19" fmla="*/ 6500 w 9851"/>
                  <a:gd name="connsiteY19" fmla="*/ 1182 h 10000"/>
                  <a:gd name="connsiteX20" fmla="*/ 6600 w 9851"/>
                  <a:gd name="connsiteY20" fmla="*/ 1226 h 10000"/>
                  <a:gd name="connsiteX21" fmla="*/ 6701 w 9851"/>
                  <a:gd name="connsiteY21" fmla="*/ 1270 h 10000"/>
                  <a:gd name="connsiteX22" fmla="*/ 6800 w 9851"/>
                  <a:gd name="connsiteY22" fmla="*/ 1300 h 10000"/>
                  <a:gd name="connsiteX23" fmla="*/ 6901 w 9851"/>
                  <a:gd name="connsiteY23" fmla="*/ 1315 h 10000"/>
                  <a:gd name="connsiteX24" fmla="*/ 7026 w 9851"/>
                  <a:gd name="connsiteY24" fmla="*/ 1300 h 10000"/>
                  <a:gd name="connsiteX25" fmla="*/ 7126 w 9851"/>
                  <a:gd name="connsiteY25" fmla="*/ 1285 h 10000"/>
                  <a:gd name="connsiteX26" fmla="*/ 7200 w 9851"/>
                  <a:gd name="connsiteY26" fmla="*/ 1241 h 10000"/>
                  <a:gd name="connsiteX27" fmla="*/ 7251 w 9851"/>
                  <a:gd name="connsiteY27" fmla="*/ 1167 h 10000"/>
                  <a:gd name="connsiteX28" fmla="*/ 7275 w 9851"/>
                  <a:gd name="connsiteY28" fmla="*/ 1064 h 10000"/>
                  <a:gd name="connsiteX29" fmla="*/ 7650 w 9851"/>
                  <a:gd name="connsiteY29" fmla="*/ 1034 h 10000"/>
                  <a:gd name="connsiteX30" fmla="*/ 8000 w 9851"/>
                  <a:gd name="connsiteY30" fmla="*/ 1004 h 10000"/>
                  <a:gd name="connsiteX31" fmla="*/ 8301 w 9851"/>
                  <a:gd name="connsiteY31" fmla="*/ 990 h 10000"/>
                  <a:gd name="connsiteX32" fmla="*/ 8576 w 9851"/>
                  <a:gd name="connsiteY32" fmla="*/ 1004 h 10000"/>
                  <a:gd name="connsiteX33" fmla="*/ 8701 w 9851"/>
                  <a:gd name="connsiteY33" fmla="*/ 1019 h 10000"/>
                  <a:gd name="connsiteX34" fmla="*/ 8825 w 9851"/>
                  <a:gd name="connsiteY34" fmla="*/ 1034 h 10000"/>
                  <a:gd name="connsiteX35" fmla="*/ 8926 w 9851"/>
                  <a:gd name="connsiteY35" fmla="*/ 1064 h 10000"/>
                  <a:gd name="connsiteX36" fmla="*/ 9051 w 9851"/>
                  <a:gd name="connsiteY36" fmla="*/ 1108 h 10000"/>
                  <a:gd name="connsiteX37" fmla="*/ 9126 w 9851"/>
                  <a:gd name="connsiteY37" fmla="*/ 1182 h 10000"/>
                  <a:gd name="connsiteX38" fmla="*/ 9200 w 9851"/>
                  <a:gd name="connsiteY38" fmla="*/ 1241 h 10000"/>
                  <a:gd name="connsiteX39" fmla="*/ 9251 w 9851"/>
                  <a:gd name="connsiteY39" fmla="*/ 1329 h 10000"/>
                  <a:gd name="connsiteX40" fmla="*/ 9301 w 9851"/>
                  <a:gd name="connsiteY40" fmla="*/ 1433 h 10000"/>
                  <a:gd name="connsiteX41" fmla="*/ 9351 w 9851"/>
                  <a:gd name="connsiteY41" fmla="*/ 1551 h 10000"/>
                  <a:gd name="connsiteX42" fmla="*/ 9325 w 9851"/>
                  <a:gd name="connsiteY42" fmla="*/ 1625 h 10000"/>
                  <a:gd name="connsiteX43" fmla="*/ 9301 w 9851"/>
                  <a:gd name="connsiteY43" fmla="*/ 1684 h 10000"/>
                  <a:gd name="connsiteX44" fmla="*/ 9251 w 9851"/>
                  <a:gd name="connsiteY44" fmla="*/ 1758 h 10000"/>
                  <a:gd name="connsiteX45" fmla="*/ 9176 w 9851"/>
                  <a:gd name="connsiteY45" fmla="*/ 1802 h 10000"/>
                  <a:gd name="connsiteX46" fmla="*/ 9126 w 9851"/>
                  <a:gd name="connsiteY46" fmla="*/ 1861 h 10000"/>
                  <a:gd name="connsiteX47" fmla="*/ 9102 w 9851"/>
                  <a:gd name="connsiteY47" fmla="*/ 1935 h 10000"/>
                  <a:gd name="connsiteX48" fmla="*/ 9126 w 9851"/>
                  <a:gd name="connsiteY48" fmla="*/ 2024 h 10000"/>
                  <a:gd name="connsiteX49" fmla="*/ 9401 w 9851"/>
                  <a:gd name="connsiteY49" fmla="*/ 2157 h 10000"/>
                  <a:gd name="connsiteX50" fmla="*/ 9726 w 9851"/>
                  <a:gd name="connsiteY50" fmla="*/ 2275 h 10000"/>
                  <a:gd name="connsiteX51" fmla="*/ 9851 w 9851"/>
                  <a:gd name="connsiteY51" fmla="*/ 2349 h 10000"/>
                  <a:gd name="connsiteX52" fmla="*/ 7075 w 9851"/>
                  <a:gd name="connsiteY52" fmla="*/ 4313 h 10000"/>
                  <a:gd name="connsiteX53" fmla="*/ 7075 w 9851"/>
                  <a:gd name="connsiteY53" fmla="*/ 4431 h 10000"/>
                  <a:gd name="connsiteX54" fmla="*/ 7075 w 9851"/>
                  <a:gd name="connsiteY54" fmla="*/ 4549 h 10000"/>
                  <a:gd name="connsiteX55" fmla="*/ 7026 w 9851"/>
                  <a:gd name="connsiteY55" fmla="*/ 4564 h 10000"/>
                  <a:gd name="connsiteX56" fmla="*/ 6951 w 9851"/>
                  <a:gd name="connsiteY56" fmla="*/ 4594 h 10000"/>
                  <a:gd name="connsiteX57" fmla="*/ 6901 w 9851"/>
                  <a:gd name="connsiteY57" fmla="*/ 4638 h 10000"/>
                  <a:gd name="connsiteX58" fmla="*/ 6901 w 9851"/>
                  <a:gd name="connsiteY58" fmla="*/ 4697 h 10000"/>
                  <a:gd name="connsiteX59" fmla="*/ 6875 w 9851"/>
                  <a:gd name="connsiteY59" fmla="*/ 4801 h 10000"/>
                  <a:gd name="connsiteX60" fmla="*/ 6875 w 9851"/>
                  <a:gd name="connsiteY60" fmla="*/ 4904 h 10000"/>
                  <a:gd name="connsiteX61" fmla="*/ 6751 w 9851"/>
                  <a:gd name="connsiteY61" fmla="*/ 4860 h 10000"/>
                  <a:gd name="connsiteX62" fmla="*/ 6675 w 9851"/>
                  <a:gd name="connsiteY62" fmla="*/ 4801 h 10000"/>
                  <a:gd name="connsiteX63" fmla="*/ 6600 w 9851"/>
                  <a:gd name="connsiteY63" fmla="*/ 4727 h 10000"/>
                  <a:gd name="connsiteX64" fmla="*/ 6526 w 9851"/>
                  <a:gd name="connsiteY64" fmla="*/ 4638 h 10000"/>
                  <a:gd name="connsiteX65" fmla="*/ 6401 w 9851"/>
                  <a:gd name="connsiteY65" fmla="*/ 4476 h 10000"/>
                  <a:gd name="connsiteX66" fmla="*/ 6274 w 9851"/>
                  <a:gd name="connsiteY66" fmla="*/ 4313 h 10000"/>
                  <a:gd name="connsiteX67" fmla="*/ 6426 w 9851"/>
                  <a:gd name="connsiteY67" fmla="*/ 4210 h 10000"/>
                  <a:gd name="connsiteX68" fmla="*/ 6625 w 9851"/>
                  <a:gd name="connsiteY68" fmla="*/ 4121 h 10000"/>
                  <a:gd name="connsiteX69" fmla="*/ 6850 w 9851"/>
                  <a:gd name="connsiteY69" fmla="*/ 4032 h 10000"/>
                  <a:gd name="connsiteX70" fmla="*/ 7101 w 9851"/>
                  <a:gd name="connsiteY70" fmla="*/ 3959 h 10000"/>
                  <a:gd name="connsiteX71" fmla="*/ 7626 w 9851"/>
                  <a:gd name="connsiteY71" fmla="*/ 3811 h 10000"/>
                  <a:gd name="connsiteX72" fmla="*/ 8150 w 9851"/>
                  <a:gd name="connsiteY72" fmla="*/ 3663 h 10000"/>
                  <a:gd name="connsiteX73" fmla="*/ 8401 w 9851"/>
                  <a:gd name="connsiteY73" fmla="*/ 3589 h 10000"/>
                  <a:gd name="connsiteX74" fmla="*/ 8651 w 9851"/>
                  <a:gd name="connsiteY74" fmla="*/ 3516 h 10000"/>
                  <a:gd name="connsiteX75" fmla="*/ 8850 w 9851"/>
                  <a:gd name="connsiteY75" fmla="*/ 3412 h 10000"/>
                  <a:gd name="connsiteX76" fmla="*/ 9051 w 9851"/>
                  <a:gd name="connsiteY76" fmla="*/ 3338 h 10000"/>
                  <a:gd name="connsiteX77" fmla="*/ 9176 w 9851"/>
                  <a:gd name="connsiteY77" fmla="*/ 3235 h 10000"/>
                  <a:gd name="connsiteX78" fmla="*/ 9275 w 9851"/>
                  <a:gd name="connsiteY78" fmla="*/ 3117 h 10000"/>
                  <a:gd name="connsiteX79" fmla="*/ 9301 w 9851"/>
                  <a:gd name="connsiteY79" fmla="*/ 3072 h 10000"/>
                  <a:gd name="connsiteX80" fmla="*/ 9325 w 9851"/>
                  <a:gd name="connsiteY80" fmla="*/ 3013 h 10000"/>
                  <a:gd name="connsiteX81" fmla="*/ 9325 w 9851"/>
                  <a:gd name="connsiteY81" fmla="*/ 2954 h 10000"/>
                  <a:gd name="connsiteX82" fmla="*/ 9301 w 9851"/>
                  <a:gd name="connsiteY82" fmla="*/ 2866 h 10000"/>
                  <a:gd name="connsiteX83" fmla="*/ 9126 w 9851"/>
                  <a:gd name="connsiteY83" fmla="*/ 2984 h 10000"/>
                  <a:gd name="connsiteX84" fmla="*/ 8926 w 9851"/>
                  <a:gd name="connsiteY84" fmla="*/ 3072 h 10000"/>
                  <a:gd name="connsiteX85" fmla="*/ 8725 w 9851"/>
                  <a:gd name="connsiteY85" fmla="*/ 3161 h 10000"/>
                  <a:gd name="connsiteX86" fmla="*/ 8526 w 9851"/>
                  <a:gd name="connsiteY86" fmla="*/ 3250 h 10000"/>
                  <a:gd name="connsiteX87" fmla="*/ 8075 w 9851"/>
                  <a:gd name="connsiteY87" fmla="*/ 3397 h 10000"/>
                  <a:gd name="connsiteX88" fmla="*/ 7601 w 9851"/>
                  <a:gd name="connsiteY88" fmla="*/ 3545 h 10000"/>
                  <a:gd name="connsiteX89" fmla="*/ 7126 w 9851"/>
                  <a:gd name="connsiteY89" fmla="*/ 3678 h 10000"/>
                  <a:gd name="connsiteX90" fmla="*/ 6675 w 9851"/>
                  <a:gd name="connsiteY90" fmla="*/ 3840 h 10000"/>
                  <a:gd name="connsiteX91" fmla="*/ 6450 w 9851"/>
                  <a:gd name="connsiteY91" fmla="*/ 3914 h 10000"/>
                  <a:gd name="connsiteX92" fmla="*/ 6250 w 9851"/>
                  <a:gd name="connsiteY92" fmla="*/ 4003 h 10000"/>
                  <a:gd name="connsiteX93" fmla="*/ 6051 w 9851"/>
                  <a:gd name="connsiteY93" fmla="*/ 4106 h 10000"/>
                  <a:gd name="connsiteX94" fmla="*/ 5850 w 9851"/>
                  <a:gd name="connsiteY94" fmla="*/ 4195 h 10000"/>
                  <a:gd name="connsiteX95" fmla="*/ 6000 w 9851"/>
                  <a:gd name="connsiteY95" fmla="*/ 4417 h 10000"/>
                  <a:gd name="connsiteX96" fmla="*/ 6101 w 9851"/>
                  <a:gd name="connsiteY96" fmla="*/ 4623 h 10000"/>
                  <a:gd name="connsiteX97" fmla="*/ 6200 w 9851"/>
                  <a:gd name="connsiteY97" fmla="*/ 4845 h 10000"/>
                  <a:gd name="connsiteX98" fmla="*/ 6274 w 9851"/>
                  <a:gd name="connsiteY98" fmla="*/ 5081 h 10000"/>
                  <a:gd name="connsiteX99" fmla="*/ 6325 w 9851"/>
                  <a:gd name="connsiteY99" fmla="*/ 5318 h 10000"/>
                  <a:gd name="connsiteX100" fmla="*/ 6351 w 9851"/>
                  <a:gd name="connsiteY100" fmla="*/ 5539 h 10000"/>
                  <a:gd name="connsiteX101" fmla="*/ 6375 w 9851"/>
                  <a:gd name="connsiteY101" fmla="*/ 5775 h 10000"/>
                  <a:gd name="connsiteX102" fmla="*/ 6375 w 9851"/>
                  <a:gd name="connsiteY102" fmla="*/ 5997 h 10000"/>
                  <a:gd name="connsiteX103" fmla="*/ 6351 w 9851"/>
                  <a:gd name="connsiteY103" fmla="*/ 6233 h 10000"/>
                  <a:gd name="connsiteX104" fmla="*/ 6301 w 9851"/>
                  <a:gd name="connsiteY104" fmla="*/ 6470 h 10000"/>
                  <a:gd name="connsiteX105" fmla="*/ 6250 w 9851"/>
                  <a:gd name="connsiteY105" fmla="*/ 6677 h 10000"/>
                  <a:gd name="connsiteX106" fmla="*/ 6176 w 9851"/>
                  <a:gd name="connsiteY106" fmla="*/ 6898 h 10000"/>
                  <a:gd name="connsiteX107" fmla="*/ 6076 w 9851"/>
                  <a:gd name="connsiteY107" fmla="*/ 7105 h 10000"/>
                  <a:gd name="connsiteX108" fmla="*/ 5951 w 9851"/>
                  <a:gd name="connsiteY108" fmla="*/ 7297 h 10000"/>
                  <a:gd name="connsiteX109" fmla="*/ 5800 w 9851"/>
                  <a:gd name="connsiteY109" fmla="*/ 7489 h 10000"/>
                  <a:gd name="connsiteX110" fmla="*/ 5650 w 9851"/>
                  <a:gd name="connsiteY110" fmla="*/ 7681 h 10000"/>
                  <a:gd name="connsiteX111" fmla="*/ 6375 w 9851"/>
                  <a:gd name="connsiteY111" fmla="*/ 7799 h 10000"/>
                  <a:gd name="connsiteX112" fmla="*/ 7126 w 9851"/>
                  <a:gd name="connsiteY112" fmla="*/ 7962 h 10000"/>
                  <a:gd name="connsiteX113" fmla="*/ 7275 w 9851"/>
                  <a:gd name="connsiteY113" fmla="*/ 8021 h 10000"/>
                  <a:gd name="connsiteX114" fmla="*/ 7400 w 9851"/>
                  <a:gd name="connsiteY114" fmla="*/ 8080 h 10000"/>
                  <a:gd name="connsiteX115" fmla="*/ 7525 w 9851"/>
                  <a:gd name="connsiteY115" fmla="*/ 8139 h 10000"/>
                  <a:gd name="connsiteX116" fmla="*/ 7601 w 9851"/>
                  <a:gd name="connsiteY116" fmla="*/ 8227 h 10000"/>
                  <a:gd name="connsiteX117" fmla="*/ 7626 w 9851"/>
                  <a:gd name="connsiteY117" fmla="*/ 8301 h 10000"/>
                  <a:gd name="connsiteX118" fmla="*/ 7626 w 9851"/>
                  <a:gd name="connsiteY118" fmla="*/ 8405 h 10000"/>
                  <a:gd name="connsiteX119" fmla="*/ 7576 w 9851"/>
                  <a:gd name="connsiteY119" fmla="*/ 8523 h 10000"/>
                  <a:gd name="connsiteX120" fmla="*/ 7501 w 9851"/>
                  <a:gd name="connsiteY120" fmla="*/ 8641 h 10000"/>
                  <a:gd name="connsiteX121" fmla="*/ 7175 w 9851"/>
                  <a:gd name="connsiteY121" fmla="*/ 8552 h 10000"/>
                  <a:gd name="connsiteX122" fmla="*/ 6875 w 9851"/>
                  <a:gd name="connsiteY122" fmla="*/ 8449 h 10000"/>
                  <a:gd name="connsiteX123" fmla="*/ 6575 w 9851"/>
                  <a:gd name="connsiteY123" fmla="*/ 8360 h 10000"/>
                  <a:gd name="connsiteX124" fmla="*/ 6274 w 9851"/>
                  <a:gd name="connsiteY124" fmla="*/ 8287 h 10000"/>
                  <a:gd name="connsiteX125" fmla="*/ 6150 w 9851"/>
                  <a:gd name="connsiteY125" fmla="*/ 8449 h 10000"/>
                  <a:gd name="connsiteX126" fmla="*/ 6051 w 9851"/>
                  <a:gd name="connsiteY126" fmla="*/ 8597 h 10000"/>
                  <a:gd name="connsiteX127" fmla="*/ 6000 w 9851"/>
                  <a:gd name="connsiteY127" fmla="*/ 8656 h 10000"/>
                  <a:gd name="connsiteX128" fmla="*/ 5900 w 9851"/>
                  <a:gd name="connsiteY128" fmla="*/ 8700 h 10000"/>
                  <a:gd name="connsiteX129" fmla="*/ 5826 w 9851"/>
                  <a:gd name="connsiteY129" fmla="*/ 8744 h 10000"/>
                  <a:gd name="connsiteX130" fmla="*/ 5751 w 9851"/>
                  <a:gd name="connsiteY130" fmla="*/ 8774 h 10000"/>
                  <a:gd name="connsiteX131" fmla="*/ 5675 w 9851"/>
                  <a:gd name="connsiteY131" fmla="*/ 8804 h 10000"/>
                  <a:gd name="connsiteX132" fmla="*/ 5576 w 9851"/>
                  <a:gd name="connsiteY132" fmla="*/ 8818 h 10000"/>
                  <a:gd name="connsiteX133" fmla="*/ 5450 w 9851"/>
                  <a:gd name="connsiteY133" fmla="*/ 8833 h 10000"/>
                  <a:gd name="connsiteX134" fmla="*/ 5325 w 9851"/>
                  <a:gd name="connsiteY134" fmla="*/ 8833 h 10000"/>
                  <a:gd name="connsiteX135" fmla="*/ 5026 w 9851"/>
                  <a:gd name="connsiteY135" fmla="*/ 8818 h 10000"/>
                  <a:gd name="connsiteX136" fmla="*/ 4650 w 9851"/>
                  <a:gd name="connsiteY136" fmla="*/ 8744 h 10000"/>
                  <a:gd name="connsiteX137" fmla="*/ 4650 w 9851"/>
                  <a:gd name="connsiteY137" fmla="*/ 8922 h 10000"/>
                  <a:gd name="connsiteX138" fmla="*/ 4625 w 9851"/>
                  <a:gd name="connsiteY138" fmla="*/ 9069 h 10000"/>
                  <a:gd name="connsiteX139" fmla="*/ 4601 w 9851"/>
                  <a:gd name="connsiteY139" fmla="*/ 9232 h 10000"/>
                  <a:gd name="connsiteX140" fmla="*/ 4575 w 9851"/>
                  <a:gd name="connsiteY140" fmla="*/ 9365 h 10000"/>
                  <a:gd name="connsiteX141" fmla="*/ 4525 w 9851"/>
                  <a:gd name="connsiteY141" fmla="*/ 9498 h 10000"/>
                  <a:gd name="connsiteX142" fmla="*/ 4426 w 9851"/>
                  <a:gd name="connsiteY142" fmla="*/ 9616 h 10000"/>
                  <a:gd name="connsiteX143" fmla="*/ 4350 w 9851"/>
                  <a:gd name="connsiteY143" fmla="*/ 9734 h 10000"/>
                  <a:gd name="connsiteX144" fmla="*/ 4225 w 9851"/>
                  <a:gd name="connsiteY144" fmla="*/ 9838 h 10000"/>
                  <a:gd name="connsiteX145" fmla="*/ 3924 w 9851"/>
                  <a:gd name="connsiteY145" fmla="*/ 9897 h 10000"/>
                  <a:gd name="connsiteX146" fmla="*/ 3675 w 9851"/>
                  <a:gd name="connsiteY146" fmla="*/ 9941 h 10000"/>
                  <a:gd name="connsiteX147" fmla="*/ 3375 w 9851"/>
                  <a:gd name="connsiteY147" fmla="*/ 9985 h 10000"/>
                  <a:gd name="connsiteX148" fmla="*/ 3150 w 9851"/>
                  <a:gd name="connsiteY148" fmla="*/ 10000 h 10000"/>
                  <a:gd name="connsiteX149" fmla="*/ 2650 w 9851"/>
                  <a:gd name="connsiteY149" fmla="*/ 10000 h 10000"/>
                  <a:gd name="connsiteX150" fmla="*/ 2175 w 9851"/>
                  <a:gd name="connsiteY150" fmla="*/ 9985 h 10000"/>
                  <a:gd name="connsiteX151" fmla="*/ 1726 w 9851"/>
                  <a:gd name="connsiteY151" fmla="*/ 9941 h 10000"/>
                  <a:gd name="connsiteX152" fmla="*/ 1251 w 9851"/>
                  <a:gd name="connsiteY152" fmla="*/ 9911 h 10000"/>
                  <a:gd name="connsiteX153" fmla="*/ 975 w 9851"/>
                  <a:gd name="connsiteY153" fmla="*/ 9911 h 10000"/>
                  <a:gd name="connsiteX154" fmla="*/ 725 w 9851"/>
                  <a:gd name="connsiteY154" fmla="*/ 9911 h 10000"/>
                  <a:gd name="connsiteX155" fmla="*/ 450 w 9851"/>
                  <a:gd name="connsiteY155" fmla="*/ 9926 h 10000"/>
                  <a:gd name="connsiteX156" fmla="*/ 175 w 9851"/>
                  <a:gd name="connsiteY156" fmla="*/ 9970 h 10000"/>
                  <a:gd name="connsiteX157" fmla="*/ 100 w 9851"/>
                  <a:gd name="connsiteY157" fmla="*/ 9867 h 10000"/>
                  <a:gd name="connsiteX158" fmla="*/ 50 w 9851"/>
                  <a:gd name="connsiteY158" fmla="*/ 9793 h 10000"/>
                  <a:gd name="connsiteX159" fmla="*/ 0 w 9851"/>
                  <a:gd name="connsiteY159" fmla="*/ 9705 h 10000"/>
                  <a:gd name="connsiteX160" fmla="*/ 0 w 9851"/>
                  <a:gd name="connsiteY160" fmla="*/ 9601 h 10000"/>
                  <a:gd name="connsiteX161" fmla="*/ 50 w 9851"/>
                  <a:gd name="connsiteY161" fmla="*/ 9424 h 10000"/>
                  <a:gd name="connsiteX162" fmla="*/ 100 w 9851"/>
                  <a:gd name="connsiteY162" fmla="*/ 9202 h 10000"/>
                  <a:gd name="connsiteX163" fmla="*/ 149 w 9851"/>
                  <a:gd name="connsiteY163" fmla="*/ 8996 h 10000"/>
                  <a:gd name="connsiteX164" fmla="*/ 200 w 9851"/>
                  <a:gd name="connsiteY164" fmla="*/ 8759 h 10000"/>
                  <a:gd name="connsiteX165" fmla="*/ 225 w 9851"/>
                  <a:gd name="connsiteY165" fmla="*/ 8641 h 10000"/>
                  <a:gd name="connsiteX166" fmla="*/ 225 w 9851"/>
                  <a:gd name="connsiteY166" fmla="*/ 8538 h 10000"/>
                  <a:gd name="connsiteX167" fmla="*/ 200 w 9851"/>
                  <a:gd name="connsiteY167" fmla="*/ 8405 h 10000"/>
                  <a:gd name="connsiteX168" fmla="*/ 175 w 9851"/>
                  <a:gd name="connsiteY168" fmla="*/ 8287 h 10000"/>
                  <a:gd name="connsiteX169" fmla="*/ 425 w 9851"/>
                  <a:gd name="connsiteY169" fmla="*/ 8213 h 10000"/>
                  <a:gd name="connsiteX170" fmla="*/ 675 w 9851"/>
                  <a:gd name="connsiteY170" fmla="*/ 8139 h 10000"/>
                  <a:gd name="connsiteX171" fmla="*/ 925 w 9851"/>
                  <a:gd name="connsiteY171" fmla="*/ 8095 h 10000"/>
                  <a:gd name="connsiteX172" fmla="*/ 1200 w 9851"/>
                  <a:gd name="connsiteY172" fmla="*/ 8065 h 10000"/>
                  <a:gd name="connsiteX173" fmla="*/ 1699 w 9851"/>
                  <a:gd name="connsiteY173" fmla="*/ 8021 h 10000"/>
                  <a:gd name="connsiteX174" fmla="*/ 2201 w 9851"/>
                  <a:gd name="connsiteY174" fmla="*/ 7976 h 10000"/>
                  <a:gd name="connsiteX175" fmla="*/ 2425 w 9851"/>
                  <a:gd name="connsiteY175" fmla="*/ 7947 h 10000"/>
                  <a:gd name="connsiteX176" fmla="*/ 2650 w 9851"/>
                  <a:gd name="connsiteY176" fmla="*/ 7917 h 10000"/>
                  <a:gd name="connsiteX177" fmla="*/ 2849 w 9851"/>
                  <a:gd name="connsiteY177" fmla="*/ 7843 h 10000"/>
                  <a:gd name="connsiteX178" fmla="*/ 3050 w 9851"/>
                  <a:gd name="connsiteY178" fmla="*/ 7784 h 10000"/>
                  <a:gd name="connsiteX179" fmla="*/ 3225 w 9851"/>
                  <a:gd name="connsiteY179" fmla="*/ 7710 h 10000"/>
                  <a:gd name="connsiteX180" fmla="*/ 3375 w 9851"/>
                  <a:gd name="connsiteY180" fmla="*/ 7592 h 10000"/>
                  <a:gd name="connsiteX181" fmla="*/ 3526 w 9851"/>
                  <a:gd name="connsiteY181" fmla="*/ 7474 h 10000"/>
                  <a:gd name="connsiteX182" fmla="*/ 3625 w 9851"/>
                  <a:gd name="connsiteY182" fmla="*/ 7312 h 10000"/>
                  <a:gd name="connsiteX183" fmla="*/ 3425 w 9851"/>
                  <a:gd name="connsiteY183" fmla="*/ 7238 h 10000"/>
                  <a:gd name="connsiteX184" fmla="*/ 3250 w 9851"/>
                  <a:gd name="connsiteY184" fmla="*/ 7179 h 10000"/>
                  <a:gd name="connsiteX185" fmla="*/ 3100 w 9851"/>
                  <a:gd name="connsiteY185" fmla="*/ 7090 h 10000"/>
                  <a:gd name="connsiteX186" fmla="*/ 2950 w 9851"/>
                  <a:gd name="connsiteY186" fmla="*/ 6987 h 10000"/>
                  <a:gd name="connsiteX187" fmla="*/ 2849 w 9851"/>
                  <a:gd name="connsiteY187" fmla="*/ 6869 h 10000"/>
                  <a:gd name="connsiteX188" fmla="*/ 2801 w 9851"/>
                  <a:gd name="connsiteY188" fmla="*/ 6721 h 10000"/>
                  <a:gd name="connsiteX189" fmla="*/ 2775 w 9851"/>
                  <a:gd name="connsiteY189" fmla="*/ 6558 h 10000"/>
                  <a:gd name="connsiteX190" fmla="*/ 2801 w 9851"/>
                  <a:gd name="connsiteY190" fmla="*/ 6352 h 10000"/>
                  <a:gd name="connsiteX191" fmla="*/ 2676 w 9851"/>
                  <a:gd name="connsiteY191" fmla="*/ 6322 h 10000"/>
                  <a:gd name="connsiteX192" fmla="*/ 2526 w 9851"/>
                  <a:gd name="connsiteY192" fmla="*/ 6292 h 10000"/>
                  <a:gd name="connsiteX193" fmla="*/ 2350 w 9851"/>
                  <a:gd name="connsiteY193" fmla="*/ 6278 h 10000"/>
                  <a:gd name="connsiteX194" fmla="*/ 2175 w 9851"/>
                  <a:gd name="connsiteY194" fmla="*/ 6263 h 10000"/>
                  <a:gd name="connsiteX195" fmla="*/ 1825 w 9851"/>
                  <a:gd name="connsiteY195" fmla="*/ 6248 h 10000"/>
                  <a:gd name="connsiteX196" fmla="*/ 1450 w 9851"/>
                  <a:gd name="connsiteY196" fmla="*/ 6263 h 10000"/>
                  <a:gd name="connsiteX197" fmla="*/ 1126 w 9851"/>
                  <a:gd name="connsiteY197" fmla="*/ 6278 h 10000"/>
                  <a:gd name="connsiteX198" fmla="*/ 825 w 9851"/>
                  <a:gd name="connsiteY198" fmla="*/ 6278 h 10000"/>
                  <a:gd name="connsiteX199" fmla="*/ 576 w 9851"/>
                  <a:gd name="connsiteY199" fmla="*/ 6263 h 10000"/>
                  <a:gd name="connsiteX200" fmla="*/ 375 w 9851"/>
                  <a:gd name="connsiteY200" fmla="*/ 6233 h 10000"/>
                  <a:gd name="connsiteX201" fmla="*/ 624 w 9851"/>
                  <a:gd name="connsiteY201" fmla="*/ 5805 h 10000"/>
                  <a:gd name="connsiteX202" fmla="*/ 900 w 9851"/>
                  <a:gd name="connsiteY202" fmla="*/ 5391 h 10000"/>
                  <a:gd name="connsiteX203" fmla="*/ 1001 w 9851"/>
                  <a:gd name="connsiteY203" fmla="*/ 5170 h 10000"/>
                  <a:gd name="connsiteX204" fmla="*/ 1075 w 9851"/>
                  <a:gd name="connsiteY204" fmla="*/ 4963 h 10000"/>
                  <a:gd name="connsiteX205" fmla="*/ 1099 w 9851"/>
                  <a:gd name="connsiteY205" fmla="*/ 4860 h 10000"/>
                  <a:gd name="connsiteX206" fmla="*/ 1075 w 9851"/>
                  <a:gd name="connsiteY206" fmla="*/ 4756 h 10000"/>
                  <a:gd name="connsiteX207" fmla="*/ 1050 w 9851"/>
                  <a:gd name="connsiteY207" fmla="*/ 4653 h 10000"/>
                  <a:gd name="connsiteX208" fmla="*/ 975 w 9851"/>
                  <a:gd name="connsiteY208" fmla="*/ 4549 h 10000"/>
                  <a:gd name="connsiteX209" fmla="*/ 1251 w 9851"/>
                  <a:gd name="connsiteY209" fmla="*/ 4520 h 10000"/>
                  <a:gd name="connsiteX210" fmla="*/ 1450 w 9851"/>
                  <a:gd name="connsiteY210" fmla="*/ 4505 h 10000"/>
                  <a:gd name="connsiteX211" fmla="*/ 1625 w 9851"/>
                  <a:gd name="connsiteY211" fmla="*/ 4505 h 10000"/>
                  <a:gd name="connsiteX212" fmla="*/ 1775 w 9851"/>
                  <a:gd name="connsiteY212" fmla="*/ 4520 h 10000"/>
                  <a:gd name="connsiteX213" fmla="*/ 1900 w 9851"/>
                  <a:gd name="connsiteY213" fmla="*/ 4520 h 10000"/>
                  <a:gd name="connsiteX214" fmla="*/ 2050 w 9851"/>
                  <a:gd name="connsiteY214" fmla="*/ 4520 h 10000"/>
                  <a:gd name="connsiteX215" fmla="*/ 2201 w 9851"/>
                  <a:gd name="connsiteY215" fmla="*/ 4490 h 10000"/>
                  <a:gd name="connsiteX216" fmla="*/ 2400 w 9851"/>
                  <a:gd name="connsiteY216" fmla="*/ 4446 h 10000"/>
                  <a:gd name="connsiteX217" fmla="*/ 2400 w 9851"/>
                  <a:gd name="connsiteY217" fmla="*/ 4579 h 10000"/>
                  <a:gd name="connsiteX218" fmla="*/ 2400 w 9851"/>
                  <a:gd name="connsiteY218" fmla="*/ 4742 h 10000"/>
                  <a:gd name="connsiteX219" fmla="*/ 2400 w 9851"/>
                  <a:gd name="connsiteY219" fmla="*/ 4874 h 10000"/>
                  <a:gd name="connsiteX220" fmla="*/ 2400 w 9851"/>
                  <a:gd name="connsiteY220" fmla="*/ 5037 h 10000"/>
                  <a:gd name="connsiteX221" fmla="*/ 2625 w 9851"/>
                  <a:gd name="connsiteY221" fmla="*/ 5022 h 10000"/>
                  <a:gd name="connsiteX222" fmla="*/ 2775 w 9851"/>
                  <a:gd name="connsiteY222" fmla="*/ 5037 h 10000"/>
                  <a:gd name="connsiteX223" fmla="*/ 2900 w 9851"/>
                  <a:gd name="connsiteY223" fmla="*/ 5066 h 10000"/>
                  <a:gd name="connsiteX224" fmla="*/ 3025 w 9851"/>
                  <a:gd name="connsiteY224" fmla="*/ 5096 h 10000"/>
                  <a:gd name="connsiteX225" fmla="*/ 3126 w 9851"/>
                  <a:gd name="connsiteY225" fmla="*/ 5126 h 10000"/>
                  <a:gd name="connsiteX226" fmla="*/ 3250 w 9851"/>
                  <a:gd name="connsiteY226" fmla="*/ 5155 h 10000"/>
                  <a:gd name="connsiteX227" fmla="*/ 3401 w 9851"/>
                  <a:gd name="connsiteY227" fmla="*/ 5170 h 10000"/>
                  <a:gd name="connsiteX228" fmla="*/ 3625 w 9851"/>
                  <a:gd name="connsiteY228" fmla="*/ 5155 h 10000"/>
                  <a:gd name="connsiteX229" fmla="*/ 3701 w 9851"/>
                  <a:gd name="connsiteY229" fmla="*/ 5096 h 10000"/>
                  <a:gd name="connsiteX230" fmla="*/ 3775 w 9851"/>
                  <a:gd name="connsiteY230" fmla="*/ 5022 h 10000"/>
                  <a:gd name="connsiteX231" fmla="*/ 3800 w 9851"/>
                  <a:gd name="connsiteY231" fmla="*/ 4934 h 10000"/>
                  <a:gd name="connsiteX232" fmla="*/ 3826 w 9851"/>
                  <a:gd name="connsiteY232" fmla="*/ 4860 h 10000"/>
                  <a:gd name="connsiteX233" fmla="*/ 3850 w 9851"/>
                  <a:gd name="connsiteY233" fmla="*/ 4697 h 10000"/>
                  <a:gd name="connsiteX234" fmla="*/ 3826 w 9851"/>
                  <a:gd name="connsiteY234" fmla="*/ 4520 h 10000"/>
                  <a:gd name="connsiteX235" fmla="*/ 3750 w 9851"/>
                  <a:gd name="connsiteY235" fmla="*/ 4343 h 10000"/>
                  <a:gd name="connsiteX236" fmla="*/ 3675 w 9851"/>
                  <a:gd name="connsiteY236" fmla="*/ 4195 h 10000"/>
                  <a:gd name="connsiteX237" fmla="*/ 3550 w 9851"/>
                  <a:gd name="connsiteY237" fmla="*/ 4047 h 10000"/>
                  <a:gd name="connsiteX238" fmla="*/ 3425 w 9851"/>
                  <a:gd name="connsiteY238" fmla="*/ 3959 h 10000"/>
                  <a:gd name="connsiteX239" fmla="*/ 3575 w 9851"/>
                  <a:gd name="connsiteY239" fmla="*/ 3944 h 10000"/>
                  <a:gd name="connsiteX240" fmla="*/ 3701 w 9851"/>
                  <a:gd name="connsiteY240" fmla="*/ 3914 h 10000"/>
                  <a:gd name="connsiteX241" fmla="*/ 3800 w 9851"/>
                  <a:gd name="connsiteY241" fmla="*/ 3855 h 10000"/>
                  <a:gd name="connsiteX242" fmla="*/ 3924 w 9851"/>
                  <a:gd name="connsiteY242" fmla="*/ 3752 h 10000"/>
                  <a:gd name="connsiteX243" fmla="*/ 4050 w 9851"/>
                  <a:gd name="connsiteY243" fmla="*/ 3663 h 10000"/>
                  <a:gd name="connsiteX244" fmla="*/ 4150 w 9851"/>
                  <a:gd name="connsiteY244" fmla="*/ 3560 h 10000"/>
                  <a:gd name="connsiteX245" fmla="*/ 4225 w 9851"/>
                  <a:gd name="connsiteY245" fmla="*/ 3442 h 10000"/>
                  <a:gd name="connsiteX246" fmla="*/ 4301 w 9851"/>
                  <a:gd name="connsiteY246" fmla="*/ 3323 h 10000"/>
                  <a:gd name="connsiteX247" fmla="*/ 4350 w 9851"/>
                  <a:gd name="connsiteY247" fmla="*/ 3220 h 10000"/>
                  <a:gd name="connsiteX248" fmla="*/ 4375 w 9851"/>
                  <a:gd name="connsiteY248" fmla="*/ 3102 h 10000"/>
                  <a:gd name="connsiteX249" fmla="*/ 4401 w 9851"/>
                  <a:gd name="connsiteY249" fmla="*/ 3013 h 10000"/>
                  <a:gd name="connsiteX250" fmla="*/ 4375 w 9851"/>
                  <a:gd name="connsiteY250" fmla="*/ 2939 h 10000"/>
                  <a:gd name="connsiteX251" fmla="*/ 4350 w 9851"/>
                  <a:gd name="connsiteY251" fmla="*/ 2866 h 10000"/>
                  <a:gd name="connsiteX252" fmla="*/ 4275 w 9851"/>
                  <a:gd name="connsiteY252" fmla="*/ 2836 h 10000"/>
                  <a:gd name="connsiteX253" fmla="*/ 4176 w 9851"/>
                  <a:gd name="connsiteY253" fmla="*/ 2836 h 10000"/>
                  <a:gd name="connsiteX254" fmla="*/ 4050 w 9851"/>
                  <a:gd name="connsiteY254" fmla="*/ 2866 h 10000"/>
                  <a:gd name="connsiteX255" fmla="*/ 4150 w 9851"/>
                  <a:gd name="connsiteY255" fmla="*/ 2777 h 10000"/>
                  <a:gd name="connsiteX256" fmla="*/ 4201 w 9851"/>
                  <a:gd name="connsiteY256" fmla="*/ 2674 h 10000"/>
                  <a:gd name="connsiteX257" fmla="*/ 4225 w 9851"/>
                  <a:gd name="connsiteY257" fmla="*/ 2541 h 10000"/>
                  <a:gd name="connsiteX258" fmla="*/ 4225 w 9851"/>
                  <a:gd name="connsiteY258" fmla="*/ 2393 h 10000"/>
                  <a:gd name="connsiteX259" fmla="*/ 4250 w 9851"/>
                  <a:gd name="connsiteY259" fmla="*/ 2349 h 10000"/>
                  <a:gd name="connsiteX260" fmla="*/ 4301 w 9851"/>
                  <a:gd name="connsiteY260" fmla="*/ 2304 h 10000"/>
                  <a:gd name="connsiteX261" fmla="*/ 4350 w 9851"/>
                  <a:gd name="connsiteY261" fmla="*/ 2290 h 10000"/>
                  <a:gd name="connsiteX262" fmla="*/ 4426 w 9851"/>
                  <a:gd name="connsiteY262" fmla="*/ 2275 h 10000"/>
                  <a:gd name="connsiteX263" fmla="*/ 4650 w 9851"/>
                  <a:gd name="connsiteY263" fmla="*/ 2260 h 10000"/>
                  <a:gd name="connsiteX264" fmla="*/ 4850 w 9851"/>
                  <a:gd name="connsiteY264" fmla="*/ 2275 h 10000"/>
                  <a:gd name="connsiteX265" fmla="*/ 4825 w 9851"/>
                  <a:gd name="connsiteY265" fmla="*/ 2112 h 10000"/>
                  <a:gd name="connsiteX266" fmla="*/ 4776 w 9851"/>
                  <a:gd name="connsiteY266" fmla="*/ 1950 h 10000"/>
                  <a:gd name="connsiteX267" fmla="*/ 4700 w 9851"/>
                  <a:gd name="connsiteY267" fmla="*/ 1802 h 10000"/>
                  <a:gd name="connsiteX268" fmla="*/ 4601 w 9851"/>
                  <a:gd name="connsiteY268" fmla="*/ 1640 h 10000"/>
                  <a:gd name="connsiteX269" fmla="*/ 4350 w 9851"/>
                  <a:gd name="connsiteY269" fmla="*/ 1329 h 10000"/>
                  <a:gd name="connsiteX270" fmla="*/ 4100 w 9851"/>
                  <a:gd name="connsiteY270" fmla="*/ 1034 h 10000"/>
                  <a:gd name="connsiteX271" fmla="*/ 3975 w 9851"/>
                  <a:gd name="connsiteY271" fmla="*/ 901 h 10000"/>
                  <a:gd name="connsiteX272" fmla="*/ 3876 w 9851"/>
                  <a:gd name="connsiteY272" fmla="*/ 753 h 10000"/>
                  <a:gd name="connsiteX273" fmla="*/ 3800 w 9851"/>
                  <a:gd name="connsiteY273" fmla="*/ 620 h 10000"/>
                  <a:gd name="connsiteX274" fmla="*/ 3775 w 9851"/>
                  <a:gd name="connsiteY274" fmla="*/ 487 h 10000"/>
                  <a:gd name="connsiteX275" fmla="*/ 3750 w 9851"/>
                  <a:gd name="connsiteY275" fmla="*/ 355 h 10000"/>
                  <a:gd name="connsiteX276" fmla="*/ 3800 w 9851"/>
                  <a:gd name="connsiteY276" fmla="*/ 222 h 10000"/>
                  <a:gd name="connsiteX277" fmla="*/ 3826 w 9851"/>
                  <a:gd name="connsiteY277" fmla="*/ 162 h 10000"/>
                  <a:gd name="connsiteX278" fmla="*/ 3876 w 9851"/>
                  <a:gd name="connsiteY278" fmla="*/ 103 h 10000"/>
                  <a:gd name="connsiteX279" fmla="*/ 3951 w 9851"/>
                  <a:gd name="connsiteY279" fmla="*/ 59 h 10000"/>
                  <a:gd name="connsiteX280" fmla="*/ 4050 w 9851"/>
                  <a:gd name="connsiteY280" fmla="*/ 0 h 10000"/>
                  <a:gd name="connsiteX0" fmla="*/ 4111 w 10000"/>
                  <a:gd name="connsiteY0" fmla="*/ 0 h 10000"/>
                  <a:gd name="connsiteX1" fmla="*/ 4289 w 10000"/>
                  <a:gd name="connsiteY1" fmla="*/ 0 h 10000"/>
                  <a:gd name="connsiteX2" fmla="*/ 4468 w 10000"/>
                  <a:gd name="connsiteY2" fmla="*/ 15 h 10000"/>
                  <a:gd name="connsiteX3" fmla="*/ 4644 w 10000"/>
                  <a:gd name="connsiteY3" fmla="*/ 44 h 10000"/>
                  <a:gd name="connsiteX4" fmla="*/ 4771 w 10000"/>
                  <a:gd name="connsiteY4" fmla="*/ 89 h 10000"/>
                  <a:gd name="connsiteX5" fmla="*/ 4975 w 10000"/>
                  <a:gd name="connsiteY5" fmla="*/ 192 h 10000"/>
                  <a:gd name="connsiteX6" fmla="*/ 5177 w 10000"/>
                  <a:gd name="connsiteY6" fmla="*/ 340 h 10000"/>
                  <a:gd name="connsiteX7" fmla="*/ 5329 w 10000"/>
                  <a:gd name="connsiteY7" fmla="*/ 473 h 10000"/>
                  <a:gd name="connsiteX8" fmla="*/ 5532 w 10000"/>
                  <a:gd name="connsiteY8" fmla="*/ 591 h 10000"/>
                  <a:gd name="connsiteX9" fmla="*/ 5660 w 10000"/>
                  <a:gd name="connsiteY9" fmla="*/ 650 h 10000"/>
                  <a:gd name="connsiteX10" fmla="*/ 5812 w 10000"/>
                  <a:gd name="connsiteY10" fmla="*/ 679 h 10000"/>
                  <a:gd name="connsiteX11" fmla="*/ 5965 w 10000"/>
                  <a:gd name="connsiteY11" fmla="*/ 709 h 10000"/>
                  <a:gd name="connsiteX12" fmla="*/ 6168 w 10000"/>
                  <a:gd name="connsiteY12" fmla="*/ 709 h 10000"/>
                  <a:gd name="connsiteX13" fmla="*/ 6168 w 10000"/>
                  <a:gd name="connsiteY13" fmla="*/ 768 h 10000"/>
                  <a:gd name="connsiteX14" fmla="*/ 6193 w 10000"/>
                  <a:gd name="connsiteY14" fmla="*/ 842 h 10000"/>
                  <a:gd name="connsiteX15" fmla="*/ 6243 w 10000"/>
                  <a:gd name="connsiteY15" fmla="*/ 916 h 10000"/>
                  <a:gd name="connsiteX16" fmla="*/ 6294 w 10000"/>
                  <a:gd name="connsiteY16" fmla="*/ 990 h 10000"/>
                  <a:gd name="connsiteX17" fmla="*/ 6369 w 10000"/>
                  <a:gd name="connsiteY17" fmla="*/ 1049 h 10000"/>
                  <a:gd name="connsiteX18" fmla="*/ 6471 w 10000"/>
                  <a:gd name="connsiteY18" fmla="*/ 1108 h 10000"/>
                  <a:gd name="connsiteX19" fmla="*/ 6598 w 10000"/>
                  <a:gd name="connsiteY19" fmla="*/ 1182 h 10000"/>
                  <a:gd name="connsiteX20" fmla="*/ 6700 w 10000"/>
                  <a:gd name="connsiteY20" fmla="*/ 1226 h 10000"/>
                  <a:gd name="connsiteX21" fmla="*/ 6802 w 10000"/>
                  <a:gd name="connsiteY21" fmla="*/ 1270 h 10000"/>
                  <a:gd name="connsiteX22" fmla="*/ 6903 w 10000"/>
                  <a:gd name="connsiteY22" fmla="*/ 1300 h 10000"/>
                  <a:gd name="connsiteX23" fmla="*/ 7005 w 10000"/>
                  <a:gd name="connsiteY23" fmla="*/ 1315 h 10000"/>
                  <a:gd name="connsiteX24" fmla="*/ 7132 w 10000"/>
                  <a:gd name="connsiteY24" fmla="*/ 1300 h 10000"/>
                  <a:gd name="connsiteX25" fmla="*/ 7234 w 10000"/>
                  <a:gd name="connsiteY25" fmla="*/ 1285 h 10000"/>
                  <a:gd name="connsiteX26" fmla="*/ 7309 w 10000"/>
                  <a:gd name="connsiteY26" fmla="*/ 1241 h 10000"/>
                  <a:gd name="connsiteX27" fmla="*/ 7361 w 10000"/>
                  <a:gd name="connsiteY27" fmla="*/ 1167 h 10000"/>
                  <a:gd name="connsiteX28" fmla="*/ 7385 w 10000"/>
                  <a:gd name="connsiteY28" fmla="*/ 1064 h 10000"/>
                  <a:gd name="connsiteX29" fmla="*/ 7766 w 10000"/>
                  <a:gd name="connsiteY29" fmla="*/ 1034 h 10000"/>
                  <a:gd name="connsiteX30" fmla="*/ 8121 w 10000"/>
                  <a:gd name="connsiteY30" fmla="*/ 1004 h 10000"/>
                  <a:gd name="connsiteX31" fmla="*/ 8427 w 10000"/>
                  <a:gd name="connsiteY31" fmla="*/ 990 h 10000"/>
                  <a:gd name="connsiteX32" fmla="*/ 8706 w 10000"/>
                  <a:gd name="connsiteY32" fmla="*/ 1004 h 10000"/>
                  <a:gd name="connsiteX33" fmla="*/ 8833 w 10000"/>
                  <a:gd name="connsiteY33" fmla="*/ 1019 h 10000"/>
                  <a:gd name="connsiteX34" fmla="*/ 8958 w 10000"/>
                  <a:gd name="connsiteY34" fmla="*/ 1034 h 10000"/>
                  <a:gd name="connsiteX35" fmla="*/ 9061 w 10000"/>
                  <a:gd name="connsiteY35" fmla="*/ 1064 h 10000"/>
                  <a:gd name="connsiteX36" fmla="*/ 9188 w 10000"/>
                  <a:gd name="connsiteY36" fmla="*/ 1108 h 10000"/>
                  <a:gd name="connsiteX37" fmla="*/ 9264 w 10000"/>
                  <a:gd name="connsiteY37" fmla="*/ 1182 h 10000"/>
                  <a:gd name="connsiteX38" fmla="*/ 9339 w 10000"/>
                  <a:gd name="connsiteY38" fmla="*/ 1241 h 10000"/>
                  <a:gd name="connsiteX39" fmla="*/ 9391 w 10000"/>
                  <a:gd name="connsiteY39" fmla="*/ 1329 h 10000"/>
                  <a:gd name="connsiteX40" fmla="*/ 9442 w 10000"/>
                  <a:gd name="connsiteY40" fmla="*/ 1433 h 10000"/>
                  <a:gd name="connsiteX41" fmla="*/ 9492 w 10000"/>
                  <a:gd name="connsiteY41" fmla="*/ 1551 h 10000"/>
                  <a:gd name="connsiteX42" fmla="*/ 9466 w 10000"/>
                  <a:gd name="connsiteY42" fmla="*/ 1625 h 10000"/>
                  <a:gd name="connsiteX43" fmla="*/ 9442 w 10000"/>
                  <a:gd name="connsiteY43" fmla="*/ 1684 h 10000"/>
                  <a:gd name="connsiteX44" fmla="*/ 9391 w 10000"/>
                  <a:gd name="connsiteY44" fmla="*/ 1758 h 10000"/>
                  <a:gd name="connsiteX45" fmla="*/ 9315 w 10000"/>
                  <a:gd name="connsiteY45" fmla="*/ 1802 h 10000"/>
                  <a:gd name="connsiteX46" fmla="*/ 9264 w 10000"/>
                  <a:gd name="connsiteY46" fmla="*/ 1861 h 10000"/>
                  <a:gd name="connsiteX47" fmla="*/ 9240 w 10000"/>
                  <a:gd name="connsiteY47" fmla="*/ 1935 h 10000"/>
                  <a:gd name="connsiteX48" fmla="*/ 9264 w 10000"/>
                  <a:gd name="connsiteY48" fmla="*/ 2024 h 10000"/>
                  <a:gd name="connsiteX49" fmla="*/ 9543 w 10000"/>
                  <a:gd name="connsiteY49" fmla="*/ 2157 h 10000"/>
                  <a:gd name="connsiteX50" fmla="*/ 9873 w 10000"/>
                  <a:gd name="connsiteY50" fmla="*/ 2275 h 10000"/>
                  <a:gd name="connsiteX51" fmla="*/ 10000 w 10000"/>
                  <a:gd name="connsiteY51" fmla="*/ 2349 h 10000"/>
                  <a:gd name="connsiteX52" fmla="*/ 7182 w 10000"/>
                  <a:gd name="connsiteY52" fmla="*/ 4313 h 10000"/>
                  <a:gd name="connsiteX53" fmla="*/ 7182 w 10000"/>
                  <a:gd name="connsiteY53" fmla="*/ 4431 h 10000"/>
                  <a:gd name="connsiteX54" fmla="*/ 7182 w 10000"/>
                  <a:gd name="connsiteY54" fmla="*/ 4549 h 10000"/>
                  <a:gd name="connsiteX55" fmla="*/ 7132 w 10000"/>
                  <a:gd name="connsiteY55" fmla="*/ 4564 h 10000"/>
                  <a:gd name="connsiteX56" fmla="*/ 7056 w 10000"/>
                  <a:gd name="connsiteY56" fmla="*/ 4594 h 10000"/>
                  <a:gd name="connsiteX57" fmla="*/ 7005 w 10000"/>
                  <a:gd name="connsiteY57" fmla="*/ 4638 h 10000"/>
                  <a:gd name="connsiteX58" fmla="*/ 7005 w 10000"/>
                  <a:gd name="connsiteY58" fmla="*/ 4697 h 10000"/>
                  <a:gd name="connsiteX59" fmla="*/ 6979 w 10000"/>
                  <a:gd name="connsiteY59" fmla="*/ 4801 h 10000"/>
                  <a:gd name="connsiteX60" fmla="*/ 6979 w 10000"/>
                  <a:gd name="connsiteY60" fmla="*/ 4904 h 10000"/>
                  <a:gd name="connsiteX61" fmla="*/ 6853 w 10000"/>
                  <a:gd name="connsiteY61" fmla="*/ 4860 h 10000"/>
                  <a:gd name="connsiteX62" fmla="*/ 6776 w 10000"/>
                  <a:gd name="connsiteY62" fmla="*/ 4801 h 10000"/>
                  <a:gd name="connsiteX63" fmla="*/ 6700 w 10000"/>
                  <a:gd name="connsiteY63" fmla="*/ 4727 h 10000"/>
                  <a:gd name="connsiteX64" fmla="*/ 6625 w 10000"/>
                  <a:gd name="connsiteY64" fmla="*/ 4638 h 10000"/>
                  <a:gd name="connsiteX65" fmla="*/ 6498 w 10000"/>
                  <a:gd name="connsiteY65" fmla="*/ 4476 h 10000"/>
                  <a:gd name="connsiteX66" fmla="*/ 6369 w 10000"/>
                  <a:gd name="connsiteY66" fmla="*/ 4313 h 10000"/>
                  <a:gd name="connsiteX67" fmla="*/ 6523 w 10000"/>
                  <a:gd name="connsiteY67" fmla="*/ 4210 h 10000"/>
                  <a:gd name="connsiteX68" fmla="*/ 6725 w 10000"/>
                  <a:gd name="connsiteY68" fmla="*/ 4121 h 10000"/>
                  <a:gd name="connsiteX69" fmla="*/ 6954 w 10000"/>
                  <a:gd name="connsiteY69" fmla="*/ 4032 h 10000"/>
                  <a:gd name="connsiteX70" fmla="*/ 7208 w 10000"/>
                  <a:gd name="connsiteY70" fmla="*/ 3959 h 10000"/>
                  <a:gd name="connsiteX71" fmla="*/ 7741 w 10000"/>
                  <a:gd name="connsiteY71" fmla="*/ 3811 h 10000"/>
                  <a:gd name="connsiteX72" fmla="*/ 8273 w 10000"/>
                  <a:gd name="connsiteY72" fmla="*/ 3663 h 10000"/>
                  <a:gd name="connsiteX73" fmla="*/ 8782 w 10000"/>
                  <a:gd name="connsiteY73" fmla="*/ 3516 h 10000"/>
                  <a:gd name="connsiteX74" fmla="*/ 8984 w 10000"/>
                  <a:gd name="connsiteY74" fmla="*/ 3412 h 10000"/>
                  <a:gd name="connsiteX75" fmla="*/ 9188 w 10000"/>
                  <a:gd name="connsiteY75" fmla="*/ 3338 h 10000"/>
                  <a:gd name="connsiteX76" fmla="*/ 9315 w 10000"/>
                  <a:gd name="connsiteY76" fmla="*/ 3235 h 10000"/>
                  <a:gd name="connsiteX77" fmla="*/ 9415 w 10000"/>
                  <a:gd name="connsiteY77" fmla="*/ 3117 h 10000"/>
                  <a:gd name="connsiteX78" fmla="*/ 9442 w 10000"/>
                  <a:gd name="connsiteY78" fmla="*/ 3072 h 10000"/>
                  <a:gd name="connsiteX79" fmla="*/ 9466 w 10000"/>
                  <a:gd name="connsiteY79" fmla="*/ 3013 h 10000"/>
                  <a:gd name="connsiteX80" fmla="*/ 9466 w 10000"/>
                  <a:gd name="connsiteY80" fmla="*/ 2954 h 10000"/>
                  <a:gd name="connsiteX81" fmla="*/ 9442 w 10000"/>
                  <a:gd name="connsiteY81" fmla="*/ 2866 h 10000"/>
                  <a:gd name="connsiteX82" fmla="*/ 9264 w 10000"/>
                  <a:gd name="connsiteY82" fmla="*/ 2984 h 10000"/>
                  <a:gd name="connsiteX83" fmla="*/ 9061 w 10000"/>
                  <a:gd name="connsiteY83" fmla="*/ 3072 h 10000"/>
                  <a:gd name="connsiteX84" fmla="*/ 8857 w 10000"/>
                  <a:gd name="connsiteY84" fmla="*/ 3161 h 10000"/>
                  <a:gd name="connsiteX85" fmla="*/ 8655 w 10000"/>
                  <a:gd name="connsiteY85" fmla="*/ 3250 h 10000"/>
                  <a:gd name="connsiteX86" fmla="*/ 8197 w 10000"/>
                  <a:gd name="connsiteY86" fmla="*/ 3397 h 10000"/>
                  <a:gd name="connsiteX87" fmla="*/ 7716 w 10000"/>
                  <a:gd name="connsiteY87" fmla="*/ 3545 h 10000"/>
                  <a:gd name="connsiteX88" fmla="*/ 7234 w 10000"/>
                  <a:gd name="connsiteY88" fmla="*/ 3678 h 10000"/>
                  <a:gd name="connsiteX89" fmla="*/ 6776 w 10000"/>
                  <a:gd name="connsiteY89" fmla="*/ 3840 h 10000"/>
                  <a:gd name="connsiteX90" fmla="*/ 6548 w 10000"/>
                  <a:gd name="connsiteY90" fmla="*/ 3914 h 10000"/>
                  <a:gd name="connsiteX91" fmla="*/ 6345 w 10000"/>
                  <a:gd name="connsiteY91" fmla="*/ 4003 h 10000"/>
                  <a:gd name="connsiteX92" fmla="*/ 6143 w 10000"/>
                  <a:gd name="connsiteY92" fmla="*/ 4106 h 10000"/>
                  <a:gd name="connsiteX93" fmla="*/ 5938 w 10000"/>
                  <a:gd name="connsiteY93" fmla="*/ 4195 h 10000"/>
                  <a:gd name="connsiteX94" fmla="*/ 6091 w 10000"/>
                  <a:gd name="connsiteY94" fmla="*/ 4417 h 10000"/>
                  <a:gd name="connsiteX95" fmla="*/ 6193 w 10000"/>
                  <a:gd name="connsiteY95" fmla="*/ 4623 h 10000"/>
                  <a:gd name="connsiteX96" fmla="*/ 6294 w 10000"/>
                  <a:gd name="connsiteY96" fmla="*/ 4845 h 10000"/>
                  <a:gd name="connsiteX97" fmla="*/ 6369 w 10000"/>
                  <a:gd name="connsiteY97" fmla="*/ 5081 h 10000"/>
                  <a:gd name="connsiteX98" fmla="*/ 6421 w 10000"/>
                  <a:gd name="connsiteY98" fmla="*/ 5318 h 10000"/>
                  <a:gd name="connsiteX99" fmla="*/ 6447 w 10000"/>
                  <a:gd name="connsiteY99" fmla="*/ 5539 h 10000"/>
                  <a:gd name="connsiteX100" fmla="*/ 6471 w 10000"/>
                  <a:gd name="connsiteY100" fmla="*/ 5775 h 10000"/>
                  <a:gd name="connsiteX101" fmla="*/ 6471 w 10000"/>
                  <a:gd name="connsiteY101" fmla="*/ 5997 h 10000"/>
                  <a:gd name="connsiteX102" fmla="*/ 6447 w 10000"/>
                  <a:gd name="connsiteY102" fmla="*/ 6233 h 10000"/>
                  <a:gd name="connsiteX103" fmla="*/ 6396 w 10000"/>
                  <a:gd name="connsiteY103" fmla="*/ 6470 h 10000"/>
                  <a:gd name="connsiteX104" fmla="*/ 6345 w 10000"/>
                  <a:gd name="connsiteY104" fmla="*/ 6677 h 10000"/>
                  <a:gd name="connsiteX105" fmla="*/ 6269 w 10000"/>
                  <a:gd name="connsiteY105" fmla="*/ 6898 h 10000"/>
                  <a:gd name="connsiteX106" fmla="*/ 6168 w 10000"/>
                  <a:gd name="connsiteY106" fmla="*/ 7105 h 10000"/>
                  <a:gd name="connsiteX107" fmla="*/ 6041 w 10000"/>
                  <a:gd name="connsiteY107" fmla="*/ 7297 h 10000"/>
                  <a:gd name="connsiteX108" fmla="*/ 5888 w 10000"/>
                  <a:gd name="connsiteY108" fmla="*/ 7489 h 10000"/>
                  <a:gd name="connsiteX109" fmla="*/ 5735 w 10000"/>
                  <a:gd name="connsiteY109" fmla="*/ 7681 h 10000"/>
                  <a:gd name="connsiteX110" fmla="*/ 6471 w 10000"/>
                  <a:gd name="connsiteY110" fmla="*/ 7799 h 10000"/>
                  <a:gd name="connsiteX111" fmla="*/ 7234 w 10000"/>
                  <a:gd name="connsiteY111" fmla="*/ 7962 h 10000"/>
                  <a:gd name="connsiteX112" fmla="*/ 7385 w 10000"/>
                  <a:gd name="connsiteY112" fmla="*/ 8021 h 10000"/>
                  <a:gd name="connsiteX113" fmla="*/ 7512 w 10000"/>
                  <a:gd name="connsiteY113" fmla="*/ 8080 h 10000"/>
                  <a:gd name="connsiteX114" fmla="*/ 7639 w 10000"/>
                  <a:gd name="connsiteY114" fmla="*/ 8139 h 10000"/>
                  <a:gd name="connsiteX115" fmla="*/ 7716 w 10000"/>
                  <a:gd name="connsiteY115" fmla="*/ 8227 h 10000"/>
                  <a:gd name="connsiteX116" fmla="*/ 7741 w 10000"/>
                  <a:gd name="connsiteY116" fmla="*/ 8301 h 10000"/>
                  <a:gd name="connsiteX117" fmla="*/ 7741 w 10000"/>
                  <a:gd name="connsiteY117" fmla="*/ 8405 h 10000"/>
                  <a:gd name="connsiteX118" fmla="*/ 7691 w 10000"/>
                  <a:gd name="connsiteY118" fmla="*/ 8523 h 10000"/>
                  <a:gd name="connsiteX119" fmla="*/ 7614 w 10000"/>
                  <a:gd name="connsiteY119" fmla="*/ 8641 h 10000"/>
                  <a:gd name="connsiteX120" fmla="*/ 7284 w 10000"/>
                  <a:gd name="connsiteY120" fmla="*/ 8552 h 10000"/>
                  <a:gd name="connsiteX121" fmla="*/ 6979 w 10000"/>
                  <a:gd name="connsiteY121" fmla="*/ 8449 h 10000"/>
                  <a:gd name="connsiteX122" fmla="*/ 6674 w 10000"/>
                  <a:gd name="connsiteY122" fmla="*/ 8360 h 10000"/>
                  <a:gd name="connsiteX123" fmla="*/ 6369 w 10000"/>
                  <a:gd name="connsiteY123" fmla="*/ 8287 h 10000"/>
                  <a:gd name="connsiteX124" fmla="*/ 6243 w 10000"/>
                  <a:gd name="connsiteY124" fmla="*/ 8449 h 10000"/>
                  <a:gd name="connsiteX125" fmla="*/ 6143 w 10000"/>
                  <a:gd name="connsiteY125" fmla="*/ 8597 h 10000"/>
                  <a:gd name="connsiteX126" fmla="*/ 6091 w 10000"/>
                  <a:gd name="connsiteY126" fmla="*/ 8656 h 10000"/>
                  <a:gd name="connsiteX127" fmla="*/ 5989 w 10000"/>
                  <a:gd name="connsiteY127" fmla="*/ 8700 h 10000"/>
                  <a:gd name="connsiteX128" fmla="*/ 5914 w 10000"/>
                  <a:gd name="connsiteY128" fmla="*/ 8744 h 10000"/>
                  <a:gd name="connsiteX129" fmla="*/ 5838 w 10000"/>
                  <a:gd name="connsiteY129" fmla="*/ 8774 h 10000"/>
                  <a:gd name="connsiteX130" fmla="*/ 5761 w 10000"/>
                  <a:gd name="connsiteY130" fmla="*/ 8804 h 10000"/>
                  <a:gd name="connsiteX131" fmla="*/ 5660 w 10000"/>
                  <a:gd name="connsiteY131" fmla="*/ 8818 h 10000"/>
                  <a:gd name="connsiteX132" fmla="*/ 5532 w 10000"/>
                  <a:gd name="connsiteY132" fmla="*/ 8833 h 10000"/>
                  <a:gd name="connsiteX133" fmla="*/ 5406 w 10000"/>
                  <a:gd name="connsiteY133" fmla="*/ 8833 h 10000"/>
                  <a:gd name="connsiteX134" fmla="*/ 5102 w 10000"/>
                  <a:gd name="connsiteY134" fmla="*/ 8818 h 10000"/>
                  <a:gd name="connsiteX135" fmla="*/ 4720 w 10000"/>
                  <a:gd name="connsiteY135" fmla="*/ 8744 h 10000"/>
                  <a:gd name="connsiteX136" fmla="*/ 4720 w 10000"/>
                  <a:gd name="connsiteY136" fmla="*/ 8922 h 10000"/>
                  <a:gd name="connsiteX137" fmla="*/ 4695 w 10000"/>
                  <a:gd name="connsiteY137" fmla="*/ 9069 h 10000"/>
                  <a:gd name="connsiteX138" fmla="*/ 4671 w 10000"/>
                  <a:gd name="connsiteY138" fmla="*/ 9232 h 10000"/>
                  <a:gd name="connsiteX139" fmla="*/ 4644 w 10000"/>
                  <a:gd name="connsiteY139" fmla="*/ 9365 h 10000"/>
                  <a:gd name="connsiteX140" fmla="*/ 4593 w 10000"/>
                  <a:gd name="connsiteY140" fmla="*/ 9498 h 10000"/>
                  <a:gd name="connsiteX141" fmla="*/ 4493 w 10000"/>
                  <a:gd name="connsiteY141" fmla="*/ 9616 h 10000"/>
                  <a:gd name="connsiteX142" fmla="*/ 4416 w 10000"/>
                  <a:gd name="connsiteY142" fmla="*/ 9734 h 10000"/>
                  <a:gd name="connsiteX143" fmla="*/ 4289 w 10000"/>
                  <a:gd name="connsiteY143" fmla="*/ 9838 h 10000"/>
                  <a:gd name="connsiteX144" fmla="*/ 3983 w 10000"/>
                  <a:gd name="connsiteY144" fmla="*/ 9897 h 10000"/>
                  <a:gd name="connsiteX145" fmla="*/ 3731 w 10000"/>
                  <a:gd name="connsiteY145" fmla="*/ 9941 h 10000"/>
                  <a:gd name="connsiteX146" fmla="*/ 3426 w 10000"/>
                  <a:gd name="connsiteY146" fmla="*/ 9985 h 10000"/>
                  <a:gd name="connsiteX147" fmla="*/ 3198 w 10000"/>
                  <a:gd name="connsiteY147" fmla="*/ 10000 h 10000"/>
                  <a:gd name="connsiteX148" fmla="*/ 2690 w 10000"/>
                  <a:gd name="connsiteY148" fmla="*/ 10000 h 10000"/>
                  <a:gd name="connsiteX149" fmla="*/ 2208 w 10000"/>
                  <a:gd name="connsiteY149" fmla="*/ 9985 h 10000"/>
                  <a:gd name="connsiteX150" fmla="*/ 1752 w 10000"/>
                  <a:gd name="connsiteY150" fmla="*/ 9941 h 10000"/>
                  <a:gd name="connsiteX151" fmla="*/ 1270 w 10000"/>
                  <a:gd name="connsiteY151" fmla="*/ 9911 h 10000"/>
                  <a:gd name="connsiteX152" fmla="*/ 990 w 10000"/>
                  <a:gd name="connsiteY152" fmla="*/ 9911 h 10000"/>
                  <a:gd name="connsiteX153" fmla="*/ 736 w 10000"/>
                  <a:gd name="connsiteY153" fmla="*/ 9911 h 10000"/>
                  <a:gd name="connsiteX154" fmla="*/ 457 w 10000"/>
                  <a:gd name="connsiteY154" fmla="*/ 9926 h 10000"/>
                  <a:gd name="connsiteX155" fmla="*/ 178 w 10000"/>
                  <a:gd name="connsiteY155" fmla="*/ 9970 h 10000"/>
                  <a:gd name="connsiteX156" fmla="*/ 102 w 10000"/>
                  <a:gd name="connsiteY156" fmla="*/ 9867 h 10000"/>
                  <a:gd name="connsiteX157" fmla="*/ 51 w 10000"/>
                  <a:gd name="connsiteY157" fmla="*/ 9793 h 10000"/>
                  <a:gd name="connsiteX158" fmla="*/ 0 w 10000"/>
                  <a:gd name="connsiteY158" fmla="*/ 9705 h 10000"/>
                  <a:gd name="connsiteX159" fmla="*/ 0 w 10000"/>
                  <a:gd name="connsiteY159" fmla="*/ 9601 h 10000"/>
                  <a:gd name="connsiteX160" fmla="*/ 51 w 10000"/>
                  <a:gd name="connsiteY160" fmla="*/ 9424 h 10000"/>
                  <a:gd name="connsiteX161" fmla="*/ 102 w 10000"/>
                  <a:gd name="connsiteY161" fmla="*/ 9202 h 10000"/>
                  <a:gd name="connsiteX162" fmla="*/ 151 w 10000"/>
                  <a:gd name="connsiteY162" fmla="*/ 8996 h 10000"/>
                  <a:gd name="connsiteX163" fmla="*/ 203 w 10000"/>
                  <a:gd name="connsiteY163" fmla="*/ 8759 h 10000"/>
                  <a:gd name="connsiteX164" fmla="*/ 228 w 10000"/>
                  <a:gd name="connsiteY164" fmla="*/ 8641 h 10000"/>
                  <a:gd name="connsiteX165" fmla="*/ 228 w 10000"/>
                  <a:gd name="connsiteY165" fmla="*/ 8538 h 10000"/>
                  <a:gd name="connsiteX166" fmla="*/ 203 w 10000"/>
                  <a:gd name="connsiteY166" fmla="*/ 8405 h 10000"/>
                  <a:gd name="connsiteX167" fmla="*/ 178 w 10000"/>
                  <a:gd name="connsiteY167" fmla="*/ 8287 h 10000"/>
                  <a:gd name="connsiteX168" fmla="*/ 431 w 10000"/>
                  <a:gd name="connsiteY168" fmla="*/ 8213 h 10000"/>
                  <a:gd name="connsiteX169" fmla="*/ 685 w 10000"/>
                  <a:gd name="connsiteY169" fmla="*/ 8139 h 10000"/>
                  <a:gd name="connsiteX170" fmla="*/ 939 w 10000"/>
                  <a:gd name="connsiteY170" fmla="*/ 8095 h 10000"/>
                  <a:gd name="connsiteX171" fmla="*/ 1218 w 10000"/>
                  <a:gd name="connsiteY171" fmla="*/ 8065 h 10000"/>
                  <a:gd name="connsiteX172" fmla="*/ 1725 w 10000"/>
                  <a:gd name="connsiteY172" fmla="*/ 8021 h 10000"/>
                  <a:gd name="connsiteX173" fmla="*/ 2234 w 10000"/>
                  <a:gd name="connsiteY173" fmla="*/ 7976 h 10000"/>
                  <a:gd name="connsiteX174" fmla="*/ 2462 w 10000"/>
                  <a:gd name="connsiteY174" fmla="*/ 7947 h 10000"/>
                  <a:gd name="connsiteX175" fmla="*/ 2690 w 10000"/>
                  <a:gd name="connsiteY175" fmla="*/ 7917 h 10000"/>
                  <a:gd name="connsiteX176" fmla="*/ 2892 w 10000"/>
                  <a:gd name="connsiteY176" fmla="*/ 7843 h 10000"/>
                  <a:gd name="connsiteX177" fmla="*/ 3096 w 10000"/>
                  <a:gd name="connsiteY177" fmla="*/ 7784 h 10000"/>
                  <a:gd name="connsiteX178" fmla="*/ 3274 w 10000"/>
                  <a:gd name="connsiteY178" fmla="*/ 7710 h 10000"/>
                  <a:gd name="connsiteX179" fmla="*/ 3426 w 10000"/>
                  <a:gd name="connsiteY179" fmla="*/ 7592 h 10000"/>
                  <a:gd name="connsiteX180" fmla="*/ 3579 w 10000"/>
                  <a:gd name="connsiteY180" fmla="*/ 7474 h 10000"/>
                  <a:gd name="connsiteX181" fmla="*/ 3680 w 10000"/>
                  <a:gd name="connsiteY181" fmla="*/ 7312 h 10000"/>
                  <a:gd name="connsiteX182" fmla="*/ 3477 w 10000"/>
                  <a:gd name="connsiteY182" fmla="*/ 7238 h 10000"/>
                  <a:gd name="connsiteX183" fmla="*/ 3299 w 10000"/>
                  <a:gd name="connsiteY183" fmla="*/ 7179 h 10000"/>
                  <a:gd name="connsiteX184" fmla="*/ 3147 w 10000"/>
                  <a:gd name="connsiteY184" fmla="*/ 7090 h 10000"/>
                  <a:gd name="connsiteX185" fmla="*/ 2995 w 10000"/>
                  <a:gd name="connsiteY185" fmla="*/ 6987 h 10000"/>
                  <a:gd name="connsiteX186" fmla="*/ 2892 w 10000"/>
                  <a:gd name="connsiteY186" fmla="*/ 6869 h 10000"/>
                  <a:gd name="connsiteX187" fmla="*/ 2843 w 10000"/>
                  <a:gd name="connsiteY187" fmla="*/ 6721 h 10000"/>
                  <a:gd name="connsiteX188" fmla="*/ 2817 w 10000"/>
                  <a:gd name="connsiteY188" fmla="*/ 6558 h 10000"/>
                  <a:gd name="connsiteX189" fmla="*/ 2843 w 10000"/>
                  <a:gd name="connsiteY189" fmla="*/ 6352 h 10000"/>
                  <a:gd name="connsiteX190" fmla="*/ 2716 w 10000"/>
                  <a:gd name="connsiteY190" fmla="*/ 6322 h 10000"/>
                  <a:gd name="connsiteX191" fmla="*/ 2564 w 10000"/>
                  <a:gd name="connsiteY191" fmla="*/ 6292 h 10000"/>
                  <a:gd name="connsiteX192" fmla="*/ 2386 w 10000"/>
                  <a:gd name="connsiteY192" fmla="*/ 6278 h 10000"/>
                  <a:gd name="connsiteX193" fmla="*/ 2208 w 10000"/>
                  <a:gd name="connsiteY193" fmla="*/ 6263 h 10000"/>
                  <a:gd name="connsiteX194" fmla="*/ 1853 w 10000"/>
                  <a:gd name="connsiteY194" fmla="*/ 6248 h 10000"/>
                  <a:gd name="connsiteX195" fmla="*/ 1472 w 10000"/>
                  <a:gd name="connsiteY195" fmla="*/ 6263 h 10000"/>
                  <a:gd name="connsiteX196" fmla="*/ 1143 w 10000"/>
                  <a:gd name="connsiteY196" fmla="*/ 6278 h 10000"/>
                  <a:gd name="connsiteX197" fmla="*/ 837 w 10000"/>
                  <a:gd name="connsiteY197" fmla="*/ 6278 h 10000"/>
                  <a:gd name="connsiteX198" fmla="*/ 585 w 10000"/>
                  <a:gd name="connsiteY198" fmla="*/ 6263 h 10000"/>
                  <a:gd name="connsiteX199" fmla="*/ 381 w 10000"/>
                  <a:gd name="connsiteY199" fmla="*/ 6233 h 10000"/>
                  <a:gd name="connsiteX200" fmla="*/ 633 w 10000"/>
                  <a:gd name="connsiteY200" fmla="*/ 5805 h 10000"/>
                  <a:gd name="connsiteX201" fmla="*/ 914 w 10000"/>
                  <a:gd name="connsiteY201" fmla="*/ 5391 h 10000"/>
                  <a:gd name="connsiteX202" fmla="*/ 1016 w 10000"/>
                  <a:gd name="connsiteY202" fmla="*/ 5170 h 10000"/>
                  <a:gd name="connsiteX203" fmla="*/ 1091 w 10000"/>
                  <a:gd name="connsiteY203" fmla="*/ 4963 h 10000"/>
                  <a:gd name="connsiteX204" fmla="*/ 1116 w 10000"/>
                  <a:gd name="connsiteY204" fmla="*/ 4860 h 10000"/>
                  <a:gd name="connsiteX205" fmla="*/ 1091 w 10000"/>
                  <a:gd name="connsiteY205" fmla="*/ 4756 h 10000"/>
                  <a:gd name="connsiteX206" fmla="*/ 1066 w 10000"/>
                  <a:gd name="connsiteY206" fmla="*/ 4653 h 10000"/>
                  <a:gd name="connsiteX207" fmla="*/ 990 w 10000"/>
                  <a:gd name="connsiteY207" fmla="*/ 4549 h 10000"/>
                  <a:gd name="connsiteX208" fmla="*/ 1270 w 10000"/>
                  <a:gd name="connsiteY208" fmla="*/ 4520 h 10000"/>
                  <a:gd name="connsiteX209" fmla="*/ 1472 w 10000"/>
                  <a:gd name="connsiteY209" fmla="*/ 4505 h 10000"/>
                  <a:gd name="connsiteX210" fmla="*/ 1650 w 10000"/>
                  <a:gd name="connsiteY210" fmla="*/ 4505 h 10000"/>
                  <a:gd name="connsiteX211" fmla="*/ 1802 w 10000"/>
                  <a:gd name="connsiteY211" fmla="*/ 4520 h 10000"/>
                  <a:gd name="connsiteX212" fmla="*/ 1929 w 10000"/>
                  <a:gd name="connsiteY212" fmla="*/ 4520 h 10000"/>
                  <a:gd name="connsiteX213" fmla="*/ 2081 w 10000"/>
                  <a:gd name="connsiteY213" fmla="*/ 4520 h 10000"/>
                  <a:gd name="connsiteX214" fmla="*/ 2234 w 10000"/>
                  <a:gd name="connsiteY214" fmla="*/ 4490 h 10000"/>
                  <a:gd name="connsiteX215" fmla="*/ 2436 w 10000"/>
                  <a:gd name="connsiteY215" fmla="*/ 4446 h 10000"/>
                  <a:gd name="connsiteX216" fmla="*/ 2436 w 10000"/>
                  <a:gd name="connsiteY216" fmla="*/ 4579 h 10000"/>
                  <a:gd name="connsiteX217" fmla="*/ 2436 w 10000"/>
                  <a:gd name="connsiteY217" fmla="*/ 4742 h 10000"/>
                  <a:gd name="connsiteX218" fmla="*/ 2436 w 10000"/>
                  <a:gd name="connsiteY218" fmla="*/ 4874 h 10000"/>
                  <a:gd name="connsiteX219" fmla="*/ 2436 w 10000"/>
                  <a:gd name="connsiteY219" fmla="*/ 5037 h 10000"/>
                  <a:gd name="connsiteX220" fmla="*/ 2665 w 10000"/>
                  <a:gd name="connsiteY220" fmla="*/ 5022 h 10000"/>
                  <a:gd name="connsiteX221" fmla="*/ 2817 w 10000"/>
                  <a:gd name="connsiteY221" fmla="*/ 5037 h 10000"/>
                  <a:gd name="connsiteX222" fmla="*/ 2944 w 10000"/>
                  <a:gd name="connsiteY222" fmla="*/ 5066 h 10000"/>
                  <a:gd name="connsiteX223" fmla="*/ 3071 w 10000"/>
                  <a:gd name="connsiteY223" fmla="*/ 5096 h 10000"/>
                  <a:gd name="connsiteX224" fmla="*/ 3173 w 10000"/>
                  <a:gd name="connsiteY224" fmla="*/ 5126 h 10000"/>
                  <a:gd name="connsiteX225" fmla="*/ 3299 w 10000"/>
                  <a:gd name="connsiteY225" fmla="*/ 5155 h 10000"/>
                  <a:gd name="connsiteX226" fmla="*/ 3452 w 10000"/>
                  <a:gd name="connsiteY226" fmla="*/ 5170 h 10000"/>
                  <a:gd name="connsiteX227" fmla="*/ 3680 w 10000"/>
                  <a:gd name="connsiteY227" fmla="*/ 5155 h 10000"/>
                  <a:gd name="connsiteX228" fmla="*/ 3757 w 10000"/>
                  <a:gd name="connsiteY228" fmla="*/ 5096 h 10000"/>
                  <a:gd name="connsiteX229" fmla="*/ 3832 w 10000"/>
                  <a:gd name="connsiteY229" fmla="*/ 5022 h 10000"/>
                  <a:gd name="connsiteX230" fmla="*/ 3857 w 10000"/>
                  <a:gd name="connsiteY230" fmla="*/ 4934 h 10000"/>
                  <a:gd name="connsiteX231" fmla="*/ 3884 w 10000"/>
                  <a:gd name="connsiteY231" fmla="*/ 4860 h 10000"/>
                  <a:gd name="connsiteX232" fmla="*/ 3908 w 10000"/>
                  <a:gd name="connsiteY232" fmla="*/ 4697 h 10000"/>
                  <a:gd name="connsiteX233" fmla="*/ 3884 w 10000"/>
                  <a:gd name="connsiteY233" fmla="*/ 4520 h 10000"/>
                  <a:gd name="connsiteX234" fmla="*/ 3807 w 10000"/>
                  <a:gd name="connsiteY234" fmla="*/ 4343 h 10000"/>
                  <a:gd name="connsiteX235" fmla="*/ 3731 w 10000"/>
                  <a:gd name="connsiteY235" fmla="*/ 4195 h 10000"/>
                  <a:gd name="connsiteX236" fmla="*/ 3604 w 10000"/>
                  <a:gd name="connsiteY236" fmla="*/ 4047 h 10000"/>
                  <a:gd name="connsiteX237" fmla="*/ 3477 w 10000"/>
                  <a:gd name="connsiteY237" fmla="*/ 3959 h 10000"/>
                  <a:gd name="connsiteX238" fmla="*/ 3629 w 10000"/>
                  <a:gd name="connsiteY238" fmla="*/ 3944 h 10000"/>
                  <a:gd name="connsiteX239" fmla="*/ 3757 w 10000"/>
                  <a:gd name="connsiteY239" fmla="*/ 3914 h 10000"/>
                  <a:gd name="connsiteX240" fmla="*/ 3857 w 10000"/>
                  <a:gd name="connsiteY240" fmla="*/ 3855 h 10000"/>
                  <a:gd name="connsiteX241" fmla="*/ 3983 w 10000"/>
                  <a:gd name="connsiteY241" fmla="*/ 3752 h 10000"/>
                  <a:gd name="connsiteX242" fmla="*/ 4111 w 10000"/>
                  <a:gd name="connsiteY242" fmla="*/ 3663 h 10000"/>
                  <a:gd name="connsiteX243" fmla="*/ 4213 w 10000"/>
                  <a:gd name="connsiteY243" fmla="*/ 3560 h 10000"/>
                  <a:gd name="connsiteX244" fmla="*/ 4289 w 10000"/>
                  <a:gd name="connsiteY244" fmla="*/ 3442 h 10000"/>
                  <a:gd name="connsiteX245" fmla="*/ 4366 w 10000"/>
                  <a:gd name="connsiteY245" fmla="*/ 3323 h 10000"/>
                  <a:gd name="connsiteX246" fmla="*/ 4416 w 10000"/>
                  <a:gd name="connsiteY246" fmla="*/ 3220 h 10000"/>
                  <a:gd name="connsiteX247" fmla="*/ 4441 w 10000"/>
                  <a:gd name="connsiteY247" fmla="*/ 3102 h 10000"/>
                  <a:gd name="connsiteX248" fmla="*/ 4468 w 10000"/>
                  <a:gd name="connsiteY248" fmla="*/ 3013 h 10000"/>
                  <a:gd name="connsiteX249" fmla="*/ 4441 w 10000"/>
                  <a:gd name="connsiteY249" fmla="*/ 2939 h 10000"/>
                  <a:gd name="connsiteX250" fmla="*/ 4416 w 10000"/>
                  <a:gd name="connsiteY250" fmla="*/ 2866 h 10000"/>
                  <a:gd name="connsiteX251" fmla="*/ 4340 w 10000"/>
                  <a:gd name="connsiteY251" fmla="*/ 2836 h 10000"/>
                  <a:gd name="connsiteX252" fmla="*/ 4239 w 10000"/>
                  <a:gd name="connsiteY252" fmla="*/ 2836 h 10000"/>
                  <a:gd name="connsiteX253" fmla="*/ 4111 w 10000"/>
                  <a:gd name="connsiteY253" fmla="*/ 2866 h 10000"/>
                  <a:gd name="connsiteX254" fmla="*/ 4213 w 10000"/>
                  <a:gd name="connsiteY254" fmla="*/ 2777 h 10000"/>
                  <a:gd name="connsiteX255" fmla="*/ 4265 w 10000"/>
                  <a:gd name="connsiteY255" fmla="*/ 2674 h 10000"/>
                  <a:gd name="connsiteX256" fmla="*/ 4289 w 10000"/>
                  <a:gd name="connsiteY256" fmla="*/ 2541 h 10000"/>
                  <a:gd name="connsiteX257" fmla="*/ 4289 w 10000"/>
                  <a:gd name="connsiteY257" fmla="*/ 2393 h 10000"/>
                  <a:gd name="connsiteX258" fmla="*/ 4314 w 10000"/>
                  <a:gd name="connsiteY258" fmla="*/ 2349 h 10000"/>
                  <a:gd name="connsiteX259" fmla="*/ 4366 w 10000"/>
                  <a:gd name="connsiteY259" fmla="*/ 2304 h 10000"/>
                  <a:gd name="connsiteX260" fmla="*/ 4416 w 10000"/>
                  <a:gd name="connsiteY260" fmla="*/ 2290 h 10000"/>
                  <a:gd name="connsiteX261" fmla="*/ 4493 w 10000"/>
                  <a:gd name="connsiteY261" fmla="*/ 2275 h 10000"/>
                  <a:gd name="connsiteX262" fmla="*/ 4720 w 10000"/>
                  <a:gd name="connsiteY262" fmla="*/ 2260 h 10000"/>
                  <a:gd name="connsiteX263" fmla="*/ 4923 w 10000"/>
                  <a:gd name="connsiteY263" fmla="*/ 2275 h 10000"/>
                  <a:gd name="connsiteX264" fmla="*/ 4898 w 10000"/>
                  <a:gd name="connsiteY264" fmla="*/ 2112 h 10000"/>
                  <a:gd name="connsiteX265" fmla="*/ 4848 w 10000"/>
                  <a:gd name="connsiteY265" fmla="*/ 1950 h 10000"/>
                  <a:gd name="connsiteX266" fmla="*/ 4771 w 10000"/>
                  <a:gd name="connsiteY266" fmla="*/ 1802 h 10000"/>
                  <a:gd name="connsiteX267" fmla="*/ 4671 w 10000"/>
                  <a:gd name="connsiteY267" fmla="*/ 1640 h 10000"/>
                  <a:gd name="connsiteX268" fmla="*/ 4416 w 10000"/>
                  <a:gd name="connsiteY268" fmla="*/ 1329 h 10000"/>
                  <a:gd name="connsiteX269" fmla="*/ 4162 w 10000"/>
                  <a:gd name="connsiteY269" fmla="*/ 1034 h 10000"/>
                  <a:gd name="connsiteX270" fmla="*/ 4035 w 10000"/>
                  <a:gd name="connsiteY270" fmla="*/ 901 h 10000"/>
                  <a:gd name="connsiteX271" fmla="*/ 3935 w 10000"/>
                  <a:gd name="connsiteY271" fmla="*/ 753 h 10000"/>
                  <a:gd name="connsiteX272" fmla="*/ 3857 w 10000"/>
                  <a:gd name="connsiteY272" fmla="*/ 620 h 10000"/>
                  <a:gd name="connsiteX273" fmla="*/ 3832 w 10000"/>
                  <a:gd name="connsiteY273" fmla="*/ 487 h 10000"/>
                  <a:gd name="connsiteX274" fmla="*/ 3807 w 10000"/>
                  <a:gd name="connsiteY274" fmla="*/ 355 h 10000"/>
                  <a:gd name="connsiteX275" fmla="*/ 3857 w 10000"/>
                  <a:gd name="connsiteY275" fmla="*/ 222 h 10000"/>
                  <a:gd name="connsiteX276" fmla="*/ 3884 w 10000"/>
                  <a:gd name="connsiteY276" fmla="*/ 162 h 10000"/>
                  <a:gd name="connsiteX277" fmla="*/ 3935 w 10000"/>
                  <a:gd name="connsiteY277" fmla="*/ 103 h 10000"/>
                  <a:gd name="connsiteX278" fmla="*/ 4011 w 10000"/>
                  <a:gd name="connsiteY278" fmla="*/ 59 h 10000"/>
                  <a:gd name="connsiteX279" fmla="*/ 4111 w 10000"/>
                  <a:gd name="connsiteY279" fmla="*/ 0 h 10000"/>
                  <a:gd name="connsiteX0" fmla="*/ 4111 w 9873"/>
                  <a:gd name="connsiteY0" fmla="*/ 0 h 10000"/>
                  <a:gd name="connsiteX1" fmla="*/ 4289 w 9873"/>
                  <a:gd name="connsiteY1" fmla="*/ 0 h 10000"/>
                  <a:gd name="connsiteX2" fmla="*/ 4468 w 9873"/>
                  <a:gd name="connsiteY2" fmla="*/ 15 h 10000"/>
                  <a:gd name="connsiteX3" fmla="*/ 4644 w 9873"/>
                  <a:gd name="connsiteY3" fmla="*/ 44 h 10000"/>
                  <a:gd name="connsiteX4" fmla="*/ 4771 w 9873"/>
                  <a:gd name="connsiteY4" fmla="*/ 89 h 10000"/>
                  <a:gd name="connsiteX5" fmla="*/ 4975 w 9873"/>
                  <a:gd name="connsiteY5" fmla="*/ 192 h 10000"/>
                  <a:gd name="connsiteX6" fmla="*/ 5177 w 9873"/>
                  <a:gd name="connsiteY6" fmla="*/ 340 h 10000"/>
                  <a:gd name="connsiteX7" fmla="*/ 5329 w 9873"/>
                  <a:gd name="connsiteY7" fmla="*/ 473 h 10000"/>
                  <a:gd name="connsiteX8" fmla="*/ 5532 w 9873"/>
                  <a:gd name="connsiteY8" fmla="*/ 591 h 10000"/>
                  <a:gd name="connsiteX9" fmla="*/ 5660 w 9873"/>
                  <a:gd name="connsiteY9" fmla="*/ 650 h 10000"/>
                  <a:gd name="connsiteX10" fmla="*/ 5812 w 9873"/>
                  <a:gd name="connsiteY10" fmla="*/ 679 h 10000"/>
                  <a:gd name="connsiteX11" fmla="*/ 5965 w 9873"/>
                  <a:gd name="connsiteY11" fmla="*/ 709 h 10000"/>
                  <a:gd name="connsiteX12" fmla="*/ 6168 w 9873"/>
                  <a:gd name="connsiteY12" fmla="*/ 709 h 10000"/>
                  <a:gd name="connsiteX13" fmla="*/ 6168 w 9873"/>
                  <a:gd name="connsiteY13" fmla="*/ 768 h 10000"/>
                  <a:gd name="connsiteX14" fmla="*/ 6193 w 9873"/>
                  <a:gd name="connsiteY14" fmla="*/ 842 h 10000"/>
                  <a:gd name="connsiteX15" fmla="*/ 6243 w 9873"/>
                  <a:gd name="connsiteY15" fmla="*/ 916 h 10000"/>
                  <a:gd name="connsiteX16" fmla="*/ 6294 w 9873"/>
                  <a:gd name="connsiteY16" fmla="*/ 990 h 10000"/>
                  <a:gd name="connsiteX17" fmla="*/ 6369 w 9873"/>
                  <a:gd name="connsiteY17" fmla="*/ 1049 h 10000"/>
                  <a:gd name="connsiteX18" fmla="*/ 6471 w 9873"/>
                  <a:gd name="connsiteY18" fmla="*/ 1108 h 10000"/>
                  <a:gd name="connsiteX19" fmla="*/ 6598 w 9873"/>
                  <a:gd name="connsiteY19" fmla="*/ 1182 h 10000"/>
                  <a:gd name="connsiteX20" fmla="*/ 6700 w 9873"/>
                  <a:gd name="connsiteY20" fmla="*/ 1226 h 10000"/>
                  <a:gd name="connsiteX21" fmla="*/ 6802 w 9873"/>
                  <a:gd name="connsiteY21" fmla="*/ 1270 h 10000"/>
                  <a:gd name="connsiteX22" fmla="*/ 6903 w 9873"/>
                  <a:gd name="connsiteY22" fmla="*/ 1300 h 10000"/>
                  <a:gd name="connsiteX23" fmla="*/ 7005 w 9873"/>
                  <a:gd name="connsiteY23" fmla="*/ 1315 h 10000"/>
                  <a:gd name="connsiteX24" fmla="*/ 7132 w 9873"/>
                  <a:gd name="connsiteY24" fmla="*/ 1300 h 10000"/>
                  <a:gd name="connsiteX25" fmla="*/ 7234 w 9873"/>
                  <a:gd name="connsiteY25" fmla="*/ 1285 h 10000"/>
                  <a:gd name="connsiteX26" fmla="*/ 7309 w 9873"/>
                  <a:gd name="connsiteY26" fmla="*/ 1241 h 10000"/>
                  <a:gd name="connsiteX27" fmla="*/ 7361 w 9873"/>
                  <a:gd name="connsiteY27" fmla="*/ 1167 h 10000"/>
                  <a:gd name="connsiteX28" fmla="*/ 7385 w 9873"/>
                  <a:gd name="connsiteY28" fmla="*/ 1064 h 10000"/>
                  <a:gd name="connsiteX29" fmla="*/ 7766 w 9873"/>
                  <a:gd name="connsiteY29" fmla="*/ 1034 h 10000"/>
                  <a:gd name="connsiteX30" fmla="*/ 8121 w 9873"/>
                  <a:gd name="connsiteY30" fmla="*/ 1004 h 10000"/>
                  <a:gd name="connsiteX31" fmla="*/ 8427 w 9873"/>
                  <a:gd name="connsiteY31" fmla="*/ 990 h 10000"/>
                  <a:gd name="connsiteX32" fmla="*/ 8706 w 9873"/>
                  <a:gd name="connsiteY32" fmla="*/ 1004 h 10000"/>
                  <a:gd name="connsiteX33" fmla="*/ 8833 w 9873"/>
                  <a:gd name="connsiteY33" fmla="*/ 1019 h 10000"/>
                  <a:gd name="connsiteX34" fmla="*/ 8958 w 9873"/>
                  <a:gd name="connsiteY34" fmla="*/ 1034 h 10000"/>
                  <a:gd name="connsiteX35" fmla="*/ 9061 w 9873"/>
                  <a:gd name="connsiteY35" fmla="*/ 1064 h 10000"/>
                  <a:gd name="connsiteX36" fmla="*/ 9188 w 9873"/>
                  <a:gd name="connsiteY36" fmla="*/ 1108 h 10000"/>
                  <a:gd name="connsiteX37" fmla="*/ 9264 w 9873"/>
                  <a:gd name="connsiteY37" fmla="*/ 1182 h 10000"/>
                  <a:gd name="connsiteX38" fmla="*/ 9339 w 9873"/>
                  <a:gd name="connsiteY38" fmla="*/ 1241 h 10000"/>
                  <a:gd name="connsiteX39" fmla="*/ 9391 w 9873"/>
                  <a:gd name="connsiteY39" fmla="*/ 1329 h 10000"/>
                  <a:gd name="connsiteX40" fmla="*/ 9442 w 9873"/>
                  <a:gd name="connsiteY40" fmla="*/ 1433 h 10000"/>
                  <a:gd name="connsiteX41" fmla="*/ 9492 w 9873"/>
                  <a:gd name="connsiteY41" fmla="*/ 1551 h 10000"/>
                  <a:gd name="connsiteX42" fmla="*/ 9466 w 9873"/>
                  <a:gd name="connsiteY42" fmla="*/ 1625 h 10000"/>
                  <a:gd name="connsiteX43" fmla="*/ 9442 w 9873"/>
                  <a:gd name="connsiteY43" fmla="*/ 1684 h 10000"/>
                  <a:gd name="connsiteX44" fmla="*/ 9391 w 9873"/>
                  <a:gd name="connsiteY44" fmla="*/ 1758 h 10000"/>
                  <a:gd name="connsiteX45" fmla="*/ 9315 w 9873"/>
                  <a:gd name="connsiteY45" fmla="*/ 1802 h 10000"/>
                  <a:gd name="connsiteX46" fmla="*/ 9264 w 9873"/>
                  <a:gd name="connsiteY46" fmla="*/ 1861 h 10000"/>
                  <a:gd name="connsiteX47" fmla="*/ 9240 w 9873"/>
                  <a:gd name="connsiteY47" fmla="*/ 1935 h 10000"/>
                  <a:gd name="connsiteX48" fmla="*/ 9264 w 9873"/>
                  <a:gd name="connsiteY48" fmla="*/ 2024 h 10000"/>
                  <a:gd name="connsiteX49" fmla="*/ 9543 w 9873"/>
                  <a:gd name="connsiteY49" fmla="*/ 2157 h 10000"/>
                  <a:gd name="connsiteX50" fmla="*/ 9873 w 9873"/>
                  <a:gd name="connsiteY50" fmla="*/ 2275 h 10000"/>
                  <a:gd name="connsiteX51" fmla="*/ 7182 w 9873"/>
                  <a:gd name="connsiteY51" fmla="*/ 4313 h 10000"/>
                  <a:gd name="connsiteX52" fmla="*/ 7182 w 9873"/>
                  <a:gd name="connsiteY52" fmla="*/ 4431 h 10000"/>
                  <a:gd name="connsiteX53" fmla="*/ 7182 w 9873"/>
                  <a:gd name="connsiteY53" fmla="*/ 4549 h 10000"/>
                  <a:gd name="connsiteX54" fmla="*/ 7132 w 9873"/>
                  <a:gd name="connsiteY54" fmla="*/ 4564 h 10000"/>
                  <a:gd name="connsiteX55" fmla="*/ 7056 w 9873"/>
                  <a:gd name="connsiteY55" fmla="*/ 4594 h 10000"/>
                  <a:gd name="connsiteX56" fmla="*/ 7005 w 9873"/>
                  <a:gd name="connsiteY56" fmla="*/ 4638 h 10000"/>
                  <a:gd name="connsiteX57" fmla="*/ 7005 w 9873"/>
                  <a:gd name="connsiteY57" fmla="*/ 4697 h 10000"/>
                  <a:gd name="connsiteX58" fmla="*/ 6979 w 9873"/>
                  <a:gd name="connsiteY58" fmla="*/ 4801 h 10000"/>
                  <a:gd name="connsiteX59" fmla="*/ 6979 w 9873"/>
                  <a:gd name="connsiteY59" fmla="*/ 4904 h 10000"/>
                  <a:gd name="connsiteX60" fmla="*/ 6853 w 9873"/>
                  <a:gd name="connsiteY60" fmla="*/ 4860 h 10000"/>
                  <a:gd name="connsiteX61" fmla="*/ 6776 w 9873"/>
                  <a:gd name="connsiteY61" fmla="*/ 4801 h 10000"/>
                  <a:gd name="connsiteX62" fmla="*/ 6700 w 9873"/>
                  <a:gd name="connsiteY62" fmla="*/ 4727 h 10000"/>
                  <a:gd name="connsiteX63" fmla="*/ 6625 w 9873"/>
                  <a:gd name="connsiteY63" fmla="*/ 4638 h 10000"/>
                  <a:gd name="connsiteX64" fmla="*/ 6498 w 9873"/>
                  <a:gd name="connsiteY64" fmla="*/ 4476 h 10000"/>
                  <a:gd name="connsiteX65" fmla="*/ 6369 w 9873"/>
                  <a:gd name="connsiteY65" fmla="*/ 4313 h 10000"/>
                  <a:gd name="connsiteX66" fmla="*/ 6523 w 9873"/>
                  <a:gd name="connsiteY66" fmla="*/ 4210 h 10000"/>
                  <a:gd name="connsiteX67" fmla="*/ 6725 w 9873"/>
                  <a:gd name="connsiteY67" fmla="*/ 4121 h 10000"/>
                  <a:gd name="connsiteX68" fmla="*/ 6954 w 9873"/>
                  <a:gd name="connsiteY68" fmla="*/ 4032 h 10000"/>
                  <a:gd name="connsiteX69" fmla="*/ 7208 w 9873"/>
                  <a:gd name="connsiteY69" fmla="*/ 3959 h 10000"/>
                  <a:gd name="connsiteX70" fmla="*/ 7741 w 9873"/>
                  <a:gd name="connsiteY70" fmla="*/ 3811 h 10000"/>
                  <a:gd name="connsiteX71" fmla="*/ 8273 w 9873"/>
                  <a:gd name="connsiteY71" fmla="*/ 3663 h 10000"/>
                  <a:gd name="connsiteX72" fmla="*/ 8782 w 9873"/>
                  <a:gd name="connsiteY72" fmla="*/ 3516 h 10000"/>
                  <a:gd name="connsiteX73" fmla="*/ 8984 w 9873"/>
                  <a:gd name="connsiteY73" fmla="*/ 3412 h 10000"/>
                  <a:gd name="connsiteX74" fmla="*/ 9188 w 9873"/>
                  <a:gd name="connsiteY74" fmla="*/ 3338 h 10000"/>
                  <a:gd name="connsiteX75" fmla="*/ 9315 w 9873"/>
                  <a:gd name="connsiteY75" fmla="*/ 3235 h 10000"/>
                  <a:gd name="connsiteX76" fmla="*/ 9415 w 9873"/>
                  <a:gd name="connsiteY76" fmla="*/ 3117 h 10000"/>
                  <a:gd name="connsiteX77" fmla="*/ 9442 w 9873"/>
                  <a:gd name="connsiteY77" fmla="*/ 3072 h 10000"/>
                  <a:gd name="connsiteX78" fmla="*/ 9466 w 9873"/>
                  <a:gd name="connsiteY78" fmla="*/ 3013 h 10000"/>
                  <a:gd name="connsiteX79" fmla="*/ 9466 w 9873"/>
                  <a:gd name="connsiteY79" fmla="*/ 2954 h 10000"/>
                  <a:gd name="connsiteX80" fmla="*/ 9442 w 9873"/>
                  <a:gd name="connsiteY80" fmla="*/ 2866 h 10000"/>
                  <a:gd name="connsiteX81" fmla="*/ 9264 w 9873"/>
                  <a:gd name="connsiteY81" fmla="*/ 2984 h 10000"/>
                  <a:gd name="connsiteX82" fmla="*/ 9061 w 9873"/>
                  <a:gd name="connsiteY82" fmla="*/ 3072 h 10000"/>
                  <a:gd name="connsiteX83" fmla="*/ 8857 w 9873"/>
                  <a:gd name="connsiteY83" fmla="*/ 3161 h 10000"/>
                  <a:gd name="connsiteX84" fmla="*/ 8655 w 9873"/>
                  <a:gd name="connsiteY84" fmla="*/ 3250 h 10000"/>
                  <a:gd name="connsiteX85" fmla="*/ 8197 w 9873"/>
                  <a:gd name="connsiteY85" fmla="*/ 3397 h 10000"/>
                  <a:gd name="connsiteX86" fmla="*/ 7716 w 9873"/>
                  <a:gd name="connsiteY86" fmla="*/ 3545 h 10000"/>
                  <a:gd name="connsiteX87" fmla="*/ 7234 w 9873"/>
                  <a:gd name="connsiteY87" fmla="*/ 3678 h 10000"/>
                  <a:gd name="connsiteX88" fmla="*/ 6776 w 9873"/>
                  <a:gd name="connsiteY88" fmla="*/ 3840 h 10000"/>
                  <a:gd name="connsiteX89" fmla="*/ 6548 w 9873"/>
                  <a:gd name="connsiteY89" fmla="*/ 3914 h 10000"/>
                  <a:gd name="connsiteX90" fmla="*/ 6345 w 9873"/>
                  <a:gd name="connsiteY90" fmla="*/ 4003 h 10000"/>
                  <a:gd name="connsiteX91" fmla="*/ 6143 w 9873"/>
                  <a:gd name="connsiteY91" fmla="*/ 4106 h 10000"/>
                  <a:gd name="connsiteX92" fmla="*/ 5938 w 9873"/>
                  <a:gd name="connsiteY92" fmla="*/ 4195 h 10000"/>
                  <a:gd name="connsiteX93" fmla="*/ 6091 w 9873"/>
                  <a:gd name="connsiteY93" fmla="*/ 4417 h 10000"/>
                  <a:gd name="connsiteX94" fmla="*/ 6193 w 9873"/>
                  <a:gd name="connsiteY94" fmla="*/ 4623 h 10000"/>
                  <a:gd name="connsiteX95" fmla="*/ 6294 w 9873"/>
                  <a:gd name="connsiteY95" fmla="*/ 4845 h 10000"/>
                  <a:gd name="connsiteX96" fmla="*/ 6369 w 9873"/>
                  <a:gd name="connsiteY96" fmla="*/ 5081 h 10000"/>
                  <a:gd name="connsiteX97" fmla="*/ 6421 w 9873"/>
                  <a:gd name="connsiteY97" fmla="*/ 5318 h 10000"/>
                  <a:gd name="connsiteX98" fmla="*/ 6447 w 9873"/>
                  <a:gd name="connsiteY98" fmla="*/ 5539 h 10000"/>
                  <a:gd name="connsiteX99" fmla="*/ 6471 w 9873"/>
                  <a:gd name="connsiteY99" fmla="*/ 5775 h 10000"/>
                  <a:gd name="connsiteX100" fmla="*/ 6471 w 9873"/>
                  <a:gd name="connsiteY100" fmla="*/ 5997 h 10000"/>
                  <a:gd name="connsiteX101" fmla="*/ 6447 w 9873"/>
                  <a:gd name="connsiteY101" fmla="*/ 6233 h 10000"/>
                  <a:gd name="connsiteX102" fmla="*/ 6396 w 9873"/>
                  <a:gd name="connsiteY102" fmla="*/ 6470 h 10000"/>
                  <a:gd name="connsiteX103" fmla="*/ 6345 w 9873"/>
                  <a:gd name="connsiteY103" fmla="*/ 6677 h 10000"/>
                  <a:gd name="connsiteX104" fmla="*/ 6269 w 9873"/>
                  <a:gd name="connsiteY104" fmla="*/ 6898 h 10000"/>
                  <a:gd name="connsiteX105" fmla="*/ 6168 w 9873"/>
                  <a:gd name="connsiteY105" fmla="*/ 7105 h 10000"/>
                  <a:gd name="connsiteX106" fmla="*/ 6041 w 9873"/>
                  <a:gd name="connsiteY106" fmla="*/ 7297 h 10000"/>
                  <a:gd name="connsiteX107" fmla="*/ 5888 w 9873"/>
                  <a:gd name="connsiteY107" fmla="*/ 7489 h 10000"/>
                  <a:gd name="connsiteX108" fmla="*/ 5735 w 9873"/>
                  <a:gd name="connsiteY108" fmla="*/ 7681 h 10000"/>
                  <a:gd name="connsiteX109" fmla="*/ 6471 w 9873"/>
                  <a:gd name="connsiteY109" fmla="*/ 7799 h 10000"/>
                  <a:gd name="connsiteX110" fmla="*/ 7234 w 9873"/>
                  <a:gd name="connsiteY110" fmla="*/ 7962 h 10000"/>
                  <a:gd name="connsiteX111" fmla="*/ 7385 w 9873"/>
                  <a:gd name="connsiteY111" fmla="*/ 8021 h 10000"/>
                  <a:gd name="connsiteX112" fmla="*/ 7512 w 9873"/>
                  <a:gd name="connsiteY112" fmla="*/ 8080 h 10000"/>
                  <a:gd name="connsiteX113" fmla="*/ 7639 w 9873"/>
                  <a:gd name="connsiteY113" fmla="*/ 8139 h 10000"/>
                  <a:gd name="connsiteX114" fmla="*/ 7716 w 9873"/>
                  <a:gd name="connsiteY114" fmla="*/ 8227 h 10000"/>
                  <a:gd name="connsiteX115" fmla="*/ 7741 w 9873"/>
                  <a:gd name="connsiteY115" fmla="*/ 8301 h 10000"/>
                  <a:gd name="connsiteX116" fmla="*/ 7741 w 9873"/>
                  <a:gd name="connsiteY116" fmla="*/ 8405 h 10000"/>
                  <a:gd name="connsiteX117" fmla="*/ 7691 w 9873"/>
                  <a:gd name="connsiteY117" fmla="*/ 8523 h 10000"/>
                  <a:gd name="connsiteX118" fmla="*/ 7614 w 9873"/>
                  <a:gd name="connsiteY118" fmla="*/ 8641 h 10000"/>
                  <a:gd name="connsiteX119" fmla="*/ 7284 w 9873"/>
                  <a:gd name="connsiteY119" fmla="*/ 8552 h 10000"/>
                  <a:gd name="connsiteX120" fmla="*/ 6979 w 9873"/>
                  <a:gd name="connsiteY120" fmla="*/ 8449 h 10000"/>
                  <a:gd name="connsiteX121" fmla="*/ 6674 w 9873"/>
                  <a:gd name="connsiteY121" fmla="*/ 8360 h 10000"/>
                  <a:gd name="connsiteX122" fmla="*/ 6369 w 9873"/>
                  <a:gd name="connsiteY122" fmla="*/ 8287 h 10000"/>
                  <a:gd name="connsiteX123" fmla="*/ 6243 w 9873"/>
                  <a:gd name="connsiteY123" fmla="*/ 8449 h 10000"/>
                  <a:gd name="connsiteX124" fmla="*/ 6143 w 9873"/>
                  <a:gd name="connsiteY124" fmla="*/ 8597 h 10000"/>
                  <a:gd name="connsiteX125" fmla="*/ 6091 w 9873"/>
                  <a:gd name="connsiteY125" fmla="*/ 8656 h 10000"/>
                  <a:gd name="connsiteX126" fmla="*/ 5989 w 9873"/>
                  <a:gd name="connsiteY126" fmla="*/ 8700 h 10000"/>
                  <a:gd name="connsiteX127" fmla="*/ 5914 w 9873"/>
                  <a:gd name="connsiteY127" fmla="*/ 8744 h 10000"/>
                  <a:gd name="connsiteX128" fmla="*/ 5838 w 9873"/>
                  <a:gd name="connsiteY128" fmla="*/ 8774 h 10000"/>
                  <a:gd name="connsiteX129" fmla="*/ 5761 w 9873"/>
                  <a:gd name="connsiteY129" fmla="*/ 8804 h 10000"/>
                  <a:gd name="connsiteX130" fmla="*/ 5660 w 9873"/>
                  <a:gd name="connsiteY130" fmla="*/ 8818 h 10000"/>
                  <a:gd name="connsiteX131" fmla="*/ 5532 w 9873"/>
                  <a:gd name="connsiteY131" fmla="*/ 8833 h 10000"/>
                  <a:gd name="connsiteX132" fmla="*/ 5406 w 9873"/>
                  <a:gd name="connsiteY132" fmla="*/ 8833 h 10000"/>
                  <a:gd name="connsiteX133" fmla="*/ 5102 w 9873"/>
                  <a:gd name="connsiteY133" fmla="*/ 8818 h 10000"/>
                  <a:gd name="connsiteX134" fmla="*/ 4720 w 9873"/>
                  <a:gd name="connsiteY134" fmla="*/ 8744 h 10000"/>
                  <a:gd name="connsiteX135" fmla="*/ 4720 w 9873"/>
                  <a:gd name="connsiteY135" fmla="*/ 8922 h 10000"/>
                  <a:gd name="connsiteX136" fmla="*/ 4695 w 9873"/>
                  <a:gd name="connsiteY136" fmla="*/ 9069 h 10000"/>
                  <a:gd name="connsiteX137" fmla="*/ 4671 w 9873"/>
                  <a:gd name="connsiteY137" fmla="*/ 9232 h 10000"/>
                  <a:gd name="connsiteX138" fmla="*/ 4644 w 9873"/>
                  <a:gd name="connsiteY138" fmla="*/ 9365 h 10000"/>
                  <a:gd name="connsiteX139" fmla="*/ 4593 w 9873"/>
                  <a:gd name="connsiteY139" fmla="*/ 9498 h 10000"/>
                  <a:gd name="connsiteX140" fmla="*/ 4493 w 9873"/>
                  <a:gd name="connsiteY140" fmla="*/ 9616 h 10000"/>
                  <a:gd name="connsiteX141" fmla="*/ 4416 w 9873"/>
                  <a:gd name="connsiteY141" fmla="*/ 9734 h 10000"/>
                  <a:gd name="connsiteX142" fmla="*/ 4289 w 9873"/>
                  <a:gd name="connsiteY142" fmla="*/ 9838 h 10000"/>
                  <a:gd name="connsiteX143" fmla="*/ 3983 w 9873"/>
                  <a:gd name="connsiteY143" fmla="*/ 9897 h 10000"/>
                  <a:gd name="connsiteX144" fmla="*/ 3731 w 9873"/>
                  <a:gd name="connsiteY144" fmla="*/ 9941 h 10000"/>
                  <a:gd name="connsiteX145" fmla="*/ 3426 w 9873"/>
                  <a:gd name="connsiteY145" fmla="*/ 9985 h 10000"/>
                  <a:gd name="connsiteX146" fmla="*/ 3198 w 9873"/>
                  <a:gd name="connsiteY146" fmla="*/ 10000 h 10000"/>
                  <a:gd name="connsiteX147" fmla="*/ 2690 w 9873"/>
                  <a:gd name="connsiteY147" fmla="*/ 10000 h 10000"/>
                  <a:gd name="connsiteX148" fmla="*/ 2208 w 9873"/>
                  <a:gd name="connsiteY148" fmla="*/ 9985 h 10000"/>
                  <a:gd name="connsiteX149" fmla="*/ 1752 w 9873"/>
                  <a:gd name="connsiteY149" fmla="*/ 9941 h 10000"/>
                  <a:gd name="connsiteX150" fmla="*/ 1270 w 9873"/>
                  <a:gd name="connsiteY150" fmla="*/ 9911 h 10000"/>
                  <a:gd name="connsiteX151" fmla="*/ 990 w 9873"/>
                  <a:gd name="connsiteY151" fmla="*/ 9911 h 10000"/>
                  <a:gd name="connsiteX152" fmla="*/ 736 w 9873"/>
                  <a:gd name="connsiteY152" fmla="*/ 9911 h 10000"/>
                  <a:gd name="connsiteX153" fmla="*/ 457 w 9873"/>
                  <a:gd name="connsiteY153" fmla="*/ 9926 h 10000"/>
                  <a:gd name="connsiteX154" fmla="*/ 178 w 9873"/>
                  <a:gd name="connsiteY154" fmla="*/ 9970 h 10000"/>
                  <a:gd name="connsiteX155" fmla="*/ 102 w 9873"/>
                  <a:gd name="connsiteY155" fmla="*/ 9867 h 10000"/>
                  <a:gd name="connsiteX156" fmla="*/ 51 w 9873"/>
                  <a:gd name="connsiteY156" fmla="*/ 9793 h 10000"/>
                  <a:gd name="connsiteX157" fmla="*/ 0 w 9873"/>
                  <a:gd name="connsiteY157" fmla="*/ 9705 h 10000"/>
                  <a:gd name="connsiteX158" fmla="*/ 0 w 9873"/>
                  <a:gd name="connsiteY158" fmla="*/ 9601 h 10000"/>
                  <a:gd name="connsiteX159" fmla="*/ 51 w 9873"/>
                  <a:gd name="connsiteY159" fmla="*/ 9424 h 10000"/>
                  <a:gd name="connsiteX160" fmla="*/ 102 w 9873"/>
                  <a:gd name="connsiteY160" fmla="*/ 9202 h 10000"/>
                  <a:gd name="connsiteX161" fmla="*/ 151 w 9873"/>
                  <a:gd name="connsiteY161" fmla="*/ 8996 h 10000"/>
                  <a:gd name="connsiteX162" fmla="*/ 203 w 9873"/>
                  <a:gd name="connsiteY162" fmla="*/ 8759 h 10000"/>
                  <a:gd name="connsiteX163" fmla="*/ 228 w 9873"/>
                  <a:gd name="connsiteY163" fmla="*/ 8641 h 10000"/>
                  <a:gd name="connsiteX164" fmla="*/ 228 w 9873"/>
                  <a:gd name="connsiteY164" fmla="*/ 8538 h 10000"/>
                  <a:gd name="connsiteX165" fmla="*/ 203 w 9873"/>
                  <a:gd name="connsiteY165" fmla="*/ 8405 h 10000"/>
                  <a:gd name="connsiteX166" fmla="*/ 178 w 9873"/>
                  <a:gd name="connsiteY166" fmla="*/ 8287 h 10000"/>
                  <a:gd name="connsiteX167" fmla="*/ 431 w 9873"/>
                  <a:gd name="connsiteY167" fmla="*/ 8213 h 10000"/>
                  <a:gd name="connsiteX168" fmla="*/ 685 w 9873"/>
                  <a:gd name="connsiteY168" fmla="*/ 8139 h 10000"/>
                  <a:gd name="connsiteX169" fmla="*/ 939 w 9873"/>
                  <a:gd name="connsiteY169" fmla="*/ 8095 h 10000"/>
                  <a:gd name="connsiteX170" fmla="*/ 1218 w 9873"/>
                  <a:gd name="connsiteY170" fmla="*/ 8065 h 10000"/>
                  <a:gd name="connsiteX171" fmla="*/ 1725 w 9873"/>
                  <a:gd name="connsiteY171" fmla="*/ 8021 h 10000"/>
                  <a:gd name="connsiteX172" fmla="*/ 2234 w 9873"/>
                  <a:gd name="connsiteY172" fmla="*/ 7976 h 10000"/>
                  <a:gd name="connsiteX173" fmla="*/ 2462 w 9873"/>
                  <a:gd name="connsiteY173" fmla="*/ 7947 h 10000"/>
                  <a:gd name="connsiteX174" fmla="*/ 2690 w 9873"/>
                  <a:gd name="connsiteY174" fmla="*/ 7917 h 10000"/>
                  <a:gd name="connsiteX175" fmla="*/ 2892 w 9873"/>
                  <a:gd name="connsiteY175" fmla="*/ 7843 h 10000"/>
                  <a:gd name="connsiteX176" fmla="*/ 3096 w 9873"/>
                  <a:gd name="connsiteY176" fmla="*/ 7784 h 10000"/>
                  <a:gd name="connsiteX177" fmla="*/ 3274 w 9873"/>
                  <a:gd name="connsiteY177" fmla="*/ 7710 h 10000"/>
                  <a:gd name="connsiteX178" fmla="*/ 3426 w 9873"/>
                  <a:gd name="connsiteY178" fmla="*/ 7592 h 10000"/>
                  <a:gd name="connsiteX179" fmla="*/ 3579 w 9873"/>
                  <a:gd name="connsiteY179" fmla="*/ 7474 h 10000"/>
                  <a:gd name="connsiteX180" fmla="*/ 3680 w 9873"/>
                  <a:gd name="connsiteY180" fmla="*/ 7312 h 10000"/>
                  <a:gd name="connsiteX181" fmla="*/ 3477 w 9873"/>
                  <a:gd name="connsiteY181" fmla="*/ 7238 h 10000"/>
                  <a:gd name="connsiteX182" fmla="*/ 3299 w 9873"/>
                  <a:gd name="connsiteY182" fmla="*/ 7179 h 10000"/>
                  <a:gd name="connsiteX183" fmla="*/ 3147 w 9873"/>
                  <a:gd name="connsiteY183" fmla="*/ 7090 h 10000"/>
                  <a:gd name="connsiteX184" fmla="*/ 2995 w 9873"/>
                  <a:gd name="connsiteY184" fmla="*/ 6987 h 10000"/>
                  <a:gd name="connsiteX185" fmla="*/ 2892 w 9873"/>
                  <a:gd name="connsiteY185" fmla="*/ 6869 h 10000"/>
                  <a:gd name="connsiteX186" fmla="*/ 2843 w 9873"/>
                  <a:gd name="connsiteY186" fmla="*/ 6721 h 10000"/>
                  <a:gd name="connsiteX187" fmla="*/ 2817 w 9873"/>
                  <a:gd name="connsiteY187" fmla="*/ 6558 h 10000"/>
                  <a:gd name="connsiteX188" fmla="*/ 2843 w 9873"/>
                  <a:gd name="connsiteY188" fmla="*/ 6352 h 10000"/>
                  <a:gd name="connsiteX189" fmla="*/ 2716 w 9873"/>
                  <a:gd name="connsiteY189" fmla="*/ 6322 h 10000"/>
                  <a:gd name="connsiteX190" fmla="*/ 2564 w 9873"/>
                  <a:gd name="connsiteY190" fmla="*/ 6292 h 10000"/>
                  <a:gd name="connsiteX191" fmla="*/ 2386 w 9873"/>
                  <a:gd name="connsiteY191" fmla="*/ 6278 h 10000"/>
                  <a:gd name="connsiteX192" fmla="*/ 2208 w 9873"/>
                  <a:gd name="connsiteY192" fmla="*/ 6263 h 10000"/>
                  <a:gd name="connsiteX193" fmla="*/ 1853 w 9873"/>
                  <a:gd name="connsiteY193" fmla="*/ 6248 h 10000"/>
                  <a:gd name="connsiteX194" fmla="*/ 1472 w 9873"/>
                  <a:gd name="connsiteY194" fmla="*/ 6263 h 10000"/>
                  <a:gd name="connsiteX195" fmla="*/ 1143 w 9873"/>
                  <a:gd name="connsiteY195" fmla="*/ 6278 h 10000"/>
                  <a:gd name="connsiteX196" fmla="*/ 837 w 9873"/>
                  <a:gd name="connsiteY196" fmla="*/ 6278 h 10000"/>
                  <a:gd name="connsiteX197" fmla="*/ 585 w 9873"/>
                  <a:gd name="connsiteY197" fmla="*/ 6263 h 10000"/>
                  <a:gd name="connsiteX198" fmla="*/ 381 w 9873"/>
                  <a:gd name="connsiteY198" fmla="*/ 6233 h 10000"/>
                  <a:gd name="connsiteX199" fmla="*/ 633 w 9873"/>
                  <a:gd name="connsiteY199" fmla="*/ 5805 h 10000"/>
                  <a:gd name="connsiteX200" fmla="*/ 914 w 9873"/>
                  <a:gd name="connsiteY200" fmla="*/ 5391 h 10000"/>
                  <a:gd name="connsiteX201" fmla="*/ 1016 w 9873"/>
                  <a:gd name="connsiteY201" fmla="*/ 5170 h 10000"/>
                  <a:gd name="connsiteX202" fmla="*/ 1091 w 9873"/>
                  <a:gd name="connsiteY202" fmla="*/ 4963 h 10000"/>
                  <a:gd name="connsiteX203" fmla="*/ 1116 w 9873"/>
                  <a:gd name="connsiteY203" fmla="*/ 4860 h 10000"/>
                  <a:gd name="connsiteX204" fmla="*/ 1091 w 9873"/>
                  <a:gd name="connsiteY204" fmla="*/ 4756 h 10000"/>
                  <a:gd name="connsiteX205" fmla="*/ 1066 w 9873"/>
                  <a:gd name="connsiteY205" fmla="*/ 4653 h 10000"/>
                  <a:gd name="connsiteX206" fmla="*/ 990 w 9873"/>
                  <a:gd name="connsiteY206" fmla="*/ 4549 h 10000"/>
                  <a:gd name="connsiteX207" fmla="*/ 1270 w 9873"/>
                  <a:gd name="connsiteY207" fmla="*/ 4520 h 10000"/>
                  <a:gd name="connsiteX208" fmla="*/ 1472 w 9873"/>
                  <a:gd name="connsiteY208" fmla="*/ 4505 h 10000"/>
                  <a:gd name="connsiteX209" fmla="*/ 1650 w 9873"/>
                  <a:gd name="connsiteY209" fmla="*/ 4505 h 10000"/>
                  <a:gd name="connsiteX210" fmla="*/ 1802 w 9873"/>
                  <a:gd name="connsiteY210" fmla="*/ 4520 h 10000"/>
                  <a:gd name="connsiteX211" fmla="*/ 1929 w 9873"/>
                  <a:gd name="connsiteY211" fmla="*/ 4520 h 10000"/>
                  <a:gd name="connsiteX212" fmla="*/ 2081 w 9873"/>
                  <a:gd name="connsiteY212" fmla="*/ 4520 h 10000"/>
                  <a:gd name="connsiteX213" fmla="*/ 2234 w 9873"/>
                  <a:gd name="connsiteY213" fmla="*/ 4490 h 10000"/>
                  <a:gd name="connsiteX214" fmla="*/ 2436 w 9873"/>
                  <a:gd name="connsiteY214" fmla="*/ 4446 h 10000"/>
                  <a:gd name="connsiteX215" fmla="*/ 2436 w 9873"/>
                  <a:gd name="connsiteY215" fmla="*/ 4579 h 10000"/>
                  <a:gd name="connsiteX216" fmla="*/ 2436 w 9873"/>
                  <a:gd name="connsiteY216" fmla="*/ 4742 h 10000"/>
                  <a:gd name="connsiteX217" fmla="*/ 2436 w 9873"/>
                  <a:gd name="connsiteY217" fmla="*/ 4874 h 10000"/>
                  <a:gd name="connsiteX218" fmla="*/ 2436 w 9873"/>
                  <a:gd name="connsiteY218" fmla="*/ 5037 h 10000"/>
                  <a:gd name="connsiteX219" fmla="*/ 2665 w 9873"/>
                  <a:gd name="connsiteY219" fmla="*/ 5022 h 10000"/>
                  <a:gd name="connsiteX220" fmla="*/ 2817 w 9873"/>
                  <a:gd name="connsiteY220" fmla="*/ 5037 h 10000"/>
                  <a:gd name="connsiteX221" fmla="*/ 2944 w 9873"/>
                  <a:gd name="connsiteY221" fmla="*/ 5066 h 10000"/>
                  <a:gd name="connsiteX222" fmla="*/ 3071 w 9873"/>
                  <a:gd name="connsiteY222" fmla="*/ 5096 h 10000"/>
                  <a:gd name="connsiteX223" fmla="*/ 3173 w 9873"/>
                  <a:gd name="connsiteY223" fmla="*/ 5126 h 10000"/>
                  <a:gd name="connsiteX224" fmla="*/ 3299 w 9873"/>
                  <a:gd name="connsiteY224" fmla="*/ 5155 h 10000"/>
                  <a:gd name="connsiteX225" fmla="*/ 3452 w 9873"/>
                  <a:gd name="connsiteY225" fmla="*/ 5170 h 10000"/>
                  <a:gd name="connsiteX226" fmla="*/ 3680 w 9873"/>
                  <a:gd name="connsiteY226" fmla="*/ 5155 h 10000"/>
                  <a:gd name="connsiteX227" fmla="*/ 3757 w 9873"/>
                  <a:gd name="connsiteY227" fmla="*/ 5096 h 10000"/>
                  <a:gd name="connsiteX228" fmla="*/ 3832 w 9873"/>
                  <a:gd name="connsiteY228" fmla="*/ 5022 h 10000"/>
                  <a:gd name="connsiteX229" fmla="*/ 3857 w 9873"/>
                  <a:gd name="connsiteY229" fmla="*/ 4934 h 10000"/>
                  <a:gd name="connsiteX230" fmla="*/ 3884 w 9873"/>
                  <a:gd name="connsiteY230" fmla="*/ 4860 h 10000"/>
                  <a:gd name="connsiteX231" fmla="*/ 3908 w 9873"/>
                  <a:gd name="connsiteY231" fmla="*/ 4697 h 10000"/>
                  <a:gd name="connsiteX232" fmla="*/ 3884 w 9873"/>
                  <a:gd name="connsiteY232" fmla="*/ 4520 h 10000"/>
                  <a:gd name="connsiteX233" fmla="*/ 3807 w 9873"/>
                  <a:gd name="connsiteY233" fmla="*/ 4343 h 10000"/>
                  <a:gd name="connsiteX234" fmla="*/ 3731 w 9873"/>
                  <a:gd name="connsiteY234" fmla="*/ 4195 h 10000"/>
                  <a:gd name="connsiteX235" fmla="*/ 3604 w 9873"/>
                  <a:gd name="connsiteY235" fmla="*/ 4047 h 10000"/>
                  <a:gd name="connsiteX236" fmla="*/ 3477 w 9873"/>
                  <a:gd name="connsiteY236" fmla="*/ 3959 h 10000"/>
                  <a:gd name="connsiteX237" fmla="*/ 3629 w 9873"/>
                  <a:gd name="connsiteY237" fmla="*/ 3944 h 10000"/>
                  <a:gd name="connsiteX238" fmla="*/ 3757 w 9873"/>
                  <a:gd name="connsiteY238" fmla="*/ 3914 h 10000"/>
                  <a:gd name="connsiteX239" fmla="*/ 3857 w 9873"/>
                  <a:gd name="connsiteY239" fmla="*/ 3855 h 10000"/>
                  <a:gd name="connsiteX240" fmla="*/ 3983 w 9873"/>
                  <a:gd name="connsiteY240" fmla="*/ 3752 h 10000"/>
                  <a:gd name="connsiteX241" fmla="*/ 4111 w 9873"/>
                  <a:gd name="connsiteY241" fmla="*/ 3663 h 10000"/>
                  <a:gd name="connsiteX242" fmla="*/ 4213 w 9873"/>
                  <a:gd name="connsiteY242" fmla="*/ 3560 h 10000"/>
                  <a:gd name="connsiteX243" fmla="*/ 4289 w 9873"/>
                  <a:gd name="connsiteY243" fmla="*/ 3442 h 10000"/>
                  <a:gd name="connsiteX244" fmla="*/ 4366 w 9873"/>
                  <a:gd name="connsiteY244" fmla="*/ 3323 h 10000"/>
                  <a:gd name="connsiteX245" fmla="*/ 4416 w 9873"/>
                  <a:gd name="connsiteY245" fmla="*/ 3220 h 10000"/>
                  <a:gd name="connsiteX246" fmla="*/ 4441 w 9873"/>
                  <a:gd name="connsiteY246" fmla="*/ 3102 h 10000"/>
                  <a:gd name="connsiteX247" fmla="*/ 4468 w 9873"/>
                  <a:gd name="connsiteY247" fmla="*/ 3013 h 10000"/>
                  <a:gd name="connsiteX248" fmla="*/ 4441 w 9873"/>
                  <a:gd name="connsiteY248" fmla="*/ 2939 h 10000"/>
                  <a:gd name="connsiteX249" fmla="*/ 4416 w 9873"/>
                  <a:gd name="connsiteY249" fmla="*/ 2866 h 10000"/>
                  <a:gd name="connsiteX250" fmla="*/ 4340 w 9873"/>
                  <a:gd name="connsiteY250" fmla="*/ 2836 h 10000"/>
                  <a:gd name="connsiteX251" fmla="*/ 4239 w 9873"/>
                  <a:gd name="connsiteY251" fmla="*/ 2836 h 10000"/>
                  <a:gd name="connsiteX252" fmla="*/ 4111 w 9873"/>
                  <a:gd name="connsiteY252" fmla="*/ 2866 h 10000"/>
                  <a:gd name="connsiteX253" fmla="*/ 4213 w 9873"/>
                  <a:gd name="connsiteY253" fmla="*/ 2777 h 10000"/>
                  <a:gd name="connsiteX254" fmla="*/ 4265 w 9873"/>
                  <a:gd name="connsiteY254" fmla="*/ 2674 h 10000"/>
                  <a:gd name="connsiteX255" fmla="*/ 4289 w 9873"/>
                  <a:gd name="connsiteY255" fmla="*/ 2541 h 10000"/>
                  <a:gd name="connsiteX256" fmla="*/ 4289 w 9873"/>
                  <a:gd name="connsiteY256" fmla="*/ 2393 h 10000"/>
                  <a:gd name="connsiteX257" fmla="*/ 4314 w 9873"/>
                  <a:gd name="connsiteY257" fmla="*/ 2349 h 10000"/>
                  <a:gd name="connsiteX258" fmla="*/ 4366 w 9873"/>
                  <a:gd name="connsiteY258" fmla="*/ 2304 h 10000"/>
                  <a:gd name="connsiteX259" fmla="*/ 4416 w 9873"/>
                  <a:gd name="connsiteY259" fmla="*/ 2290 h 10000"/>
                  <a:gd name="connsiteX260" fmla="*/ 4493 w 9873"/>
                  <a:gd name="connsiteY260" fmla="*/ 2275 h 10000"/>
                  <a:gd name="connsiteX261" fmla="*/ 4720 w 9873"/>
                  <a:gd name="connsiteY261" fmla="*/ 2260 h 10000"/>
                  <a:gd name="connsiteX262" fmla="*/ 4923 w 9873"/>
                  <a:gd name="connsiteY262" fmla="*/ 2275 h 10000"/>
                  <a:gd name="connsiteX263" fmla="*/ 4898 w 9873"/>
                  <a:gd name="connsiteY263" fmla="*/ 2112 h 10000"/>
                  <a:gd name="connsiteX264" fmla="*/ 4848 w 9873"/>
                  <a:gd name="connsiteY264" fmla="*/ 1950 h 10000"/>
                  <a:gd name="connsiteX265" fmla="*/ 4771 w 9873"/>
                  <a:gd name="connsiteY265" fmla="*/ 1802 h 10000"/>
                  <a:gd name="connsiteX266" fmla="*/ 4671 w 9873"/>
                  <a:gd name="connsiteY266" fmla="*/ 1640 h 10000"/>
                  <a:gd name="connsiteX267" fmla="*/ 4416 w 9873"/>
                  <a:gd name="connsiteY267" fmla="*/ 1329 h 10000"/>
                  <a:gd name="connsiteX268" fmla="*/ 4162 w 9873"/>
                  <a:gd name="connsiteY268" fmla="*/ 1034 h 10000"/>
                  <a:gd name="connsiteX269" fmla="*/ 4035 w 9873"/>
                  <a:gd name="connsiteY269" fmla="*/ 901 h 10000"/>
                  <a:gd name="connsiteX270" fmla="*/ 3935 w 9873"/>
                  <a:gd name="connsiteY270" fmla="*/ 753 h 10000"/>
                  <a:gd name="connsiteX271" fmla="*/ 3857 w 9873"/>
                  <a:gd name="connsiteY271" fmla="*/ 620 h 10000"/>
                  <a:gd name="connsiteX272" fmla="*/ 3832 w 9873"/>
                  <a:gd name="connsiteY272" fmla="*/ 487 h 10000"/>
                  <a:gd name="connsiteX273" fmla="*/ 3807 w 9873"/>
                  <a:gd name="connsiteY273" fmla="*/ 355 h 10000"/>
                  <a:gd name="connsiteX274" fmla="*/ 3857 w 9873"/>
                  <a:gd name="connsiteY274" fmla="*/ 222 h 10000"/>
                  <a:gd name="connsiteX275" fmla="*/ 3884 w 9873"/>
                  <a:gd name="connsiteY275" fmla="*/ 162 h 10000"/>
                  <a:gd name="connsiteX276" fmla="*/ 3935 w 9873"/>
                  <a:gd name="connsiteY276" fmla="*/ 103 h 10000"/>
                  <a:gd name="connsiteX277" fmla="*/ 4011 w 9873"/>
                  <a:gd name="connsiteY277" fmla="*/ 59 h 10000"/>
                  <a:gd name="connsiteX278" fmla="*/ 4111 w 9873"/>
                  <a:gd name="connsiteY278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7043 w 10000"/>
                  <a:gd name="connsiteY67" fmla="*/ 4032 h 10000"/>
                  <a:gd name="connsiteX68" fmla="*/ 7301 w 10000"/>
                  <a:gd name="connsiteY68" fmla="*/ 3959 h 10000"/>
                  <a:gd name="connsiteX69" fmla="*/ 7841 w 10000"/>
                  <a:gd name="connsiteY69" fmla="*/ 3811 h 10000"/>
                  <a:gd name="connsiteX70" fmla="*/ 8379 w 10000"/>
                  <a:gd name="connsiteY70" fmla="*/ 3663 h 10000"/>
                  <a:gd name="connsiteX71" fmla="*/ 8895 w 10000"/>
                  <a:gd name="connsiteY71" fmla="*/ 3516 h 10000"/>
                  <a:gd name="connsiteX72" fmla="*/ 9100 w 10000"/>
                  <a:gd name="connsiteY72" fmla="*/ 3412 h 10000"/>
                  <a:gd name="connsiteX73" fmla="*/ 9306 w 10000"/>
                  <a:gd name="connsiteY73" fmla="*/ 3338 h 10000"/>
                  <a:gd name="connsiteX74" fmla="*/ 9435 w 10000"/>
                  <a:gd name="connsiteY74" fmla="*/ 3235 h 10000"/>
                  <a:gd name="connsiteX75" fmla="*/ 9536 w 10000"/>
                  <a:gd name="connsiteY75" fmla="*/ 3117 h 10000"/>
                  <a:gd name="connsiteX76" fmla="*/ 9563 w 10000"/>
                  <a:gd name="connsiteY76" fmla="*/ 3072 h 10000"/>
                  <a:gd name="connsiteX77" fmla="*/ 9588 w 10000"/>
                  <a:gd name="connsiteY77" fmla="*/ 3013 h 10000"/>
                  <a:gd name="connsiteX78" fmla="*/ 9588 w 10000"/>
                  <a:gd name="connsiteY78" fmla="*/ 2954 h 10000"/>
                  <a:gd name="connsiteX79" fmla="*/ 9563 w 10000"/>
                  <a:gd name="connsiteY79" fmla="*/ 2866 h 10000"/>
                  <a:gd name="connsiteX80" fmla="*/ 9383 w 10000"/>
                  <a:gd name="connsiteY80" fmla="*/ 2984 h 10000"/>
                  <a:gd name="connsiteX81" fmla="*/ 9178 w 10000"/>
                  <a:gd name="connsiteY81" fmla="*/ 3072 h 10000"/>
                  <a:gd name="connsiteX82" fmla="*/ 8971 w 10000"/>
                  <a:gd name="connsiteY82" fmla="*/ 3161 h 10000"/>
                  <a:gd name="connsiteX83" fmla="*/ 8766 w 10000"/>
                  <a:gd name="connsiteY83" fmla="*/ 3250 h 10000"/>
                  <a:gd name="connsiteX84" fmla="*/ 8302 w 10000"/>
                  <a:gd name="connsiteY84" fmla="*/ 3397 h 10000"/>
                  <a:gd name="connsiteX85" fmla="*/ 7815 w 10000"/>
                  <a:gd name="connsiteY85" fmla="*/ 3545 h 10000"/>
                  <a:gd name="connsiteX86" fmla="*/ 7327 w 10000"/>
                  <a:gd name="connsiteY86" fmla="*/ 3678 h 10000"/>
                  <a:gd name="connsiteX87" fmla="*/ 6863 w 10000"/>
                  <a:gd name="connsiteY87" fmla="*/ 3840 h 10000"/>
                  <a:gd name="connsiteX88" fmla="*/ 6632 w 10000"/>
                  <a:gd name="connsiteY88" fmla="*/ 3914 h 10000"/>
                  <a:gd name="connsiteX89" fmla="*/ 6427 w 10000"/>
                  <a:gd name="connsiteY89" fmla="*/ 4003 h 10000"/>
                  <a:gd name="connsiteX90" fmla="*/ 6222 w 10000"/>
                  <a:gd name="connsiteY90" fmla="*/ 4106 h 10000"/>
                  <a:gd name="connsiteX91" fmla="*/ 6014 w 10000"/>
                  <a:gd name="connsiteY91" fmla="*/ 4195 h 10000"/>
                  <a:gd name="connsiteX92" fmla="*/ 6169 w 10000"/>
                  <a:gd name="connsiteY92" fmla="*/ 4417 h 10000"/>
                  <a:gd name="connsiteX93" fmla="*/ 6273 w 10000"/>
                  <a:gd name="connsiteY93" fmla="*/ 4623 h 10000"/>
                  <a:gd name="connsiteX94" fmla="*/ 6375 w 10000"/>
                  <a:gd name="connsiteY94" fmla="*/ 4845 h 10000"/>
                  <a:gd name="connsiteX95" fmla="*/ 6451 w 10000"/>
                  <a:gd name="connsiteY95" fmla="*/ 5081 h 10000"/>
                  <a:gd name="connsiteX96" fmla="*/ 6504 w 10000"/>
                  <a:gd name="connsiteY96" fmla="*/ 5318 h 10000"/>
                  <a:gd name="connsiteX97" fmla="*/ 6530 w 10000"/>
                  <a:gd name="connsiteY97" fmla="*/ 5539 h 10000"/>
                  <a:gd name="connsiteX98" fmla="*/ 6554 w 10000"/>
                  <a:gd name="connsiteY98" fmla="*/ 5775 h 10000"/>
                  <a:gd name="connsiteX99" fmla="*/ 6554 w 10000"/>
                  <a:gd name="connsiteY99" fmla="*/ 5997 h 10000"/>
                  <a:gd name="connsiteX100" fmla="*/ 6530 w 10000"/>
                  <a:gd name="connsiteY100" fmla="*/ 6233 h 10000"/>
                  <a:gd name="connsiteX101" fmla="*/ 6478 w 10000"/>
                  <a:gd name="connsiteY101" fmla="*/ 6470 h 10000"/>
                  <a:gd name="connsiteX102" fmla="*/ 6427 w 10000"/>
                  <a:gd name="connsiteY102" fmla="*/ 6677 h 10000"/>
                  <a:gd name="connsiteX103" fmla="*/ 6350 w 10000"/>
                  <a:gd name="connsiteY103" fmla="*/ 6898 h 10000"/>
                  <a:gd name="connsiteX104" fmla="*/ 6247 w 10000"/>
                  <a:gd name="connsiteY104" fmla="*/ 7105 h 10000"/>
                  <a:gd name="connsiteX105" fmla="*/ 6119 w 10000"/>
                  <a:gd name="connsiteY105" fmla="*/ 7297 h 10000"/>
                  <a:gd name="connsiteX106" fmla="*/ 5964 w 10000"/>
                  <a:gd name="connsiteY106" fmla="*/ 7489 h 10000"/>
                  <a:gd name="connsiteX107" fmla="*/ 5809 w 10000"/>
                  <a:gd name="connsiteY107" fmla="*/ 7681 h 10000"/>
                  <a:gd name="connsiteX108" fmla="*/ 6554 w 10000"/>
                  <a:gd name="connsiteY108" fmla="*/ 7799 h 10000"/>
                  <a:gd name="connsiteX109" fmla="*/ 7327 w 10000"/>
                  <a:gd name="connsiteY109" fmla="*/ 7962 h 10000"/>
                  <a:gd name="connsiteX110" fmla="*/ 7480 w 10000"/>
                  <a:gd name="connsiteY110" fmla="*/ 8021 h 10000"/>
                  <a:gd name="connsiteX111" fmla="*/ 7609 w 10000"/>
                  <a:gd name="connsiteY111" fmla="*/ 8080 h 10000"/>
                  <a:gd name="connsiteX112" fmla="*/ 7737 w 10000"/>
                  <a:gd name="connsiteY112" fmla="*/ 8139 h 10000"/>
                  <a:gd name="connsiteX113" fmla="*/ 7815 w 10000"/>
                  <a:gd name="connsiteY113" fmla="*/ 8227 h 10000"/>
                  <a:gd name="connsiteX114" fmla="*/ 7841 w 10000"/>
                  <a:gd name="connsiteY114" fmla="*/ 8301 h 10000"/>
                  <a:gd name="connsiteX115" fmla="*/ 7841 w 10000"/>
                  <a:gd name="connsiteY115" fmla="*/ 8405 h 10000"/>
                  <a:gd name="connsiteX116" fmla="*/ 7790 w 10000"/>
                  <a:gd name="connsiteY116" fmla="*/ 8523 h 10000"/>
                  <a:gd name="connsiteX117" fmla="*/ 7712 w 10000"/>
                  <a:gd name="connsiteY117" fmla="*/ 8641 h 10000"/>
                  <a:gd name="connsiteX118" fmla="*/ 7378 w 10000"/>
                  <a:gd name="connsiteY118" fmla="*/ 8552 h 10000"/>
                  <a:gd name="connsiteX119" fmla="*/ 7069 w 10000"/>
                  <a:gd name="connsiteY119" fmla="*/ 8449 h 10000"/>
                  <a:gd name="connsiteX120" fmla="*/ 6760 w 10000"/>
                  <a:gd name="connsiteY120" fmla="*/ 8360 h 10000"/>
                  <a:gd name="connsiteX121" fmla="*/ 6451 w 10000"/>
                  <a:gd name="connsiteY121" fmla="*/ 8287 h 10000"/>
                  <a:gd name="connsiteX122" fmla="*/ 6323 w 10000"/>
                  <a:gd name="connsiteY122" fmla="*/ 8449 h 10000"/>
                  <a:gd name="connsiteX123" fmla="*/ 6222 w 10000"/>
                  <a:gd name="connsiteY123" fmla="*/ 8597 h 10000"/>
                  <a:gd name="connsiteX124" fmla="*/ 6169 w 10000"/>
                  <a:gd name="connsiteY124" fmla="*/ 8656 h 10000"/>
                  <a:gd name="connsiteX125" fmla="*/ 6066 w 10000"/>
                  <a:gd name="connsiteY125" fmla="*/ 8700 h 10000"/>
                  <a:gd name="connsiteX126" fmla="*/ 5990 w 10000"/>
                  <a:gd name="connsiteY126" fmla="*/ 8744 h 10000"/>
                  <a:gd name="connsiteX127" fmla="*/ 5913 w 10000"/>
                  <a:gd name="connsiteY127" fmla="*/ 8774 h 10000"/>
                  <a:gd name="connsiteX128" fmla="*/ 5835 w 10000"/>
                  <a:gd name="connsiteY128" fmla="*/ 8804 h 10000"/>
                  <a:gd name="connsiteX129" fmla="*/ 5733 w 10000"/>
                  <a:gd name="connsiteY129" fmla="*/ 8818 h 10000"/>
                  <a:gd name="connsiteX130" fmla="*/ 5603 w 10000"/>
                  <a:gd name="connsiteY130" fmla="*/ 8833 h 10000"/>
                  <a:gd name="connsiteX131" fmla="*/ 5476 w 10000"/>
                  <a:gd name="connsiteY131" fmla="*/ 8833 h 10000"/>
                  <a:gd name="connsiteX132" fmla="*/ 5168 w 10000"/>
                  <a:gd name="connsiteY132" fmla="*/ 8818 h 10000"/>
                  <a:gd name="connsiteX133" fmla="*/ 4781 w 10000"/>
                  <a:gd name="connsiteY133" fmla="*/ 8744 h 10000"/>
                  <a:gd name="connsiteX134" fmla="*/ 4781 w 10000"/>
                  <a:gd name="connsiteY134" fmla="*/ 8922 h 10000"/>
                  <a:gd name="connsiteX135" fmla="*/ 4755 w 10000"/>
                  <a:gd name="connsiteY135" fmla="*/ 9069 h 10000"/>
                  <a:gd name="connsiteX136" fmla="*/ 4731 w 10000"/>
                  <a:gd name="connsiteY136" fmla="*/ 9232 h 10000"/>
                  <a:gd name="connsiteX137" fmla="*/ 4704 w 10000"/>
                  <a:gd name="connsiteY137" fmla="*/ 9365 h 10000"/>
                  <a:gd name="connsiteX138" fmla="*/ 4652 w 10000"/>
                  <a:gd name="connsiteY138" fmla="*/ 9498 h 10000"/>
                  <a:gd name="connsiteX139" fmla="*/ 4551 w 10000"/>
                  <a:gd name="connsiteY139" fmla="*/ 9616 h 10000"/>
                  <a:gd name="connsiteX140" fmla="*/ 4473 w 10000"/>
                  <a:gd name="connsiteY140" fmla="*/ 9734 h 10000"/>
                  <a:gd name="connsiteX141" fmla="*/ 4344 w 10000"/>
                  <a:gd name="connsiteY141" fmla="*/ 9838 h 10000"/>
                  <a:gd name="connsiteX142" fmla="*/ 4034 w 10000"/>
                  <a:gd name="connsiteY142" fmla="*/ 9897 h 10000"/>
                  <a:gd name="connsiteX143" fmla="*/ 3779 w 10000"/>
                  <a:gd name="connsiteY143" fmla="*/ 9941 h 10000"/>
                  <a:gd name="connsiteX144" fmla="*/ 3470 w 10000"/>
                  <a:gd name="connsiteY144" fmla="*/ 9985 h 10000"/>
                  <a:gd name="connsiteX145" fmla="*/ 3239 w 10000"/>
                  <a:gd name="connsiteY145" fmla="*/ 10000 h 10000"/>
                  <a:gd name="connsiteX146" fmla="*/ 2725 w 10000"/>
                  <a:gd name="connsiteY146" fmla="*/ 10000 h 10000"/>
                  <a:gd name="connsiteX147" fmla="*/ 2236 w 10000"/>
                  <a:gd name="connsiteY147" fmla="*/ 9985 h 10000"/>
                  <a:gd name="connsiteX148" fmla="*/ 1775 w 10000"/>
                  <a:gd name="connsiteY148" fmla="*/ 9941 h 10000"/>
                  <a:gd name="connsiteX149" fmla="*/ 1286 w 10000"/>
                  <a:gd name="connsiteY149" fmla="*/ 9911 h 10000"/>
                  <a:gd name="connsiteX150" fmla="*/ 1003 w 10000"/>
                  <a:gd name="connsiteY150" fmla="*/ 9911 h 10000"/>
                  <a:gd name="connsiteX151" fmla="*/ 745 w 10000"/>
                  <a:gd name="connsiteY151" fmla="*/ 9911 h 10000"/>
                  <a:gd name="connsiteX152" fmla="*/ 463 w 10000"/>
                  <a:gd name="connsiteY152" fmla="*/ 9926 h 10000"/>
                  <a:gd name="connsiteX153" fmla="*/ 180 w 10000"/>
                  <a:gd name="connsiteY153" fmla="*/ 9970 h 10000"/>
                  <a:gd name="connsiteX154" fmla="*/ 103 w 10000"/>
                  <a:gd name="connsiteY154" fmla="*/ 9867 h 10000"/>
                  <a:gd name="connsiteX155" fmla="*/ 52 w 10000"/>
                  <a:gd name="connsiteY155" fmla="*/ 9793 h 10000"/>
                  <a:gd name="connsiteX156" fmla="*/ 0 w 10000"/>
                  <a:gd name="connsiteY156" fmla="*/ 9705 h 10000"/>
                  <a:gd name="connsiteX157" fmla="*/ 0 w 10000"/>
                  <a:gd name="connsiteY157" fmla="*/ 9601 h 10000"/>
                  <a:gd name="connsiteX158" fmla="*/ 52 w 10000"/>
                  <a:gd name="connsiteY158" fmla="*/ 9424 h 10000"/>
                  <a:gd name="connsiteX159" fmla="*/ 103 w 10000"/>
                  <a:gd name="connsiteY159" fmla="*/ 9202 h 10000"/>
                  <a:gd name="connsiteX160" fmla="*/ 153 w 10000"/>
                  <a:gd name="connsiteY160" fmla="*/ 8996 h 10000"/>
                  <a:gd name="connsiteX161" fmla="*/ 206 w 10000"/>
                  <a:gd name="connsiteY161" fmla="*/ 8759 h 10000"/>
                  <a:gd name="connsiteX162" fmla="*/ 231 w 10000"/>
                  <a:gd name="connsiteY162" fmla="*/ 8641 h 10000"/>
                  <a:gd name="connsiteX163" fmla="*/ 231 w 10000"/>
                  <a:gd name="connsiteY163" fmla="*/ 8538 h 10000"/>
                  <a:gd name="connsiteX164" fmla="*/ 206 w 10000"/>
                  <a:gd name="connsiteY164" fmla="*/ 8405 h 10000"/>
                  <a:gd name="connsiteX165" fmla="*/ 180 w 10000"/>
                  <a:gd name="connsiteY165" fmla="*/ 8287 h 10000"/>
                  <a:gd name="connsiteX166" fmla="*/ 437 w 10000"/>
                  <a:gd name="connsiteY166" fmla="*/ 8213 h 10000"/>
                  <a:gd name="connsiteX167" fmla="*/ 694 w 10000"/>
                  <a:gd name="connsiteY167" fmla="*/ 8139 h 10000"/>
                  <a:gd name="connsiteX168" fmla="*/ 951 w 10000"/>
                  <a:gd name="connsiteY168" fmla="*/ 8095 h 10000"/>
                  <a:gd name="connsiteX169" fmla="*/ 1234 w 10000"/>
                  <a:gd name="connsiteY169" fmla="*/ 8065 h 10000"/>
                  <a:gd name="connsiteX170" fmla="*/ 1747 w 10000"/>
                  <a:gd name="connsiteY170" fmla="*/ 8021 h 10000"/>
                  <a:gd name="connsiteX171" fmla="*/ 2263 w 10000"/>
                  <a:gd name="connsiteY171" fmla="*/ 7976 h 10000"/>
                  <a:gd name="connsiteX172" fmla="*/ 2494 w 10000"/>
                  <a:gd name="connsiteY172" fmla="*/ 7947 h 10000"/>
                  <a:gd name="connsiteX173" fmla="*/ 2725 w 10000"/>
                  <a:gd name="connsiteY173" fmla="*/ 7917 h 10000"/>
                  <a:gd name="connsiteX174" fmla="*/ 2929 w 10000"/>
                  <a:gd name="connsiteY174" fmla="*/ 7843 h 10000"/>
                  <a:gd name="connsiteX175" fmla="*/ 3136 w 10000"/>
                  <a:gd name="connsiteY175" fmla="*/ 7784 h 10000"/>
                  <a:gd name="connsiteX176" fmla="*/ 3316 w 10000"/>
                  <a:gd name="connsiteY176" fmla="*/ 7710 h 10000"/>
                  <a:gd name="connsiteX177" fmla="*/ 3470 w 10000"/>
                  <a:gd name="connsiteY177" fmla="*/ 7592 h 10000"/>
                  <a:gd name="connsiteX178" fmla="*/ 3625 w 10000"/>
                  <a:gd name="connsiteY178" fmla="*/ 7474 h 10000"/>
                  <a:gd name="connsiteX179" fmla="*/ 3727 w 10000"/>
                  <a:gd name="connsiteY179" fmla="*/ 7312 h 10000"/>
                  <a:gd name="connsiteX180" fmla="*/ 3522 w 10000"/>
                  <a:gd name="connsiteY180" fmla="*/ 7238 h 10000"/>
                  <a:gd name="connsiteX181" fmla="*/ 3341 w 10000"/>
                  <a:gd name="connsiteY181" fmla="*/ 7179 h 10000"/>
                  <a:gd name="connsiteX182" fmla="*/ 3187 w 10000"/>
                  <a:gd name="connsiteY182" fmla="*/ 7090 h 10000"/>
                  <a:gd name="connsiteX183" fmla="*/ 3034 w 10000"/>
                  <a:gd name="connsiteY183" fmla="*/ 6987 h 10000"/>
                  <a:gd name="connsiteX184" fmla="*/ 2929 w 10000"/>
                  <a:gd name="connsiteY184" fmla="*/ 6869 h 10000"/>
                  <a:gd name="connsiteX185" fmla="*/ 2880 w 10000"/>
                  <a:gd name="connsiteY185" fmla="*/ 6721 h 10000"/>
                  <a:gd name="connsiteX186" fmla="*/ 2853 w 10000"/>
                  <a:gd name="connsiteY186" fmla="*/ 6558 h 10000"/>
                  <a:gd name="connsiteX187" fmla="*/ 2880 w 10000"/>
                  <a:gd name="connsiteY187" fmla="*/ 6352 h 10000"/>
                  <a:gd name="connsiteX188" fmla="*/ 2751 w 10000"/>
                  <a:gd name="connsiteY188" fmla="*/ 6322 h 10000"/>
                  <a:gd name="connsiteX189" fmla="*/ 2597 w 10000"/>
                  <a:gd name="connsiteY189" fmla="*/ 6292 h 10000"/>
                  <a:gd name="connsiteX190" fmla="*/ 2417 w 10000"/>
                  <a:gd name="connsiteY190" fmla="*/ 6278 h 10000"/>
                  <a:gd name="connsiteX191" fmla="*/ 2236 w 10000"/>
                  <a:gd name="connsiteY191" fmla="*/ 6263 h 10000"/>
                  <a:gd name="connsiteX192" fmla="*/ 1877 w 10000"/>
                  <a:gd name="connsiteY192" fmla="*/ 6248 h 10000"/>
                  <a:gd name="connsiteX193" fmla="*/ 1491 w 10000"/>
                  <a:gd name="connsiteY193" fmla="*/ 6263 h 10000"/>
                  <a:gd name="connsiteX194" fmla="*/ 1158 w 10000"/>
                  <a:gd name="connsiteY194" fmla="*/ 6278 h 10000"/>
                  <a:gd name="connsiteX195" fmla="*/ 848 w 10000"/>
                  <a:gd name="connsiteY195" fmla="*/ 6278 h 10000"/>
                  <a:gd name="connsiteX196" fmla="*/ 593 w 10000"/>
                  <a:gd name="connsiteY196" fmla="*/ 6263 h 10000"/>
                  <a:gd name="connsiteX197" fmla="*/ 386 w 10000"/>
                  <a:gd name="connsiteY197" fmla="*/ 6233 h 10000"/>
                  <a:gd name="connsiteX198" fmla="*/ 641 w 10000"/>
                  <a:gd name="connsiteY198" fmla="*/ 5805 h 10000"/>
                  <a:gd name="connsiteX199" fmla="*/ 926 w 10000"/>
                  <a:gd name="connsiteY199" fmla="*/ 5391 h 10000"/>
                  <a:gd name="connsiteX200" fmla="*/ 1029 w 10000"/>
                  <a:gd name="connsiteY200" fmla="*/ 5170 h 10000"/>
                  <a:gd name="connsiteX201" fmla="*/ 1105 w 10000"/>
                  <a:gd name="connsiteY201" fmla="*/ 4963 h 10000"/>
                  <a:gd name="connsiteX202" fmla="*/ 1130 w 10000"/>
                  <a:gd name="connsiteY202" fmla="*/ 4860 h 10000"/>
                  <a:gd name="connsiteX203" fmla="*/ 1105 w 10000"/>
                  <a:gd name="connsiteY203" fmla="*/ 4756 h 10000"/>
                  <a:gd name="connsiteX204" fmla="*/ 1080 w 10000"/>
                  <a:gd name="connsiteY204" fmla="*/ 4653 h 10000"/>
                  <a:gd name="connsiteX205" fmla="*/ 1003 w 10000"/>
                  <a:gd name="connsiteY205" fmla="*/ 4549 h 10000"/>
                  <a:gd name="connsiteX206" fmla="*/ 1286 w 10000"/>
                  <a:gd name="connsiteY206" fmla="*/ 4520 h 10000"/>
                  <a:gd name="connsiteX207" fmla="*/ 1491 w 10000"/>
                  <a:gd name="connsiteY207" fmla="*/ 4505 h 10000"/>
                  <a:gd name="connsiteX208" fmla="*/ 1671 w 10000"/>
                  <a:gd name="connsiteY208" fmla="*/ 4505 h 10000"/>
                  <a:gd name="connsiteX209" fmla="*/ 1825 w 10000"/>
                  <a:gd name="connsiteY209" fmla="*/ 4520 h 10000"/>
                  <a:gd name="connsiteX210" fmla="*/ 1954 w 10000"/>
                  <a:gd name="connsiteY210" fmla="*/ 4520 h 10000"/>
                  <a:gd name="connsiteX211" fmla="*/ 2108 w 10000"/>
                  <a:gd name="connsiteY211" fmla="*/ 4520 h 10000"/>
                  <a:gd name="connsiteX212" fmla="*/ 2263 w 10000"/>
                  <a:gd name="connsiteY212" fmla="*/ 4490 h 10000"/>
                  <a:gd name="connsiteX213" fmla="*/ 2467 w 10000"/>
                  <a:gd name="connsiteY213" fmla="*/ 4446 h 10000"/>
                  <a:gd name="connsiteX214" fmla="*/ 2467 w 10000"/>
                  <a:gd name="connsiteY214" fmla="*/ 4579 h 10000"/>
                  <a:gd name="connsiteX215" fmla="*/ 2467 w 10000"/>
                  <a:gd name="connsiteY215" fmla="*/ 4742 h 10000"/>
                  <a:gd name="connsiteX216" fmla="*/ 2467 w 10000"/>
                  <a:gd name="connsiteY216" fmla="*/ 4874 h 10000"/>
                  <a:gd name="connsiteX217" fmla="*/ 2467 w 10000"/>
                  <a:gd name="connsiteY217" fmla="*/ 5037 h 10000"/>
                  <a:gd name="connsiteX218" fmla="*/ 2699 w 10000"/>
                  <a:gd name="connsiteY218" fmla="*/ 5022 h 10000"/>
                  <a:gd name="connsiteX219" fmla="*/ 2853 w 10000"/>
                  <a:gd name="connsiteY219" fmla="*/ 5037 h 10000"/>
                  <a:gd name="connsiteX220" fmla="*/ 2982 w 10000"/>
                  <a:gd name="connsiteY220" fmla="*/ 5066 h 10000"/>
                  <a:gd name="connsiteX221" fmla="*/ 3111 w 10000"/>
                  <a:gd name="connsiteY221" fmla="*/ 5096 h 10000"/>
                  <a:gd name="connsiteX222" fmla="*/ 3214 w 10000"/>
                  <a:gd name="connsiteY222" fmla="*/ 5126 h 10000"/>
                  <a:gd name="connsiteX223" fmla="*/ 3341 w 10000"/>
                  <a:gd name="connsiteY223" fmla="*/ 5155 h 10000"/>
                  <a:gd name="connsiteX224" fmla="*/ 3496 w 10000"/>
                  <a:gd name="connsiteY224" fmla="*/ 5170 h 10000"/>
                  <a:gd name="connsiteX225" fmla="*/ 3727 w 10000"/>
                  <a:gd name="connsiteY225" fmla="*/ 5155 h 10000"/>
                  <a:gd name="connsiteX226" fmla="*/ 3805 w 10000"/>
                  <a:gd name="connsiteY226" fmla="*/ 5096 h 10000"/>
                  <a:gd name="connsiteX227" fmla="*/ 3881 w 10000"/>
                  <a:gd name="connsiteY227" fmla="*/ 5022 h 10000"/>
                  <a:gd name="connsiteX228" fmla="*/ 3907 w 10000"/>
                  <a:gd name="connsiteY228" fmla="*/ 4934 h 10000"/>
                  <a:gd name="connsiteX229" fmla="*/ 3934 w 10000"/>
                  <a:gd name="connsiteY229" fmla="*/ 4860 h 10000"/>
                  <a:gd name="connsiteX230" fmla="*/ 3958 w 10000"/>
                  <a:gd name="connsiteY230" fmla="*/ 4697 h 10000"/>
                  <a:gd name="connsiteX231" fmla="*/ 3934 w 10000"/>
                  <a:gd name="connsiteY231" fmla="*/ 4520 h 10000"/>
                  <a:gd name="connsiteX232" fmla="*/ 3856 w 10000"/>
                  <a:gd name="connsiteY232" fmla="*/ 4343 h 10000"/>
                  <a:gd name="connsiteX233" fmla="*/ 3779 w 10000"/>
                  <a:gd name="connsiteY233" fmla="*/ 4195 h 10000"/>
                  <a:gd name="connsiteX234" fmla="*/ 3650 w 10000"/>
                  <a:gd name="connsiteY234" fmla="*/ 4047 h 10000"/>
                  <a:gd name="connsiteX235" fmla="*/ 3522 w 10000"/>
                  <a:gd name="connsiteY235" fmla="*/ 3959 h 10000"/>
                  <a:gd name="connsiteX236" fmla="*/ 3676 w 10000"/>
                  <a:gd name="connsiteY236" fmla="*/ 3944 h 10000"/>
                  <a:gd name="connsiteX237" fmla="*/ 3805 w 10000"/>
                  <a:gd name="connsiteY237" fmla="*/ 3914 h 10000"/>
                  <a:gd name="connsiteX238" fmla="*/ 3907 w 10000"/>
                  <a:gd name="connsiteY238" fmla="*/ 3855 h 10000"/>
                  <a:gd name="connsiteX239" fmla="*/ 4034 w 10000"/>
                  <a:gd name="connsiteY239" fmla="*/ 3752 h 10000"/>
                  <a:gd name="connsiteX240" fmla="*/ 4164 w 10000"/>
                  <a:gd name="connsiteY240" fmla="*/ 3663 h 10000"/>
                  <a:gd name="connsiteX241" fmla="*/ 4267 w 10000"/>
                  <a:gd name="connsiteY241" fmla="*/ 3560 h 10000"/>
                  <a:gd name="connsiteX242" fmla="*/ 4344 w 10000"/>
                  <a:gd name="connsiteY242" fmla="*/ 3442 h 10000"/>
                  <a:gd name="connsiteX243" fmla="*/ 4422 w 10000"/>
                  <a:gd name="connsiteY243" fmla="*/ 3323 h 10000"/>
                  <a:gd name="connsiteX244" fmla="*/ 4473 w 10000"/>
                  <a:gd name="connsiteY244" fmla="*/ 3220 h 10000"/>
                  <a:gd name="connsiteX245" fmla="*/ 4498 w 10000"/>
                  <a:gd name="connsiteY245" fmla="*/ 3102 h 10000"/>
                  <a:gd name="connsiteX246" fmla="*/ 4525 w 10000"/>
                  <a:gd name="connsiteY246" fmla="*/ 3013 h 10000"/>
                  <a:gd name="connsiteX247" fmla="*/ 4498 w 10000"/>
                  <a:gd name="connsiteY247" fmla="*/ 2939 h 10000"/>
                  <a:gd name="connsiteX248" fmla="*/ 4473 w 10000"/>
                  <a:gd name="connsiteY248" fmla="*/ 2866 h 10000"/>
                  <a:gd name="connsiteX249" fmla="*/ 4396 w 10000"/>
                  <a:gd name="connsiteY249" fmla="*/ 2836 h 10000"/>
                  <a:gd name="connsiteX250" fmla="*/ 4294 w 10000"/>
                  <a:gd name="connsiteY250" fmla="*/ 2836 h 10000"/>
                  <a:gd name="connsiteX251" fmla="*/ 4164 w 10000"/>
                  <a:gd name="connsiteY251" fmla="*/ 2866 h 10000"/>
                  <a:gd name="connsiteX252" fmla="*/ 4267 w 10000"/>
                  <a:gd name="connsiteY252" fmla="*/ 2777 h 10000"/>
                  <a:gd name="connsiteX253" fmla="*/ 4320 w 10000"/>
                  <a:gd name="connsiteY253" fmla="*/ 2674 h 10000"/>
                  <a:gd name="connsiteX254" fmla="*/ 4344 w 10000"/>
                  <a:gd name="connsiteY254" fmla="*/ 2541 h 10000"/>
                  <a:gd name="connsiteX255" fmla="*/ 4344 w 10000"/>
                  <a:gd name="connsiteY255" fmla="*/ 2393 h 10000"/>
                  <a:gd name="connsiteX256" fmla="*/ 4369 w 10000"/>
                  <a:gd name="connsiteY256" fmla="*/ 2349 h 10000"/>
                  <a:gd name="connsiteX257" fmla="*/ 4422 w 10000"/>
                  <a:gd name="connsiteY257" fmla="*/ 2304 h 10000"/>
                  <a:gd name="connsiteX258" fmla="*/ 4473 w 10000"/>
                  <a:gd name="connsiteY258" fmla="*/ 2290 h 10000"/>
                  <a:gd name="connsiteX259" fmla="*/ 4551 w 10000"/>
                  <a:gd name="connsiteY259" fmla="*/ 2275 h 10000"/>
                  <a:gd name="connsiteX260" fmla="*/ 4781 w 10000"/>
                  <a:gd name="connsiteY260" fmla="*/ 2260 h 10000"/>
                  <a:gd name="connsiteX261" fmla="*/ 4986 w 10000"/>
                  <a:gd name="connsiteY261" fmla="*/ 2275 h 10000"/>
                  <a:gd name="connsiteX262" fmla="*/ 4961 w 10000"/>
                  <a:gd name="connsiteY262" fmla="*/ 2112 h 10000"/>
                  <a:gd name="connsiteX263" fmla="*/ 4910 w 10000"/>
                  <a:gd name="connsiteY263" fmla="*/ 1950 h 10000"/>
                  <a:gd name="connsiteX264" fmla="*/ 4832 w 10000"/>
                  <a:gd name="connsiteY264" fmla="*/ 1802 h 10000"/>
                  <a:gd name="connsiteX265" fmla="*/ 4731 w 10000"/>
                  <a:gd name="connsiteY265" fmla="*/ 1640 h 10000"/>
                  <a:gd name="connsiteX266" fmla="*/ 4473 w 10000"/>
                  <a:gd name="connsiteY266" fmla="*/ 1329 h 10000"/>
                  <a:gd name="connsiteX267" fmla="*/ 4216 w 10000"/>
                  <a:gd name="connsiteY267" fmla="*/ 1034 h 10000"/>
                  <a:gd name="connsiteX268" fmla="*/ 4087 w 10000"/>
                  <a:gd name="connsiteY268" fmla="*/ 901 h 10000"/>
                  <a:gd name="connsiteX269" fmla="*/ 3986 w 10000"/>
                  <a:gd name="connsiteY269" fmla="*/ 753 h 10000"/>
                  <a:gd name="connsiteX270" fmla="*/ 3907 w 10000"/>
                  <a:gd name="connsiteY270" fmla="*/ 620 h 10000"/>
                  <a:gd name="connsiteX271" fmla="*/ 3881 w 10000"/>
                  <a:gd name="connsiteY271" fmla="*/ 487 h 10000"/>
                  <a:gd name="connsiteX272" fmla="*/ 3856 w 10000"/>
                  <a:gd name="connsiteY272" fmla="*/ 355 h 10000"/>
                  <a:gd name="connsiteX273" fmla="*/ 3907 w 10000"/>
                  <a:gd name="connsiteY273" fmla="*/ 222 h 10000"/>
                  <a:gd name="connsiteX274" fmla="*/ 3934 w 10000"/>
                  <a:gd name="connsiteY274" fmla="*/ 162 h 10000"/>
                  <a:gd name="connsiteX275" fmla="*/ 3986 w 10000"/>
                  <a:gd name="connsiteY275" fmla="*/ 103 h 10000"/>
                  <a:gd name="connsiteX276" fmla="*/ 4063 w 10000"/>
                  <a:gd name="connsiteY276" fmla="*/ 59 h 10000"/>
                  <a:gd name="connsiteX277" fmla="*/ 4164 w 10000"/>
                  <a:gd name="connsiteY277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7301 w 10000"/>
                  <a:gd name="connsiteY67" fmla="*/ 3959 h 10000"/>
                  <a:gd name="connsiteX68" fmla="*/ 7841 w 10000"/>
                  <a:gd name="connsiteY68" fmla="*/ 3811 h 10000"/>
                  <a:gd name="connsiteX69" fmla="*/ 8379 w 10000"/>
                  <a:gd name="connsiteY69" fmla="*/ 3663 h 10000"/>
                  <a:gd name="connsiteX70" fmla="*/ 8895 w 10000"/>
                  <a:gd name="connsiteY70" fmla="*/ 3516 h 10000"/>
                  <a:gd name="connsiteX71" fmla="*/ 9100 w 10000"/>
                  <a:gd name="connsiteY71" fmla="*/ 3412 h 10000"/>
                  <a:gd name="connsiteX72" fmla="*/ 9306 w 10000"/>
                  <a:gd name="connsiteY72" fmla="*/ 3338 h 10000"/>
                  <a:gd name="connsiteX73" fmla="*/ 9435 w 10000"/>
                  <a:gd name="connsiteY73" fmla="*/ 3235 h 10000"/>
                  <a:gd name="connsiteX74" fmla="*/ 9536 w 10000"/>
                  <a:gd name="connsiteY74" fmla="*/ 3117 h 10000"/>
                  <a:gd name="connsiteX75" fmla="*/ 9563 w 10000"/>
                  <a:gd name="connsiteY75" fmla="*/ 3072 h 10000"/>
                  <a:gd name="connsiteX76" fmla="*/ 9588 w 10000"/>
                  <a:gd name="connsiteY76" fmla="*/ 3013 h 10000"/>
                  <a:gd name="connsiteX77" fmla="*/ 9588 w 10000"/>
                  <a:gd name="connsiteY77" fmla="*/ 2954 h 10000"/>
                  <a:gd name="connsiteX78" fmla="*/ 9563 w 10000"/>
                  <a:gd name="connsiteY78" fmla="*/ 2866 h 10000"/>
                  <a:gd name="connsiteX79" fmla="*/ 9383 w 10000"/>
                  <a:gd name="connsiteY79" fmla="*/ 2984 h 10000"/>
                  <a:gd name="connsiteX80" fmla="*/ 9178 w 10000"/>
                  <a:gd name="connsiteY80" fmla="*/ 3072 h 10000"/>
                  <a:gd name="connsiteX81" fmla="*/ 8971 w 10000"/>
                  <a:gd name="connsiteY81" fmla="*/ 3161 h 10000"/>
                  <a:gd name="connsiteX82" fmla="*/ 8766 w 10000"/>
                  <a:gd name="connsiteY82" fmla="*/ 3250 h 10000"/>
                  <a:gd name="connsiteX83" fmla="*/ 8302 w 10000"/>
                  <a:gd name="connsiteY83" fmla="*/ 3397 h 10000"/>
                  <a:gd name="connsiteX84" fmla="*/ 7815 w 10000"/>
                  <a:gd name="connsiteY84" fmla="*/ 3545 h 10000"/>
                  <a:gd name="connsiteX85" fmla="*/ 7327 w 10000"/>
                  <a:gd name="connsiteY85" fmla="*/ 3678 h 10000"/>
                  <a:gd name="connsiteX86" fmla="*/ 6863 w 10000"/>
                  <a:gd name="connsiteY86" fmla="*/ 3840 h 10000"/>
                  <a:gd name="connsiteX87" fmla="*/ 6632 w 10000"/>
                  <a:gd name="connsiteY87" fmla="*/ 3914 h 10000"/>
                  <a:gd name="connsiteX88" fmla="*/ 6427 w 10000"/>
                  <a:gd name="connsiteY88" fmla="*/ 4003 h 10000"/>
                  <a:gd name="connsiteX89" fmla="*/ 6222 w 10000"/>
                  <a:gd name="connsiteY89" fmla="*/ 4106 h 10000"/>
                  <a:gd name="connsiteX90" fmla="*/ 6014 w 10000"/>
                  <a:gd name="connsiteY90" fmla="*/ 4195 h 10000"/>
                  <a:gd name="connsiteX91" fmla="*/ 6169 w 10000"/>
                  <a:gd name="connsiteY91" fmla="*/ 4417 h 10000"/>
                  <a:gd name="connsiteX92" fmla="*/ 6273 w 10000"/>
                  <a:gd name="connsiteY92" fmla="*/ 4623 h 10000"/>
                  <a:gd name="connsiteX93" fmla="*/ 6375 w 10000"/>
                  <a:gd name="connsiteY93" fmla="*/ 4845 h 10000"/>
                  <a:gd name="connsiteX94" fmla="*/ 6451 w 10000"/>
                  <a:gd name="connsiteY94" fmla="*/ 5081 h 10000"/>
                  <a:gd name="connsiteX95" fmla="*/ 6504 w 10000"/>
                  <a:gd name="connsiteY95" fmla="*/ 5318 h 10000"/>
                  <a:gd name="connsiteX96" fmla="*/ 6530 w 10000"/>
                  <a:gd name="connsiteY96" fmla="*/ 5539 h 10000"/>
                  <a:gd name="connsiteX97" fmla="*/ 6554 w 10000"/>
                  <a:gd name="connsiteY97" fmla="*/ 5775 h 10000"/>
                  <a:gd name="connsiteX98" fmla="*/ 6554 w 10000"/>
                  <a:gd name="connsiteY98" fmla="*/ 5997 h 10000"/>
                  <a:gd name="connsiteX99" fmla="*/ 6530 w 10000"/>
                  <a:gd name="connsiteY99" fmla="*/ 6233 h 10000"/>
                  <a:gd name="connsiteX100" fmla="*/ 6478 w 10000"/>
                  <a:gd name="connsiteY100" fmla="*/ 6470 h 10000"/>
                  <a:gd name="connsiteX101" fmla="*/ 6427 w 10000"/>
                  <a:gd name="connsiteY101" fmla="*/ 6677 h 10000"/>
                  <a:gd name="connsiteX102" fmla="*/ 6350 w 10000"/>
                  <a:gd name="connsiteY102" fmla="*/ 6898 h 10000"/>
                  <a:gd name="connsiteX103" fmla="*/ 6247 w 10000"/>
                  <a:gd name="connsiteY103" fmla="*/ 7105 h 10000"/>
                  <a:gd name="connsiteX104" fmla="*/ 6119 w 10000"/>
                  <a:gd name="connsiteY104" fmla="*/ 7297 h 10000"/>
                  <a:gd name="connsiteX105" fmla="*/ 5964 w 10000"/>
                  <a:gd name="connsiteY105" fmla="*/ 7489 h 10000"/>
                  <a:gd name="connsiteX106" fmla="*/ 5809 w 10000"/>
                  <a:gd name="connsiteY106" fmla="*/ 7681 h 10000"/>
                  <a:gd name="connsiteX107" fmla="*/ 6554 w 10000"/>
                  <a:gd name="connsiteY107" fmla="*/ 7799 h 10000"/>
                  <a:gd name="connsiteX108" fmla="*/ 7327 w 10000"/>
                  <a:gd name="connsiteY108" fmla="*/ 7962 h 10000"/>
                  <a:gd name="connsiteX109" fmla="*/ 7480 w 10000"/>
                  <a:gd name="connsiteY109" fmla="*/ 8021 h 10000"/>
                  <a:gd name="connsiteX110" fmla="*/ 7609 w 10000"/>
                  <a:gd name="connsiteY110" fmla="*/ 8080 h 10000"/>
                  <a:gd name="connsiteX111" fmla="*/ 7737 w 10000"/>
                  <a:gd name="connsiteY111" fmla="*/ 8139 h 10000"/>
                  <a:gd name="connsiteX112" fmla="*/ 7815 w 10000"/>
                  <a:gd name="connsiteY112" fmla="*/ 8227 h 10000"/>
                  <a:gd name="connsiteX113" fmla="*/ 7841 w 10000"/>
                  <a:gd name="connsiteY113" fmla="*/ 8301 h 10000"/>
                  <a:gd name="connsiteX114" fmla="*/ 7841 w 10000"/>
                  <a:gd name="connsiteY114" fmla="*/ 8405 h 10000"/>
                  <a:gd name="connsiteX115" fmla="*/ 7790 w 10000"/>
                  <a:gd name="connsiteY115" fmla="*/ 8523 h 10000"/>
                  <a:gd name="connsiteX116" fmla="*/ 7712 w 10000"/>
                  <a:gd name="connsiteY116" fmla="*/ 8641 h 10000"/>
                  <a:gd name="connsiteX117" fmla="*/ 7378 w 10000"/>
                  <a:gd name="connsiteY117" fmla="*/ 8552 h 10000"/>
                  <a:gd name="connsiteX118" fmla="*/ 7069 w 10000"/>
                  <a:gd name="connsiteY118" fmla="*/ 8449 h 10000"/>
                  <a:gd name="connsiteX119" fmla="*/ 6760 w 10000"/>
                  <a:gd name="connsiteY119" fmla="*/ 8360 h 10000"/>
                  <a:gd name="connsiteX120" fmla="*/ 6451 w 10000"/>
                  <a:gd name="connsiteY120" fmla="*/ 8287 h 10000"/>
                  <a:gd name="connsiteX121" fmla="*/ 6323 w 10000"/>
                  <a:gd name="connsiteY121" fmla="*/ 8449 h 10000"/>
                  <a:gd name="connsiteX122" fmla="*/ 6222 w 10000"/>
                  <a:gd name="connsiteY122" fmla="*/ 8597 h 10000"/>
                  <a:gd name="connsiteX123" fmla="*/ 6169 w 10000"/>
                  <a:gd name="connsiteY123" fmla="*/ 8656 h 10000"/>
                  <a:gd name="connsiteX124" fmla="*/ 6066 w 10000"/>
                  <a:gd name="connsiteY124" fmla="*/ 8700 h 10000"/>
                  <a:gd name="connsiteX125" fmla="*/ 5990 w 10000"/>
                  <a:gd name="connsiteY125" fmla="*/ 8744 h 10000"/>
                  <a:gd name="connsiteX126" fmla="*/ 5913 w 10000"/>
                  <a:gd name="connsiteY126" fmla="*/ 8774 h 10000"/>
                  <a:gd name="connsiteX127" fmla="*/ 5835 w 10000"/>
                  <a:gd name="connsiteY127" fmla="*/ 8804 h 10000"/>
                  <a:gd name="connsiteX128" fmla="*/ 5733 w 10000"/>
                  <a:gd name="connsiteY128" fmla="*/ 8818 h 10000"/>
                  <a:gd name="connsiteX129" fmla="*/ 5603 w 10000"/>
                  <a:gd name="connsiteY129" fmla="*/ 8833 h 10000"/>
                  <a:gd name="connsiteX130" fmla="*/ 5476 w 10000"/>
                  <a:gd name="connsiteY130" fmla="*/ 8833 h 10000"/>
                  <a:gd name="connsiteX131" fmla="*/ 5168 w 10000"/>
                  <a:gd name="connsiteY131" fmla="*/ 8818 h 10000"/>
                  <a:gd name="connsiteX132" fmla="*/ 4781 w 10000"/>
                  <a:gd name="connsiteY132" fmla="*/ 8744 h 10000"/>
                  <a:gd name="connsiteX133" fmla="*/ 4781 w 10000"/>
                  <a:gd name="connsiteY133" fmla="*/ 8922 h 10000"/>
                  <a:gd name="connsiteX134" fmla="*/ 4755 w 10000"/>
                  <a:gd name="connsiteY134" fmla="*/ 9069 h 10000"/>
                  <a:gd name="connsiteX135" fmla="*/ 4731 w 10000"/>
                  <a:gd name="connsiteY135" fmla="*/ 9232 h 10000"/>
                  <a:gd name="connsiteX136" fmla="*/ 4704 w 10000"/>
                  <a:gd name="connsiteY136" fmla="*/ 9365 h 10000"/>
                  <a:gd name="connsiteX137" fmla="*/ 4652 w 10000"/>
                  <a:gd name="connsiteY137" fmla="*/ 9498 h 10000"/>
                  <a:gd name="connsiteX138" fmla="*/ 4551 w 10000"/>
                  <a:gd name="connsiteY138" fmla="*/ 9616 h 10000"/>
                  <a:gd name="connsiteX139" fmla="*/ 4473 w 10000"/>
                  <a:gd name="connsiteY139" fmla="*/ 9734 h 10000"/>
                  <a:gd name="connsiteX140" fmla="*/ 4344 w 10000"/>
                  <a:gd name="connsiteY140" fmla="*/ 9838 h 10000"/>
                  <a:gd name="connsiteX141" fmla="*/ 4034 w 10000"/>
                  <a:gd name="connsiteY141" fmla="*/ 9897 h 10000"/>
                  <a:gd name="connsiteX142" fmla="*/ 3779 w 10000"/>
                  <a:gd name="connsiteY142" fmla="*/ 9941 h 10000"/>
                  <a:gd name="connsiteX143" fmla="*/ 3470 w 10000"/>
                  <a:gd name="connsiteY143" fmla="*/ 9985 h 10000"/>
                  <a:gd name="connsiteX144" fmla="*/ 3239 w 10000"/>
                  <a:gd name="connsiteY144" fmla="*/ 10000 h 10000"/>
                  <a:gd name="connsiteX145" fmla="*/ 2725 w 10000"/>
                  <a:gd name="connsiteY145" fmla="*/ 10000 h 10000"/>
                  <a:gd name="connsiteX146" fmla="*/ 2236 w 10000"/>
                  <a:gd name="connsiteY146" fmla="*/ 9985 h 10000"/>
                  <a:gd name="connsiteX147" fmla="*/ 1775 w 10000"/>
                  <a:gd name="connsiteY147" fmla="*/ 9941 h 10000"/>
                  <a:gd name="connsiteX148" fmla="*/ 1286 w 10000"/>
                  <a:gd name="connsiteY148" fmla="*/ 9911 h 10000"/>
                  <a:gd name="connsiteX149" fmla="*/ 1003 w 10000"/>
                  <a:gd name="connsiteY149" fmla="*/ 9911 h 10000"/>
                  <a:gd name="connsiteX150" fmla="*/ 745 w 10000"/>
                  <a:gd name="connsiteY150" fmla="*/ 9911 h 10000"/>
                  <a:gd name="connsiteX151" fmla="*/ 463 w 10000"/>
                  <a:gd name="connsiteY151" fmla="*/ 9926 h 10000"/>
                  <a:gd name="connsiteX152" fmla="*/ 180 w 10000"/>
                  <a:gd name="connsiteY152" fmla="*/ 9970 h 10000"/>
                  <a:gd name="connsiteX153" fmla="*/ 103 w 10000"/>
                  <a:gd name="connsiteY153" fmla="*/ 9867 h 10000"/>
                  <a:gd name="connsiteX154" fmla="*/ 52 w 10000"/>
                  <a:gd name="connsiteY154" fmla="*/ 9793 h 10000"/>
                  <a:gd name="connsiteX155" fmla="*/ 0 w 10000"/>
                  <a:gd name="connsiteY155" fmla="*/ 9705 h 10000"/>
                  <a:gd name="connsiteX156" fmla="*/ 0 w 10000"/>
                  <a:gd name="connsiteY156" fmla="*/ 9601 h 10000"/>
                  <a:gd name="connsiteX157" fmla="*/ 52 w 10000"/>
                  <a:gd name="connsiteY157" fmla="*/ 9424 h 10000"/>
                  <a:gd name="connsiteX158" fmla="*/ 103 w 10000"/>
                  <a:gd name="connsiteY158" fmla="*/ 9202 h 10000"/>
                  <a:gd name="connsiteX159" fmla="*/ 153 w 10000"/>
                  <a:gd name="connsiteY159" fmla="*/ 8996 h 10000"/>
                  <a:gd name="connsiteX160" fmla="*/ 206 w 10000"/>
                  <a:gd name="connsiteY160" fmla="*/ 8759 h 10000"/>
                  <a:gd name="connsiteX161" fmla="*/ 231 w 10000"/>
                  <a:gd name="connsiteY161" fmla="*/ 8641 h 10000"/>
                  <a:gd name="connsiteX162" fmla="*/ 231 w 10000"/>
                  <a:gd name="connsiteY162" fmla="*/ 8538 h 10000"/>
                  <a:gd name="connsiteX163" fmla="*/ 206 w 10000"/>
                  <a:gd name="connsiteY163" fmla="*/ 8405 h 10000"/>
                  <a:gd name="connsiteX164" fmla="*/ 180 w 10000"/>
                  <a:gd name="connsiteY164" fmla="*/ 8287 h 10000"/>
                  <a:gd name="connsiteX165" fmla="*/ 437 w 10000"/>
                  <a:gd name="connsiteY165" fmla="*/ 8213 h 10000"/>
                  <a:gd name="connsiteX166" fmla="*/ 694 w 10000"/>
                  <a:gd name="connsiteY166" fmla="*/ 8139 h 10000"/>
                  <a:gd name="connsiteX167" fmla="*/ 951 w 10000"/>
                  <a:gd name="connsiteY167" fmla="*/ 8095 h 10000"/>
                  <a:gd name="connsiteX168" fmla="*/ 1234 w 10000"/>
                  <a:gd name="connsiteY168" fmla="*/ 8065 h 10000"/>
                  <a:gd name="connsiteX169" fmla="*/ 1747 w 10000"/>
                  <a:gd name="connsiteY169" fmla="*/ 8021 h 10000"/>
                  <a:gd name="connsiteX170" fmla="*/ 2263 w 10000"/>
                  <a:gd name="connsiteY170" fmla="*/ 7976 h 10000"/>
                  <a:gd name="connsiteX171" fmla="*/ 2494 w 10000"/>
                  <a:gd name="connsiteY171" fmla="*/ 7947 h 10000"/>
                  <a:gd name="connsiteX172" fmla="*/ 2725 w 10000"/>
                  <a:gd name="connsiteY172" fmla="*/ 7917 h 10000"/>
                  <a:gd name="connsiteX173" fmla="*/ 2929 w 10000"/>
                  <a:gd name="connsiteY173" fmla="*/ 7843 h 10000"/>
                  <a:gd name="connsiteX174" fmla="*/ 3136 w 10000"/>
                  <a:gd name="connsiteY174" fmla="*/ 7784 h 10000"/>
                  <a:gd name="connsiteX175" fmla="*/ 3316 w 10000"/>
                  <a:gd name="connsiteY175" fmla="*/ 7710 h 10000"/>
                  <a:gd name="connsiteX176" fmla="*/ 3470 w 10000"/>
                  <a:gd name="connsiteY176" fmla="*/ 7592 h 10000"/>
                  <a:gd name="connsiteX177" fmla="*/ 3625 w 10000"/>
                  <a:gd name="connsiteY177" fmla="*/ 7474 h 10000"/>
                  <a:gd name="connsiteX178" fmla="*/ 3727 w 10000"/>
                  <a:gd name="connsiteY178" fmla="*/ 7312 h 10000"/>
                  <a:gd name="connsiteX179" fmla="*/ 3522 w 10000"/>
                  <a:gd name="connsiteY179" fmla="*/ 7238 h 10000"/>
                  <a:gd name="connsiteX180" fmla="*/ 3341 w 10000"/>
                  <a:gd name="connsiteY180" fmla="*/ 7179 h 10000"/>
                  <a:gd name="connsiteX181" fmla="*/ 3187 w 10000"/>
                  <a:gd name="connsiteY181" fmla="*/ 7090 h 10000"/>
                  <a:gd name="connsiteX182" fmla="*/ 3034 w 10000"/>
                  <a:gd name="connsiteY182" fmla="*/ 6987 h 10000"/>
                  <a:gd name="connsiteX183" fmla="*/ 2929 w 10000"/>
                  <a:gd name="connsiteY183" fmla="*/ 6869 h 10000"/>
                  <a:gd name="connsiteX184" fmla="*/ 2880 w 10000"/>
                  <a:gd name="connsiteY184" fmla="*/ 6721 h 10000"/>
                  <a:gd name="connsiteX185" fmla="*/ 2853 w 10000"/>
                  <a:gd name="connsiteY185" fmla="*/ 6558 h 10000"/>
                  <a:gd name="connsiteX186" fmla="*/ 2880 w 10000"/>
                  <a:gd name="connsiteY186" fmla="*/ 6352 h 10000"/>
                  <a:gd name="connsiteX187" fmla="*/ 2751 w 10000"/>
                  <a:gd name="connsiteY187" fmla="*/ 6322 h 10000"/>
                  <a:gd name="connsiteX188" fmla="*/ 2597 w 10000"/>
                  <a:gd name="connsiteY188" fmla="*/ 6292 h 10000"/>
                  <a:gd name="connsiteX189" fmla="*/ 2417 w 10000"/>
                  <a:gd name="connsiteY189" fmla="*/ 6278 h 10000"/>
                  <a:gd name="connsiteX190" fmla="*/ 2236 w 10000"/>
                  <a:gd name="connsiteY190" fmla="*/ 6263 h 10000"/>
                  <a:gd name="connsiteX191" fmla="*/ 1877 w 10000"/>
                  <a:gd name="connsiteY191" fmla="*/ 6248 h 10000"/>
                  <a:gd name="connsiteX192" fmla="*/ 1491 w 10000"/>
                  <a:gd name="connsiteY192" fmla="*/ 6263 h 10000"/>
                  <a:gd name="connsiteX193" fmla="*/ 1158 w 10000"/>
                  <a:gd name="connsiteY193" fmla="*/ 6278 h 10000"/>
                  <a:gd name="connsiteX194" fmla="*/ 848 w 10000"/>
                  <a:gd name="connsiteY194" fmla="*/ 6278 h 10000"/>
                  <a:gd name="connsiteX195" fmla="*/ 593 w 10000"/>
                  <a:gd name="connsiteY195" fmla="*/ 6263 h 10000"/>
                  <a:gd name="connsiteX196" fmla="*/ 386 w 10000"/>
                  <a:gd name="connsiteY196" fmla="*/ 6233 h 10000"/>
                  <a:gd name="connsiteX197" fmla="*/ 641 w 10000"/>
                  <a:gd name="connsiteY197" fmla="*/ 5805 h 10000"/>
                  <a:gd name="connsiteX198" fmla="*/ 926 w 10000"/>
                  <a:gd name="connsiteY198" fmla="*/ 5391 h 10000"/>
                  <a:gd name="connsiteX199" fmla="*/ 1029 w 10000"/>
                  <a:gd name="connsiteY199" fmla="*/ 5170 h 10000"/>
                  <a:gd name="connsiteX200" fmla="*/ 1105 w 10000"/>
                  <a:gd name="connsiteY200" fmla="*/ 4963 h 10000"/>
                  <a:gd name="connsiteX201" fmla="*/ 1130 w 10000"/>
                  <a:gd name="connsiteY201" fmla="*/ 4860 h 10000"/>
                  <a:gd name="connsiteX202" fmla="*/ 1105 w 10000"/>
                  <a:gd name="connsiteY202" fmla="*/ 4756 h 10000"/>
                  <a:gd name="connsiteX203" fmla="*/ 1080 w 10000"/>
                  <a:gd name="connsiteY203" fmla="*/ 4653 h 10000"/>
                  <a:gd name="connsiteX204" fmla="*/ 1003 w 10000"/>
                  <a:gd name="connsiteY204" fmla="*/ 4549 h 10000"/>
                  <a:gd name="connsiteX205" fmla="*/ 1286 w 10000"/>
                  <a:gd name="connsiteY205" fmla="*/ 4520 h 10000"/>
                  <a:gd name="connsiteX206" fmla="*/ 1491 w 10000"/>
                  <a:gd name="connsiteY206" fmla="*/ 4505 h 10000"/>
                  <a:gd name="connsiteX207" fmla="*/ 1671 w 10000"/>
                  <a:gd name="connsiteY207" fmla="*/ 4505 h 10000"/>
                  <a:gd name="connsiteX208" fmla="*/ 1825 w 10000"/>
                  <a:gd name="connsiteY208" fmla="*/ 4520 h 10000"/>
                  <a:gd name="connsiteX209" fmla="*/ 1954 w 10000"/>
                  <a:gd name="connsiteY209" fmla="*/ 4520 h 10000"/>
                  <a:gd name="connsiteX210" fmla="*/ 2108 w 10000"/>
                  <a:gd name="connsiteY210" fmla="*/ 4520 h 10000"/>
                  <a:gd name="connsiteX211" fmla="*/ 2263 w 10000"/>
                  <a:gd name="connsiteY211" fmla="*/ 4490 h 10000"/>
                  <a:gd name="connsiteX212" fmla="*/ 2467 w 10000"/>
                  <a:gd name="connsiteY212" fmla="*/ 4446 h 10000"/>
                  <a:gd name="connsiteX213" fmla="*/ 2467 w 10000"/>
                  <a:gd name="connsiteY213" fmla="*/ 4579 h 10000"/>
                  <a:gd name="connsiteX214" fmla="*/ 2467 w 10000"/>
                  <a:gd name="connsiteY214" fmla="*/ 4742 h 10000"/>
                  <a:gd name="connsiteX215" fmla="*/ 2467 w 10000"/>
                  <a:gd name="connsiteY215" fmla="*/ 4874 h 10000"/>
                  <a:gd name="connsiteX216" fmla="*/ 2467 w 10000"/>
                  <a:gd name="connsiteY216" fmla="*/ 5037 h 10000"/>
                  <a:gd name="connsiteX217" fmla="*/ 2699 w 10000"/>
                  <a:gd name="connsiteY217" fmla="*/ 5022 h 10000"/>
                  <a:gd name="connsiteX218" fmla="*/ 2853 w 10000"/>
                  <a:gd name="connsiteY218" fmla="*/ 5037 h 10000"/>
                  <a:gd name="connsiteX219" fmla="*/ 2982 w 10000"/>
                  <a:gd name="connsiteY219" fmla="*/ 5066 h 10000"/>
                  <a:gd name="connsiteX220" fmla="*/ 3111 w 10000"/>
                  <a:gd name="connsiteY220" fmla="*/ 5096 h 10000"/>
                  <a:gd name="connsiteX221" fmla="*/ 3214 w 10000"/>
                  <a:gd name="connsiteY221" fmla="*/ 5126 h 10000"/>
                  <a:gd name="connsiteX222" fmla="*/ 3341 w 10000"/>
                  <a:gd name="connsiteY222" fmla="*/ 5155 h 10000"/>
                  <a:gd name="connsiteX223" fmla="*/ 3496 w 10000"/>
                  <a:gd name="connsiteY223" fmla="*/ 5170 h 10000"/>
                  <a:gd name="connsiteX224" fmla="*/ 3727 w 10000"/>
                  <a:gd name="connsiteY224" fmla="*/ 5155 h 10000"/>
                  <a:gd name="connsiteX225" fmla="*/ 3805 w 10000"/>
                  <a:gd name="connsiteY225" fmla="*/ 5096 h 10000"/>
                  <a:gd name="connsiteX226" fmla="*/ 3881 w 10000"/>
                  <a:gd name="connsiteY226" fmla="*/ 5022 h 10000"/>
                  <a:gd name="connsiteX227" fmla="*/ 3907 w 10000"/>
                  <a:gd name="connsiteY227" fmla="*/ 4934 h 10000"/>
                  <a:gd name="connsiteX228" fmla="*/ 3934 w 10000"/>
                  <a:gd name="connsiteY228" fmla="*/ 4860 h 10000"/>
                  <a:gd name="connsiteX229" fmla="*/ 3958 w 10000"/>
                  <a:gd name="connsiteY229" fmla="*/ 4697 h 10000"/>
                  <a:gd name="connsiteX230" fmla="*/ 3934 w 10000"/>
                  <a:gd name="connsiteY230" fmla="*/ 4520 h 10000"/>
                  <a:gd name="connsiteX231" fmla="*/ 3856 w 10000"/>
                  <a:gd name="connsiteY231" fmla="*/ 4343 h 10000"/>
                  <a:gd name="connsiteX232" fmla="*/ 3779 w 10000"/>
                  <a:gd name="connsiteY232" fmla="*/ 4195 h 10000"/>
                  <a:gd name="connsiteX233" fmla="*/ 3650 w 10000"/>
                  <a:gd name="connsiteY233" fmla="*/ 4047 h 10000"/>
                  <a:gd name="connsiteX234" fmla="*/ 3522 w 10000"/>
                  <a:gd name="connsiteY234" fmla="*/ 3959 h 10000"/>
                  <a:gd name="connsiteX235" fmla="*/ 3676 w 10000"/>
                  <a:gd name="connsiteY235" fmla="*/ 3944 h 10000"/>
                  <a:gd name="connsiteX236" fmla="*/ 3805 w 10000"/>
                  <a:gd name="connsiteY236" fmla="*/ 3914 h 10000"/>
                  <a:gd name="connsiteX237" fmla="*/ 3907 w 10000"/>
                  <a:gd name="connsiteY237" fmla="*/ 3855 h 10000"/>
                  <a:gd name="connsiteX238" fmla="*/ 4034 w 10000"/>
                  <a:gd name="connsiteY238" fmla="*/ 3752 h 10000"/>
                  <a:gd name="connsiteX239" fmla="*/ 4164 w 10000"/>
                  <a:gd name="connsiteY239" fmla="*/ 3663 h 10000"/>
                  <a:gd name="connsiteX240" fmla="*/ 4267 w 10000"/>
                  <a:gd name="connsiteY240" fmla="*/ 3560 h 10000"/>
                  <a:gd name="connsiteX241" fmla="*/ 4344 w 10000"/>
                  <a:gd name="connsiteY241" fmla="*/ 3442 h 10000"/>
                  <a:gd name="connsiteX242" fmla="*/ 4422 w 10000"/>
                  <a:gd name="connsiteY242" fmla="*/ 3323 h 10000"/>
                  <a:gd name="connsiteX243" fmla="*/ 4473 w 10000"/>
                  <a:gd name="connsiteY243" fmla="*/ 3220 h 10000"/>
                  <a:gd name="connsiteX244" fmla="*/ 4498 w 10000"/>
                  <a:gd name="connsiteY244" fmla="*/ 3102 h 10000"/>
                  <a:gd name="connsiteX245" fmla="*/ 4525 w 10000"/>
                  <a:gd name="connsiteY245" fmla="*/ 3013 h 10000"/>
                  <a:gd name="connsiteX246" fmla="*/ 4498 w 10000"/>
                  <a:gd name="connsiteY246" fmla="*/ 2939 h 10000"/>
                  <a:gd name="connsiteX247" fmla="*/ 4473 w 10000"/>
                  <a:gd name="connsiteY247" fmla="*/ 2866 h 10000"/>
                  <a:gd name="connsiteX248" fmla="*/ 4396 w 10000"/>
                  <a:gd name="connsiteY248" fmla="*/ 2836 h 10000"/>
                  <a:gd name="connsiteX249" fmla="*/ 4294 w 10000"/>
                  <a:gd name="connsiteY249" fmla="*/ 2836 h 10000"/>
                  <a:gd name="connsiteX250" fmla="*/ 4164 w 10000"/>
                  <a:gd name="connsiteY250" fmla="*/ 2866 h 10000"/>
                  <a:gd name="connsiteX251" fmla="*/ 4267 w 10000"/>
                  <a:gd name="connsiteY251" fmla="*/ 2777 h 10000"/>
                  <a:gd name="connsiteX252" fmla="*/ 4320 w 10000"/>
                  <a:gd name="connsiteY252" fmla="*/ 2674 h 10000"/>
                  <a:gd name="connsiteX253" fmla="*/ 4344 w 10000"/>
                  <a:gd name="connsiteY253" fmla="*/ 2541 h 10000"/>
                  <a:gd name="connsiteX254" fmla="*/ 4344 w 10000"/>
                  <a:gd name="connsiteY254" fmla="*/ 2393 h 10000"/>
                  <a:gd name="connsiteX255" fmla="*/ 4369 w 10000"/>
                  <a:gd name="connsiteY255" fmla="*/ 2349 h 10000"/>
                  <a:gd name="connsiteX256" fmla="*/ 4422 w 10000"/>
                  <a:gd name="connsiteY256" fmla="*/ 2304 h 10000"/>
                  <a:gd name="connsiteX257" fmla="*/ 4473 w 10000"/>
                  <a:gd name="connsiteY257" fmla="*/ 2290 h 10000"/>
                  <a:gd name="connsiteX258" fmla="*/ 4551 w 10000"/>
                  <a:gd name="connsiteY258" fmla="*/ 2275 h 10000"/>
                  <a:gd name="connsiteX259" fmla="*/ 4781 w 10000"/>
                  <a:gd name="connsiteY259" fmla="*/ 2260 h 10000"/>
                  <a:gd name="connsiteX260" fmla="*/ 4986 w 10000"/>
                  <a:gd name="connsiteY260" fmla="*/ 2275 h 10000"/>
                  <a:gd name="connsiteX261" fmla="*/ 4961 w 10000"/>
                  <a:gd name="connsiteY261" fmla="*/ 2112 h 10000"/>
                  <a:gd name="connsiteX262" fmla="*/ 4910 w 10000"/>
                  <a:gd name="connsiteY262" fmla="*/ 1950 h 10000"/>
                  <a:gd name="connsiteX263" fmla="*/ 4832 w 10000"/>
                  <a:gd name="connsiteY263" fmla="*/ 1802 h 10000"/>
                  <a:gd name="connsiteX264" fmla="*/ 4731 w 10000"/>
                  <a:gd name="connsiteY264" fmla="*/ 1640 h 10000"/>
                  <a:gd name="connsiteX265" fmla="*/ 4473 w 10000"/>
                  <a:gd name="connsiteY265" fmla="*/ 1329 h 10000"/>
                  <a:gd name="connsiteX266" fmla="*/ 4216 w 10000"/>
                  <a:gd name="connsiteY266" fmla="*/ 1034 h 10000"/>
                  <a:gd name="connsiteX267" fmla="*/ 4087 w 10000"/>
                  <a:gd name="connsiteY267" fmla="*/ 901 h 10000"/>
                  <a:gd name="connsiteX268" fmla="*/ 3986 w 10000"/>
                  <a:gd name="connsiteY268" fmla="*/ 753 h 10000"/>
                  <a:gd name="connsiteX269" fmla="*/ 3907 w 10000"/>
                  <a:gd name="connsiteY269" fmla="*/ 620 h 10000"/>
                  <a:gd name="connsiteX270" fmla="*/ 3881 w 10000"/>
                  <a:gd name="connsiteY270" fmla="*/ 487 h 10000"/>
                  <a:gd name="connsiteX271" fmla="*/ 3856 w 10000"/>
                  <a:gd name="connsiteY271" fmla="*/ 355 h 10000"/>
                  <a:gd name="connsiteX272" fmla="*/ 3907 w 10000"/>
                  <a:gd name="connsiteY272" fmla="*/ 222 h 10000"/>
                  <a:gd name="connsiteX273" fmla="*/ 3934 w 10000"/>
                  <a:gd name="connsiteY273" fmla="*/ 162 h 10000"/>
                  <a:gd name="connsiteX274" fmla="*/ 3986 w 10000"/>
                  <a:gd name="connsiteY274" fmla="*/ 103 h 10000"/>
                  <a:gd name="connsiteX275" fmla="*/ 4063 w 10000"/>
                  <a:gd name="connsiteY275" fmla="*/ 59 h 10000"/>
                  <a:gd name="connsiteX276" fmla="*/ 4164 w 10000"/>
                  <a:gd name="connsiteY276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7301 w 10000"/>
                  <a:gd name="connsiteY67" fmla="*/ 3959 h 10000"/>
                  <a:gd name="connsiteX68" fmla="*/ 7841 w 10000"/>
                  <a:gd name="connsiteY68" fmla="*/ 3811 h 10000"/>
                  <a:gd name="connsiteX69" fmla="*/ 8895 w 10000"/>
                  <a:gd name="connsiteY69" fmla="*/ 3516 h 10000"/>
                  <a:gd name="connsiteX70" fmla="*/ 9100 w 10000"/>
                  <a:gd name="connsiteY70" fmla="*/ 3412 h 10000"/>
                  <a:gd name="connsiteX71" fmla="*/ 9306 w 10000"/>
                  <a:gd name="connsiteY71" fmla="*/ 3338 h 10000"/>
                  <a:gd name="connsiteX72" fmla="*/ 9435 w 10000"/>
                  <a:gd name="connsiteY72" fmla="*/ 3235 h 10000"/>
                  <a:gd name="connsiteX73" fmla="*/ 9536 w 10000"/>
                  <a:gd name="connsiteY73" fmla="*/ 3117 h 10000"/>
                  <a:gd name="connsiteX74" fmla="*/ 9563 w 10000"/>
                  <a:gd name="connsiteY74" fmla="*/ 3072 h 10000"/>
                  <a:gd name="connsiteX75" fmla="*/ 9588 w 10000"/>
                  <a:gd name="connsiteY75" fmla="*/ 3013 h 10000"/>
                  <a:gd name="connsiteX76" fmla="*/ 9588 w 10000"/>
                  <a:gd name="connsiteY76" fmla="*/ 2954 h 10000"/>
                  <a:gd name="connsiteX77" fmla="*/ 9563 w 10000"/>
                  <a:gd name="connsiteY77" fmla="*/ 2866 h 10000"/>
                  <a:gd name="connsiteX78" fmla="*/ 9383 w 10000"/>
                  <a:gd name="connsiteY78" fmla="*/ 2984 h 10000"/>
                  <a:gd name="connsiteX79" fmla="*/ 9178 w 10000"/>
                  <a:gd name="connsiteY79" fmla="*/ 3072 h 10000"/>
                  <a:gd name="connsiteX80" fmla="*/ 8971 w 10000"/>
                  <a:gd name="connsiteY80" fmla="*/ 3161 h 10000"/>
                  <a:gd name="connsiteX81" fmla="*/ 8766 w 10000"/>
                  <a:gd name="connsiteY81" fmla="*/ 3250 h 10000"/>
                  <a:gd name="connsiteX82" fmla="*/ 8302 w 10000"/>
                  <a:gd name="connsiteY82" fmla="*/ 3397 h 10000"/>
                  <a:gd name="connsiteX83" fmla="*/ 7815 w 10000"/>
                  <a:gd name="connsiteY83" fmla="*/ 3545 h 10000"/>
                  <a:gd name="connsiteX84" fmla="*/ 7327 w 10000"/>
                  <a:gd name="connsiteY84" fmla="*/ 3678 h 10000"/>
                  <a:gd name="connsiteX85" fmla="*/ 6863 w 10000"/>
                  <a:gd name="connsiteY85" fmla="*/ 3840 h 10000"/>
                  <a:gd name="connsiteX86" fmla="*/ 6632 w 10000"/>
                  <a:gd name="connsiteY86" fmla="*/ 3914 h 10000"/>
                  <a:gd name="connsiteX87" fmla="*/ 6427 w 10000"/>
                  <a:gd name="connsiteY87" fmla="*/ 4003 h 10000"/>
                  <a:gd name="connsiteX88" fmla="*/ 6222 w 10000"/>
                  <a:gd name="connsiteY88" fmla="*/ 4106 h 10000"/>
                  <a:gd name="connsiteX89" fmla="*/ 6014 w 10000"/>
                  <a:gd name="connsiteY89" fmla="*/ 4195 h 10000"/>
                  <a:gd name="connsiteX90" fmla="*/ 6169 w 10000"/>
                  <a:gd name="connsiteY90" fmla="*/ 4417 h 10000"/>
                  <a:gd name="connsiteX91" fmla="*/ 6273 w 10000"/>
                  <a:gd name="connsiteY91" fmla="*/ 4623 h 10000"/>
                  <a:gd name="connsiteX92" fmla="*/ 6375 w 10000"/>
                  <a:gd name="connsiteY92" fmla="*/ 4845 h 10000"/>
                  <a:gd name="connsiteX93" fmla="*/ 6451 w 10000"/>
                  <a:gd name="connsiteY93" fmla="*/ 5081 h 10000"/>
                  <a:gd name="connsiteX94" fmla="*/ 6504 w 10000"/>
                  <a:gd name="connsiteY94" fmla="*/ 5318 h 10000"/>
                  <a:gd name="connsiteX95" fmla="*/ 6530 w 10000"/>
                  <a:gd name="connsiteY95" fmla="*/ 5539 h 10000"/>
                  <a:gd name="connsiteX96" fmla="*/ 6554 w 10000"/>
                  <a:gd name="connsiteY96" fmla="*/ 5775 h 10000"/>
                  <a:gd name="connsiteX97" fmla="*/ 6554 w 10000"/>
                  <a:gd name="connsiteY97" fmla="*/ 5997 h 10000"/>
                  <a:gd name="connsiteX98" fmla="*/ 6530 w 10000"/>
                  <a:gd name="connsiteY98" fmla="*/ 6233 h 10000"/>
                  <a:gd name="connsiteX99" fmla="*/ 6478 w 10000"/>
                  <a:gd name="connsiteY99" fmla="*/ 6470 h 10000"/>
                  <a:gd name="connsiteX100" fmla="*/ 6427 w 10000"/>
                  <a:gd name="connsiteY100" fmla="*/ 6677 h 10000"/>
                  <a:gd name="connsiteX101" fmla="*/ 6350 w 10000"/>
                  <a:gd name="connsiteY101" fmla="*/ 6898 h 10000"/>
                  <a:gd name="connsiteX102" fmla="*/ 6247 w 10000"/>
                  <a:gd name="connsiteY102" fmla="*/ 7105 h 10000"/>
                  <a:gd name="connsiteX103" fmla="*/ 6119 w 10000"/>
                  <a:gd name="connsiteY103" fmla="*/ 7297 h 10000"/>
                  <a:gd name="connsiteX104" fmla="*/ 5964 w 10000"/>
                  <a:gd name="connsiteY104" fmla="*/ 7489 h 10000"/>
                  <a:gd name="connsiteX105" fmla="*/ 5809 w 10000"/>
                  <a:gd name="connsiteY105" fmla="*/ 7681 h 10000"/>
                  <a:gd name="connsiteX106" fmla="*/ 6554 w 10000"/>
                  <a:gd name="connsiteY106" fmla="*/ 7799 h 10000"/>
                  <a:gd name="connsiteX107" fmla="*/ 7327 w 10000"/>
                  <a:gd name="connsiteY107" fmla="*/ 7962 h 10000"/>
                  <a:gd name="connsiteX108" fmla="*/ 7480 w 10000"/>
                  <a:gd name="connsiteY108" fmla="*/ 8021 h 10000"/>
                  <a:gd name="connsiteX109" fmla="*/ 7609 w 10000"/>
                  <a:gd name="connsiteY109" fmla="*/ 8080 h 10000"/>
                  <a:gd name="connsiteX110" fmla="*/ 7737 w 10000"/>
                  <a:gd name="connsiteY110" fmla="*/ 8139 h 10000"/>
                  <a:gd name="connsiteX111" fmla="*/ 7815 w 10000"/>
                  <a:gd name="connsiteY111" fmla="*/ 8227 h 10000"/>
                  <a:gd name="connsiteX112" fmla="*/ 7841 w 10000"/>
                  <a:gd name="connsiteY112" fmla="*/ 8301 h 10000"/>
                  <a:gd name="connsiteX113" fmla="*/ 7841 w 10000"/>
                  <a:gd name="connsiteY113" fmla="*/ 8405 h 10000"/>
                  <a:gd name="connsiteX114" fmla="*/ 7790 w 10000"/>
                  <a:gd name="connsiteY114" fmla="*/ 8523 h 10000"/>
                  <a:gd name="connsiteX115" fmla="*/ 7712 w 10000"/>
                  <a:gd name="connsiteY115" fmla="*/ 8641 h 10000"/>
                  <a:gd name="connsiteX116" fmla="*/ 7378 w 10000"/>
                  <a:gd name="connsiteY116" fmla="*/ 8552 h 10000"/>
                  <a:gd name="connsiteX117" fmla="*/ 7069 w 10000"/>
                  <a:gd name="connsiteY117" fmla="*/ 8449 h 10000"/>
                  <a:gd name="connsiteX118" fmla="*/ 6760 w 10000"/>
                  <a:gd name="connsiteY118" fmla="*/ 8360 h 10000"/>
                  <a:gd name="connsiteX119" fmla="*/ 6451 w 10000"/>
                  <a:gd name="connsiteY119" fmla="*/ 8287 h 10000"/>
                  <a:gd name="connsiteX120" fmla="*/ 6323 w 10000"/>
                  <a:gd name="connsiteY120" fmla="*/ 8449 h 10000"/>
                  <a:gd name="connsiteX121" fmla="*/ 6222 w 10000"/>
                  <a:gd name="connsiteY121" fmla="*/ 8597 h 10000"/>
                  <a:gd name="connsiteX122" fmla="*/ 6169 w 10000"/>
                  <a:gd name="connsiteY122" fmla="*/ 8656 h 10000"/>
                  <a:gd name="connsiteX123" fmla="*/ 6066 w 10000"/>
                  <a:gd name="connsiteY123" fmla="*/ 8700 h 10000"/>
                  <a:gd name="connsiteX124" fmla="*/ 5990 w 10000"/>
                  <a:gd name="connsiteY124" fmla="*/ 8744 h 10000"/>
                  <a:gd name="connsiteX125" fmla="*/ 5913 w 10000"/>
                  <a:gd name="connsiteY125" fmla="*/ 8774 h 10000"/>
                  <a:gd name="connsiteX126" fmla="*/ 5835 w 10000"/>
                  <a:gd name="connsiteY126" fmla="*/ 8804 h 10000"/>
                  <a:gd name="connsiteX127" fmla="*/ 5733 w 10000"/>
                  <a:gd name="connsiteY127" fmla="*/ 8818 h 10000"/>
                  <a:gd name="connsiteX128" fmla="*/ 5603 w 10000"/>
                  <a:gd name="connsiteY128" fmla="*/ 8833 h 10000"/>
                  <a:gd name="connsiteX129" fmla="*/ 5476 w 10000"/>
                  <a:gd name="connsiteY129" fmla="*/ 8833 h 10000"/>
                  <a:gd name="connsiteX130" fmla="*/ 5168 w 10000"/>
                  <a:gd name="connsiteY130" fmla="*/ 8818 h 10000"/>
                  <a:gd name="connsiteX131" fmla="*/ 4781 w 10000"/>
                  <a:gd name="connsiteY131" fmla="*/ 8744 h 10000"/>
                  <a:gd name="connsiteX132" fmla="*/ 4781 w 10000"/>
                  <a:gd name="connsiteY132" fmla="*/ 8922 h 10000"/>
                  <a:gd name="connsiteX133" fmla="*/ 4755 w 10000"/>
                  <a:gd name="connsiteY133" fmla="*/ 9069 h 10000"/>
                  <a:gd name="connsiteX134" fmla="*/ 4731 w 10000"/>
                  <a:gd name="connsiteY134" fmla="*/ 9232 h 10000"/>
                  <a:gd name="connsiteX135" fmla="*/ 4704 w 10000"/>
                  <a:gd name="connsiteY135" fmla="*/ 9365 h 10000"/>
                  <a:gd name="connsiteX136" fmla="*/ 4652 w 10000"/>
                  <a:gd name="connsiteY136" fmla="*/ 9498 h 10000"/>
                  <a:gd name="connsiteX137" fmla="*/ 4551 w 10000"/>
                  <a:gd name="connsiteY137" fmla="*/ 9616 h 10000"/>
                  <a:gd name="connsiteX138" fmla="*/ 4473 w 10000"/>
                  <a:gd name="connsiteY138" fmla="*/ 9734 h 10000"/>
                  <a:gd name="connsiteX139" fmla="*/ 4344 w 10000"/>
                  <a:gd name="connsiteY139" fmla="*/ 9838 h 10000"/>
                  <a:gd name="connsiteX140" fmla="*/ 4034 w 10000"/>
                  <a:gd name="connsiteY140" fmla="*/ 9897 h 10000"/>
                  <a:gd name="connsiteX141" fmla="*/ 3779 w 10000"/>
                  <a:gd name="connsiteY141" fmla="*/ 9941 h 10000"/>
                  <a:gd name="connsiteX142" fmla="*/ 3470 w 10000"/>
                  <a:gd name="connsiteY142" fmla="*/ 9985 h 10000"/>
                  <a:gd name="connsiteX143" fmla="*/ 3239 w 10000"/>
                  <a:gd name="connsiteY143" fmla="*/ 10000 h 10000"/>
                  <a:gd name="connsiteX144" fmla="*/ 2725 w 10000"/>
                  <a:gd name="connsiteY144" fmla="*/ 10000 h 10000"/>
                  <a:gd name="connsiteX145" fmla="*/ 2236 w 10000"/>
                  <a:gd name="connsiteY145" fmla="*/ 9985 h 10000"/>
                  <a:gd name="connsiteX146" fmla="*/ 1775 w 10000"/>
                  <a:gd name="connsiteY146" fmla="*/ 9941 h 10000"/>
                  <a:gd name="connsiteX147" fmla="*/ 1286 w 10000"/>
                  <a:gd name="connsiteY147" fmla="*/ 9911 h 10000"/>
                  <a:gd name="connsiteX148" fmla="*/ 1003 w 10000"/>
                  <a:gd name="connsiteY148" fmla="*/ 9911 h 10000"/>
                  <a:gd name="connsiteX149" fmla="*/ 745 w 10000"/>
                  <a:gd name="connsiteY149" fmla="*/ 9911 h 10000"/>
                  <a:gd name="connsiteX150" fmla="*/ 463 w 10000"/>
                  <a:gd name="connsiteY150" fmla="*/ 9926 h 10000"/>
                  <a:gd name="connsiteX151" fmla="*/ 180 w 10000"/>
                  <a:gd name="connsiteY151" fmla="*/ 9970 h 10000"/>
                  <a:gd name="connsiteX152" fmla="*/ 103 w 10000"/>
                  <a:gd name="connsiteY152" fmla="*/ 9867 h 10000"/>
                  <a:gd name="connsiteX153" fmla="*/ 52 w 10000"/>
                  <a:gd name="connsiteY153" fmla="*/ 9793 h 10000"/>
                  <a:gd name="connsiteX154" fmla="*/ 0 w 10000"/>
                  <a:gd name="connsiteY154" fmla="*/ 9705 h 10000"/>
                  <a:gd name="connsiteX155" fmla="*/ 0 w 10000"/>
                  <a:gd name="connsiteY155" fmla="*/ 9601 h 10000"/>
                  <a:gd name="connsiteX156" fmla="*/ 52 w 10000"/>
                  <a:gd name="connsiteY156" fmla="*/ 9424 h 10000"/>
                  <a:gd name="connsiteX157" fmla="*/ 103 w 10000"/>
                  <a:gd name="connsiteY157" fmla="*/ 9202 h 10000"/>
                  <a:gd name="connsiteX158" fmla="*/ 153 w 10000"/>
                  <a:gd name="connsiteY158" fmla="*/ 8996 h 10000"/>
                  <a:gd name="connsiteX159" fmla="*/ 206 w 10000"/>
                  <a:gd name="connsiteY159" fmla="*/ 8759 h 10000"/>
                  <a:gd name="connsiteX160" fmla="*/ 231 w 10000"/>
                  <a:gd name="connsiteY160" fmla="*/ 8641 h 10000"/>
                  <a:gd name="connsiteX161" fmla="*/ 231 w 10000"/>
                  <a:gd name="connsiteY161" fmla="*/ 8538 h 10000"/>
                  <a:gd name="connsiteX162" fmla="*/ 206 w 10000"/>
                  <a:gd name="connsiteY162" fmla="*/ 8405 h 10000"/>
                  <a:gd name="connsiteX163" fmla="*/ 180 w 10000"/>
                  <a:gd name="connsiteY163" fmla="*/ 8287 h 10000"/>
                  <a:gd name="connsiteX164" fmla="*/ 437 w 10000"/>
                  <a:gd name="connsiteY164" fmla="*/ 8213 h 10000"/>
                  <a:gd name="connsiteX165" fmla="*/ 694 w 10000"/>
                  <a:gd name="connsiteY165" fmla="*/ 8139 h 10000"/>
                  <a:gd name="connsiteX166" fmla="*/ 951 w 10000"/>
                  <a:gd name="connsiteY166" fmla="*/ 8095 h 10000"/>
                  <a:gd name="connsiteX167" fmla="*/ 1234 w 10000"/>
                  <a:gd name="connsiteY167" fmla="*/ 8065 h 10000"/>
                  <a:gd name="connsiteX168" fmla="*/ 1747 w 10000"/>
                  <a:gd name="connsiteY168" fmla="*/ 8021 h 10000"/>
                  <a:gd name="connsiteX169" fmla="*/ 2263 w 10000"/>
                  <a:gd name="connsiteY169" fmla="*/ 7976 h 10000"/>
                  <a:gd name="connsiteX170" fmla="*/ 2494 w 10000"/>
                  <a:gd name="connsiteY170" fmla="*/ 7947 h 10000"/>
                  <a:gd name="connsiteX171" fmla="*/ 2725 w 10000"/>
                  <a:gd name="connsiteY171" fmla="*/ 7917 h 10000"/>
                  <a:gd name="connsiteX172" fmla="*/ 2929 w 10000"/>
                  <a:gd name="connsiteY172" fmla="*/ 7843 h 10000"/>
                  <a:gd name="connsiteX173" fmla="*/ 3136 w 10000"/>
                  <a:gd name="connsiteY173" fmla="*/ 7784 h 10000"/>
                  <a:gd name="connsiteX174" fmla="*/ 3316 w 10000"/>
                  <a:gd name="connsiteY174" fmla="*/ 7710 h 10000"/>
                  <a:gd name="connsiteX175" fmla="*/ 3470 w 10000"/>
                  <a:gd name="connsiteY175" fmla="*/ 7592 h 10000"/>
                  <a:gd name="connsiteX176" fmla="*/ 3625 w 10000"/>
                  <a:gd name="connsiteY176" fmla="*/ 7474 h 10000"/>
                  <a:gd name="connsiteX177" fmla="*/ 3727 w 10000"/>
                  <a:gd name="connsiteY177" fmla="*/ 7312 h 10000"/>
                  <a:gd name="connsiteX178" fmla="*/ 3522 w 10000"/>
                  <a:gd name="connsiteY178" fmla="*/ 7238 h 10000"/>
                  <a:gd name="connsiteX179" fmla="*/ 3341 w 10000"/>
                  <a:gd name="connsiteY179" fmla="*/ 7179 h 10000"/>
                  <a:gd name="connsiteX180" fmla="*/ 3187 w 10000"/>
                  <a:gd name="connsiteY180" fmla="*/ 7090 h 10000"/>
                  <a:gd name="connsiteX181" fmla="*/ 3034 w 10000"/>
                  <a:gd name="connsiteY181" fmla="*/ 6987 h 10000"/>
                  <a:gd name="connsiteX182" fmla="*/ 2929 w 10000"/>
                  <a:gd name="connsiteY182" fmla="*/ 6869 h 10000"/>
                  <a:gd name="connsiteX183" fmla="*/ 2880 w 10000"/>
                  <a:gd name="connsiteY183" fmla="*/ 6721 h 10000"/>
                  <a:gd name="connsiteX184" fmla="*/ 2853 w 10000"/>
                  <a:gd name="connsiteY184" fmla="*/ 6558 h 10000"/>
                  <a:gd name="connsiteX185" fmla="*/ 2880 w 10000"/>
                  <a:gd name="connsiteY185" fmla="*/ 6352 h 10000"/>
                  <a:gd name="connsiteX186" fmla="*/ 2751 w 10000"/>
                  <a:gd name="connsiteY186" fmla="*/ 6322 h 10000"/>
                  <a:gd name="connsiteX187" fmla="*/ 2597 w 10000"/>
                  <a:gd name="connsiteY187" fmla="*/ 6292 h 10000"/>
                  <a:gd name="connsiteX188" fmla="*/ 2417 w 10000"/>
                  <a:gd name="connsiteY188" fmla="*/ 6278 h 10000"/>
                  <a:gd name="connsiteX189" fmla="*/ 2236 w 10000"/>
                  <a:gd name="connsiteY189" fmla="*/ 6263 h 10000"/>
                  <a:gd name="connsiteX190" fmla="*/ 1877 w 10000"/>
                  <a:gd name="connsiteY190" fmla="*/ 6248 h 10000"/>
                  <a:gd name="connsiteX191" fmla="*/ 1491 w 10000"/>
                  <a:gd name="connsiteY191" fmla="*/ 6263 h 10000"/>
                  <a:gd name="connsiteX192" fmla="*/ 1158 w 10000"/>
                  <a:gd name="connsiteY192" fmla="*/ 6278 h 10000"/>
                  <a:gd name="connsiteX193" fmla="*/ 848 w 10000"/>
                  <a:gd name="connsiteY193" fmla="*/ 6278 h 10000"/>
                  <a:gd name="connsiteX194" fmla="*/ 593 w 10000"/>
                  <a:gd name="connsiteY194" fmla="*/ 6263 h 10000"/>
                  <a:gd name="connsiteX195" fmla="*/ 386 w 10000"/>
                  <a:gd name="connsiteY195" fmla="*/ 6233 h 10000"/>
                  <a:gd name="connsiteX196" fmla="*/ 641 w 10000"/>
                  <a:gd name="connsiteY196" fmla="*/ 5805 h 10000"/>
                  <a:gd name="connsiteX197" fmla="*/ 926 w 10000"/>
                  <a:gd name="connsiteY197" fmla="*/ 5391 h 10000"/>
                  <a:gd name="connsiteX198" fmla="*/ 1029 w 10000"/>
                  <a:gd name="connsiteY198" fmla="*/ 5170 h 10000"/>
                  <a:gd name="connsiteX199" fmla="*/ 1105 w 10000"/>
                  <a:gd name="connsiteY199" fmla="*/ 4963 h 10000"/>
                  <a:gd name="connsiteX200" fmla="*/ 1130 w 10000"/>
                  <a:gd name="connsiteY200" fmla="*/ 4860 h 10000"/>
                  <a:gd name="connsiteX201" fmla="*/ 1105 w 10000"/>
                  <a:gd name="connsiteY201" fmla="*/ 4756 h 10000"/>
                  <a:gd name="connsiteX202" fmla="*/ 1080 w 10000"/>
                  <a:gd name="connsiteY202" fmla="*/ 4653 h 10000"/>
                  <a:gd name="connsiteX203" fmla="*/ 1003 w 10000"/>
                  <a:gd name="connsiteY203" fmla="*/ 4549 h 10000"/>
                  <a:gd name="connsiteX204" fmla="*/ 1286 w 10000"/>
                  <a:gd name="connsiteY204" fmla="*/ 4520 h 10000"/>
                  <a:gd name="connsiteX205" fmla="*/ 1491 w 10000"/>
                  <a:gd name="connsiteY205" fmla="*/ 4505 h 10000"/>
                  <a:gd name="connsiteX206" fmla="*/ 1671 w 10000"/>
                  <a:gd name="connsiteY206" fmla="*/ 4505 h 10000"/>
                  <a:gd name="connsiteX207" fmla="*/ 1825 w 10000"/>
                  <a:gd name="connsiteY207" fmla="*/ 4520 h 10000"/>
                  <a:gd name="connsiteX208" fmla="*/ 1954 w 10000"/>
                  <a:gd name="connsiteY208" fmla="*/ 4520 h 10000"/>
                  <a:gd name="connsiteX209" fmla="*/ 2108 w 10000"/>
                  <a:gd name="connsiteY209" fmla="*/ 4520 h 10000"/>
                  <a:gd name="connsiteX210" fmla="*/ 2263 w 10000"/>
                  <a:gd name="connsiteY210" fmla="*/ 4490 h 10000"/>
                  <a:gd name="connsiteX211" fmla="*/ 2467 w 10000"/>
                  <a:gd name="connsiteY211" fmla="*/ 4446 h 10000"/>
                  <a:gd name="connsiteX212" fmla="*/ 2467 w 10000"/>
                  <a:gd name="connsiteY212" fmla="*/ 4579 h 10000"/>
                  <a:gd name="connsiteX213" fmla="*/ 2467 w 10000"/>
                  <a:gd name="connsiteY213" fmla="*/ 4742 h 10000"/>
                  <a:gd name="connsiteX214" fmla="*/ 2467 w 10000"/>
                  <a:gd name="connsiteY214" fmla="*/ 4874 h 10000"/>
                  <a:gd name="connsiteX215" fmla="*/ 2467 w 10000"/>
                  <a:gd name="connsiteY215" fmla="*/ 5037 h 10000"/>
                  <a:gd name="connsiteX216" fmla="*/ 2699 w 10000"/>
                  <a:gd name="connsiteY216" fmla="*/ 5022 h 10000"/>
                  <a:gd name="connsiteX217" fmla="*/ 2853 w 10000"/>
                  <a:gd name="connsiteY217" fmla="*/ 5037 h 10000"/>
                  <a:gd name="connsiteX218" fmla="*/ 2982 w 10000"/>
                  <a:gd name="connsiteY218" fmla="*/ 5066 h 10000"/>
                  <a:gd name="connsiteX219" fmla="*/ 3111 w 10000"/>
                  <a:gd name="connsiteY219" fmla="*/ 5096 h 10000"/>
                  <a:gd name="connsiteX220" fmla="*/ 3214 w 10000"/>
                  <a:gd name="connsiteY220" fmla="*/ 5126 h 10000"/>
                  <a:gd name="connsiteX221" fmla="*/ 3341 w 10000"/>
                  <a:gd name="connsiteY221" fmla="*/ 5155 h 10000"/>
                  <a:gd name="connsiteX222" fmla="*/ 3496 w 10000"/>
                  <a:gd name="connsiteY222" fmla="*/ 5170 h 10000"/>
                  <a:gd name="connsiteX223" fmla="*/ 3727 w 10000"/>
                  <a:gd name="connsiteY223" fmla="*/ 5155 h 10000"/>
                  <a:gd name="connsiteX224" fmla="*/ 3805 w 10000"/>
                  <a:gd name="connsiteY224" fmla="*/ 5096 h 10000"/>
                  <a:gd name="connsiteX225" fmla="*/ 3881 w 10000"/>
                  <a:gd name="connsiteY225" fmla="*/ 5022 h 10000"/>
                  <a:gd name="connsiteX226" fmla="*/ 3907 w 10000"/>
                  <a:gd name="connsiteY226" fmla="*/ 4934 h 10000"/>
                  <a:gd name="connsiteX227" fmla="*/ 3934 w 10000"/>
                  <a:gd name="connsiteY227" fmla="*/ 4860 h 10000"/>
                  <a:gd name="connsiteX228" fmla="*/ 3958 w 10000"/>
                  <a:gd name="connsiteY228" fmla="*/ 4697 h 10000"/>
                  <a:gd name="connsiteX229" fmla="*/ 3934 w 10000"/>
                  <a:gd name="connsiteY229" fmla="*/ 4520 h 10000"/>
                  <a:gd name="connsiteX230" fmla="*/ 3856 w 10000"/>
                  <a:gd name="connsiteY230" fmla="*/ 4343 h 10000"/>
                  <a:gd name="connsiteX231" fmla="*/ 3779 w 10000"/>
                  <a:gd name="connsiteY231" fmla="*/ 4195 h 10000"/>
                  <a:gd name="connsiteX232" fmla="*/ 3650 w 10000"/>
                  <a:gd name="connsiteY232" fmla="*/ 4047 h 10000"/>
                  <a:gd name="connsiteX233" fmla="*/ 3522 w 10000"/>
                  <a:gd name="connsiteY233" fmla="*/ 3959 h 10000"/>
                  <a:gd name="connsiteX234" fmla="*/ 3676 w 10000"/>
                  <a:gd name="connsiteY234" fmla="*/ 3944 h 10000"/>
                  <a:gd name="connsiteX235" fmla="*/ 3805 w 10000"/>
                  <a:gd name="connsiteY235" fmla="*/ 3914 h 10000"/>
                  <a:gd name="connsiteX236" fmla="*/ 3907 w 10000"/>
                  <a:gd name="connsiteY236" fmla="*/ 3855 h 10000"/>
                  <a:gd name="connsiteX237" fmla="*/ 4034 w 10000"/>
                  <a:gd name="connsiteY237" fmla="*/ 3752 h 10000"/>
                  <a:gd name="connsiteX238" fmla="*/ 4164 w 10000"/>
                  <a:gd name="connsiteY238" fmla="*/ 3663 h 10000"/>
                  <a:gd name="connsiteX239" fmla="*/ 4267 w 10000"/>
                  <a:gd name="connsiteY239" fmla="*/ 3560 h 10000"/>
                  <a:gd name="connsiteX240" fmla="*/ 4344 w 10000"/>
                  <a:gd name="connsiteY240" fmla="*/ 3442 h 10000"/>
                  <a:gd name="connsiteX241" fmla="*/ 4422 w 10000"/>
                  <a:gd name="connsiteY241" fmla="*/ 3323 h 10000"/>
                  <a:gd name="connsiteX242" fmla="*/ 4473 w 10000"/>
                  <a:gd name="connsiteY242" fmla="*/ 3220 h 10000"/>
                  <a:gd name="connsiteX243" fmla="*/ 4498 w 10000"/>
                  <a:gd name="connsiteY243" fmla="*/ 3102 h 10000"/>
                  <a:gd name="connsiteX244" fmla="*/ 4525 w 10000"/>
                  <a:gd name="connsiteY244" fmla="*/ 3013 h 10000"/>
                  <a:gd name="connsiteX245" fmla="*/ 4498 w 10000"/>
                  <a:gd name="connsiteY245" fmla="*/ 2939 h 10000"/>
                  <a:gd name="connsiteX246" fmla="*/ 4473 w 10000"/>
                  <a:gd name="connsiteY246" fmla="*/ 2866 h 10000"/>
                  <a:gd name="connsiteX247" fmla="*/ 4396 w 10000"/>
                  <a:gd name="connsiteY247" fmla="*/ 2836 h 10000"/>
                  <a:gd name="connsiteX248" fmla="*/ 4294 w 10000"/>
                  <a:gd name="connsiteY248" fmla="*/ 2836 h 10000"/>
                  <a:gd name="connsiteX249" fmla="*/ 4164 w 10000"/>
                  <a:gd name="connsiteY249" fmla="*/ 2866 h 10000"/>
                  <a:gd name="connsiteX250" fmla="*/ 4267 w 10000"/>
                  <a:gd name="connsiteY250" fmla="*/ 2777 h 10000"/>
                  <a:gd name="connsiteX251" fmla="*/ 4320 w 10000"/>
                  <a:gd name="connsiteY251" fmla="*/ 2674 h 10000"/>
                  <a:gd name="connsiteX252" fmla="*/ 4344 w 10000"/>
                  <a:gd name="connsiteY252" fmla="*/ 2541 h 10000"/>
                  <a:gd name="connsiteX253" fmla="*/ 4344 w 10000"/>
                  <a:gd name="connsiteY253" fmla="*/ 2393 h 10000"/>
                  <a:gd name="connsiteX254" fmla="*/ 4369 w 10000"/>
                  <a:gd name="connsiteY254" fmla="*/ 2349 h 10000"/>
                  <a:gd name="connsiteX255" fmla="*/ 4422 w 10000"/>
                  <a:gd name="connsiteY255" fmla="*/ 2304 h 10000"/>
                  <a:gd name="connsiteX256" fmla="*/ 4473 w 10000"/>
                  <a:gd name="connsiteY256" fmla="*/ 2290 h 10000"/>
                  <a:gd name="connsiteX257" fmla="*/ 4551 w 10000"/>
                  <a:gd name="connsiteY257" fmla="*/ 2275 h 10000"/>
                  <a:gd name="connsiteX258" fmla="*/ 4781 w 10000"/>
                  <a:gd name="connsiteY258" fmla="*/ 2260 h 10000"/>
                  <a:gd name="connsiteX259" fmla="*/ 4986 w 10000"/>
                  <a:gd name="connsiteY259" fmla="*/ 2275 h 10000"/>
                  <a:gd name="connsiteX260" fmla="*/ 4961 w 10000"/>
                  <a:gd name="connsiteY260" fmla="*/ 2112 h 10000"/>
                  <a:gd name="connsiteX261" fmla="*/ 4910 w 10000"/>
                  <a:gd name="connsiteY261" fmla="*/ 1950 h 10000"/>
                  <a:gd name="connsiteX262" fmla="*/ 4832 w 10000"/>
                  <a:gd name="connsiteY262" fmla="*/ 1802 h 10000"/>
                  <a:gd name="connsiteX263" fmla="*/ 4731 w 10000"/>
                  <a:gd name="connsiteY263" fmla="*/ 1640 h 10000"/>
                  <a:gd name="connsiteX264" fmla="*/ 4473 w 10000"/>
                  <a:gd name="connsiteY264" fmla="*/ 1329 h 10000"/>
                  <a:gd name="connsiteX265" fmla="*/ 4216 w 10000"/>
                  <a:gd name="connsiteY265" fmla="*/ 1034 h 10000"/>
                  <a:gd name="connsiteX266" fmla="*/ 4087 w 10000"/>
                  <a:gd name="connsiteY266" fmla="*/ 901 h 10000"/>
                  <a:gd name="connsiteX267" fmla="*/ 3986 w 10000"/>
                  <a:gd name="connsiteY267" fmla="*/ 753 h 10000"/>
                  <a:gd name="connsiteX268" fmla="*/ 3907 w 10000"/>
                  <a:gd name="connsiteY268" fmla="*/ 620 h 10000"/>
                  <a:gd name="connsiteX269" fmla="*/ 3881 w 10000"/>
                  <a:gd name="connsiteY269" fmla="*/ 487 h 10000"/>
                  <a:gd name="connsiteX270" fmla="*/ 3856 w 10000"/>
                  <a:gd name="connsiteY270" fmla="*/ 355 h 10000"/>
                  <a:gd name="connsiteX271" fmla="*/ 3907 w 10000"/>
                  <a:gd name="connsiteY271" fmla="*/ 222 h 10000"/>
                  <a:gd name="connsiteX272" fmla="*/ 3934 w 10000"/>
                  <a:gd name="connsiteY272" fmla="*/ 162 h 10000"/>
                  <a:gd name="connsiteX273" fmla="*/ 3986 w 10000"/>
                  <a:gd name="connsiteY273" fmla="*/ 103 h 10000"/>
                  <a:gd name="connsiteX274" fmla="*/ 4063 w 10000"/>
                  <a:gd name="connsiteY274" fmla="*/ 59 h 10000"/>
                  <a:gd name="connsiteX275" fmla="*/ 4164 w 10000"/>
                  <a:gd name="connsiteY275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943 w 10000"/>
                  <a:gd name="connsiteY51" fmla="*/ 4027 h 10000"/>
                  <a:gd name="connsiteX52" fmla="*/ 7274 w 10000"/>
                  <a:gd name="connsiteY52" fmla="*/ 4313 h 10000"/>
                  <a:gd name="connsiteX53" fmla="*/ 7274 w 10000"/>
                  <a:gd name="connsiteY53" fmla="*/ 4431 h 10000"/>
                  <a:gd name="connsiteX54" fmla="*/ 7274 w 10000"/>
                  <a:gd name="connsiteY54" fmla="*/ 4549 h 10000"/>
                  <a:gd name="connsiteX55" fmla="*/ 7224 w 10000"/>
                  <a:gd name="connsiteY55" fmla="*/ 4564 h 10000"/>
                  <a:gd name="connsiteX56" fmla="*/ 7095 w 10000"/>
                  <a:gd name="connsiteY56" fmla="*/ 4638 h 10000"/>
                  <a:gd name="connsiteX57" fmla="*/ 7095 w 10000"/>
                  <a:gd name="connsiteY57" fmla="*/ 4697 h 10000"/>
                  <a:gd name="connsiteX58" fmla="*/ 7069 w 10000"/>
                  <a:gd name="connsiteY58" fmla="*/ 4801 h 10000"/>
                  <a:gd name="connsiteX59" fmla="*/ 7069 w 10000"/>
                  <a:gd name="connsiteY59" fmla="*/ 4904 h 10000"/>
                  <a:gd name="connsiteX60" fmla="*/ 6941 w 10000"/>
                  <a:gd name="connsiteY60" fmla="*/ 4860 h 10000"/>
                  <a:gd name="connsiteX61" fmla="*/ 6863 w 10000"/>
                  <a:gd name="connsiteY61" fmla="*/ 4801 h 10000"/>
                  <a:gd name="connsiteX62" fmla="*/ 6786 w 10000"/>
                  <a:gd name="connsiteY62" fmla="*/ 4727 h 10000"/>
                  <a:gd name="connsiteX63" fmla="*/ 6710 w 10000"/>
                  <a:gd name="connsiteY63" fmla="*/ 4638 h 10000"/>
                  <a:gd name="connsiteX64" fmla="*/ 6582 w 10000"/>
                  <a:gd name="connsiteY64" fmla="*/ 4476 h 10000"/>
                  <a:gd name="connsiteX65" fmla="*/ 6451 w 10000"/>
                  <a:gd name="connsiteY65" fmla="*/ 4313 h 10000"/>
                  <a:gd name="connsiteX66" fmla="*/ 6607 w 10000"/>
                  <a:gd name="connsiteY66" fmla="*/ 4210 h 10000"/>
                  <a:gd name="connsiteX67" fmla="*/ 6812 w 10000"/>
                  <a:gd name="connsiteY67" fmla="*/ 4121 h 10000"/>
                  <a:gd name="connsiteX68" fmla="*/ 7301 w 10000"/>
                  <a:gd name="connsiteY68" fmla="*/ 3959 h 10000"/>
                  <a:gd name="connsiteX69" fmla="*/ 7841 w 10000"/>
                  <a:gd name="connsiteY69" fmla="*/ 3811 h 10000"/>
                  <a:gd name="connsiteX70" fmla="*/ 8895 w 10000"/>
                  <a:gd name="connsiteY70" fmla="*/ 3516 h 10000"/>
                  <a:gd name="connsiteX71" fmla="*/ 9100 w 10000"/>
                  <a:gd name="connsiteY71" fmla="*/ 3412 h 10000"/>
                  <a:gd name="connsiteX72" fmla="*/ 9306 w 10000"/>
                  <a:gd name="connsiteY72" fmla="*/ 3338 h 10000"/>
                  <a:gd name="connsiteX73" fmla="*/ 9435 w 10000"/>
                  <a:gd name="connsiteY73" fmla="*/ 3235 h 10000"/>
                  <a:gd name="connsiteX74" fmla="*/ 9536 w 10000"/>
                  <a:gd name="connsiteY74" fmla="*/ 3117 h 10000"/>
                  <a:gd name="connsiteX75" fmla="*/ 9563 w 10000"/>
                  <a:gd name="connsiteY75" fmla="*/ 3072 h 10000"/>
                  <a:gd name="connsiteX76" fmla="*/ 9588 w 10000"/>
                  <a:gd name="connsiteY76" fmla="*/ 3013 h 10000"/>
                  <a:gd name="connsiteX77" fmla="*/ 9588 w 10000"/>
                  <a:gd name="connsiteY77" fmla="*/ 2954 h 10000"/>
                  <a:gd name="connsiteX78" fmla="*/ 9563 w 10000"/>
                  <a:gd name="connsiteY78" fmla="*/ 2866 h 10000"/>
                  <a:gd name="connsiteX79" fmla="*/ 9383 w 10000"/>
                  <a:gd name="connsiteY79" fmla="*/ 2984 h 10000"/>
                  <a:gd name="connsiteX80" fmla="*/ 9178 w 10000"/>
                  <a:gd name="connsiteY80" fmla="*/ 3072 h 10000"/>
                  <a:gd name="connsiteX81" fmla="*/ 8971 w 10000"/>
                  <a:gd name="connsiteY81" fmla="*/ 3161 h 10000"/>
                  <a:gd name="connsiteX82" fmla="*/ 8766 w 10000"/>
                  <a:gd name="connsiteY82" fmla="*/ 3250 h 10000"/>
                  <a:gd name="connsiteX83" fmla="*/ 8302 w 10000"/>
                  <a:gd name="connsiteY83" fmla="*/ 3397 h 10000"/>
                  <a:gd name="connsiteX84" fmla="*/ 7815 w 10000"/>
                  <a:gd name="connsiteY84" fmla="*/ 3545 h 10000"/>
                  <a:gd name="connsiteX85" fmla="*/ 7327 w 10000"/>
                  <a:gd name="connsiteY85" fmla="*/ 3678 h 10000"/>
                  <a:gd name="connsiteX86" fmla="*/ 6863 w 10000"/>
                  <a:gd name="connsiteY86" fmla="*/ 3840 h 10000"/>
                  <a:gd name="connsiteX87" fmla="*/ 6632 w 10000"/>
                  <a:gd name="connsiteY87" fmla="*/ 3914 h 10000"/>
                  <a:gd name="connsiteX88" fmla="*/ 6427 w 10000"/>
                  <a:gd name="connsiteY88" fmla="*/ 4003 h 10000"/>
                  <a:gd name="connsiteX89" fmla="*/ 6222 w 10000"/>
                  <a:gd name="connsiteY89" fmla="*/ 4106 h 10000"/>
                  <a:gd name="connsiteX90" fmla="*/ 6014 w 10000"/>
                  <a:gd name="connsiteY90" fmla="*/ 4195 h 10000"/>
                  <a:gd name="connsiteX91" fmla="*/ 6169 w 10000"/>
                  <a:gd name="connsiteY91" fmla="*/ 4417 h 10000"/>
                  <a:gd name="connsiteX92" fmla="*/ 6273 w 10000"/>
                  <a:gd name="connsiteY92" fmla="*/ 4623 h 10000"/>
                  <a:gd name="connsiteX93" fmla="*/ 6375 w 10000"/>
                  <a:gd name="connsiteY93" fmla="*/ 4845 h 10000"/>
                  <a:gd name="connsiteX94" fmla="*/ 6451 w 10000"/>
                  <a:gd name="connsiteY94" fmla="*/ 5081 h 10000"/>
                  <a:gd name="connsiteX95" fmla="*/ 6504 w 10000"/>
                  <a:gd name="connsiteY95" fmla="*/ 5318 h 10000"/>
                  <a:gd name="connsiteX96" fmla="*/ 6530 w 10000"/>
                  <a:gd name="connsiteY96" fmla="*/ 5539 h 10000"/>
                  <a:gd name="connsiteX97" fmla="*/ 6554 w 10000"/>
                  <a:gd name="connsiteY97" fmla="*/ 5775 h 10000"/>
                  <a:gd name="connsiteX98" fmla="*/ 6554 w 10000"/>
                  <a:gd name="connsiteY98" fmla="*/ 5997 h 10000"/>
                  <a:gd name="connsiteX99" fmla="*/ 6530 w 10000"/>
                  <a:gd name="connsiteY99" fmla="*/ 6233 h 10000"/>
                  <a:gd name="connsiteX100" fmla="*/ 6478 w 10000"/>
                  <a:gd name="connsiteY100" fmla="*/ 6470 h 10000"/>
                  <a:gd name="connsiteX101" fmla="*/ 6427 w 10000"/>
                  <a:gd name="connsiteY101" fmla="*/ 6677 h 10000"/>
                  <a:gd name="connsiteX102" fmla="*/ 6350 w 10000"/>
                  <a:gd name="connsiteY102" fmla="*/ 6898 h 10000"/>
                  <a:gd name="connsiteX103" fmla="*/ 6247 w 10000"/>
                  <a:gd name="connsiteY103" fmla="*/ 7105 h 10000"/>
                  <a:gd name="connsiteX104" fmla="*/ 6119 w 10000"/>
                  <a:gd name="connsiteY104" fmla="*/ 7297 h 10000"/>
                  <a:gd name="connsiteX105" fmla="*/ 5964 w 10000"/>
                  <a:gd name="connsiteY105" fmla="*/ 7489 h 10000"/>
                  <a:gd name="connsiteX106" fmla="*/ 5809 w 10000"/>
                  <a:gd name="connsiteY106" fmla="*/ 7681 h 10000"/>
                  <a:gd name="connsiteX107" fmla="*/ 6554 w 10000"/>
                  <a:gd name="connsiteY107" fmla="*/ 7799 h 10000"/>
                  <a:gd name="connsiteX108" fmla="*/ 7327 w 10000"/>
                  <a:gd name="connsiteY108" fmla="*/ 7962 h 10000"/>
                  <a:gd name="connsiteX109" fmla="*/ 7480 w 10000"/>
                  <a:gd name="connsiteY109" fmla="*/ 8021 h 10000"/>
                  <a:gd name="connsiteX110" fmla="*/ 7609 w 10000"/>
                  <a:gd name="connsiteY110" fmla="*/ 8080 h 10000"/>
                  <a:gd name="connsiteX111" fmla="*/ 7737 w 10000"/>
                  <a:gd name="connsiteY111" fmla="*/ 8139 h 10000"/>
                  <a:gd name="connsiteX112" fmla="*/ 7815 w 10000"/>
                  <a:gd name="connsiteY112" fmla="*/ 8227 h 10000"/>
                  <a:gd name="connsiteX113" fmla="*/ 7841 w 10000"/>
                  <a:gd name="connsiteY113" fmla="*/ 8301 h 10000"/>
                  <a:gd name="connsiteX114" fmla="*/ 7841 w 10000"/>
                  <a:gd name="connsiteY114" fmla="*/ 8405 h 10000"/>
                  <a:gd name="connsiteX115" fmla="*/ 7790 w 10000"/>
                  <a:gd name="connsiteY115" fmla="*/ 8523 h 10000"/>
                  <a:gd name="connsiteX116" fmla="*/ 7712 w 10000"/>
                  <a:gd name="connsiteY116" fmla="*/ 8641 h 10000"/>
                  <a:gd name="connsiteX117" fmla="*/ 7378 w 10000"/>
                  <a:gd name="connsiteY117" fmla="*/ 8552 h 10000"/>
                  <a:gd name="connsiteX118" fmla="*/ 7069 w 10000"/>
                  <a:gd name="connsiteY118" fmla="*/ 8449 h 10000"/>
                  <a:gd name="connsiteX119" fmla="*/ 6760 w 10000"/>
                  <a:gd name="connsiteY119" fmla="*/ 8360 h 10000"/>
                  <a:gd name="connsiteX120" fmla="*/ 6451 w 10000"/>
                  <a:gd name="connsiteY120" fmla="*/ 8287 h 10000"/>
                  <a:gd name="connsiteX121" fmla="*/ 6323 w 10000"/>
                  <a:gd name="connsiteY121" fmla="*/ 8449 h 10000"/>
                  <a:gd name="connsiteX122" fmla="*/ 6222 w 10000"/>
                  <a:gd name="connsiteY122" fmla="*/ 8597 h 10000"/>
                  <a:gd name="connsiteX123" fmla="*/ 6169 w 10000"/>
                  <a:gd name="connsiteY123" fmla="*/ 8656 h 10000"/>
                  <a:gd name="connsiteX124" fmla="*/ 6066 w 10000"/>
                  <a:gd name="connsiteY124" fmla="*/ 8700 h 10000"/>
                  <a:gd name="connsiteX125" fmla="*/ 5990 w 10000"/>
                  <a:gd name="connsiteY125" fmla="*/ 8744 h 10000"/>
                  <a:gd name="connsiteX126" fmla="*/ 5913 w 10000"/>
                  <a:gd name="connsiteY126" fmla="*/ 8774 h 10000"/>
                  <a:gd name="connsiteX127" fmla="*/ 5835 w 10000"/>
                  <a:gd name="connsiteY127" fmla="*/ 8804 h 10000"/>
                  <a:gd name="connsiteX128" fmla="*/ 5733 w 10000"/>
                  <a:gd name="connsiteY128" fmla="*/ 8818 h 10000"/>
                  <a:gd name="connsiteX129" fmla="*/ 5603 w 10000"/>
                  <a:gd name="connsiteY129" fmla="*/ 8833 h 10000"/>
                  <a:gd name="connsiteX130" fmla="*/ 5476 w 10000"/>
                  <a:gd name="connsiteY130" fmla="*/ 8833 h 10000"/>
                  <a:gd name="connsiteX131" fmla="*/ 5168 w 10000"/>
                  <a:gd name="connsiteY131" fmla="*/ 8818 h 10000"/>
                  <a:gd name="connsiteX132" fmla="*/ 4781 w 10000"/>
                  <a:gd name="connsiteY132" fmla="*/ 8744 h 10000"/>
                  <a:gd name="connsiteX133" fmla="*/ 4781 w 10000"/>
                  <a:gd name="connsiteY133" fmla="*/ 8922 h 10000"/>
                  <a:gd name="connsiteX134" fmla="*/ 4755 w 10000"/>
                  <a:gd name="connsiteY134" fmla="*/ 9069 h 10000"/>
                  <a:gd name="connsiteX135" fmla="*/ 4731 w 10000"/>
                  <a:gd name="connsiteY135" fmla="*/ 9232 h 10000"/>
                  <a:gd name="connsiteX136" fmla="*/ 4704 w 10000"/>
                  <a:gd name="connsiteY136" fmla="*/ 9365 h 10000"/>
                  <a:gd name="connsiteX137" fmla="*/ 4652 w 10000"/>
                  <a:gd name="connsiteY137" fmla="*/ 9498 h 10000"/>
                  <a:gd name="connsiteX138" fmla="*/ 4551 w 10000"/>
                  <a:gd name="connsiteY138" fmla="*/ 9616 h 10000"/>
                  <a:gd name="connsiteX139" fmla="*/ 4473 w 10000"/>
                  <a:gd name="connsiteY139" fmla="*/ 9734 h 10000"/>
                  <a:gd name="connsiteX140" fmla="*/ 4344 w 10000"/>
                  <a:gd name="connsiteY140" fmla="*/ 9838 h 10000"/>
                  <a:gd name="connsiteX141" fmla="*/ 4034 w 10000"/>
                  <a:gd name="connsiteY141" fmla="*/ 9897 h 10000"/>
                  <a:gd name="connsiteX142" fmla="*/ 3779 w 10000"/>
                  <a:gd name="connsiteY142" fmla="*/ 9941 h 10000"/>
                  <a:gd name="connsiteX143" fmla="*/ 3470 w 10000"/>
                  <a:gd name="connsiteY143" fmla="*/ 9985 h 10000"/>
                  <a:gd name="connsiteX144" fmla="*/ 3239 w 10000"/>
                  <a:gd name="connsiteY144" fmla="*/ 10000 h 10000"/>
                  <a:gd name="connsiteX145" fmla="*/ 2725 w 10000"/>
                  <a:gd name="connsiteY145" fmla="*/ 10000 h 10000"/>
                  <a:gd name="connsiteX146" fmla="*/ 2236 w 10000"/>
                  <a:gd name="connsiteY146" fmla="*/ 9985 h 10000"/>
                  <a:gd name="connsiteX147" fmla="*/ 1775 w 10000"/>
                  <a:gd name="connsiteY147" fmla="*/ 9941 h 10000"/>
                  <a:gd name="connsiteX148" fmla="*/ 1286 w 10000"/>
                  <a:gd name="connsiteY148" fmla="*/ 9911 h 10000"/>
                  <a:gd name="connsiteX149" fmla="*/ 1003 w 10000"/>
                  <a:gd name="connsiteY149" fmla="*/ 9911 h 10000"/>
                  <a:gd name="connsiteX150" fmla="*/ 745 w 10000"/>
                  <a:gd name="connsiteY150" fmla="*/ 9911 h 10000"/>
                  <a:gd name="connsiteX151" fmla="*/ 463 w 10000"/>
                  <a:gd name="connsiteY151" fmla="*/ 9926 h 10000"/>
                  <a:gd name="connsiteX152" fmla="*/ 180 w 10000"/>
                  <a:gd name="connsiteY152" fmla="*/ 9970 h 10000"/>
                  <a:gd name="connsiteX153" fmla="*/ 103 w 10000"/>
                  <a:gd name="connsiteY153" fmla="*/ 9867 h 10000"/>
                  <a:gd name="connsiteX154" fmla="*/ 52 w 10000"/>
                  <a:gd name="connsiteY154" fmla="*/ 9793 h 10000"/>
                  <a:gd name="connsiteX155" fmla="*/ 0 w 10000"/>
                  <a:gd name="connsiteY155" fmla="*/ 9705 h 10000"/>
                  <a:gd name="connsiteX156" fmla="*/ 0 w 10000"/>
                  <a:gd name="connsiteY156" fmla="*/ 9601 h 10000"/>
                  <a:gd name="connsiteX157" fmla="*/ 52 w 10000"/>
                  <a:gd name="connsiteY157" fmla="*/ 9424 h 10000"/>
                  <a:gd name="connsiteX158" fmla="*/ 103 w 10000"/>
                  <a:gd name="connsiteY158" fmla="*/ 9202 h 10000"/>
                  <a:gd name="connsiteX159" fmla="*/ 153 w 10000"/>
                  <a:gd name="connsiteY159" fmla="*/ 8996 h 10000"/>
                  <a:gd name="connsiteX160" fmla="*/ 206 w 10000"/>
                  <a:gd name="connsiteY160" fmla="*/ 8759 h 10000"/>
                  <a:gd name="connsiteX161" fmla="*/ 231 w 10000"/>
                  <a:gd name="connsiteY161" fmla="*/ 8641 h 10000"/>
                  <a:gd name="connsiteX162" fmla="*/ 231 w 10000"/>
                  <a:gd name="connsiteY162" fmla="*/ 8538 h 10000"/>
                  <a:gd name="connsiteX163" fmla="*/ 206 w 10000"/>
                  <a:gd name="connsiteY163" fmla="*/ 8405 h 10000"/>
                  <a:gd name="connsiteX164" fmla="*/ 180 w 10000"/>
                  <a:gd name="connsiteY164" fmla="*/ 8287 h 10000"/>
                  <a:gd name="connsiteX165" fmla="*/ 437 w 10000"/>
                  <a:gd name="connsiteY165" fmla="*/ 8213 h 10000"/>
                  <a:gd name="connsiteX166" fmla="*/ 694 w 10000"/>
                  <a:gd name="connsiteY166" fmla="*/ 8139 h 10000"/>
                  <a:gd name="connsiteX167" fmla="*/ 951 w 10000"/>
                  <a:gd name="connsiteY167" fmla="*/ 8095 h 10000"/>
                  <a:gd name="connsiteX168" fmla="*/ 1234 w 10000"/>
                  <a:gd name="connsiteY168" fmla="*/ 8065 h 10000"/>
                  <a:gd name="connsiteX169" fmla="*/ 1747 w 10000"/>
                  <a:gd name="connsiteY169" fmla="*/ 8021 h 10000"/>
                  <a:gd name="connsiteX170" fmla="*/ 2263 w 10000"/>
                  <a:gd name="connsiteY170" fmla="*/ 7976 h 10000"/>
                  <a:gd name="connsiteX171" fmla="*/ 2494 w 10000"/>
                  <a:gd name="connsiteY171" fmla="*/ 7947 h 10000"/>
                  <a:gd name="connsiteX172" fmla="*/ 2725 w 10000"/>
                  <a:gd name="connsiteY172" fmla="*/ 7917 h 10000"/>
                  <a:gd name="connsiteX173" fmla="*/ 2929 w 10000"/>
                  <a:gd name="connsiteY173" fmla="*/ 7843 h 10000"/>
                  <a:gd name="connsiteX174" fmla="*/ 3136 w 10000"/>
                  <a:gd name="connsiteY174" fmla="*/ 7784 h 10000"/>
                  <a:gd name="connsiteX175" fmla="*/ 3316 w 10000"/>
                  <a:gd name="connsiteY175" fmla="*/ 7710 h 10000"/>
                  <a:gd name="connsiteX176" fmla="*/ 3470 w 10000"/>
                  <a:gd name="connsiteY176" fmla="*/ 7592 h 10000"/>
                  <a:gd name="connsiteX177" fmla="*/ 3625 w 10000"/>
                  <a:gd name="connsiteY177" fmla="*/ 7474 h 10000"/>
                  <a:gd name="connsiteX178" fmla="*/ 3727 w 10000"/>
                  <a:gd name="connsiteY178" fmla="*/ 7312 h 10000"/>
                  <a:gd name="connsiteX179" fmla="*/ 3522 w 10000"/>
                  <a:gd name="connsiteY179" fmla="*/ 7238 h 10000"/>
                  <a:gd name="connsiteX180" fmla="*/ 3341 w 10000"/>
                  <a:gd name="connsiteY180" fmla="*/ 7179 h 10000"/>
                  <a:gd name="connsiteX181" fmla="*/ 3187 w 10000"/>
                  <a:gd name="connsiteY181" fmla="*/ 7090 h 10000"/>
                  <a:gd name="connsiteX182" fmla="*/ 3034 w 10000"/>
                  <a:gd name="connsiteY182" fmla="*/ 6987 h 10000"/>
                  <a:gd name="connsiteX183" fmla="*/ 2929 w 10000"/>
                  <a:gd name="connsiteY183" fmla="*/ 6869 h 10000"/>
                  <a:gd name="connsiteX184" fmla="*/ 2880 w 10000"/>
                  <a:gd name="connsiteY184" fmla="*/ 6721 h 10000"/>
                  <a:gd name="connsiteX185" fmla="*/ 2853 w 10000"/>
                  <a:gd name="connsiteY185" fmla="*/ 6558 h 10000"/>
                  <a:gd name="connsiteX186" fmla="*/ 2880 w 10000"/>
                  <a:gd name="connsiteY186" fmla="*/ 6352 h 10000"/>
                  <a:gd name="connsiteX187" fmla="*/ 2751 w 10000"/>
                  <a:gd name="connsiteY187" fmla="*/ 6322 h 10000"/>
                  <a:gd name="connsiteX188" fmla="*/ 2597 w 10000"/>
                  <a:gd name="connsiteY188" fmla="*/ 6292 h 10000"/>
                  <a:gd name="connsiteX189" fmla="*/ 2417 w 10000"/>
                  <a:gd name="connsiteY189" fmla="*/ 6278 h 10000"/>
                  <a:gd name="connsiteX190" fmla="*/ 2236 w 10000"/>
                  <a:gd name="connsiteY190" fmla="*/ 6263 h 10000"/>
                  <a:gd name="connsiteX191" fmla="*/ 1877 w 10000"/>
                  <a:gd name="connsiteY191" fmla="*/ 6248 h 10000"/>
                  <a:gd name="connsiteX192" fmla="*/ 1491 w 10000"/>
                  <a:gd name="connsiteY192" fmla="*/ 6263 h 10000"/>
                  <a:gd name="connsiteX193" fmla="*/ 1158 w 10000"/>
                  <a:gd name="connsiteY193" fmla="*/ 6278 h 10000"/>
                  <a:gd name="connsiteX194" fmla="*/ 848 w 10000"/>
                  <a:gd name="connsiteY194" fmla="*/ 6278 h 10000"/>
                  <a:gd name="connsiteX195" fmla="*/ 593 w 10000"/>
                  <a:gd name="connsiteY195" fmla="*/ 6263 h 10000"/>
                  <a:gd name="connsiteX196" fmla="*/ 386 w 10000"/>
                  <a:gd name="connsiteY196" fmla="*/ 6233 h 10000"/>
                  <a:gd name="connsiteX197" fmla="*/ 641 w 10000"/>
                  <a:gd name="connsiteY197" fmla="*/ 5805 h 10000"/>
                  <a:gd name="connsiteX198" fmla="*/ 926 w 10000"/>
                  <a:gd name="connsiteY198" fmla="*/ 5391 h 10000"/>
                  <a:gd name="connsiteX199" fmla="*/ 1029 w 10000"/>
                  <a:gd name="connsiteY199" fmla="*/ 5170 h 10000"/>
                  <a:gd name="connsiteX200" fmla="*/ 1105 w 10000"/>
                  <a:gd name="connsiteY200" fmla="*/ 4963 h 10000"/>
                  <a:gd name="connsiteX201" fmla="*/ 1130 w 10000"/>
                  <a:gd name="connsiteY201" fmla="*/ 4860 h 10000"/>
                  <a:gd name="connsiteX202" fmla="*/ 1105 w 10000"/>
                  <a:gd name="connsiteY202" fmla="*/ 4756 h 10000"/>
                  <a:gd name="connsiteX203" fmla="*/ 1080 w 10000"/>
                  <a:gd name="connsiteY203" fmla="*/ 4653 h 10000"/>
                  <a:gd name="connsiteX204" fmla="*/ 1003 w 10000"/>
                  <a:gd name="connsiteY204" fmla="*/ 4549 h 10000"/>
                  <a:gd name="connsiteX205" fmla="*/ 1286 w 10000"/>
                  <a:gd name="connsiteY205" fmla="*/ 4520 h 10000"/>
                  <a:gd name="connsiteX206" fmla="*/ 1491 w 10000"/>
                  <a:gd name="connsiteY206" fmla="*/ 4505 h 10000"/>
                  <a:gd name="connsiteX207" fmla="*/ 1671 w 10000"/>
                  <a:gd name="connsiteY207" fmla="*/ 4505 h 10000"/>
                  <a:gd name="connsiteX208" fmla="*/ 1825 w 10000"/>
                  <a:gd name="connsiteY208" fmla="*/ 4520 h 10000"/>
                  <a:gd name="connsiteX209" fmla="*/ 1954 w 10000"/>
                  <a:gd name="connsiteY209" fmla="*/ 4520 h 10000"/>
                  <a:gd name="connsiteX210" fmla="*/ 2108 w 10000"/>
                  <a:gd name="connsiteY210" fmla="*/ 4520 h 10000"/>
                  <a:gd name="connsiteX211" fmla="*/ 2263 w 10000"/>
                  <a:gd name="connsiteY211" fmla="*/ 4490 h 10000"/>
                  <a:gd name="connsiteX212" fmla="*/ 2467 w 10000"/>
                  <a:gd name="connsiteY212" fmla="*/ 4446 h 10000"/>
                  <a:gd name="connsiteX213" fmla="*/ 2467 w 10000"/>
                  <a:gd name="connsiteY213" fmla="*/ 4579 h 10000"/>
                  <a:gd name="connsiteX214" fmla="*/ 2467 w 10000"/>
                  <a:gd name="connsiteY214" fmla="*/ 4742 h 10000"/>
                  <a:gd name="connsiteX215" fmla="*/ 2467 w 10000"/>
                  <a:gd name="connsiteY215" fmla="*/ 4874 h 10000"/>
                  <a:gd name="connsiteX216" fmla="*/ 2467 w 10000"/>
                  <a:gd name="connsiteY216" fmla="*/ 5037 h 10000"/>
                  <a:gd name="connsiteX217" fmla="*/ 2699 w 10000"/>
                  <a:gd name="connsiteY217" fmla="*/ 5022 h 10000"/>
                  <a:gd name="connsiteX218" fmla="*/ 2853 w 10000"/>
                  <a:gd name="connsiteY218" fmla="*/ 5037 h 10000"/>
                  <a:gd name="connsiteX219" fmla="*/ 2982 w 10000"/>
                  <a:gd name="connsiteY219" fmla="*/ 5066 h 10000"/>
                  <a:gd name="connsiteX220" fmla="*/ 3111 w 10000"/>
                  <a:gd name="connsiteY220" fmla="*/ 5096 h 10000"/>
                  <a:gd name="connsiteX221" fmla="*/ 3214 w 10000"/>
                  <a:gd name="connsiteY221" fmla="*/ 5126 h 10000"/>
                  <a:gd name="connsiteX222" fmla="*/ 3341 w 10000"/>
                  <a:gd name="connsiteY222" fmla="*/ 5155 h 10000"/>
                  <a:gd name="connsiteX223" fmla="*/ 3496 w 10000"/>
                  <a:gd name="connsiteY223" fmla="*/ 5170 h 10000"/>
                  <a:gd name="connsiteX224" fmla="*/ 3727 w 10000"/>
                  <a:gd name="connsiteY224" fmla="*/ 5155 h 10000"/>
                  <a:gd name="connsiteX225" fmla="*/ 3805 w 10000"/>
                  <a:gd name="connsiteY225" fmla="*/ 5096 h 10000"/>
                  <a:gd name="connsiteX226" fmla="*/ 3881 w 10000"/>
                  <a:gd name="connsiteY226" fmla="*/ 5022 h 10000"/>
                  <a:gd name="connsiteX227" fmla="*/ 3907 w 10000"/>
                  <a:gd name="connsiteY227" fmla="*/ 4934 h 10000"/>
                  <a:gd name="connsiteX228" fmla="*/ 3934 w 10000"/>
                  <a:gd name="connsiteY228" fmla="*/ 4860 h 10000"/>
                  <a:gd name="connsiteX229" fmla="*/ 3958 w 10000"/>
                  <a:gd name="connsiteY229" fmla="*/ 4697 h 10000"/>
                  <a:gd name="connsiteX230" fmla="*/ 3934 w 10000"/>
                  <a:gd name="connsiteY230" fmla="*/ 4520 h 10000"/>
                  <a:gd name="connsiteX231" fmla="*/ 3856 w 10000"/>
                  <a:gd name="connsiteY231" fmla="*/ 4343 h 10000"/>
                  <a:gd name="connsiteX232" fmla="*/ 3779 w 10000"/>
                  <a:gd name="connsiteY232" fmla="*/ 4195 h 10000"/>
                  <a:gd name="connsiteX233" fmla="*/ 3650 w 10000"/>
                  <a:gd name="connsiteY233" fmla="*/ 4047 h 10000"/>
                  <a:gd name="connsiteX234" fmla="*/ 3522 w 10000"/>
                  <a:gd name="connsiteY234" fmla="*/ 3959 h 10000"/>
                  <a:gd name="connsiteX235" fmla="*/ 3676 w 10000"/>
                  <a:gd name="connsiteY235" fmla="*/ 3944 h 10000"/>
                  <a:gd name="connsiteX236" fmla="*/ 3805 w 10000"/>
                  <a:gd name="connsiteY236" fmla="*/ 3914 h 10000"/>
                  <a:gd name="connsiteX237" fmla="*/ 3907 w 10000"/>
                  <a:gd name="connsiteY237" fmla="*/ 3855 h 10000"/>
                  <a:gd name="connsiteX238" fmla="*/ 4034 w 10000"/>
                  <a:gd name="connsiteY238" fmla="*/ 3752 h 10000"/>
                  <a:gd name="connsiteX239" fmla="*/ 4164 w 10000"/>
                  <a:gd name="connsiteY239" fmla="*/ 3663 h 10000"/>
                  <a:gd name="connsiteX240" fmla="*/ 4267 w 10000"/>
                  <a:gd name="connsiteY240" fmla="*/ 3560 h 10000"/>
                  <a:gd name="connsiteX241" fmla="*/ 4344 w 10000"/>
                  <a:gd name="connsiteY241" fmla="*/ 3442 h 10000"/>
                  <a:gd name="connsiteX242" fmla="*/ 4422 w 10000"/>
                  <a:gd name="connsiteY242" fmla="*/ 3323 h 10000"/>
                  <a:gd name="connsiteX243" fmla="*/ 4473 w 10000"/>
                  <a:gd name="connsiteY243" fmla="*/ 3220 h 10000"/>
                  <a:gd name="connsiteX244" fmla="*/ 4498 w 10000"/>
                  <a:gd name="connsiteY244" fmla="*/ 3102 h 10000"/>
                  <a:gd name="connsiteX245" fmla="*/ 4525 w 10000"/>
                  <a:gd name="connsiteY245" fmla="*/ 3013 h 10000"/>
                  <a:gd name="connsiteX246" fmla="*/ 4498 w 10000"/>
                  <a:gd name="connsiteY246" fmla="*/ 2939 h 10000"/>
                  <a:gd name="connsiteX247" fmla="*/ 4473 w 10000"/>
                  <a:gd name="connsiteY247" fmla="*/ 2866 h 10000"/>
                  <a:gd name="connsiteX248" fmla="*/ 4396 w 10000"/>
                  <a:gd name="connsiteY248" fmla="*/ 2836 h 10000"/>
                  <a:gd name="connsiteX249" fmla="*/ 4294 w 10000"/>
                  <a:gd name="connsiteY249" fmla="*/ 2836 h 10000"/>
                  <a:gd name="connsiteX250" fmla="*/ 4164 w 10000"/>
                  <a:gd name="connsiteY250" fmla="*/ 2866 h 10000"/>
                  <a:gd name="connsiteX251" fmla="*/ 4267 w 10000"/>
                  <a:gd name="connsiteY251" fmla="*/ 2777 h 10000"/>
                  <a:gd name="connsiteX252" fmla="*/ 4320 w 10000"/>
                  <a:gd name="connsiteY252" fmla="*/ 2674 h 10000"/>
                  <a:gd name="connsiteX253" fmla="*/ 4344 w 10000"/>
                  <a:gd name="connsiteY253" fmla="*/ 2541 h 10000"/>
                  <a:gd name="connsiteX254" fmla="*/ 4344 w 10000"/>
                  <a:gd name="connsiteY254" fmla="*/ 2393 h 10000"/>
                  <a:gd name="connsiteX255" fmla="*/ 4369 w 10000"/>
                  <a:gd name="connsiteY255" fmla="*/ 2349 h 10000"/>
                  <a:gd name="connsiteX256" fmla="*/ 4422 w 10000"/>
                  <a:gd name="connsiteY256" fmla="*/ 2304 h 10000"/>
                  <a:gd name="connsiteX257" fmla="*/ 4473 w 10000"/>
                  <a:gd name="connsiteY257" fmla="*/ 2290 h 10000"/>
                  <a:gd name="connsiteX258" fmla="*/ 4551 w 10000"/>
                  <a:gd name="connsiteY258" fmla="*/ 2275 h 10000"/>
                  <a:gd name="connsiteX259" fmla="*/ 4781 w 10000"/>
                  <a:gd name="connsiteY259" fmla="*/ 2260 h 10000"/>
                  <a:gd name="connsiteX260" fmla="*/ 4986 w 10000"/>
                  <a:gd name="connsiteY260" fmla="*/ 2275 h 10000"/>
                  <a:gd name="connsiteX261" fmla="*/ 4961 w 10000"/>
                  <a:gd name="connsiteY261" fmla="*/ 2112 h 10000"/>
                  <a:gd name="connsiteX262" fmla="*/ 4910 w 10000"/>
                  <a:gd name="connsiteY262" fmla="*/ 1950 h 10000"/>
                  <a:gd name="connsiteX263" fmla="*/ 4832 w 10000"/>
                  <a:gd name="connsiteY263" fmla="*/ 1802 h 10000"/>
                  <a:gd name="connsiteX264" fmla="*/ 4731 w 10000"/>
                  <a:gd name="connsiteY264" fmla="*/ 1640 h 10000"/>
                  <a:gd name="connsiteX265" fmla="*/ 4473 w 10000"/>
                  <a:gd name="connsiteY265" fmla="*/ 1329 h 10000"/>
                  <a:gd name="connsiteX266" fmla="*/ 4216 w 10000"/>
                  <a:gd name="connsiteY266" fmla="*/ 1034 h 10000"/>
                  <a:gd name="connsiteX267" fmla="*/ 4087 w 10000"/>
                  <a:gd name="connsiteY267" fmla="*/ 901 h 10000"/>
                  <a:gd name="connsiteX268" fmla="*/ 3986 w 10000"/>
                  <a:gd name="connsiteY268" fmla="*/ 753 h 10000"/>
                  <a:gd name="connsiteX269" fmla="*/ 3907 w 10000"/>
                  <a:gd name="connsiteY269" fmla="*/ 620 h 10000"/>
                  <a:gd name="connsiteX270" fmla="*/ 3881 w 10000"/>
                  <a:gd name="connsiteY270" fmla="*/ 487 h 10000"/>
                  <a:gd name="connsiteX271" fmla="*/ 3856 w 10000"/>
                  <a:gd name="connsiteY271" fmla="*/ 355 h 10000"/>
                  <a:gd name="connsiteX272" fmla="*/ 3907 w 10000"/>
                  <a:gd name="connsiteY272" fmla="*/ 222 h 10000"/>
                  <a:gd name="connsiteX273" fmla="*/ 3934 w 10000"/>
                  <a:gd name="connsiteY273" fmla="*/ 162 h 10000"/>
                  <a:gd name="connsiteX274" fmla="*/ 3986 w 10000"/>
                  <a:gd name="connsiteY274" fmla="*/ 103 h 10000"/>
                  <a:gd name="connsiteX275" fmla="*/ 4063 w 10000"/>
                  <a:gd name="connsiteY275" fmla="*/ 59 h 10000"/>
                  <a:gd name="connsiteX276" fmla="*/ 4164 w 10000"/>
                  <a:gd name="connsiteY276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943 w 10000"/>
                  <a:gd name="connsiteY51" fmla="*/ 4027 h 10000"/>
                  <a:gd name="connsiteX52" fmla="*/ 7274 w 10000"/>
                  <a:gd name="connsiteY52" fmla="*/ 4313 h 10000"/>
                  <a:gd name="connsiteX53" fmla="*/ 7274 w 10000"/>
                  <a:gd name="connsiteY53" fmla="*/ 4431 h 10000"/>
                  <a:gd name="connsiteX54" fmla="*/ 7274 w 10000"/>
                  <a:gd name="connsiteY54" fmla="*/ 4549 h 10000"/>
                  <a:gd name="connsiteX55" fmla="*/ 7224 w 10000"/>
                  <a:gd name="connsiteY55" fmla="*/ 4564 h 10000"/>
                  <a:gd name="connsiteX56" fmla="*/ 7095 w 10000"/>
                  <a:gd name="connsiteY56" fmla="*/ 4638 h 10000"/>
                  <a:gd name="connsiteX57" fmla="*/ 7095 w 10000"/>
                  <a:gd name="connsiteY57" fmla="*/ 4697 h 10000"/>
                  <a:gd name="connsiteX58" fmla="*/ 7069 w 10000"/>
                  <a:gd name="connsiteY58" fmla="*/ 4801 h 10000"/>
                  <a:gd name="connsiteX59" fmla="*/ 7069 w 10000"/>
                  <a:gd name="connsiteY59" fmla="*/ 4904 h 10000"/>
                  <a:gd name="connsiteX60" fmla="*/ 6941 w 10000"/>
                  <a:gd name="connsiteY60" fmla="*/ 4860 h 10000"/>
                  <a:gd name="connsiteX61" fmla="*/ 6863 w 10000"/>
                  <a:gd name="connsiteY61" fmla="*/ 4801 h 10000"/>
                  <a:gd name="connsiteX62" fmla="*/ 6786 w 10000"/>
                  <a:gd name="connsiteY62" fmla="*/ 4727 h 10000"/>
                  <a:gd name="connsiteX63" fmla="*/ 6710 w 10000"/>
                  <a:gd name="connsiteY63" fmla="*/ 4638 h 10000"/>
                  <a:gd name="connsiteX64" fmla="*/ 6582 w 10000"/>
                  <a:gd name="connsiteY64" fmla="*/ 4476 h 10000"/>
                  <a:gd name="connsiteX65" fmla="*/ 6451 w 10000"/>
                  <a:gd name="connsiteY65" fmla="*/ 4313 h 10000"/>
                  <a:gd name="connsiteX66" fmla="*/ 6607 w 10000"/>
                  <a:gd name="connsiteY66" fmla="*/ 4210 h 10000"/>
                  <a:gd name="connsiteX67" fmla="*/ 6812 w 10000"/>
                  <a:gd name="connsiteY67" fmla="*/ 4121 h 10000"/>
                  <a:gd name="connsiteX68" fmla="*/ 7301 w 10000"/>
                  <a:gd name="connsiteY68" fmla="*/ 3959 h 10000"/>
                  <a:gd name="connsiteX69" fmla="*/ 8895 w 10000"/>
                  <a:gd name="connsiteY69" fmla="*/ 3516 h 10000"/>
                  <a:gd name="connsiteX70" fmla="*/ 9100 w 10000"/>
                  <a:gd name="connsiteY70" fmla="*/ 3412 h 10000"/>
                  <a:gd name="connsiteX71" fmla="*/ 9306 w 10000"/>
                  <a:gd name="connsiteY71" fmla="*/ 3338 h 10000"/>
                  <a:gd name="connsiteX72" fmla="*/ 9435 w 10000"/>
                  <a:gd name="connsiteY72" fmla="*/ 3235 h 10000"/>
                  <a:gd name="connsiteX73" fmla="*/ 9536 w 10000"/>
                  <a:gd name="connsiteY73" fmla="*/ 3117 h 10000"/>
                  <a:gd name="connsiteX74" fmla="*/ 9563 w 10000"/>
                  <a:gd name="connsiteY74" fmla="*/ 3072 h 10000"/>
                  <a:gd name="connsiteX75" fmla="*/ 9588 w 10000"/>
                  <a:gd name="connsiteY75" fmla="*/ 3013 h 10000"/>
                  <a:gd name="connsiteX76" fmla="*/ 9588 w 10000"/>
                  <a:gd name="connsiteY76" fmla="*/ 2954 h 10000"/>
                  <a:gd name="connsiteX77" fmla="*/ 9563 w 10000"/>
                  <a:gd name="connsiteY77" fmla="*/ 2866 h 10000"/>
                  <a:gd name="connsiteX78" fmla="*/ 9383 w 10000"/>
                  <a:gd name="connsiteY78" fmla="*/ 2984 h 10000"/>
                  <a:gd name="connsiteX79" fmla="*/ 9178 w 10000"/>
                  <a:gd name="connsiteY79" fmla="*/ 3072 h 10000"/>
                  <a:gd name="connsiteX80" fmla="*/ 8971 w 10000"/>
                  <a:gd name="connsiteY80" fmla="*/ 3161 h 10000"/>
                  <a:gd name="connsiteX81" fmla="*/ 8766 w 10000"/>
                  <a:gd name="connsiteY81" fmla="*/ 3250 h 10000"/>
                  <a:gd name="connsiteX82" fmla="*/ 8302 w 10000"/>
                  <a:gd name="connsiteY82" fmla="*/ 3397 h 10000"/>
                  <a:gd name="connsiteX83" fmla="*/ 7815 w 10000"/>
                  <a:gd name="connsiteY83" fmla="*/ 3545 h 10000"/>
                  <a:gd name="connsiteX84" fmla="*/ 7327 w 10000"/>
                  <a:gd name="connsiteY84" fmla="*/ 3678 h 10000"/>
                  <a:gd name="connsiteX85" fmla="*/ 6863 w 10000"/>
                  <a:gd name="connsiteY85" fmla="*/ 3840 h 10000"/>
                  <a:gd name="connsiteX86" fmla="*/ 6632 w 10000"/>
                  <a:gd name="connsiteY86" fmla="*/ 3914 h 10000"/>
                  <a:gd name="connsiteX87" fmla="*/ 6427 w 10000"/>
                  <a:gd name="connsiteY87" fmla="*/ 4003 h 10000"/>
                  <a:gd name="connsiteX88" fmla="*/ 6222 w 10000"/>
                  <a:gd name="connsiteY88" fmla="*/ 4106 h 10000"/>
                  <a:gd name="connsiteX89" fmla="*/ 6014 w 10000"/>
                  <a:gd name="connsiteY89" fmla="*/ 4195 h 10000"/>
                  <a:gd name="connsiteX90" fmla="*/ 6169 w 10000"/>
                  <a:gd name="connsiteY90" fmla="*/ 4417 h 10000"/>
                  <a:gd name="connsiteX91" fmla="*/ 6273 w 10000"/>
                  <a:gd name="connsiteY91" fmla="*/ 4623 h 10000"/>
                  <a:gd name="connsiteX92" fmla="*/ 6375 w 10000"/>
                  <a:gd name="connsiteY92" fmla="*/ 4845 h 10000"/>
                  <a:gd name="connsiteX93" fmla="*/ 6451 w 10000"/>
                  <a:gd name="connsiteY93" fmla="*/ 5081 h 10000"/>
                  <a:gd name="connsiteX94" fmla="*/ 6504 w 10000"/>
                  <a:gd name="connsiteY94" fmla="*/ 5318 h 10000"/>
                  <a:gd name="connsiteX95" fmla="*/ 6530 w 10000"/>
                  <a:gd name="connsiteY95" fmla="*/ 5539 h 10000"/>
                  <a:gd name="connsiteX96" fmla="*/ 6554 w 10000"/>
                  <a:gd name="connsiteY96" fmla="*/ 5775 h 10000"/>
                  <a:gd name="connsiteX97" fmla="*/ 6554 w 10000"/>
                  <a:gd name="connsiteY97" fmla="*/ 5997 h 10000"/>
                  <a:gd name="connsiteX98" fmla="*/ 6530 w 10000"/>
                  <a:gd name="connsiteY98" fmla="*/ 6233 h 10000"/>
                  <a:gd name="connsiteX99" fmla="*/ 6478 w 10000"/>
                  <a:gd name="connsiteY99" fmla="*/ 6470 h 10000"/>
                  <a:gd name="connsiteX100" fmla="*/ 6427 w 10000"/>
                  <a:gd name="connsiteY100" fmla="*/ 6677 h 10000"/>
                  <a:gd name="connsiteX101" fmla="*/ 6350 w 10000"/>
                  <a:gd name="connsiteY101" fmla="*/ 6898 h 10000"/>
                  <a:gd name="connsiteX102" fmla="*/ 6247 w 10000"/>
                  <a:gd name="connsiteY102" fmla="*/ 7105 h 10000"/>
                  <a:gd name="connsiteX103" fmla="*/ 6119 w 10000"/>
                  <a:gd name="connsiteY103" fmla="*/ 7297 h 10000"/>
                  <a:gd name="connsiteX104" fmla="*/ 5964 w 10000"/>
                  <a:gd name="connsiteY104" fmla="*/ 7489 h 10000"/>
                  <a:gd name="connsiteX105" fmla="*/ 5809 w 10000"/>
                  <a:gd name="connsiteY105" fmla="*/ 7681 h 10000"/>
                  <a:gd name="connsiteX106" fmla="*/ 6554 w 10000"/>
                  <a:gd name="connsiteY106" fmla="*/ 7799 h 10000"/>
                  <a:gd name="connsiteX107" fmla="*/ 7327 w 10000"/>
                  <a:gd name="connsiteY107" fmla="*/ 7962 h 10000"/>
                  <a:gd name="connsiteX108" fmla="*/ 7480 w 10000"/>
                  <a:gd name="connsiteY108" fmla="*/ 8021 h 10000"/>
                  <a:gd name="connsiteX109" fmla="*/ 7609 w 10000"/>
                  <a:gd name="connsiteY109" fmla="*/ 8080 h 10000"/>
                  <a:gd name="connsiteX110" fmla="*/ 7737 w 10000"/>
                  <a:gd name="connsiteY110" fmla="*/ 8139 h 10000"/>
                  <a:gd name="connsiteX111" fmla="*/ 7815 w 10000"/>
                  <a:gd name="connsiteY111" fmla="*/ 8227 h 10000"/>
                  <a:gd name="connsiteX112" fmla="*/ 7841 w 10000"/>
                  <a:gd name="connsiteY112" fmla="*/ 8301 h 10000"/>
                  <a:gd name="connsiteX113" fmla="*/ 7841 w 10000"/>
                  <a:gd name="connsiteY113" fmla="*/ 8405 h 10000"/>
                  <a:gd name="connsiteX114" fmla="*/ 7790 w 10000"/>
                  <a:gd name="connsiteY114" fmla="*/ 8523 h 10000"/>
                  <a:gd name="connsiteX115" fmla="*/ 7712 w 10000"/>
                  <a:gd name="connsiteY115" fmla="*/ 8641 h 10000"/>
                  <a:gd name="connsiteX116" fmla="*/ 7378 w 10000"/>
                  <a:gd name="connsiteY116" fmla="*/ 8552 h 10000"/>
                  <a:gd name="connsiteX117" fmla="*/ 7069 w 10000"/>
                  <a:gd name="connsiteY117" fmla="*/ 8449 h 10000"/>
                  <a:gd name="connsiteX118" fmla="*/ 6760 w 10000"/>
                  <a:gd name="connsiteY118" fmla="*/ 8360 h 10000"/>
                  <a:gd name="connsiteX119" fmla="*/ 6451 w 10000"/>
                  <a:gd name="connsiteY119" fmla="*/ 8287 h 10000"/>
                  <a:gd name="connsiteX120" fmla="*/ 6323 w 10000"/>
                  <a:gd name="connsiteY120" fmla="*/ 8449 h 10000"/>
                  <a:gd name="connsiteX121" fmla="*/ 6222 w 10000"/>
                  <a:gd name="connsiteY121" fmla="*/ 8597 h 10000"/>
                  <a:gd name="connsiteX122" fmla="*/ 6169 w 10000"/>
                  <a:gd name="connsiteY122" fmla="*/ 8656 h 10000"/>
                  <a:gd name="connsiteX123" fmla="*/ 6066 w 10000"/>
                  <a:gd name="connsiteY123" fmla="*/ 8700 h 10000"/>
                  <a:gd name="connsiteX124" fmla="*/ 5990 w 10000"/>
                  <a:gd name="connsiteY124" fmla="*/ 8744 h 10000"/>
                  <a:gd name="connsiteX125" fmla="*/ 5913 w 10000"/>
                  <a:gd name="connsiteY125" fmla="*/ 8774 h 10000"/>
                  <a:gd name="connsiteX126" fmla="*/ 5835 w 10000"/>
                  <a:gd name="connsiteY126" fmla="*/ 8804 h 10000"/>
                  <a:gd name="connsiteX127" fmla="*/ 5733 w 10000"/>
                  <a:gd name="connsiteY127" fmla="*/ 8818 h 10000"/>
                  <a:gd name="connsiteX128" fmla="*/ 5603 w 10000"/>
                  <a:gd name="connsiteY128" fmla="*/ 8833 h 10000"/>
                  <a:gd name="connsiteX129" fmla="*/ 5476 w 10000"/>
                  <a:gd name="connsiteY129" fmla="*/ 8833 h 10000"/>
                  <a:gd name="connsiteX130" fmla="*/ 5168 w 10000"/>
                  <a:gd name="connsiteY130" fmla="*/ 8818 h 10000"/>
                  <a:gd name="connsiteX131" fmla="*/ 4781 w 10000"/>
                  <a:gd name="connsiteY131" fmla="*/ 8744 h 10000"/>
                  <a:gd name="connsiteX132" fmla="*/ 4781 w 10000"/>
                  <a:gd name="connsiteY132" fmla="*/ 8922 h 10000"/>
                  <a:gd name="connsiteX133" fmla="*/ 4755 w 10000"/>
                  <a:gd name="connsiteY133" fmla="*/ 9069 h 10000"/>
                  <a:gd name="connsiteX134" fmla="*/ 4731 w 10000"/>
                  <a:gd name="connsiteY134" fmla="*/ 9232 h 10000"/>
                  <a:gd name="connsiteX135" fmla="*/ 4704 w 10000"/>
                  <a:gd name="connsiteY135" fmla="*/ 9365 h 10000"/>
                  <a:gd name="connsiteX136" fmla="*/ 4652 w 10000"/>
                  <a:gd name="connsiteY136" fmla="*/ 9498 h 10000"/>
                  <a:gd name="connsiteX137" fmla="*/ 4551 w 10000"/>
                  <a:gd name="connsiteY137" fmla="*/ 9616 h 10000"/>
                  <a:gd name="connsiteX138" fmla="*/ 4473 w 10000"/>
                  <a:gd name="connsiteY138" fmla="*/ 9734 h 10000"/>
                  <a:gd name="connsiteX139" fmla="*/ 4344 w 10000"/>
                  <a:gd name="connsiteY139" fmla="*/ 9838 h 10000"/>
                  <a:gd name="connsiteX140" fmla="*/ 4034 w 10000"/>
                  <a:gd name="connsiteY140" fmla="*/ 9897 h 10000"/>
                  <a:gd name="connsiteX141" fmla="*/ 3779 w 10000"/>
                  <a:gd name="connsiteY141" fmla="*/ 9941 h 10000"/>
                  <a:gd name="connsiteX142" fmla="*/ 3470 w 10000"/>
                  <a:gd name="connsiteY142" fmla="*/ 9985 h 10000"/>
                  <a:gd name="connsiteX143" fmla="*/ 3239 w 10000"/>
                  <a:gd name="connsiteY143" fmla="*/ 10000 h 10000"/>
                  <a:gd name="connsiteX144" fmla="*/ 2725 w 10000"/>
                  <a:gd name="connsiteY144" fmla="*/ 10000 h 10000"/>
                  <a:gd name="connsiteX145" fmla="*/ 2236 w 10000"/>
                  <a:gd name="connsiteY145" fmla="*/ 9985 h 10000"/>
                  <a:gd name="connsiteX146" fmla="*/ 1775 w 10000"/>
                  <a:gd name="connsiteY146" fmla="*/ 9941 h 10000"/>
                  <a:gd name="connsiteX147" fmla="*/ 1286 w 10000"/>
                  <a:gd name="connsiteY147" fmla="*/ 9911 h 10000"/>
                  <a:gd name="connsiteX148" fmla="*/ 1003 w 10000"/>
                  <a:gd name="connsiteY148" fmla="*/ 9911 h 10000"/>
                  <a:gd name="connsiteX149" fmla="*/ 745 w 10000"/>
                  <a:gd name="connsiteY149" fmla="*/ 9911 h 10000"/>
                  <a:gd name="connsiteX150" fmla="*/ 463 w 10000"/>
                  <a:gd name="connsiteY150" fmla="*/ 9926 h 10000"/>
                  <a:gd name="connsiteX151" fmla="*/ 180 w 10000"/>
                  <a:gd name="connsiteY151" fmla="*/ 9970 h 10000"/>
                  <a:gd name="connsiteX152" fmla="*/ 103 w 10000"/>
                  <a:gd name="connsiteY152" fmla="*/ 9867 h 10000"/>
                  <a:gd name="connsiteX153" fmla="*/ 52 w 10000"/>
                  <a:gd name="connsiteY153" fmla="*/ 9793 h 10000"/>
                  <a:gd name="connsiteX154" fmla="*/ 0 w 10000"/>
                  <a:gd name="connsiteY154" fmla="*/ 9705 h 10000"/>
                  <a:gd name="connsiteX155" fmla="*/ 0 w 10000"/>
                  <a:gd name="connsiteY155" fmla="*/ 9601 h 10000"/>
                  <a:gd name="connsiteX156" fmla="*/ 52 w 10000"/>
                  <a:gd name="connsiteY156" fmla="*/ 9424 h 10000"/>
                  <a:gd name="connsiteX157" fmla="*/ 103 w 10000"/>
                  <a:gd name="connsiteY157" fmla="*/ 9202 h 10000"/>
                  <a:gd name="connsiteX158" fmla="*/ 153 w 10000"/>
                  <a:gd name="connsiteY158" fmla="*/ 8996 h 10000"/>
                  <a:gd name="connsiteX159" fmla="*/ 206 w 10000"/>
                  <a:gd name="connsiteY159" fmla="*/ 8759 h 10000"/>
                  <a:gd name="connsiteX160" fmla="*/ 231 w 10000"/>
                  <a:gd name="connsiteY160" fmla="*/ 8641 h 10000"/>
                  <a:gd name="connsiteX161" fmla="*/ 231 w 10000"/>
                  <a:gd name="connsiteY161" fmla="*/ 8538 h 10000"/>
                  <a:gd name="connsiteX162" fmla="*/ 206 w 10000"/>
                  <a:gd name="connsiteY162" fmla="*/ 8405 h 10000"/>
                  <a:gd name="connsiteX163" fmla="*/ 180 w 10000"/>
                  <a:gd name="connsiteY163" fmla="*/ 8287 h 10000"/>
                  <a:gd name="connsiteX164" fmla="*/ 437 w 10000"/>
                  <a:gd name="connsiteY164" fmla="*/ 8213 h 10000"/>
                  <a:gd name="connsiteX165" fmla="*/ 694 w 10000"/>
                  <a:gd name="connsiteY165" fmla="*/ 8139 h 10000"/>
                  <a:gd name="connsiteX166" fmla="*/ 951 w 10000"/>
                  <a:gd name="connsiteY166" fmla="*/ 8095 h 10000"/>
                  <a:gd name="connsiteX167" fmla="*/ 1234 w 10000"/>
                  <a:gd name="connsiteY167" fmla="*/ 8065 h 10000"/>
                  <a:gd name="connsiteX168" fmla="*/ 1747 w 10000"/>
                  <a:gd name="connsiteY168" fmla="*/ 8021 h 10000"/>
                  <a:gd name="connsiteX169" fmla="*/ 2263 w 10000"/>
                  <a:gd name="connsiteY169" fmla="*/ 7976 h 10000"/>
                  <a:gd name="connsiteX170" fmla="*/ 2494 w 10000"/>
                  <a:gd name="connsiteY170" fmla="*/ 7947 h 10000"/>
                  <a:gd name="connsiteX171" fmla="*/ 2725 w 10000"/>
                  <a:gd name="connsiteY171" fmla="*/ 7917 h 10000"/>
                  <a:gd name="connsiteX172" fmla="*/ 2929 w 10000"/>
                  <a:gd name="connsiteY172" fmla="*/ 7843 h 10000"/>
                  <a:gd name="connsiteX173" fmla="*/ 3136 w 10000"/>
                  <a:gd name="connsiteY173" fmla="*/ 7784 h 10000"/>
                  <a:gd name="connsiteX174" fmla="*/ 3316 w 10000"/>
                  <a:gd name="connsiteY174" fmla="*/ 7710 h 10000"/>
                  <a:gd name="connsiteX175" fmla="*/ 3470 w 10000"/>
                  <a:gd name="connsiteY175" fmla="*/ 7592 h 10000"/>
                  <a:gd name="connsiteX176" fmla="*/ 3625 w 10000"/>
                  <a:gd name="connsiteY176" fmla="*/ 7474 h 10000"/>
                  <a:gd name="connsiteX177" fmla="*/ 3727 w 10000"/>
                  <a:gd name="connsiteY177" fmla="*/ 7312 h 10000"/>
                  <a:gd name="connsiteX178" fmla="*/ 3522 w 10000"/>
                  <a:gd name="connsiteY178" fmla="*/ 7238 h 10000"/>
                  <a:gd name="connsiteX179" fmla="*/ 3341 w 10000"/>
                  <a:gd name="connsiteY179" fmla="*/ 7179 h 10000"/>
                  <a:gd name="connsiteX180" fmla="*/ 3187 w 10000"/>
                  <a:gd name="connsiteY180" fmla="*/ 7090 h 10000"/>
                  <a:gd name="connsiteX181" fmla="*/ 3034 w 10000"/>
                  <a:gd name="connsiteY181" fmla="*/ 6987 h 10000"/>
                  <a:gd name="connsiteX182" fmla="*/ 2929 w 10000"/>
                  <a:gd name="connsiteY182" fmla="*/ 6869 h 10000"/>
                  <a:gd name="connsiteX183" fmla="*/ 2880 w 10000"/>
                  <a:gd name="connsiteY183" fmla="*/ 6721 h 10000"/>
                  <a:gd name="connsiteX184" fmla="*/ 2853 w 10000"/>
                  <a:gd name="connsiteY184" fmla="*/ 6558 h 10000"/>
                  <a:gd name="connsiteX185" fmla="*/ 2880 w 10000"/>
                  <a:gd name="connsiteY185" fmla="*/ 6352 h 10000"/>
                  <a:gd name="connsiteX186" fmla="*/ 2751 w 10000"/>
                  <a:gd name="connsiteY186" fmla="*/ 6322 h 10000"/>
                  <a:gd name="connsiteX187" fmla="*/ 2597 w 10000"/>
                  <a:gd name="connsiteY187" fmla="*/ 6292 h 10000"/>
                  <a:gd name="connsiteX188" fmla="*/ 2417 w 10000"/>
                  <a:gd name="connsiteY188" fmla="*/ 6278 h 10000"/>
                  <a:gd name="connsiteX189" fmla="*/ 2236 w 10000"/>
                  <a:gd name="connsiteY189" fmla="*/ 6263 h 10000"/>
                  <a:gd name="connsiteX190" fmla="*/ 1877 w 10000"/>
                  <a:gd name="connsiteY190" fmla="*/ 6248 h 10000"/>
                  <a:gd name="connsiteX191" fmla="*/ 1491 w 10000"/>
                  <a:gd name="connsiteY191" fmla="*/ 6263 h 10000"/>
                  <a:gd name="connsiteX192" fmla="*/ 1158 w 10000"/>
                  <a:gd name="connsiteY192" fmla="*/ 6278 h 10000"/>
                  <a:gd name="connsiteX193" fmla="*/ 848 w 10000"/>
                  <a:gd name="connsiteY193" fmla="*/ 6278 h 10000"/>
                  <a:gd name="connsiteX194" fmla="*/ 593 w 10000"/>
                  <a:gd name="connsiteY194" fmla="*/ 6263 h 10000"/>
                  <a:gd name="connsiteX195" fmla="*/ 386 w 10000"/>
                  <a:gd name="connsiteY195" fmla="*/ 6233 h 10000"/>
                  <a:gd name="connsiteX196" fmla="*/ 641 w 10000"/>
                  <a:gd name="connsiteY196" fmla="*/ 5805 h 10000"/>
                  <a:gd name="connsiteX197" fmla="*/ 926 w 10000"/>
                  <a:gd name="connsiteY197" fmla="*/ 5391 h 10000"/>
                  <a:gd name="connsiteX198" fmla="*/ 1029 w 10000"/>
                  <a:gd name="connsiteY198" fmla="*/ 5170 h 10000"/>
                  <a:gd name="connsiteX199" fmla="*/ 1105 w 10000"/>
                  <a:gd name="connsiteY199" fmla="*/ 4963 h 10000"/>
                  <a:gd name="connsiteX200" fmla="*/ 1130 w 10000"/>
                  <a:gd name="connsiteY200" fmla="*/ 4860 h 10000"/>
                  <a:gd name="connsiteX201" fmla="*/ 1105 w 10000"/>
                  <a:gd name="connsiteY201" fmla="*/ 4756 h 10000"/>
                  <a:gd name="connsiteX202" fmla="*/ 1080 w 10000"/>
                  <a:gd name="connsiteY202" fmla="*/ 4653 h 10000"/>
                  <a:gd name="connsiteX203" fmla="*/ 1003 w 10000"/>
                  <a:gd name="connsiteY203" fmla="*/ 4549 h 10000"/>
                  <a:gd name="connsiteX204" fmla="*/ 1286 w 10000"/>
                  <a:gd name="connsiteY204" fmla="*/ 4520 h 10000"/>
                  <a:gd name="connsiteX205" fmla="*/ 1491 w 10000"/>
                  <a:gd name="connsiteY205" fmla="*/ 4505 h 10000"/>
                  <a:gd name="connsiteX206" fmla="*/ 1671 w 10000"/>
                  <a:gd name="connsiteY206" fmla="*/ 4505 h 10000"/>
                  <a:gd name="connsiteX207" fmla="*/ 1825 w 10000"/>
                  <a:gd name="connsiteY207" fmla="*/ 4520 h 10000"/>
                  <a:gd name="connsiteX208" fmla="*/ 1954 w 10000"/>
                  <a:gd name="connsiteY208" fmla="*/ 4520 h 10000"/>
                  <a:gd name="connsiteX209" fmla="*/ 2108 w 10000"/>
                  <a:gd name="connsiteY209" fmla="*/ 4520 h 10000"/>
                  <a:gd name="connsiteX210" fmla="*/ 2263 w 10000"/>
                  <a:gd name="connsiteY210" fmla="*/ 4490 h 10000"/>
                  <a:gd name="connsiteX211" fmla="*/ 2467 w 10000"/>
                  <a:gd name="connsiteY211" fmla="*/ 4446 h 10000"/>
                  <a:gd name="connsiteX212" fmla="*/ 2467 w 10000"/>
                  <a:gd name="connsiteY212" fmla="*/ 4579 h 10000"/>
                  <a:gd name="connsiteX213" fmla="*/ 2467 w 10000"/>
                  <a:gd name="connsiteY213" fmla="*/ 4742 h 10000"/>
                  <a:gd name="connsiteX214" fmla="*/ 2467 w 10000"/>
                  <a:gd name="connsiteY214" fmla="*/ 4874 h 10000"/>
                  <a:gd name="connsiteX215" fmla="*/ 2467 w 10000"/>
                  <a:gd name="connsiteY215" fmla="*/ 5037 h 10000"/>
                  <a:gd name="connsiteX216" fmla="*/ 2699 w 10000"/>
                  <a:gd name="connsiteY216" fmla="*/ 5022 h 10000"/>
                  <a:gd name="connsiteX217" fmla="*/ 2853 w 10000"/>
                  <a:gd name="connsiteY217" fmla="*/ 5037 h 10000"/>
                  <a:gd name="connsiteX218" fmla="*/ 2982 w 10000"/>
                  <a:gd name="connsiteY218" fmla="*/ 5066 h 10000"/>
                  <a:gd name="connsiteX219" fmla="*/ 3111 w 10000"/>
                  <a:gd name="connsiteY219" fmla="*/ 5096 h 10000"/>
                  <a:gd name="connsiteX220" fmla="*/ 3214 w 10000"/>
                  <a:gd name="connsiteY220" fmla="*/ 5126 h 10000"/>
                  <a:gd name="connsiteX221" fmla="*/ 3341 w 10000"/>
                  <a:gd name="connsiteY221" fmla="*/ 5155 h 10000"/>
                  <a:gd name="connsiteX222" fmla="*/ 3496 w 10000"/>
                  <a:gd name="connsiteY222" fmla="*/ 5170 h 10000"/>
                  <a:gd name="connsiteX223" fmla="*/ 3727 w 10000"/>
                  <a:gd name="connsiteY223" fmla="*/ 5155 h 10000"/>
                  <a:gd name="connsiteX224" fmla="*/ 3805 w 10000"/>
                  <a:gd name="connsiteY224" fmla="*/ 5096 h 10000"/>
                  <a:gd name="connsiteX225" fmla="*/ 3881 w 10000"/>
                  <a:gd name="connsiteY225" fmla="*/ 5022 h 10000"/>
                  <a:gd name="connsiteX226" fmla="*/ 3907 w 10000"/>
                  <a:gd name="connsiteY226" fmla="*/ 4934 h 10000"/>
                  <a:gd name="connsiteX227" fmla="*/ 3934 w 10000"/>
                  <a:gd name="connsiteY227" fmla="*/ 4860 h 10000"/>
                  <a:gd name="connsiteX228" fmla="*/ 3958 w 10000"/>
                  <a:gd name="connsiteY228" fmla="*/ 4697 h 10000"/>
                  <a:gd name="connsiteX229" fmla="*/ 3934 w 10000"/>
                  <a:gd name="connsiteY229" fmla="*/ 4520 h 10000"/>
                  <a:gd name="connsiteX230" fmla="*/ 3856 w 10000"/>
                  <a:gd name="connsiteY230" fmla="*/ 4343 h 10000"/>
                  <a:gd name="connsiteX231" fmla="*/ 3779 w 10000"/>
                  <a:gd name="connsiteY231" fmla="*/ 4195 h 10000"/>
                  <a:gd name="connsiteX232" fmla="*/ 3650 w 10000"/>
                  <a:gd name="connsiteY232" fmla="*/ 4047 h 10000"/>
                  <a:gd name="connsiteX233" fmla="*/ 3522 w 10000"/>
                  <a:gd name="connsiteY233" fmla="*/ 3959 h 10000"/>
                  <a:gd name="connsiteX234" fmla="*/ 3676 w 10000"/>
                  <a:gd name="connsiteY234" fmla="*/ 3944 h 10000"/>
                  <a:gd name="connsiteX235" fmla="*/ 3805 w 10000"/>
                  <a:gd name="connsiteY235" fmla="*/ 3914 h 10000"/>
                  <a:gd name="connsiteX236" fmla="*/ 3907 w 10000"/>
                  <a:gd name="connsiteY236" fmla="*/ 3855 h 10000"/>
                  <a:gd name="connsiteX237" fmla="*/ 4034 w 10000"/>
                  <a:gd name="connsiteY237" fmla="*/ 3752 h 10000"/>
                  <a:gd name="connsiteX238" fmla="*/ 4164 w 10000"/>
                  <a:gd name="connsiteY238" fmla="*/ 3663 h 10000"/>
                  <a:gd name="connsiteX239" fmla="*/ 4267 w 10000"/>
                  <a:gd name="connsiteY239" fmla="*/ 3560 h 10000"/>
                  <a:gd name="connsiteX240" fmla="*/ 4344 w 10000"/>
                  <a:gd name="connsiteY240" fmla="*/ 3442 h 10000"/>
                  <a:gd name="connsiteX241" fmla="*/ 4422 w 10000"/>
                  <a:gd name="connsiteY241" fmla="*/ 3323 h 10000"/>
                  <a:gd name="connsiteX242" fmla="*/ 4473 w 10000"/>
                  <a:gd name="connsiteY242" fmla="*/ 3220 h 10000"/>
                  <a:gd name="connsiteX243" fmla="*/ 4498 w 10000"/>
                  <a:gd name="connsiteY243" fmla="*/ 3102 h 10000"/>
                  <a:gd name="connsiteX244" fmla="*/ 4525 w 10000"/>
                  <a:gd name="connsiteY244" fmla="*/ 3013 h 10000"/>
                  <a:gd name="connsiteX245" fmla="*/ 4498 w 10000"/>
                  <a:gd name="connsiteY245" fmla="*/ 2939 h 10000"/>
                  <a:gd name="connsiteX246" fmla="*/ 4473 w 10000"/>
                  <a:gd name="connsiteY246" fmla="*/ 2866 h 10000"/>
                  <a:gd name="connsiteX247" fmla="*/ 4396 w 10000"/>
                  <a:gd name="connsiteY247" fmla="*/ 2836 h 10000"/>
                  <a:gd name="connsiteX248" fmla="*/ 4294 w 10000"/>
                  <a:gd name="connsiteY248" fmla="*/ 2836 h 10000"/>
                  <a:gd name="connsiteX249" fmla="*/ 4164 w 10000"/>
                  <a:gd name="connsiteY249" fmla="*/ 2866 h 10000"/>
                  <a:gd name="connsiteX250" fmla="*/ 4267 w 10000"/>
                  <a:gd name="connsiteY250" fmla="*/ 2777 h 10000"/>
                  <a:gd name="connsiteX251" fmla="*/ 4320 w 10000"/>
                  <a:gd name="connsiteY251" fmla="*/ 2674 h 10000"/>
                  <a:gd name="connsiteX252" fmla="*/ 4344 w 10000"/>
                  <a:gd name="connsiteY252" fmla="*/ 2541 h 10000"/>
                  <a:gd name="connsiteX253" fmla="*/ 4344 w 10000"/>
                  <a:gd name="connsiteY253" fmla="*/ 2393 h 10000"/>
                  <a:gd name="connsiteX254" fmla="*/ 4369 w 10000"/>
                  <a:gd name="connsiteY254" fmla="*/ 2349 h 10000"/>
                  <a:gd name="connsiteX255" fmla="*/ 4422 w 10000"/>
                  <a:gd name="connsiteY255" fmla="*/ 2304 h 10000"/>
                  <a:gd name="connsiteX256" fmla="*/ 4473 w 10000"/>
                  <a:gd name="connsiteY256" fmla="*/ 2290 h 10000"/>
                  <a:gd name="connsiteX257" fmla="*/ 4551 w 10000"/>
                  <a:gd name="connsiteY257" fmla="*/ 2275 h 10000"/>
                  <a:gd name="connsiteX258" fmla="*/ 4781 w 10000"/>
                  <a:gd name="connsiteY258" fmla="*/ 2260 h 10000"/>
                  <a:gd name="connsiteX259" fmla="*/ 4986 w 10000"/>
                  <a:gd name="connsiteY259" fmla="*/ 2275 h 10000"/>
                  <a:gd name="connsiteX260" fmla="*/ 4961 w 10000"/>
                  <a:gd name="connsiteY260" fmla="*/ 2112 h 10000"/>
                  <a:gd name="connsiteX261" fmla="*/ 4910 w 10000"/>
                  <a:gd name="connsiteY261" fmla="*/ 1950 h 10000"/>
                  <a:gd name="connsiteX262" fmla="*/ 4832 w 10000"/>
                  <a:gd name="connsiteY262" fmla="*/ 1802 h 10000"/>
                  <a:gd name="connsiteX263" fmla="*/ 4731 w 10000"/>
                  <a:gd name="connsiteY263" fmla="*/ 1640 h 10000"/>
                  <a:gd name="connsiteX264" fmla="*/ 4473 w 10000"/>
                  <a:gd name="connsiteY264" fmla="*/ 1329 h 10000"/>
                  <a:gd name="connsiteX265" fmla="*/ 4216 w 10000"/>
                  <a:gd name="connsiteY265" fmla="*/ 1034 h 10000"/>
                  <a:gd name="connsiteX266" fmla="*/ 4087 w 10000"/>
                  <a:gd name="connsiteY266" fmla="*/ 901 h 10000"/>
                  <a:gd name="connsiteX267" fmla="*/ 3986 w 10000"/>
                  <a:gd name="connsiteY267" fmla="*/ 753 h 10000"/>
                  <a:gd name="connsiteX268" fmla="*/ 3907 w 10000"/>
                  <a:gd name="connsiteY268" fmla="*/ 620 h 10000"/>
                  <a:gd name="connsiteX269" fmla="*/ 3881 w 10000"/>
                  <a:gd name="connsiteY269" fmla="*/ 487 h 10000"/>
                  <a:gd name="connsiteX270" fmla="*/ 3856 w 10000"/>
                  <a:gd name="connsiteY270" fmla="*/ 355 h 10000"/>
                  <a:gd name="connsiteX271" fmla="*/ 3907 w 10000"/>
                  <a:gd name="connsiteY271" fmla="*/ 222 h 10000"/>
                  <a:gd name="connsiteX272" fmla="*/ 3934 w 10000"/>
                  <a:gd name="connsiteY272" fmla="*/ 162 h 10000"/>
                  <a:gd name="connsiteX273" fmla="*/ 3986 w 10000"/>
                  <a:gd name="connsiteY273" fmla="*/ 103 h 10000"/>
                  <a:gd name="connsiteX274" fmla="*/ 4063 w 10000"/>
                  <a:gd name="connsiteY274" fmla="*/ 59 h 10000"/>
                  <a:gd name="connsiteX275" fmla="*/ 4164 w 10000"/>
                  <a:gd name="connsiteY275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7301 w 10000"/>
                  <a:gd name="connsiteY67" fmla="*/ 3959 h 10000"/>
                  <a:gd name="connsiteX68" fmla="*/ 8895 w 10000"/>
                  <a:gd name="connsiteY68" fmla="*/ 3516 h 10000"/>
                  <a:gd name="connsiteX69" fmla="*/ 9100 w 10000"/>
                  <a:gd name="connsiteY69" fmla="*/ 3412 h 10000"/>
                  <a:gd name="connsiteX70" fmla="*/ 9306 w 10000"/>
                  <a:gd name="connsiteY70" fmla="*/ 3338 h 10000"/>
                  <a:gd name="connsiteX71" fmla="*/ 9435 w 10000"/>
                  <a:gd name="connsiteY71" fmla="*/ 3235 h 10000"/>
                  <a:gd name="connsiteX72" fmla="*/ 9536 w 10000"/>
                  <a:gd name="connsiteY72" fmla="*/ 3117 h 10000"/>
                  <a:gd name="connsiteX73" fmla="*/ 9563 w 10000"/>
                  <a:gd name="connsiteY73" fmla="*/ 3072 h 10000"/>
                  <a:gd name="connsiteX74" fmla="*/ 9588 w 10000"/>
                  <a:gd name="connsiteY74" fmla="*/ 3013 h 10000"/>
                  <a:gd name="connsiteX75" fmla="*/ 9588 w 10000"/>
                  <a:gd name="connsiteY75" fmla="*/ 2954 h 10000"/>
                  <a:gd name="connsiteX76" fmla="*/ 9563 w 10000"/>
                  <a:gd name="connsiteY76" fmla="*/ 2866 h 10000"/>
                  <a:gd name="connsiteX77" fmla="*/ 9383 w 10000"/>
                  <a:gd name="connsiteY77" fmla="*/ 2984 h 10000"/>
                  <a:gd name="connsiteX78" fmla="*/ 9178 w 10000"/>
                  <a:gd name="connsiteY78" fmla="*/ 3072 h 10000"/>
                  <a:gd name="connsiteX79" fmla="*/ 8971 w 10000"/>
                  <a:gd name="connsiteY79" fmla="*/ 3161 h 10000"/>
                  <a:gd name="connsiteX80" fmla="*/ 8766 w 10000"/>
                  <a:gd name="connsiteY80" fmla="*/ 3250 h 10000"/>
                  <a:gd name="connsiteX81" fmla="*/ 8302 w 10000"/>
                  <a:gd name="connsiteY81" fmla="*/ 3397 h 10000"/>
                  <a:gd name="connsiteX82" fmla="*/ 7815 w 10000"/>
                  <a:gd name="connsiteY82" fmla="*/ 3545 h 10000"/>
                  <a:gd name="connsiteX83" fmla="*/ 7327 w 10000"/>
                  <a:gd name="connsiteY83" fmla="*/ 3678 h 10000"/>
                  <a:gd name="connsiteX84" fmla="*/ 6863 w 10000"/>
                  <a:gd name="connsiteY84" fmla="*/ 3840 h 10000"/>
                  <a:gd name="connsiteX85" fmla="*/ 6632 w 10000"/>
                  <a:gd name="connsiteY85" fmla="*/ 3914 h 10000"/>
                  <a:gd name="connsiteX86" fmla="*/ 6427 w 10000"/>
                  <a:gd name="connsiteY86" fmla="*/ 4003 h 10000"/>
                  <a:gd name="connsiteX87" fmla="*/ 6222 w 10000"/>
                  <a:gd name="connsiteY87" fmla="*/ 4106 h 10000"/>
                  <a:gd name="connsiteX88" fmla="*/ 6014 w 10000"/>
                  <a:gd name="connsiteY88" fmla="*/ 4195 h 10000"/>
                  <a:gd name="connsiteX89" fmla="*/ 6169 w 10000"/>
                  <a:gd name="connsiteY89" fmla="*/ 4417 h 10000"/>
                  <a:gd name="connsiteX90" fmla="*/ 6273 w 10000"/>
                  <a:gd name="connsiteY90" fmla="*/ 4623 h 10000"/>
                  <a:gd name="connsiteX91" fmla="*/ 6375 w 10000"/>
                  <a:gd name="connsiteY91" fmla="*/ 4845 h 10000"/>
                  <a:gd name="connsiteX92" fmla="*/ 6451 w 10000"/>
                  <a:gd name="connsiteY92" fmla="*/ 5081 h 10000"/>
                  <a:gd name="connsiteX93" fmla="*/ 6504 w 10000"/>
                  <a:gd name="connsiteY93" fmla="*/ 5318 h 10000"/>
                  <a:gd name="connsiteX94" fmla="*/ 6530 w 10000"/>
                  <a:gd name="connsiteY94" fmla="*/ 5539 h 10000"/>
                  <a:gd name="connsiteX95" fmla="*/ 6554 w 10000"/>
                  <a:gd name="connsiteY95" fmla="*/ 5775 h 10000"/>
                  <a:gd name="connsiteX96" fmla="*/ 6554 w 10000"/>
                  <a:gd name="connsiteY96" fmla="*/ 5997 h 10000"/>
                  <a:gd name="connsiteX97" fmla="*/ 6530 w 10000"/>
                  <a:gd name="connsiteY97" fmla="*/ 6233 h 10000"/>
                  <a:gd name="connsiteX98" fmla="*/ 6478 w 10000"/>
                  <a:gd name="connsiteY98" fmla="*/ 6470 h 10000"/>
                  <a:gd name="connsiteX99" fmla="*/ 6427 w 10000"/>
                  <a:gd name="connsiteY99" fmla="*/ 6677 h 10000"/>
                  <a:gd name="connsiteX100" fmla="*/ 6350 w 10000"/>
                  <a:gd name="connsiteY100" fmla="*/ 6898 h 10000"/>
                  <a:gd name="connsiteX101" fmla="*/ 6247 w 10000"/>
                  <a:gd name="connsiteY101" fmla="*/ 7105 h 10000"/>
                  <a:gd name="connsiteX102" fmla="*/ 6119 w 10000"/>
                  <a:gd name="connsiteY102" fmla="*/ 7297 h 10000"/>
                  <a:gd name="connsiteX103" fmla="*/ 5964 w 10000"/>
                  <a:gd name="connsiteY103" fmla="*/ 7489 h 10000"/>
                  <a:gd name="connsiteX104" fmla="*/ 5809 w 10000"/>
                  <a:gd name="connsiteY104" fmla="*/ 7681 h 10000"/>
                  <a:gd name="connsiteX105" fmla="*/ 6554 w 10000"/>
                  <a:gd name="connsiteY105" fmla="*/ 7799 h 10000"/>
                  <a:gd name="connsiteX106" fmla="*/ 7327 w 10000"/>
                  <a:gd name="connsiteY106" fmla="*/ 7962 h 10000"/>
                  <a:gd name="connsiteX107" fmla="*/ 7480 w 10000"/>
                  <a:gd name="connsiteY107" fmla="*/ 8021 h 10000"/>
                  <a:gd name="connsiteX108" fmla="*/ 7609 w 10000"/>
                  <a:gd name="connsiteY108" fmla="*/ 8080 h 10000"/>
                  <a:gd name="connsiteX109" fmla="*/ 7737 w 10000"/>
                  <a:gd name="connsiteY109" fmla="*/ 8139 h 10000"/>
                  <a:gd name="connsiteX110" fmla="*/ 7815 w 10000"/>
                  <a:gd name="connsiteY110" fmla="*/ 8227 h 10000"/>
                  <a:gd name="connsiteX111" fmla="*/ 7841 w 10000"/>
                  <a:gd name="connsiteY111" fmla="*/ 8301 h 10000"/>
                  <a:gd name="connsiteX112" fmla="*/ 7841 w 10000"/>
                  <a:gd name="connsiteY112" fmla="*/ 8405 h 10000"/>
                  <a:gd name="connsiteX113" fmla="*/ 7790 w 10000"/>
                  <a:gd name="connsiteY113" fmla="*/ 8523 h 10000"/>
                  <a:gd name="connsiteX114" fmla="*/ 7712 w 10000"/>
                  <a:gd name="connsiteY114" fmla="*/ 8641 h 10000"/>
                  <a:gd name="connsiteX115" fmla="*/ 7378 w 10000"/>
                  <a:gd name="connsiteY115" fmla="*/ 8552 h 10000"/>
                  <a:gd name="connsiteX116" fmla="*/ 7069 w 10000"/>
                  <a:gd name="connsiteY116" fmla="*/ 8449 h 10000"/>
                  <a:gd name="connsiteX117" fmla="*/ 6760 w 10000"/>
                  <a:gd name="connsiteY117" fmla="*/ 8360 h 10000"/>
                  <a:gd name="connsiteX118" fmla="*/ 6451 w 10000"/>
                  <a:gd name="connsiteY118" fmla="*/ 8287 h 10000"/>
                  <a:gd name="connsiteX119" fmla="*/ 6323 w 10000"/>
                  <a:gd name="connsiteY119" fmla="*/ 8449 h 10000"/>
                  <a:gd name="connsiteX120" fmla="*/ 6222 w 10000"/>
                  <a:gd name="connsiteY120" fmla="*/ 8597 h 10000"/>
                  <a:gd name="connsiteX121" fmla="*/ 6169 w 10000"/>
                  <a:gd name="connsiteY121" fmla="*/ 8656 h 10000"/>
                  <a:gd name="connsiteX122" fmla="*/ 6066 w 10000"/>
                  <a:gd name="connsiteY122" fmla="*/ 8700 h 10000"/>
                  <a:gd name="connsiteX123" fmla="*/ 5990 w 10000"/>
                  <a:gd name="connsiteY123" fmla="*/ 8744 h 10000"/>
                  <a:gd name="connsiteX124" fmla="*/ 5913 w 10000"/>
                  <a:gd name="connsiteY124" fmla="*/ 8774 h 10000"/>
                  <a:gd name="connsiteX125" fmla="*/ 5835 w 10000"/>
                  <a:gd name="connsiteY125" fmla="*/ 8804 h 10000"/>
                  <a:gd name="connsiteX126" fmla="*/ 5733 w 10000"/>
                  <a:gd name="connsiteY126" fmla="*/ 8818 h 10000"/>
                  <a:gd name="connsiteX127" fmla="*/ 5603 w 10000"/>
                  <a:gd name="connsiteY127" fmla="*/ 8833 h 10000"/>
                  <a:gd name="connsiteX128" fmla="*/ 5476 w 10000"/>
                  <a:gd name="connsiteY128" fmla="*/ 8833 h 10000"/>
                  <a:gd name="connsiteX129" fmla="*/ 5168 w 10000"/>
                  <a:gd name="connsiteY129" fmla="*/ 8818 h 10000"/>
                  <a:gd name="connsiteX130" fmla="*/ 4781 w 10000"/>
                  <a:gd name="connsiteY130" fmla="*/ 8744 h 10000"/>
                  <a:gd name="connsiteX131" fmla="*/ 4781 w 10000"/>
                  <a:gd name="connsiteY131" fmla="*/ 8922 h 10000"/>
                  <a:gd name="connsiteX132" fmla="*/ 4755 w 10000"/>
                  <a:gd name="connsiteY132" fmla="*/ 9069 h 10000"/>
                  <a:gd name="connsiteX133" fmla="*/ 4731 w 10000"/>
                  <a:gd name="connsiteY133" fmla="*/ 9232 h 10000"/>
                  <a:gd name="connsiteX134" fmla="*/ 4704 w 10000"/>
                  <a:gd name="connsiteY134" fmla="*/ 9365 h 10000"/>
                  <a:gd name="connsiteX135" fmla="*/ 4652 w 10000"/>
                  <a:gd name="connsiteY135" fmla="*/ 9498 h 10000"/>
                  <a:gd name="connsiteX136" fmla="*/ 4551 w 10000"/>
                  <a:gd name="connsiteY136" fmla="*/ 9616 h 10000"/>
                  <a:gd name="connsiteX137" fmla="*/ 4473 w 10000"/>
                  <a:gd name="connsiteY137" fmla="*/ 9734 h 10000"/>
                  <a:gd name="connsiteX138" fmla="*/ 4344 w 10000"/>
                  <a:gd name="connsiteY138" fmla="*/ 9838 h 10000"/>
                  <a:gd name="connsiteX139" fmla="*/ 4034 w 10000"/>
                  <a:gd name="connsiteY139" fmla="*/ 9897 h 10000"/>
                  <a:gd name="connsiteX140" fmla="*/ 3779 w 10000"/>
                  <a:gd name="connsiteY140" fmla="*/ 9941 h 10000"/>
                  <a:gd name="connsiteX141" fmla="*/ 3470 w 10000"/>
                  <a:gd name="connsiteY141" fmla="*/ 9985 h 10000"/>
                  <a:gd name="connsiteX142" fmla="*/ 3239 w 10000"/>
                  <a:gd name="connsiteY142" fmla="*/ 10000 h 10000"/>
                  <a:gd name="connsiteX143" fmla="*/ 2725 w 10000"/>
                  <a:gd name="connsiteY143" fmla="*/ 10000 h 10000"/>
                  <a:gd name="connsiteX144" fmla="*/ 2236 w 10000"/>
                  <a:gd name="connsiteY144" fmla="*/ 9985 h 10000"/>
                  <a:gd name="connsiteX145" fmla="*/ 1775 w 10000"/>
                  <a:gd name="connsiteY145" fmla="*/ 9941 h 10000"/>
                  <a:gd name="connsiteX146" fmla="*/ 1286 w 10000"/>
                  <a:gd name="connsiteY146" fmla="*/ 9911 h 10000"/>
                  <a:gd name="connsiteX147" fmla="*/ 1003 w 10000"/>
                  <a:gd name="connsiteY147" fmla="*/ 9911 h 10000"/>
                  <a:gd name="connsiteX148" fmla="*/ 745 w 10000"/>
                  <a:gd name="connsiteY148" fmla="*/ 9911 h 10000"/>
                  <a:gd name="connsiteX149" fmla="*/ 463 w 10000"/>
                  <a:gd name="connsiteY149" fmla="*/ 9926 h 10000"/>
                  <a:gd name="connsiteX150" fmla="*/ 180 w 10000"/>
                  <a:gd name="connsiteY150" fmla="*/ 9970 h 10000"/>
                  <a:gd name="connsiteX151" fmla="*/ 103 w 10000"/>
                  <a:gd name="connsiteY151" fmla="*/ 9867 h 10000"/>
                  <a:gd name="connsiteX152" fmla="*/ 52 w 10000"/>
                  <a:gd name="connsiteY152" fmla="*/ 9793 h 10000"/>
                  <a:gd name="connsiteX153" fmla="*/ 0 w 10000"/>
                  <a:gd name="connsiteY153" fmla="*/ 9705 h 10000"/>
                  <a:gd name="connsiteX154" fmla="*/ 0 w 10000"/>
                  <a:gd name="connsiteY154" fmla="*/ 9601 h 10000"/>
                  <a:gd name="connsiteX155" fmla="*/ 52 w 10000"/>
                  <a:gd name="connsiteY155" fmla="*/ 9424 h 10000"/>
                  <a:gd name="connsiteX156" fmla="*/ 103 w 10000"/>
                  <a:gd name="connsiteY156" fmla="*/ 9202 h 10000"/>
                  <a:gd name="connsiteX157" fmla="*/ 153 w 10000"/>
                  <a:gd name="connsiteY157" fmla="*/ 8996 h 10000"/>
                  <a:gd name="connsiteX158" fmla="*/ 206 w 10000"/>
                  <a:gd name="connsiteY158" fmla="*/ 8759 h 10000"/>
                  <a:gd name="connsiteX159" fmla="*/ 231 w 10000"/>
                  <a:gd name="connsiteY159" fmla="*/ 8641 h 10000"/>
                  <a:gd name="connsiteX160" fmla="*/ 231 w 10000"/>
                  <a:gd name="connsiteY160" fmla="*/ 8538 h 10000"/>
                  <a:gd name="connsiteX161" fmla="*/ 206 w 10000"/>
                  <a:gd name="connsiteY161" fmla="*/ 8405 h 10000"/>
                  <a:gd name="connsiteX162" fmla="*/ 180 w 10000"/>
                  <a:gd name="connsiteY162" fmla="*/ 8287 h 10000"/>
                  <a:gd name="connsiteX163" fmla="*/ 437 w 10000"/>
                  <a:gd name="connsiteY163" fmla="*/ 8213 h 10000"/>
                  <a:gd name="connsiteX164" fmla="*/ 694 w 10000"/>
                  <a:gd name="connsiteY164" fmla="*/ 8139 h 10000"/>
                  <a:gd name="connsiteX165" fmla="*/ 951 w 10000"/>
                  <a:gd name="connsiteY165" fmla="*/ 8095 h 10000"/>
                  <a:gd name="connsiteX166" fmla="*/ 1234 w 10000"/>
                  <a:gd name="connsiteY166" fmla="*/ 8065 h 10000"/>
                  <a:gd name="connsiteX167" fmla="*/ 1747 w 10000"/>
                  <a:gd name="connsiteY167" fmla="*/ 8021 h 10000"/>
                  <a:gd name="connsiteX168" fmla="*/ 2263 w 10000"/>
                  <a:gd name="connsiteY168" fmla="*/ 7976 h 10000"/>
                  <a:gd name="connsiteX169" fmla="*/ 2494 w 10000"/>
                  <a:gd name="connsiteY169" fmla="*/ 7947 h 10000"/>
                  <a:gd name="connsiteX170" fmla="*/ 2725 w 10000"/>
                  <a:gd name="connsiteY170" fmla="*/ 7917 h 10000"/>
                  <a:gd name="connsiteX171" fmla="*/ 2929 w 10000"/>
                  <a:gd name="connsiteY171" fmla="*/ 7843 h 10000"/>
                  <a:gd name="connsiteX172" fmla="*/ 3136 w 10000"/>
                  <a:gd name="connsiteY172" fmla="*/ 7784 h 10000"/>
                  <a:gd name="connsiteX173" fmla="*/ 3316 w 10000"/>
                  <a:gd name="connsiteY173" fmla="*/ 7710 h 10000"/>
                  <a:gd name="connsiteX174" fmla="*/ 3470 w 10000"/>
                  <a:gd name="connsiteY174" fmla="*/ 7592 h 10000"/>
                  <a:gd name="connsiteX175" fmla="*/ 3625 w 10000"/>
                  <a:gd name="connsiteY175" fmla="*/ 7474 h 10000"/>
                  <a:gd name="connsiteX176" fmla="*/ 3727 w 10000"/>
                  <a:gd name="connsiteY176" fmla="*/ 7312 h 10000"/>
                  <a:gd name="connsiteX177" fmla="*/ 3522 w 10000"/>
                  <a:gd name="connsiteY177" fmla="*/ 7238 h 10000"/>
                  <a:gd name="connsiteX178" fmla="*/ 3341 w 10000"/>
                  <a:gd name="connsiteY178" fmla="*/ 7179 h 10000"/>
                  <a:gd name="connsiteX179" fmla="*/ 3187 w 10000"/>
                  <a:gd name="connsiteY179" fmla="*/ 7090 h 10000"/>
                  <a:gd name="connsiteX180" fmla="*/ 3034 w 10000"/>
                  <a:gd name="connsiteY180" fmla="*/ 6987 h 10000"/>
                  <a:gd name="connsiteX181" fmla="*/ 2929 w 10000"/>
                  <a:gd name="connsiteY181" fmla="*/ 6869 h 10000"/>
                  <a:gd name="connsiteX182" fmla="*/ 2880 w 10000"/>
                  <a:gd name="connsiteY182" fmla="*/ 6721 h 10000"/>
                  <a:gd name="connsiteX183" fmla="*/ 2853 w 10000"/>
                  <a:gd name="connsiteY183" fmla="*/ 6558 h 10000"/>
                  <a:gd name="connsiteX184" fmla="*/ 2880 w 10000"/>
                  <a:gd name="connsiteY184" fmla="*/ 6352 h 10000"/>
                  <a:gd name="connsiteX185" fmla="*/ 2751 w 10000"/>
                  <a:gd name="connsiteY185" fmla="*/ 6322 h 10000"/>
                  <a:gd name="connsiteX186" fmla="*/ 2597 w 10000"/>
                  <a:gd name="connsiteY186" fmla="*/ 6292 h 10000"/>
                  <a:gd name="connsiteX187" fmla="*/ 2417 w 10000"/>
                  <a:gd name="connsiteY187" fmla="*/ 6278 h 10000"/>
                  <a:gd name="connsiteX188" fmla="*/ 2236 w 10000"/>
                  <a:gd name="connsiteY188" fmla="*/ 6263 h 10000"/>
                  <a:gd name="connsiteX189" fmla="*/ 1877 w 10000"/>
                  <a:gd name="connsiteY189" fmla="*/ 6248 h 10000"/>
                  <a:gd name="connsiteX190" fmla="*/ 1491 w 10000"/>
                  <a:gd name="connsiteY190" fmla="*/ 6263 h 10000"/>
                  <a:gd name="connsiteX191" fmla="*/ 1158 w 10000"/>
                  <a:gd name="connsiteY191" fmla="*/ 6278 h 10000"/>
                  <a:gd name="connsiteX192" fmla="*/ 848 w 10000"/>
                  <a:gd name="connsiteY192" fmla="*/ 6278 h 10000"/>
                  <a:gd name="connsiteX193" fmla="*/ 593 w 10000"/>
                  <a:gd name="connsiteY193" fmla="*/ 6263 h 10000"/>
                  <a:gd name="connsiteX194" fmla="*/ 386 w 10000"/>
                  <a:gd name="connsiteY194" fmla="*/ 6233 h 10000"/>
                  <a:gd name="connsiteX195" fmla="*/ 641 w 10000"/>
                  <a:gd name="connsiteY195" fmla="*/ 5805 h 10000"/>
                  <a:gd name="connsiteX196" fmla="*/ 926 w 10000"/>
                  <a:gd name="connsiteY196" fmla="*/ 5391 h 10000"/>
                  <a:gd name="connsiteX197" fmla="*/ 1029 w 10000"/>
                  <a:gd name="connsiteY197" fmla="*/ 5170 h 10000"/>
                  <a:gd name="connsiteX198" fmla="*/ 1105 w 10000"/>
                  <a:gd name="connsiteY198" fmla="*/ 4963 h 10000"/>
                  <a:gd name="connsiteX199" fmla="*/ 1130 w 10000"/>
                  <a:gd name="connsiteY199" fmla="*/ 4860 h 10000"/>
                  <a:gd name="connsiteX200" fmla="*/ 1105 w 10000"/>
                  <a:gd name="connsiteY200" fmla="*/ 4756 h 10000"/>
                  <a:gd name="connsiteX201" fmla="*/ 1080 w 10000"/>
                  <a:gd name="connsiteY201" fmla="*/ 4653 h 10000"/>
                  <a:gd name="connsiteX202" fmla="*/ 1003 w 10000"/>
                  <a:gd name="connsiteY202" fmla="*/ 4549 h 10000"/>
                  <a:gd name="connsiteX203" fmla="*/ 1286 w 10000"/>
                  <a:gd name="connsiteY203" fmla="*/ 4520 h 10000"/>
                  <a:gd name="connsiteX204" fmla="*/ 1491 w 10000"/>
                  <a:gd name="connsiteY204" fmla="*/ 4505 h 10000"/>
                  <a:gd name="connsiteX205" fmla="*/ 1671 w 10000"/>
                  <a:gd name="connsiteY205" fmla="*/ 4505 h 10000"/>
                  <a:gd name="connsiteX206" fmla="*/ 1825 w 10000"/>
                  <a:gd name="connsiteY206" fmla="*/ 4520 h 10000"/>
                  <a:gd name="connsiteX207" fmla="*/ 1954 w 10000"/>
                  <a:gd name="connsiteY207" fmla="*/ 4520 h 10000"/>
                  <a:gd name="connsiteX208" fmla="*/ 2108 w 10000"/>
                  <a:gd name="connsiteY208" fmla="*/ 4520 h 10000"/>
                  <a:gd name="connsiteX209" fmla="*/ 2263 w 10000"/>
                  <a:gd name="connsiteY209" fmla="*/ 4490 h 10000"/>
                  <a:gd name="connsiteX210" fmla="*/ 2467 w 10000"/>
                  <a:gd name="connsiteY210" fmla="*/ 4446 h 10000"/>
                  <a:gd name="connsiteX211" fmla="*/ 2467 w 10000"/>
                  <a:gd name="connsiteY211" fmla="*/ 4579 h 10000"/>
                  <a:gd name="connsiteX212" fmla="*/ 2467 w 10000"/>
                  <a:gd name="connsiteY212" fmla="*/ 4742 h 10000"/>
                  <a:gd name="connsiteX213" fmla="*/ 2467 w 10000"/>
                  <a:gd name="connsiteY213" fmla="*/ 4874 h 10000"/>
                  <a:gd name="connsiteX214" fmla="*/ 2467 w 10000"/>
                  <a:gd name="connsiteY214" fmla="*/ 5037 h 10000"/>
                  <a:gd name="connsiteX215" fmla="*/ 2699 w 10000"/>
                  <a:gd name="connsiteY215" fmla="*/ 5022 h 10000"/>
                  <a:gd name="connsiteX216" fmla="*/ 2853 w 10000"/>
                  <a:gd name="connsiteY216" fmla="*/ 5037 h 10000"/>
                  <a:gd name="connsiteX217" fmla="*/ 2982 w 10000"/>
                  <a:gd name="connsiteY217" fmla="*/ 5066 h 10000"/>
                  <a:gd name="connsiteX218" fmla="*/ 3111 w 10000"/>
                  <a:gd name="connsiteY218" fmla="*/ 5096 h 10000"/>
                  <a:gd name="connsiteX219" fmla="*/ 3214 w 10000"/>
                  <a:gd name="connsiteY219" fmla="*/ 5126 h 10000"/>
                  <a:gd name="connsiteX220" fmla="*/ 3341 w 10000"/>
                  <a:gd name="connsiteY220" fmla="*/ 5155 h 10000"/>
                  <a:gd name="connsiteX221" fmla="*/ 3496 w 10000"/>
                  <a:gd name="connsiteY221" fmla="*/ 5170 h 10000"/>
                  <a:gd name="connsiteX222" fmla="*/ 3727 w 10000"/>
                  <a:gd name="connsiteY222" fmla="*/ 5155 h 10000"/>
                  <a:gd name="connsiteX223" fmla="*/ 3805 w 10000"/>
                  <a:gd name="connsiteY223" fmla="*/ 5096 h 10000"/>
                  <a:gd name="connsiteX224" fmla="*/ 3881 w 10000"/>
                  <a:gd name="connsiteY224" fmla="*/ 5022 h 10000"/>
                  <a:gd name="connsiteX225" fmla="*/ 3907 w 10000"/>
                  <a:gd name="connsiteY225" fmla="*/ 4934 h 10000"/>
                  <a:gd name="connsiteX226" fmla="*/ 3934 w 10000"/>
                  <a:gd name="connsiteY226" fmla="*/ 4860 h 10000"/>
                  <a:gd name="connsiteX227" fmla="*/ 3958 w 10000"/>
                  <a:gd name="connsiteY227" fmla="*/ 4697 h 10000"/>
                  <a:gd name="connsiteX228" fmla="*/ 3934 w 10000"/>
                  <a:gd name="connsiteY228" fmla="*/ 4520 h 10000"/>
                  <a:gd name="connsiteX229" fmla="*/ 3856 w 10000"/>
                  <a:gd name="connsiteY229" fmla="*/ 4343 h 10000"/>
                  <a:gd name="connsiteX230" fmla="*/ 3779 w 10000"/>
                  <a:gd name="connsiteY230" fmla="*/ 4195 h 10000"/>
                  <a:gd name="connsiteX231" fmla="*/ 3650 w 10000"/>
                  <a:gd name="connsiteY231" fmla="*/ 4047 h 10000"/>
                  <a:gd name="connsiteX232" fmla="*/ 3522 w 10000"/>
                  <a:gd name="connsiteY232" fmla="*/ 3959 h 10000"/>
                  <a:gd name="connsiteX233" fmla="*/ 3676 w 10000"/>
                  <a:gd name="connsiteY233" fmla="*/ 3944 h 10000"/>
                  <a:gd name="connsiteX234" fmla="*/ 3805 w 10000"/>
                  <a:gd name="connsiteY234" fmla="*/ 3914 h 10000"/>
                  <a:gd name="connsiteX235" fmla="*/ 3907 w 10000"/>
                  <a:gd name="connsiteY235" fmla="*/ 3855 h 10000"/>
                  <a:gd name="connsiteX236" fmla="*/ 4034 w 10000"/>
                  <a:gd name="connsiteY236" fmla="*/ 3752 h 10000"/>
                  <a:gd name="connsiteX237" fmla="*/ 4164 w 10000"/>
                  <a:gd name="connsiteY237" fmla="*/ 3663 h 10000"/>
                  <a:gd name="connsiteX238" fmla="*/ 4267 w 10000"/>
                  <a:gd name="connsiteY238" fmla="*/ 3560 h 10000"/>
                  <a:gd name="connsiteX239" fmla="*/ 4344 w 10000"/>
                  <a:gd name="connsiteY239" fmla="*/ 3442 h 10000"/>
                  <a:gd name="connsiteX240" fmla="*/ 4422 w 10000"/>
                  <a:gd name="connsiteY240" fmla="*/ 3323 h 10000"/>
                  <a:gd name="connsiteX241" fmla="*/ 4473 w 10000"/>
                  <a:gd name="connsiteY241" fmla="*/ 3220 h 10000"/>
                  <a:gd name="connsiteX242" fmla="*/ 4498 w 10000"/>
                  <a:gd name="connsiteY242" fmla="*/ 3102 h 10000"/>
                  <a:gd name="connsiteX243" fmla="*/ 4525 w 10000"/>
                  <a:gd name="connsiteY243" fmla="*/ 3013 h 10000"/>
                  <a:gd name="connsiteX244" fmla="*/ 4498 w 10000"/>
                  <a:gd name="connsiteY244" fmla="*/ 2939 h 10000"/>
                  <a:gd name="connsiteX245" fmla="*/ 4473 w 10000"/>
                  <a:gd name="connsiteY245" fmla="*/ 2866 h 10000"/>
                  <a:gd name="connsiteX246" fmla="*/ 4396 w 10000"/>
                  <a:gd name="connsiteY246" fmla="*/ 2836 h 10000"/>
                  <a:gd name="connsiteX247" fmla="*/ 4294 w 10000"/>
                  <a:gd name="connsiteY247" fmla="*/ 2836 h 10000"/>
                  <a:gd name="connsiteX248" fmla="*/ 4164 w 10000"/>
                  <a:gd name="connsiteY248" fmla="*/ 2866 h 10000"/>
                  <a:gd name="connsiteX249" fmla="*/ 4267 w 10000"/>
                  <a:gd name="connsiteY249" fmla="*/ 2777 h 10000"/>
                  <a:gd name="connsiteX250" fmla="*/ 4320 w 10000"/>
                  <a:gd name="connsiteY250" fmla="*/ 2674 h 10000"/>
                  <a:gd name="connsiteX251" fmla="*/ 4344 w 10000"/>
                  <a:gd name="connsiteY251" fmla="*/ 2541 h 10000"/>
                  <a:gd name="connsiteX252" fmla="*/ 4344 w 10000"/>
                  <a:gd name="connsiteY252" fmla="*/ 2393 h 10000"/>
                  <a:gd name="connsiteX253" fmla="*/ 4369 w 10000"/>
                  <a:gd name="connsiteY253" fmla="*/ 2349 h 10000"/>
                  <a:gd name="connsiteX254" fmla="*/ 4422 w 10000"/>
                  <a:gd name="connsiteY254" fmla="*/ 2304 h 10000"/>
                  <a:gd name="connsiteX255" fmla="*/ 4473 w 10000"/>
                  <a:gd name="connsiteY255" fmla="*/ 2290 h 10000"/>
                  <a:gd name="connsiteX256" fmla="*/ 4551 w 10000"/>
                  <a:gd name="connsiteY256" fmla="*/ 2275 h 10000"/>
                  <a:gd name="connsiteX257" fmla="*/ 4781 w 10000"/>
                  <a:gd name="connsiteY257" fmla="*/ 2260 h 10000"/>
                  <a:gd name="connsiteX258" fmla="*/ 4986 w 10000"/>
                  <a:gd name="connsiteY258" fmla="*/ 2275 h 10000"/>
                  <a:gd name="connsiteX259" fmla="*/ 4961 w 10000"/>
                  <a:gd name="connsiteY259" fmla="*/ 2112 h 10000"/>
                  <a:gd name="connsiteX260" fmla="*/ 4910 w 10000"/>
                  <a:gd name="connsiteY260" fmla="*/ 1950 h 10000"/>
                  <a:gd name="connsiteX261" fmla="*/ 4832 w 10000"/>
                  <a:gd name="connsiteY261" fmla="*/ 1802 h 10000"/>
                  <a:gd name="connsiteX262" fmla="*/ 4731 w 10000"/>
                  <a:gd name="connsiteY262" fmla="*/ 1640 h 10000"/>
                  <a:gd name="connsiteX263" fmla="*/ 4473 w 10000"/>
                  <a:gd name="connsiteY263" fmla="*/ 1329 h 10000"/>
                  <a:gd name="connsiteX264" fmla="*/ 4216 w 10000"/>
                  <a:gd name="connsiteY264" fmla="*/ 1034 h 10000"/>
                  <a:gd name="connsiteX265" fmla="*/ 4087 w 10000"/>
                  <a:gd name="connsiteY265" fmla="*/ 901 h 10000"/>
                  <a:gd name="connsiteX266" fmla="*/ 3986 w 10000"/>
                  <a:gd name="connsiteY266" fmla="*/ 753 h 10000"/>
                  <a:gd name="connsiteX267" fmla="*/ 3907 w 10000"/>
                  <a:gd name="connsiteY267" fmla="*/ 620 h 10000"/>
                  <a:gd name="connsiteX268" fmla="*/ 3881 w 10000"/>
                  <a:gd name="connsiteY268" fmla="*/ 487 h 10000"/>
                  <a:gd name="connsiteX269" fmla="*/ 3856 w 10000"/>
                  <a:gd name="connsiteY269" fmla="*/ 355 h 10000"/>
                  <a:gd name="connsiteX270" fmla="*/ 3907 w 10000"/>
                  <a:gd name="connsiteY270" fmla="*/ 222 h 10000"/>
                  <a:gd name="connsiteX271" fmla="*/ 3934 w 10000"/>
                  <a:gd name="connsiteY271" fmla="*/ 162 h 10000"/>
                  <a:gd name="connsiteX272" fmla="*/ 3986 w 10000"/>
                  <a:gd name="connsiteY272" fmla="*/ 103 h 10000"/>
                  <a:gd name="connsiteX273" fmla="*/ 4063 w 10000"/>
                  <a:gd name="connsiteY273" fmla="*/ 59 h 10000"/>
                  <a:gd name="connsiteX274" fmla="*/ 4164 w 10000"/>
                  <a:gd name="connsiteY274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7301 w 10000"/>
                  <a:gd name="connsiteY67" fmla="*/ 3959 h 10000"/>
                  <a:gd name="connsiteX68" fmla="*/ 8895 w 10000"/>
                  <a:gd name="connsiteY68" fmla="*/ 3516 h 10000"/>
                  <a:gd name="connsiteX69" fmla="*/ 9100 w 10000"/>
                  <a:gd name="connsiteY69" fmla="*/ 3412 h 10000"/>
                  <a:gd name="connsiteX70" fmla="*/ 9306 w 10000"/>
                  <a:gd name="connsiteY70" fmla="*/ 3338 h 10000"/>
                  <a:gd name="connsiteX71" fmla="*/ 9435 w 10000"/>
                  <a:gd name="connsiteY71" fmla="*/ 3235 h 10000"/>
                  <a:gd name="connsiteX72" fmla="*/ 9536 w 10000"/>
                  <a:gd name="connsiteY72" fmla="*/ 3117 h 10000"/>
                  <a:gd name="connsiteX73" fmla="*/ 9563 w 10000"/>
                  <a:gd name="connsiteY73" fmla="*/ 3072 h 10000"/>
                  <a:gd name="connsiteX74" fmla="*/ 9588 w 10000"/>
                  <a:gd name="connsiteY74" fmla="*/ 3013 h 10000"/>
                  <a:gd name="connsiteX75" fmla="*/ 9588 w 10000"/>
                  <a:gd name="connsiteY75" fmla="*/ 2954 h 10000"/>
                  <a:gd name="connsiteX76" fmla="*/ 9563 w 10000"/>
                  <a:gd name="connsiteY76" fmla="*/ 2866 h 10000"/>
                  <a:gd name="connsiteX77" fmla="*/ 9383 w 10000"/>
                  <a:gd name="connsiteY77" fmla="*/ 2984 h 10000"/>
                  <a:gd name="connsiteX78" fmla="*/ 9178 w 10000"/>
                  <a:gd name="connsiteY78" fmla="*/ 3072 h 10000"/>
                  <a:gd name="connsiteX79" fmla="*/ 8971 w 10000"/>
                  <a:gd name="connsiteY79" fmla="*/ 3161 h 10000"/>
                  <a:gd name="connsiteX80" fmla="*/ 8766 w 10000"/>
                  <a:gd name="connsiteY80" fmla="*/ 3250 h 10000"/>
                  <a:gd name="connsiteX81" fmla="*/ 8302 w 10000"/>
                  <a:gd name="connsiteY81" fmla="*/ 3397 h 10000"/>
                  <a:gd name="connsiteX82" fmla="*/ 7815 w 10000"/>
                  <a:gd name="connsiteY82" fmla="*/ 3545 h 10000"/>
                  <a:gd name="connsiteX83" fmla="*/ 7327 w 10000"/>
                  <a:gd name="connsiteY83" fmla="*/ 3678 h 10000"/>
                  <a:gd name="connsiteX84" fmla="*/ 6863 w 10000"/>
                  <a:gd name="connsiteY84" fmla="*/ 3840 h 10000"/>
                  <a:gd name="connsiteX85" fmla="*/ 6632 w 10000"/>
                  <a:gd name="connsiteY85" fmla="*/ 3914 h 10000"/>
                  <a:gd name="connsiteX86" fmla="*/ 6427 w 10000"/>
                  <a:gd name="connsiteY86" fmla="*/ 4003 h 10000"/>
                  <a:gd name="connsiteX87" fmla="*/ 6222 w 10000"/>
                  <a:gd name="connsiteY87" fmla="*/ 4106 h 10000"/>
                  <a:gd name="connsiteX88" fmla="*/ 6014 w 10000"/>
                  <a:gd name="connsiteY88" fmla="*/ 4195 h 10000"/>
                  <a:gd name="connsiteX89" fmla="*/ 6169 w 10000"/>
                  <a:gd name="connsiteY89" fmla="*/ 4417 h 10000"/>
                  <a:gd name="connsiteX90" fmla="*/ 6273 w 10000"/>
                  <a:gd name="connsiteY90" fmla="*/ 4623 h 10000"/>
                  <a:gd name="connsiteX91" fmla="*/ 6375 w 10000"/>
                  <a:gd name="connsiteY91" fmla="*/ 4845 h 10000"/>
                  <a:gd name="connsiteX92" fmla="*/ 6451 w 10000"/>
                  <a:gd name="connsiteY92" fmla="*/ 5081 h 10000"/>
                  <a:gd name="connsiteX93" fmla="*/ 6504 w 10000"/>
                  <a:gd name="connsiteY93" fmla="*/ 5318 h 10000"/>
                  <a:gd name="connsiteX94" fmla="*/ 6530 w 10000"/>
                  <a:gd name="connsiteY94" fmla="*/ 5539 h 10000"/>
                  <a:gd name="connsiteX95" fmla="*/ 6554 w 10000"/>
                  <a:gd name="connsiteY95" fmla="*/ 5775 h 10000"/>
                  <a:gd name="connsiteX96" fmla="*/ 6554 w 10000"/>
                  <a:gd name="connsiteY96" fmla="*/ 5997 h 10000"/>
                  <a:gd name="connsiteX97" fmla="*/ 6530 w 10000"/>
                  <a:gd name="connsiteY97" fmla="*/ 6233 h 10000"/>
                  <a:gd name="connsiteX98" fmla="*/ 6478 w 10000"/>
                  <a:gd name="connsiteY98" fmla="*/ 6470 h 10000"/>
                  <a:gd name="connsiteX99" fmla="*/ 6427 w 10000"/>
                  <a:gd name="connsiteY99" fmla="*/ 6677 h 10000"/>
                  <a:gd name="connsiteX100" fmla="*/ 6350 w 10000"/>
                  <a:gd name="connsiteY100" fmla="*/ 6898 h 10000"/>
                  <a:gd name="connsiteX101" fmla="*/ 6247 w 10000"/>
                  <a:gd name="connsiteY101" fmla="*/ 7105 h 10000"/>
                  <a:gd name="connsiteX102" fmla="*/ 6119 w 10000"/>
                  <a:gd name="connsiteY102" fmla="*/ 7297 h 10000"/>
                  <a:gd name="connsiteX103" fmla="*/ 5964 w 10000"/>
                  <a:gd name="connsiteY103" fmla="*/ 7489 h 10000"/>
                  <a:gd name="connsiteX104" fmla="*/ 5809 w 10000"/>
                  <a:gd name="connsiteY104" fmla="*/ 7681 h 10000"/>
                  <a:gd name="connsiteX105" fmla="*/ 6554 w 10000"/>
                  <a:gd name="connsiteY105" fmla="*/ 7799 h 10000"/>
                  <a:gd name="connsiteX106" fmla="*/ 7327 w 10000"/>
                  <a:gd name="connsiteY106" fmla="*/ 7962 h 10000"/>
                  <a:gd name="connsiteX107" fmla="*/ 7480 w 10000"/>
                  <a:gd name="connsiteY107" fmla="*/ 8021 h 10000"/>
                  <a:gd name="connsiteX108" fmla="*/ 7609 w 10000"/>
                  <a:gd name="connsiteY108" fmla="*/ 8080 h 10000"/>
                  <a:gd name="connsiteX109" fmla="*/ 7737 w 10000"/>
                  <a:gd name="connsiteY109" fmla="*/ 8139 h 10000"/>
                  <a:gd name="connsiteX110" fmla="*/ 7815 w 10000"/>
                  <a:gd name="connsiteY110" fmla="*/ 8227 h 10000"/>
                  <a:gd name="connsiteX111" fmla="*/ 7841 w 10000"/>
                  <a:gd name="connsiteY111" fmla="*/ 8301 h 10000"/>
                  <a:gd name="connsiteX112" fmla="*/ 7841 w 10000"/>
                  <a:gd name="connsiteY112" fmla="*/ 8405 h 10000"/>
                  <a:gd name="connsiteX113" fmla="*/ 7790 w 10000"/>
                  <a:gd name="connsiteY113" fmla="*/ 8523 h 10000"/>
                  <a:gd name="connsiteX114" fmla="*/ 7712 w 10000"/>
                  <a:gd name="connsiteY114" fmla="*/ 8641 h 10000"/>
                  <a:gd name="connsiteX115" fmla="*/ 7378 w 10000"/>
                  <a:gd name="connsiteY115" fmla="*/ 8552 h 10000"/>
                  <a:gd name="connsiteX116" fmla="*/ 7069 w 10000"/>
                  <a:gd name="connsiteY116" fmla="*/ 8449 h 10000"/>
                  <a:gd name="connsiteX117" fmla="*/ 6760 w 10000"/>
                  <a:gd name="connsiteY117" fmla="*/ 8360 h 10000"/>
                  <a:gd name="connsiteX118" fmla="*/ 6451 w 10000"/>
                  <a:gd name="connsiteY118" fmla="*/ 8287 h 10000"/>
                  <a:gd name="connsiteX119" fmla="*/ 6323 w 10000"/>
                  <a:gd name="connsiteY119" fmla="*/ 8449 h 10000"/>
                  <a:gd name="connsiteX120" fmla="*/ 6222 w 10000"/>
                  <a:gd name="connsiteY120" fmla="*/ 8597 h 10000"/>
                  <a:gd name="connsiteX121" fmla="*/ 6169 w 10000"/>
                  <a:gd name="connsiteY121" fmla="*/ 8656 h 10000"/>
                  <a:gd name="connsiteX122" fmla="*/ 6066 w 10000"/>
                  <a:gd name="connsiteY122" fmla="*/ 8700 h 10000"/>
                  <a:gd name="connsiteX123" fmla="*/ 5990 w 10000"/>
                  <a:gd name="connsiteY123" fmla="*/ 8744 h 10000"/>
                  <a:gd name="connsiteX124" fmla="*/ 5913 w 10000"/>
                  <a:gd name="connsiteY124" fmla="*/ 8774 h 10000"/>
                  <a:gd name="connsiteX125" fmla="*/ 5835 w 10000"/>
                  <a:gd name="connsiteY125" fmla="*/ 8804 h 10000"/>
                  <a:gd name="connsiteX126" fmla="*/ 5733 w 10000"/>
                  <a:gd name="connsiteY126" fmla="*/ 8818 h 10000"/>
                  <a:gd name="connsiteX127" fmla="*/ 5603 w 10000"/>
                  <a:gd name="connsiteY127" fmla="*/ 8833 h 10000"/>
                  <a:gd name="connsiteX128" fmla="*/ 5476 w 10000"/>
                  <a:gd name="connsiteY128" fmla="*/ 8833 h 10000"/>
                  <a:gd name="connsiteX129" fmla="*/ 5168 w 10000"/>
                  <a:gd name="connsiteY129" fmla="*/ 8818 h 10000"/>
                  <a:gd name="connsiteX130" fmla="*/ 4781 w 10000"/>
                  <a:gd name="connsiteY130" fmla="*/ 8744 h 10000"/>
                  <a:gd name="connsiteX131" fmla="*/ 4781 w 10000"/>
                  <a:gd name="connsiteY131" fmla="*/ 8922 h 10000"/>
                  <a:gd name="connsiteX132" fmla="*/ 4755 w 10000"/>
                  <a:gd name="connsiteY132" fmla="*/ 9069 h 10000"/>
                  <a:gd name="connsiteX133" fmla="*/ 4731 w 10000"/>
                  <a:gd name="connsiteY133" fmla="*/ 9232 h 10000"/>
                  <a:gd name="connsiteX134" fmla="*/ 4704 w 10000"/>
                  <a:gd name="connsiteY134" fmla="*/ 9365 h 10000"/>
                  <a:gd name="connsiteX135" fmla="*/ 4652 w 10000"/>
                  <a:gd name="connsiteY135" fmla="*/ 9498 h 10000"/>
                  <a:gd name="connsiteX136" fmla="*/ 4551 w 10000"/>
                  <a:gd name="connsiteY136" fmla="*/ 9616 h 10000"/>
                  <a:gd name="connsiteX137" fmla="*/ 4473 w 10000"/>
                  <a:gd name="connsiteY137" fmla="*/ 9734 h 10000"/>
                  <a:gd name="connsiteX138" fmla="*/ 4344 w 10000"/>
                  <a:gd name="connsiteY138" fmla="*/ 9838 h 10000"/>
                  <a:gd name="connsiteX139" fmla="*/ 4034 w 10000"/>
                  <a:gd name="connsiteY139" fmla="*/ 9897 h 10000"/>
                  <a:gd name="connsiteX140" fmla="*/ 3779 w 10000"/>
                  <a:gd name="connsiteY140" fmla="*/ 9941 h 10000"/>
                  <a:gd name="connsiteX141" fmla="*/ 3470 w 10000"/>
                  <a:gd name="connsiteY141" fmla="*/ 9985 h 10000"/>
                  <a:gd name="connsiteX142" fmla="*/ 3239 w 10000"/>
                  <a:gd name="connsiteY142" fmla="*/ 10000 h 10000"/>
                  <a:gd name="connsiteX143" fmla="*/ 2725 w 10000"/>
                  <a:gd name="connsiteY143" fmla="*/ 10000 h 10000"/>
                  <a:gd name="connsiteX144" fmla="*/ 2236 w 10000"/>
                  <a:gd name="connsiteY144" fmla="*/ 9985 h 10000"/>
                  <a:gd name="connsiteX145" fmla="*/ 1775 w 10000"/>
                  <a:gd name="connsiteY145" fmla="*/ 9941 h 10000"/>
                  <a:gd name="connsiteX146" fmla="*/ 1286 w 10000"/>
                  <a:gd name="connsiteY146" fmla="*/ 9911 h 10000"/>
                  <a:gd name="connsiteX147" fmla="*/ 1003 w 10000"/>
                  <a:gd name="connsiteY147" fmla="*/ 9911 h 10000"/>
                  <a:gd name="connsiteX148" fmla="*/ 745 w 10000"/>
                  <a:gd name="connsiteY148" fmla="*/ 9911 h 10000"/>
                  <a:gd name="connsiteX149" fmla="*/ 463 w 10000"/>
                  <a:gd name="connsiteY149" fmla="*/ 9926 h 10000"/>
                  <a:gd name="connsiteX150" fmla="*/ 180 w 10000"/>
                  <a:gd name="connsiteY150" fmla="*/ 9970 h 10000"/>
                  <a:gd name="connsiteX151" fmla="*/ 103 w 10000"/>
                  <a:gd name="connsiteY151" fmla="*/ 9867 h 10000"/>
                  <a:gd name="connsiteX152" fmla="*/ 52 w 10000"/>
                  <a:gd name="connsiteY152" fmla="*/ 9793 h 10000"/>
                  <a:gd name="connsiteX153" fmla="*/ 0 w 10000"/>
                  <a:gd name="connsiteY153" fmla="*/ 9705 h 10000"/>
                  <a:gd name="connsiteX154" fmla="*/ 0 w 10000"/>
                  <a:gd name="connsiteY154" fmla="*/ 9601 h 10000"/>
                  <a:gd name="connsiteX155" fmla="*/ 52 w 10000"/>
                  <a:gd name="connsiteY155" fmla="*/ 9424 h 10000"/>
                  <a:gd name="connsiteX156" fmla="*/ 103 w 10000"/>
                  <a:gd name="connsiteY156" fmla="*/ 9202 h 10000"/>
                  <a:gd name="connsiteX157" fmla="*/ 153 w 10000"/>
                  <a:gd name="connsiteY157" fmla="*/ 8996 h 10000"/>
                  <a:gd name="connsiteX158" fmla="*/ 206 w 10000"/>
                  <a:gd name="connsiteY158" fmla="*/ 8759 h 10000"/>
                  <a:gd name="connsiteX159" fmla="*/ 231 w 10000"/>
                  <a:gd name="connsiteY159" fmla="*/ 8641 h 10000"/>
                  <a:gd name="connsiteX160" fmla="*/ 231 w 10000"/>
                  <a:gd name="connsiteY160" fmla="*/ 8538 h 10000"/>
                  <a:gd name="connsiteX161" fmla="*/ 206 w 10000"/>
                  <a:gd name="connsiteY161" fmla="*/ 8405 h 10000"/>
                  <a:gd name="connsiteX162" fmla="*/ 180 w 10000"/>
                  <a:gd name="connsiteY162" fmla="*/ 8287 h 10000"/>
                  <a:gd name="connsiteX163" fmla="*/ 437 w 10000"/>
                  <a:gd name="connsiteY163" fmla="*/ 8213 h 10000"/>
                  <a:gd name="connsiteX164" fmla="*/ 694 w 10000"/>
                  <a:gd name="connsiteY164" fmla="*/ 8139 h 10000"/>
                  <a:gd name="connsiteX165" fmla="*/ 951 w 10000"/>
                  <a:gd name="connsiteY165" fmla="*/ 8095 h 10000"/>
                  <a:gd name="connsiteX166" fmla="*/ 1234 w 10000"/>
                  <a:gd name="connsiteY166" fmla="*/ 8065 h 10000"/>
                  <a:gd name="connsiteX167" fmla="*/ 1747 w 10000"/>
                  <a:gd name="connsiteY167" fmla="*/ 8021 h 10000"/>
                  <a:gd name="connsiteX168" fmla="*/ 2263 w 10000"/>
                  <a:gd name="connsiteY168" fmla="*/ 7976 h 10000"/>
                  <a:gd name="connsiteX169" fmla="*/ 2494 w 10000"/>
                  <a:gd name="connsiteY169" fmla="*/ 7947 h 10000"/>
                  <a:gd name="connsiteX170" fmla="*/ 2725 w 10000"/>
                  <a:gd name="connsiteY170" fmla="*/ 7917 h 10000"/>
                  <a:gd name="connsiteX171" fmla="*/ 2929 w 10000"/>
                  <a:gd name="connsiteY171" fmla="*/ 7843 h 10000"/>
                  <a:gd name="connsiteX172" fmla="*/ 3136 w 10000"/>
                  <a:gd name="connsiteY172" fmla="*/ 7784 h 10000"/>
                  <a:gd name="connsiteX173" fmla="*/ 3316 w 10000"/>
                  <a:gd name="connsiteY173" fmla="*/ 7710 h 10000"/>
                  <a:gd name="connsiteX174" fmla="*/ 3470 w 10000"/>
                  <a:gd name="connsiteY174" fmla="*/ 7592 h 10000"/>
                  <a:gd name="connsiteX175" fmla="*/ 3625 w 10000"/>
                  <a:gd name="connsiteY175" fmla="*/ 7474 h 10000"/>
                  <a:gd name="connsiteX176" fmla="*/ 3727 w 10000"/>
                  <a:gd name="connsiteY176" fmla="*/ 7312 h 10000"/>
                  <a:gd name="connsiteX177" fmla="*/ 3522 w 10000"/>
                  <a:gd name="connsiteY177" fmla="*/ 7238 h 10000"/>
                  <a:gd name="connsiteX178" fmla="*/ 3341 w 10000"/>
                  <a:gd name="connsiteY178" fmla="*/ 7179 h 10000"/>
                  <a:gd name="connsiteX179" fmla="*/ 3187 w 10000"/>
                  <a:gd name="connsiteY179" fmla="*/ 7090 h 10000"/>
                  <a:gd name="connsiteX180" fmla="*/ 3034 w 10000"/>
                  <a:gd name="connsiteY180" fmla="*/ 6987 h 10000"/>
                  <a:gd name="connsiteX181" fmla="*/ 2929 w 10000"/>
                  <a:gd name="connsiteY181" fmla="*/ 6869 h 10000"/>
                  <a:gd name="connsiteX182" fmla="*/ 2880 w 10000"/>
                  <a:gd name="connsiteY182" fmla="*/ 6721 h 10000"/>
                  <a:gd name="connsiteX183" fmla="*/ 2853 w 10000"/>
                  <a:gd name="connsiteY183" fmla="*/ 6558 h 10000"/>
                  <a:gd name="connsiteX184" fmla="*/ 2880 w 10000"/>
                  <a:gd name="connsiteY184" fmla="*/ 6352 h 10000"/>
                  <a:gd name="connsiteX185" fmla="*/ 2751 w 10000"/>
                  <a:gd name="connsiteY185" fmla="*/ 6322 h 10000"/>
                  <a:gd name="connsiteX186" fmla="*/ 2597 w 10000"/>
                  <a:gd name="connsiteY186" fmla="*/ 6292 h 10000"/>
                  <a:gd name="connsiteX187" fmla="*/ 2417 w 10000"/>
                  <a:gd name="connsiteY187" fmla="*/ 6278 h 10000"/>
                  <a:gd name="connsiteX188" fmla="*/ 2236 w 10000"/>
                  <a:gd name="connsiteY188" fmla="*/ 6263 h 10000"/>
                  <a:gd name="connsiteX189" fmla="*/ 1877 w 10000"/>
                  <a:gd name="connsiteY189" fmla="*/ 6248 h 10000"/>
                  <a:gd name="connsiteX190" fmla="*/ 1491 w 10000"/>
                  <a:gd name="connsiteY190" fmla="*/ 6263 h 10000"/>
                  <a:gd name="connsiteX191" fmla="*/ 1158 w 10000"/>
                  <a:gd name="connsiteY191" fmla="*/ 6278 h 10000"/>
                  <a:gd name="connsiteX192" fmla="*/ 848 w 10000"/>
                  <a:gd name="connsiteY192" fmla="*/ 6278 h 10000"/>
                  <a:gd name="connsiteX193" fmla="*/ 593 w 10000"/>
                  <a:gd name="connsiteY193" fmla="*/ 6263 h 10000"/>
                  <a:gd name="connsiteX194" fmla="*/ 386 w 10000"/>
                  <a:gd name="connsiteY194" fmla="*/ 6233 h 10000"/>
                  <a:gd name="connsiteX195" fmla="*/ 641 w 10000"/>
                  <a:gd name="connsiteY195" fmla="*/ 5805 h 10000"/>
                  <a:gd name="connsiteX196" fmla="*/ 926 w 10000"/>
                  <a:gd name="connsiteY196" fmla="*/ 5391 h 10000"/>
                  <a:gd name="connsiteX197" fmla="*/ 1029 w 10000"/>
                  <a:gd name="connsiteY197" fmla="*/ 5170 h 10000"/>
                  <a:gd name="connsiteX198" fmla="*/ 1105 w 10000"/>
                  <a:gd name="connsiteY198" fmla="*/ 4963 h 10000"/>
                  <a:gd name="connsiteX199" fmla="*/ 1130 w 10000"/>
                  <a:gd name="connsiteY199" fmla="*/ 4860 h 10000"/>
                  <a:gd name="connsiteX200" fmla="*/ 1105 w 10000"/>
                  <a:gd name="connsiteY200" fmla="*/ 4756 h 10000"/>
                  <a:gd name="connsiteX201" fmla="*/ 1080 w 10000"/>
                  <a:gd name="connsiteY201" fmla="*/ 4653 h 10000"/>
                  <a:gd name="connsiteX202" fmla="*/ 1003 w 10000"/>
                  <a:gd name="connsiteY202" fmla="*/ 4549 h 10000"/>
                  <a:gd name="connsiteX203" fmla="*/ 1286 w 10000"/>
                  <a:gd name="connsiteY203" fmla="*/ 4520 h 10000"/>
                  <a:gd name="connsiteX204" fmla="*/ 1491 w 10000"/>
                  <a:gd name="connsiteY204" fmla="*/ 4505 h 10000"/>
                  <a:gd name="connsiteX205" fmla="*/ 1671 w 10000"/>
                  <a:gd name="connsiteY205" fmla="*/ 4505 h 10000"/>
                  <a:gd name="connsiteX206" fmla="*/ 1825 w 10000"/>
                  <a:gd name="connsiteY206" fmla="*/ 4520 h 10000"/>
                  <a:gd name="connsiteX207" fmla="*/ 1954 w 10000"/>
                  <a:gd name="connsiteY207" fmla="*/ 4520 h 10000"/>
                  <a:gd name="connsiteX208" fmla="*/ 2108 w 10000"/>
                  <a:gd name="connsiteY208" fmla="*/ 4520 h 10000"/>
                  <a:gd name="connsiteX209" fmla="*/ 2263 w 10000"/>
                  <a:gd name="connsiteY209" fmla="*/ 4490 h 10000"/>
                  <a:gd name="connsiteX210" fmla="*/ 2467 w 10000"/>
                  <a:gd name="connsiteY210" fmla="*/ 4446 h 10000"/>
                  <a:gd name="connsiteX211" fmla="*/ 2467 w 10000"/>
                  <a:gd name="connsiteY211" fmla="*/ 4579 h 10000"/>
                  <a:gd name="connsiteX212" fmla="*/ 2467 w 10000"/>
                  <a:gd name="connsiteY212" fmla="*/ 4742 h 10000"/>
                  <a:gd name="connsiteX213" fmla="*/ 2467 w 10000"/>
                  <a:gd name="connsiteY213" fmla="*/ 4874 h 10000"/>
                  <a:gd name="connsiteX214" fmla="*/ 2467 w 10000"/>
                  <a:gd name="connsiteY214" fmla="*/ 5037 h 10000"/>
                  <a:gd name="connsiteX215" fmla="*/ 2699 w 10000"/>
                  <a:gd name="connsiteY215" fmla="*/ 5022 h 10000"/>
                  <a:gd name="connsiteX216" fmla="*/ 2853 w 10000"/>
                  <a:gd name="connsiteY216" fmla="*/ 5037 h 10000"/>
                  <a:gd name="connsiteX217" fmla="*/ 2982 w 10000"/>
                  <a:gd name="connsiteY217" fmla="*/ 5066 h 10000"/>
                  <a:gd name="connsiteX218" fmla="*/ 3111 w 10000"/>
                  <a:gd name="connsiteY218" fmla="*/ 5096 h 10000"/>
                  <a:gd name="connsiteX219" fmla="*/ 3214 w 10000"/>
                  <a:gd name="connsiteY219" fmla="*/ 5126 h 10000"/>
                  <a:gd name="connsiteX220" fmla="*/ 3341 w 10000"/>
                  <a:gd name="connsiteY220" fmla="*/ 5155 h 10000"/>
                  <a:gd name="connsiteX221" fmla="*/ 3496 w 10000"/>
                  <a:gd name="connsiteY221" fmla="*/ 5170 h 10000"/>
                  <a:gd name="connsiteX222" fmla="*/ 3727 w 10000"/>
                  <a:gd name="connsiteY222" fmla="*/ 5155 h 10000"/>
                  <a:gd name="connsiteX223" fmla="*/ 3805 w 10000"/>
                  <a:gd name="connsiteY223" fmla="*/ 5096 h 10000"/>
                  <a:gd name="connsiteX224" fmla="*/ 3881 w 10000"/>
                  <a:gd name="connsiteY224" fmla="*/ 5022 h 10000"/>
                  <a:gd name="connsiteX225" fmla="*/ 3907 w 10000"/>
                  <a:gd name="connsiteY225" fmla="*/ 4934 h 10000"/>
                  <a:gd name="connsiteX226" fmla="*/ 3934 w 10000"/>
                  <a:gd name="connsiteY226" fmla="*/ 4860 h 10000"/>
                  <a:gd name="connsiteX227" fmla="*/ 3958 w 10000"/>
                  <a:gd name="connsiteY227" fmla="*/ 4697 h 10000"/>
                  <a:gd name="connsiteX228" fmla="*/ 3934 w 10000"/>
                  <a:gd name="connsiteY228" fmla="*/ 4520 h 10000"/>
                  <a:gd name="connsiteX229" fmla="*/ 3856 w 10000"/>
                  <a:gd name="connsiteY229" fmla="*/ 4343 h 10000"/>
                  <a:gd name="connsiteX230" fmla="*/ 3779 w 10000"/>
                  <a:gd name="connsiteY230" fmla="*/ 4195 h 10000"/>
                  <a:gd name="connsiteX231" fmla="*/ 3650 w 10000"/>
                  <a:gd name="connsiteY231" fmla="*/ 4047 h 10000"/>
                  <a:gd name="connsiteX232" fmla="*/ 3522 w 10000"/>
                  <a:gd name="connsiteY232" fmla="*/ 3959 h 10000"/>
                  <a:gd name="connsiteX233" fmla="*/ 3676 w 10000"/>
                  <a:gd name="connsiteY233" fmla="*/ 3944 h 10000"/>
                  <a:gd name="connsiteX234" fmla="*/ 3805 w 10000"/>
                  <a:gd name="connsiteY234" fmla="*/ 3914 h 10000"/>
                  <a:gd name="connsiteX235" fmla="*/ 3907 w 10000"/>
                  <a:gd name="connsiteY235" fmla="*/ 3855 h 10000"/>
                  <a:gd name="connsiteX236" fmla="*/ 4034 w 10000"/>
                  <a:gd name="connsiteY236" fmla="*/ 3752 h 10000"/>
                  <a:gd name="connsiteX237" fmla="*/ 4164 w 10000"/>
                  <a:gd name="connsiteY237" fmla="*/ 3663 h 10000"/>
                  <a:gd name="connsiteX238" fmla="*/ 4267 w 10000"/>
                  <a:gd name="connsiteY238" fmla="*/ 3560 h 10000"/>
                  <a:gd name="connsiteX239" fmla="*/ 4344 w 10000"/>
                  <a:gd name="connsiteY239" fmla="*/ 3442 h 10000"/>
                  <a:gd name="connsiteX240" fmla="*/ 4422 w 10000"/>
                  <a:gd name="connsiteY240" fmla="*/ 3323 h 10000"/>
                  <a:gd name="connsiteX241" fmla="*/ 4473 w 10000"/>
                  <a:gd name="connsiteY241" fmla="*/ 3220 h 10000"/>
                  <a:gd name="connsiteX242" fmla="*/ 4498 w 10000"/>
                  <a:gd name="connsiteY242" fmla="*/ 3102 h 10000"/>
                  <a:gd name="connsiteX243" fmla="*/ 4525 w 10000"/>
                  <a:gd name="connsiteY243" fmla="*/ 3013 h 10000"/>
                  <a:gd name="connsiteX244" fmla="*/ 4498 w 10000"/>
                  <a:gd name="connsiteY244" fmla="*/ 2939 h 10000"/>
                  <a:gd name="connsiteX245" fmla="*/ 4473 w 10000"/>
                  <a:gd name="connsiteY245" fmla="*/ 2866 h 10000"/>
                  <a:gd name="connsiteX246" fmla="*/ 4396 w 10000"/>
                  <a:gd name="connsiteY246" fmla="*/ 2836 h 10000"/>
                  <a:gd name="connsiteX247" fmla="*/ 4294 w 10000"/>
                  <a:gd name="connsiteY247" fmla="*/ 2836 h 10000"/>
                  <a:gd name="connsiteX248" fmla="*/ 4164 w 10000"/>
                  <a:gd name="connsiteY248" fmla="*/ 2866 h 10000"/>
                  <a:gd name="connsiteX249" fmla="*/ 4267 w 10000"/>
                  <a:gd name="connsiteY249" fmla="*/ 2777 h 10000"/>
                  <a:gd name="connsiteX250" fmla="*/ 4320 w 10000"/>
                  <a:gd name="connsiteY250" fmla="*/ 2674 h 10000"/>
                  <a:gd name="connsiteX251" fmla="*/ 4344 w 10000"/>
                  <a:gd name="connsiteY251" fmla="*/ 2541 h 10000"/>
                  <a:gd name="connsiteX252" fmla="*/ 4344 w 10000"/>
                  <a:gd name="connsiteY252" fmla="*/ 2393 h 10000"/>
                  <a:gd name="connsiteX253" fmla="*/ 4369 w 10000"/>
                  <a:gd name="connsiteY253" fmla="*/ 2349 h 10000"/>
                  <a:gd name="connsiteX254" fmla="*/ 4422 w 10000"/>
                  <a:gd name="connsiteY254" fmla="*/ 2304 h 10000"/>
                  <a:gd name="connsiteX255" fmla="*/ 4473 w 10000"/>
                  <a:gd name="connsiteY255" fmla="*/ 2290 h 10000"/>
                  <a:gd name="connsiteX256" fmla="*/ 4551 w 10000"/>
                  <a:gd name="connsiteY256" fmla="*/ 2275 h 10000"/>
                  <a:gd name="connsiteX257" fmla="*/ 4781 w 10000"/>
                  <a:gd name="connsiteY257" fmla="*/ 2260 h 10000"/>
                  <a:gd name="connsiteX258" fmla="*/ 4986 w 10000"/>
                  <a:gd name="connsiteY258" fmla="*/ 2275 h 10000"/>
                  <a:gd name="connsiteX259" fmla="*/ 4961 w 10000"/>
                  <a:gd name="connsiteY259" fmla="*/ 2112 h 10000"/>
                  <a:gd name="connsiteX260" fmla="*/ 4910 w 10000"/>
                  <a:gd name="connsiteY260" fmla="*/ 1950 h 10000"/>
                  <a:gd name="connsiteX261" fmla="*/ 4832 w 10000"/>
                  <a:gd name="connsiteY261" fmla="*/ 1802 h 10000"/>
                  <a:gd name="connsiteX262" fmla="*/ 4731 w 10000"/>
                  <a:gd name="connsiteY262" fmla="*/ 1640 h 10000"/>
                  <a:gd name="connsiteX263" fmla="*/ 4473 w 10000"/>
                  <a:gd name="connsiteY263" fmla="*/ 1329 h 10000"/>
                  <a:gd name="connsiteX264" fmla="*/ 4216 w 10000"/>
                  <a:gd name="connsiteY264" fmla="*/ 1034 h 10000"/>
                  <a:gd name="connsiteX265" fmla="*/ 4087 w 10000"/>
                  <a:gd name="connsiteY265" fmla="*/ 901 h 10000"/>
                  <a:gd name="connsiteX266" fmla="*/ 3986 w 10000"/>
                  <a:gd name="connsiteY266" fmla="*/ 753 h 10000"/>
                  <a:gd name="connsiteX267" fmla="*/ 3907 w 10000"/>
                  <a:gd name="connsiteY267" fmla="*/ 620 h 10000"/>
                  <a:gd name="connsiteX268" fmla="*/ 3881 w 10000"/>
                  <a:gd name="connsiteY268" fmla="*/ 487 h 10000"/>
                  <a:gd name="connsiteX269" fmla="*/ 3856 w 10000"/>
                  <a:gd name="connsiteY269" fmla="*/ 355 h 10000"/>
                  <a:gd name="connsiteX270" fmla="*/ 3907 w 10000"/>
                  <a:gd name="connsiteY270" fmla="*/ 222 h 10000"/>
                  <a:gd name="connsiteX271" fmla="*/ 3934 w 10000"/>
                  <a:gd name="connsiteY271" fmla="*/ 162 h 10000"/>
                  <a:gd name="connsiteX272" fmla="*/ 3986 w 10000"/>
                  <a:gd name="connsiteY272" fmla="*/ 103 h 10000"/>
                  <a:gd name="connsiteX273" fmla="*/ 4063 w 10000"/>
                  <a:gd name="connsiteY273" fmla="*/ 59 h 10000"/>
                  <a:gd name="connsiteX274" fmla="*/ 4164 w 10000"/>
                  <a:gd name="connsiteY274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6812 w 10000"/>
                  <a:gd name="connsiteY66" fmla="*/ 4121 h 10000"/>
                  <a:gd name="connsiteX67" fmla="*/ 8895 w 10000"/>
                  <a:gd name="connsiteY67" fmla="*/ 3516 h 10000"/>
                  <a:gd name="connsiteX68" fmla="*/ 9100 w 10000"/>
                  <a:gd name="connsiteY68" fmla="*/ 3412 h 10000"/>
                  <a:gd name="connsiteX69" fmla="*/ 9306 w 10000"/>
                  <a:gd name="connsiteY69" fmla="*/ 3338 h 10000"/>
                  <a:gd name="connsiteX70" fmla="*/ 9435 w 10000"/>
                  <a:gd name="connsiteY70" fmla="*/ 3235 h 10000"/>
                  <a:gd name="connsiteX71" fmla="*/ 9536 w 10000"/>
                  <a:gd name="connsiteY71" fmla="*/ 3117 h 10000"/>
                  <a:gd name="connsiteX72" fmla="*/ 9563 w 10000"/>
                  <a:gd name="connsiteY72" fmla="*/ 3072 h 10000"/>
                  <a:gd name="connsiteX73" fmla="*/ 9588 w 10000"/>
                  <a:gd name="connsiteY73" fmla="*/ 3013 h 10000"/>
                  <a:gd name="connsiteX74" fmla="*/ 9588 w 10000"/>
                  <a:gd name="connsiteY74" fmla="*/ 2954 h 10000"/>
                  <a:gd name="connsiteX75" fmla="*/ 9563 w 10000"/>
                  <a:gd name="connsiteY75" fmla="*/ 2866 h 10000"/>
                  <a:gd name="connsiteX76" fmla="*/ 9383 w 10000"/>
                  <a:gd name="connsiteY76" fmla="*/ 2984 h 10000"/>
                  <a:gd name="connsiteX77" fmla="*/ 9178 w 10000"/>
                  <a:gd name="connsiteY77" fmla="*/ 3072 h 10000"/>
                  <a:gd name="connsiteX78" fmla="*/ 8971 w 10000"/>
                  <a:gd name="connsiteY78" fmla="*/ 3161 h 10000"/>
                  <a:gd name="connsiteX79" fmla="*/ 8766 w 10000"/>
                  <a:gd name="connsiteY79" fmla="*/ 3250 h 10000"/>
                  <a:gd name="connsiteX80" fmla="*/ 8302 w 10000"/>
                  <a:gd name="connsiteY80" fmla="*/ 3397 h 10000"/>
                  <a:gd name="connsiteX81" fmla="*/ 7815 w 10000"/>
                  <a:gd name="connsiteY81" fmla="*/ 3545 h 10000"/>
                  <a:gd name="connsiteX82" fmla="*/ 7327 w 10000"/>
                  <a:gd name="connsiteY82" fmla="*/ 3678 h 10000"/>
                  <a:gd name="connsiteX83" fmla="*/ 6863 w 10000"/>
                  <a:gd name="connsiteY83" fmla="*/ 3840 h 10000"/>
                  <a:gd name="connsiteX84" fmla="*/ 6632 w 10000"/>
                  <a:gd name="connsiteY84" fmla="*/ 3914 h 10000"/>
                  <a:gd name="connsiteX85" fmla="*/ 6427 w 10000"/>
                  <a:gd name="connsiteY85" fmla="*/ 4003 h 10000"/>
                  <a:gd name="connsiteX86" fmla="*/ 6222 w 10000"/>
                  <a:gd name="connsiteY86" fmla="*/ 4106 h 10000"/>
                  <a:gd name="connsiteX87" fmla="*/ 6014 w 10000"/>
                  <a:gd name="connsiteY87" fmla="*/ 4195 h 10000"/>
                  <a:gd name="connsiteX88" fmla="*/ 6169 w 10000"/>
                  <a:gd name="connsiteY88" fmla="*/ 4417 h 10000"/>
                  <a:gd name="connsiteX89" fmla="*/ 6273 w 10000"/>
                  <a:gd name="connsiteY89" fmla="*/ 4623 h 10000"/>
                  <a:gd name="connsiteX90" fmla="*/ 6375 w 10000"/>
                  <a:gd name="connsiteY90" fmla="*/ 4845 h 10000"/>
                  <a:gd name="connsiteX91" fmla="*/ 6451 w 10000"/>
                  <a:gd name="connsiteY91" fmla="*/ 5081 h 10000"/>
                  <a:gd name="connsiteX92" fmla="*/ 6504 w 10000"/>
                  <a:gd name="connsiteY92" fmla="*/ 5318 h 10000"/>
                  <a:gd name="connsiteX93" fmla="*/ 6530 w 10000"/>
                  <a:gd name="connsiteY93" fmla="*/ 5539 h 10000"/>
                  <a:gd name="connsiteX94" fmla="*/ 6554 w 10000"/>
                  <a:gd name="connsiteY94" fmla="*/ 5775 h 10000"/>
                  <a:gd name="connsiteX95" fmla="*/ 6554 w 10000"/>
                  <a:gd name="connsiteY95" fmla="*/ 5997 h 10000"/>
                  <a:gd name="connsiteX96" fmla="*/ 6530 w 10000"/>
                  <a:gd name="connsiteY96" fmla="*/ 6233 h 10000"/>
                  <a:gd name="connsiteX97" fmla="*/ 6478 w 10000"/>
                  <a:gd name="connsiteY97" fmla="*/ 6470 h 10000"/>
                  <a:gd name="connsiteX98" fmla="*/ 6427 w 10000"/>
                  <a:gd name="connsiteY98" fmla="*/ 6677 h 10000"/>
                  <a:gd name="connsiteX99" fmla="*/ 6350 w 10000"/>
                  <a:gd name="connsiteY99" fmla="*/ 6898 h 10000"/>
                  <a:gd name="connsiteX100" fmla="*/ 6247 w 10000"/>
                  <a:gd name="connsiteY100" fmla="*/ 7105 h 10000"/>
                  <a:gd name="connsiteX101" fmla="*/ 6119 w 10000"/>
                  <a:gd name="connsiteY101" fmla="*/ 7297 h 10000"/>
                  <a:gd name="connsiteX102" fmla="*/ 5964 w 10000"/>
                  <a:gd name="connsiteY102" fmla="*/ 7489 h 10000"/>
                  <a:gd name="connsiteX103" fmla="*/ 5809 w 10000"/>
                  <a:gd name="connsiteY103" fmla="*/ 7681 h 10000"/>
                  <a:gd name="connsiteX104" fmla="*/ 6554 w 10000"/>
                  <a:gd name="connsiteY104" fmla="*/ 7799 h 10000"/>
                  <a:gd name="connsiteX105" fmla="*/ 7327 w 10000"/>
                  <a:gd name="connsiteY105" fmla="*/ 7962 h 10000"/>
                  <a:gd name="connsiteX106" fmla="*/ 7480 w 10000"/>
                  <a:gd name="connsiteY106" fmla="*/ 8021 h 10000"/>
                  <a:gd name="connsiteX107" fmla="*/ 7609 w 10000"/>
                  <a:gd name="connsiteY107" fmla="*/ 8080 h 10000"/>
                  <a:gd name="connsiteX108" fmla="*/ 7737 w 10000"/>
                  <a:gd name="connsiteY108" fmla="*/ 8139 h 10000"/>
                  <a:gd name="connsiteX109" fmla="*/ 7815 w 10000"/>
                  <a:gd name="connsiteY109" fmla="*/ 8227 h 10000"/>
                  <a:gd name="connsiteX110" fmla="*/ 7841 w 10000"/>
                  <a:gd name="connsiteY110" fmla="*/ 8301 h 10000"/>
                  <a:gd name="connsiteX111" fmla="*/ 7841 w 10000"/>
                  <a:gd name="connsiteY111" fmla="*/ 8405 h 10000"/>
                  <a:gd name="connsiteX112" fmla="*/ 7790 w 10000"/>
                  <a:gd name="connsiteY112" fmla="*/ 8523 h 10000"/>
                  <a:gd name="connsiteX113" fmla="*/ 7712 w 10000"/>
                  <a:gd name="connsiteY113" fmla="*/ 8641 h 10000"/>
                  <a:gd name="connsiteX114" fmla="*/ 7378 w 10000"/>
                  <a:gd name="connsiteY114" fmla="*/ 8552 h 10000"/>
                  <a:gd name="connsiteX115" fmla="*/ 7069 w 10000"/>
                  <a:gd name="connsiteY115" fmla="*/ 8449 h 10000"/>
                  <a:gd name="connsiteX116" fmla="*/ 6760 w 10000"/>
                  <a:gd name="connsiteY116" fmla="*/ 8360 h 10000"/>
                  <a:gd name="connsiteX117" fmla="*/ 6451 w 10000"/>
                  <a:gd name="connsiteY117" fmla="*/ 8287 h 10000"/>
                  <a:gd name="connsiteX118" fmla="*/ 6323 w 10000"/>
                  <a:gd name="connsiteY118" fmla="*/ 8449 h 10000"/>
                  <a:gd name="connsiteX119" fmla="*/ 6222 w 10000"/>
                  <a:gd name="connsiteY119" fmla="*/ 8597 h 10000"/>
                  <a:gd name="connsiteX120" fmla="*/ 6169 w 10000"/>
                  <a:gd name="connsiteY120" fmla="*/ 8656 h 10000"/>
                  <a:gd name="connsiteX121" fmla="*/ 6066 w 10000"/>
                  <a:gd name="connsiteY121" fmla="*/ 8700 h 10000"/>
                  <a:gd name="connsiteX122" fmla="*/ 5990 w 10000"/>
                  <a:gd name="connsiteY122" fmla="*/ 8744 h 10000"/>
                  <a:gd name="connsiteX123" fmla="*/ 5913 w 10000"/>
                  <a:gd name="connsiteY123" fmla="*/ 8774 h 10000"/>
                  <a:gd name="connsiteX124" fmla="*/ 5835 w 10000"/>
                  <a:gd name="connsiteY124" fmla="*/ 8804 h 10000"/>
                  <a:gd name="connsiteX125" fmla="*/ 5733 w 10000"/>
                  <a:gd name="connsiteY125" fmla="*/ 8818 h 10000"/>
                  <a:gd name="connsiteX126" fmla="*/ 5603 w 10000"/>
                  <a:gd name="connsiteY126" fmla="*/ 8833 h 10000"/>
                  <a:gd name="connsiteX127" fmla="*/ 5476 w 10000"/>
                  <a:gd name="connsiteY127" fmla="*/ 8833 h 10000"/>
                  <a:gd name="connsiteX128" fmla="*/ 5168 w 10000"/>
                  <a:gd name="connsiteY128" fmla="*/ 8818 h 10000"/>
                  <a:gd name="connsiteX129" fmla="*/ 4781 w 10000"/>
                  <a:gd name="connsiteY129" fmla="*/ 8744 h 10000"/>
                  <a:gd name="connsiteX130" fmla="*/ 4781 w 10000"/>
                  <a:gd name="connsiteY130" fmla="*/ 8922 h 10000"/>
                  <a:gd name="connsiteX131" fmla="*/ 4755 w 10000"/>
                  <a:gd name="connsiteY131" fmla="*/ 9069 h 10000"/>
                  <a:gd name="connsiteX132" fmla="*/ 4731 w 10000"/>
                  <a:gd name="connsiteY132" fmla="*/ 9232 h 10000"/>
                  <a:gd name="connsiteX133" fmla="*/ 4704 w 10000"/>
                  <a:gd name="connsiteY133" fmla="*/ 9365 h 10000"/>
                  <a:gd name="connsiteX134" fmla="*/ 4652 w 10000"/>
                  <a:gd name="connsiteY134" fmla="*/ 9498 h 10000"/>
                  <a:gd name="connsiteX135" fmla="*/ 4551 w 10000"/>
                  <a:gd name="connsiteY135" fmla="*/ 9616 h 10000"/>
                  <a:gd name="connsiteX136" fmla="*/ 4473 w 10000"/>
                  <a:gd name="connsiteY136" fmla="*/ 9734 h 10000"/>
                  <a:gd name="connsiteX137" fmla="*/ 4344 w 10000"/>
                  <a:gd name="connsiteY137" fmla="*/ 9838 h 10000"/>
                  <a:gd name="connsiteX138" fmla="*/ 4034 w 10000"/>
                  <a:gd name="connsiteY138" fmla="*/ 9897 h 10000"/>
                  <a:gd name="connsiteX139" fmla="*/ 3779 w 10000"/>
                  <a:gd name="connsiteY139" fmla="*/ 9941 h 10000"/>
                  <a:gd name="connsiteX140" fmla="*/ 3470 w 10000"/>
                  <a:gd name="connsiteY140" fmla="*/ 9985 h 10000"/>
                  <a:gd name="connsiteX141" fmla="*/ 3239 w 10000"/>
                  <a:gd name="connsiteY141" fmla="*/ 10000 h 10000"/>
                  <a:gd name="connsiteX142" fmla="*/ 2725 w 10000"/>
                  <a:gd name="connsiteY142" fmla="*/ 10000 h 10000"/>
                  <a:gd name="connsiteX143" fmla="*/ 2236 w 10000"/>
                  <a:gd name="connsiteY143" fmla="*/ 9985 h 10000"/>
                  <a:gd name="connsiteX144" fmla="*/ 1775 w 10000"/>
                  <a:gd name="connsiteY144" fmla="*/ 9941 h 10000"/>
                  <a:gd name="connsiteX145" fmla="*/ 1286 w 10000"/>
                  <a:gd name="connsiteY145" fmla="*/ 9911 h 10000"/>
                  <a:gd name="connsiteX146" fmla="*/ 1003 w 10000"/>
                  <a:gd name="connsiteY146" fmla="*/ 9911 h 10000"/>
                  <a:gd name="connsiteX147" fmla="*/ 745 w 10000"/>
                  <a:gd name="connsiteY147" fmla="*/ 9911 h 10000"/>
                  <a:gd name="connsiteX148" fmla="*/ 463 w 10000"/>
                  <a:gd name="connsiteY148" fmla="*/ 9926 h 10000"/>
                  <a:gd name="connsiteX149" fmla="*/ 180 w 10000"/>
                  <a:gd name="connsiteY149" fmla="*/ 9970 h 10000"/>
                  <a:gd name="connsiteX150" fmla="*/ 103 w 10000"/>
                  <a:gd name="connsiteY150" fmla="*/ 9867 h 10000"/>
                  <a:gd name="connsiteX151" fmla="*/ 52 w 10000"/>
                  <a:gd name="connsiteY151" fmla="*/ 9793 h 10000"/>
                  <a:gd name="connsiteX152" fmla="*/ 0 w 10000"/>
                  <a:gd name="connsiteY152" fmla="*/ 9705 h 10000"/>
                  <a:gd name="connsiteX153" fmla="*/ 0 w 10000"/>
                  <a:gd name="connsiteY153" fmla="*/ 9601 h 10000"/>
                  <a:gd name="connsiteX154" fmla="*/ 52 w 10000"/>
                  <a:gd name="connsiteY154" fmla="*/ 9424 h 10000"/>
                  <a:gd name="connsiteX155" fmla="*/ 103 w 10000"/>
                  <a:gd name="connsiteY155" fmla="*/ 9202 h 10000"/>
                  <a:gd name="connsiteX156" fmla="*/ 153 w 10000"/>
                  <a:gd name="connsiteY156" fmla="*/ 8996 h 10000"/>
                  <a:gd name="connsiteX157" fmla="*/ 206 w 10000"/>
                  <a:gd name="connsiteY157" fmla="*/ 8759 h 10000"/>
                  <a:gd name="connsiteX158" fmla="*/ 231 w 10000"/>
                  <a:gd name="connsiteY158" fmla="*/ 8641 h 10000"/>
                  <a:gd name="connsiteX159" fmla="*/ 231 w 10000"/>
                  <a:gd name="connsiteY159" fmla="*/ 8538 h 10000"/>
                  <a:gd name="connsiteX160" fmla="*/ 206 w 10000"/>
                  <a:gd name="connsiteY160" fmla="*/ 8405 h 10000"/>
                  <a:gd name="connsiteX161" fmla="*/ 180 w 10000"/>
                  <a:gd name="connsiteY161" fmla="*/ 8287 h 10000"/>
                  <a:gd name="connsiteX162" fmla="*/ 437 w 10000"/>
                  <a:gd name="connsiteY162" fmla="*/ 8213 h 10000"/>
                  <a:gd name="connsiteX163" fmla="*/ 694 w 10000"/>
                  <a:gd name="connsiteY163" fmla="*/ 8139 h 10000"/>
                  <a:gd name="connsiteX164" fmla="*/ 951 w 10000"/>
                  <a:gd name="connsiteY164" fmla="*/ 8095 h 10000"/>
                  <a:gd name="connsiteX165" fmla="*/ 1234 w 10000"/>
                  <a:gd name="connsiteY165" fmla="*/ 8065 h 10000"/>
                  <a:gd name="connsiteX166" fmla="*/ 1747 w 10000"/>
                  <a:gd name="connsiteY166" fmla="*/ 8021 h 10000"/>
                  <a:gd name="connsiteX167" fmla="*/ 2263 w 10000"/>
                  <a:gd name="connsiteY167" fmla="*/ 7976 h 10000"/>
                  <a:gd name="connsiteX168" fmla="*/ 2494 w 10000"/>
                  <a:gd name="connsiteY168" fmla="*/ 7947 h 10000"/>
                  <a:gd name="connsiteX169" fmla="*/ 2725 w 10000"/>
                  <a:gd name="connsiteY169" fmla="*/ 7917 h 10000"/>
                  <a:gd name="connsiteX170" fmla="*/ 2929 w 10000"/>
                  <a:gd name="connsiteY170" fmla="*/ 7843 h 10000"/>
                  <a:gd name="connsiteX171" fmla="*/ 3136 w 10000"/>
                  <a:gd name="connsiteY171" fmla="*/ 7784 h 10000"/>
                  <a:gd name="connsiteX172" fmla="*/ 3316 w 10000"/>
                  <a:gd name="connsiteY172" fmla="*/ 7710 h 10000"/>
                  <a:gd name="connsiteX173" fmla="*/ 3470 w 10000"/>
                  <a:gd name="connsiteY173" fmla="*/ 7592 h 10000"/>
                  <a:gd name="connsiteX174" fmla="*/ 3625 w 10000"/>
                  <a:gd name="connsiteY174" fmla="*/ 7474 h 10000"/>
                  <a:gd name="connsiteX175" fmla="*/ 3727 w 10000"/>
                  <a:gd name="connsiteY175" fmla="*/ 7312 h 10000"/>
                  <a:gd name="connsiteX176" fmla="*/ 3522 w 10000"/>
                  <a:gd name="connsiteY176" fmla="*/ 7238 h 10000"/>
                  <a:gd name="connsiteX177" fmla="*/ 3341 w 10000"/>
                  <a:gd name="connsiteY177" fmla="*/ 7179 h 10000"/>
                  <a:gd name="connsiteX178" fmla="*/ 3187 w 10000"/>
                  <a:gd name="connsiteY178" fmla="*/ 7090 h 10000"/>
                  <a:gd name="connsiteX179" fmla="*/ 3034 w 10000"/>
                  <a:gd name="connsiteY179" fmla="*/ 6987 h 10000"/>
                  <a:gd name="connsiteX180" fmla="*/ 2929 w 10000"/>
                  <a:gd name="connsiteY180" fmla="*/ 6869 h 10000"/>
                  <a:gd name="connsiteX181" fmla="*/ 2880 w 10000"/>
                  <a:gd name="connsiteY181" fmla="*/ 6721 h 10000"/>
                  <a:gd name="connsiteX182" fmla="*/ 2853 w 10000"/>
                  <a:gd name="connsiteY182" fmla="*/ 6558 h 10000"/>
                  <a:gd name="connsiteX183" fmla="*/ 2880 w 10000"/>
                  <a:gd name="connsiteY183" fmla="*/ 6352 h 10000"/>
                  <a:gd name="connsiteX184" fmla="*/ 2751 w 10000"/>
                  <a:gd name="connsiteY184" fmla="*/ 6322 h 10000"/>
                  <a:gd name="connsiteX185" fmla="*/ 2597 w 10000"/>
                  <a:gd name="connsiteY185" fmla="*/ 6292 h 10000"/>
                  <a:gd name="connsiteX186" fmla="*/ 2417 w 10000"/>
                  <a:gd name="connsiteY186" fmla="*/ 6278 h 10000"/>
                  <a:gd name="connsiteX187" fmla="*/ 2236 w 10000"/>
                  <a:gd name="connsiteY187" fmla="*/ 6263 h 10000"/>
                  <a:gd name="connsiteX188" fmla="*/ 1877 w 10000"/>
                  <a:gd name="connsiteY188" fmla="*/ 6248 h 10000"/>
                  <a:gd name="connsiteX189" fmla="*/ 1491 w 10000"/>
                  <a:gd name="connsiteY189" fmla="*/ 6263 h 10000"/>
                  <a:gd name="connsiteX190" fmla="*/ 1158 w 10000"/>
                  <a:gd name="connsiteY190" fmla="*/ 6278 h 10000"/>
                  <a:gd name="connsiteX191" fmla="*/ 848 w 10000"/>
                  <a:gd name="connsiteY191" fmla="*/ 6278 h 10000"/>
                  <a:gd name="connsiteX192" fmla="*/ 593 w 10000"/>
                  <a:gd name="connsiteY192" fmla="*/ 6263 h 10000"/>
                  <a:gd name="connsiteX193" fmla="*/ 386 w 10000"/>
                  <a:gd name="connsiteY193" fmla="*/ 6233 h 10000"/>
                  <a:gd name="connsiteX194" fmla="*/ 641 w 10000"/>
                  <a:gd name="connsiteY194" fmla="*/ 5805 h 10000"/>
                  <a:gd name="connsiteX195" fmla="*/ 926 w 10000"/>
                  <a:gd name="connsiteY195" fmla="*/ 5391 h 10000"/>
                  <a:gd name="connsiteX196" fmla="*/ 1029 w 10000"/>
                  <a:gd name="connsiteY196" fmla="*/ 5170 h 10000"/>
                  <a:gd name="connsiteX197" fmla="*/ 1105 w 10000"/>
                  <a:gd name="connsiteY197" fmla="*/ 4963 h 10000"/>
                  <a:gd name="connsiteX198" fmla="*/ 1130 w 10000"/>
                  <a:gd name="connsiteY198" fmla="*/ 4860 h 10000"/>
                  <a:gd name="connsiteX199" fmla="*/ 1105 w 10000"/>
                  <a:gd name="connsiteY199" fmla="*/ 4756 h 10000"/>
                  <a:gd name="connsiteX200" fmla="*/ 1080 w 10000"/>
                  <a:gd name="connsiteY200" fmla="*/ 4653 h 10000"/>
                  <a:gd name="connsiteX201" fmla="*/ 1003 w 10000"/>
                  <a:gd name="connsiteY201" fmla="*/ 4549 h 10000"/>
                  <a:gd name="connsiteX202" fmla="*/ 1286 w 10000"/>
                  <a:gd name="connsiteY202" fmla="*/ 4520 h 10000"/>
                  <a:gd name="connsiteX203" fmla="*/ 1491 w 10000"/>
                  <a:gd name="connsiteY203" fmla="*/ 4505 h 10000"/>
                  <a:gd name="connsiteX204" fmla="*/ 1671 w 10000"/>
                  <a:gd name="connsiteY204" fmla="*/ 4505 h 10000"/>
                  <a:gd name="connsiteX205" fmla="*/ 1825 w 10000"/>
                  <a:gd name="connsiteY205" fmla="*/ 4520 h 10000"/>
                  <a:gd name="connsiteX206" fmla="*/ 1954 w 10000"/>
                  <a:gd name="connsiteY206" fmla="*/ 4520 h 10000"/>
                  <a:gd name="connsiteX207" fmla="*/ 2108 w 10000"/>
                  <a:gd name="connsiteY207" fmla="*/ 4520 h 10000"/>
                  <a:gd name="connsiteX208" fmla="*/ 2263 w 10000"/>
                  <a:gd name="connsiteY208" fmla="*/ 4490 h 10000"/>
                  <a:gd name="connsiteX209" fmla="*/ 2467 w 10000"/>
                  <a:gd name="connsiteY209" fmla="*/ 4446 h 10000"/>
                  <a:gd name="connsiteX210" fmla="*/ 2467 w 10000"/>
                  <a:gd name="connsiteY210" fmla="*/ 4579 h 10000"/>
                  <a:gd name="connsiteX211" fmla="*/ 2467 w 10000"/>
                  <a:gd name="connsiteY211" fmla="*/ 4742 h 10000"/>
                  <a:gd name="connsiteX212" fmla="*/ 2467 w 10000"/>
                  <a:gd name="connsiteY212" fmla="*/ 4874 h 10000"/>
                  <a:gd name="connsiteX213" fmla="*/ 2467 w 10000"/>
                  <a:gd name="connsiteY213" fmla="*/ 5037 h 10000"/>
                  <a:gd name="connsiteX214" fmla="*/ 2699 w 10000"/>
                  <a:gd name="connsiteY214" fmla="*/ 5022 h 10000"/>
                  <a:gd name="connsiteX215" fmla="*/ 2853 w 10000"/>
                  <a:gd name="connsiteY215" fmla="*/ 5037 h 10000"/>
                  <a:gd name="connsiteX216" fmla="*/ 2982 w 10000"/>
                  <a:gd name="connsiteY216" fmla="*/ 5066 h 10000"/>
                  <a:gd name="connsiteX217" fmla="*/ 3111 w 10000"/>
                  <a:gd name="connsiteY217" fmla="*/ 5096 h 10000"/>
                  <a:gd name="connsiteX218" fmla="*/ 3214 w 10000"/>
                  <a:gd name="connsiteY218" fmla="*/ 5126 h 10000"/>
                  <a:gd name="connsiteX219" fmla="*/ 3341 w 10000"/>
                  <a:gd name="connsiteY219" fmla="*/ 5155 h 10000"/>
                  <a:gd name="connsiteX220" fmla="*/ 3496 w 10000"/>
                  <a:gd name="connsiteY220" fmla="*/ 5170 h 10000"/>
                  <a:gd name="connsiteX221" fmla="*/ 3727 w 10000"/>
                  <a:gd name="connsiteY221" fmla="*/ 5155 h 10000"/>
                  <a:gd name="connsiteX222" fmla="*/ 3805 w 10000"/>
                  <a:gd name="connsiteY222" fmla="*/ 5096 h 10000"/>
                  <a:gd name="connsiteX223" fmla="*/ 3881 w 10000"/>
                  <a:gd name="connsiteY223" fmla="*/ 5022 h 10000"/>
                  <a:gd name="connsiteX224" fmla="*/ 3907 w 10000"/>
                  <a:gd name="connsiteY224" fmla="*/ 4934 h 10000"/>
                  <a:gd name="connsiteX225" fmla="*/ 3934 w 10000"/>
                  <a:gd name="connsiteY225" fmla="*/ 4860 h 10000"/>
                  <a:gd name="connsiteX226" fmla="*/ 3958 w 10000"/>
                  <a:gd name="connsiteY226" fmla="*/ 4697 h 10000"/>
                  <a:gd name="connsiteX227" fmla="*/ 3934 w 10000"/>
                  <a:gd name="connsiteY227" fmla="*/ 4520 h 10000"/>
                  <a:gd name="connsiteX228" fmla="*/ 3856 w 10000"/>
                  <a:gd name="connsiteY228" fmla="*/ 4343 h 10000"/>
                  <a:gd name="connsiteX229" fmla="*/ 3779 w 10000"/>
                  <a:gd name="connsiteY229" fmla="*/ 4195 h 10000"/>
                  <a:gd name="connsiteX230" fmla="*/ 3650 w 10000"/>
                  <a:gd name="connsiteY230" fmla="*/ 4047 h 10000"/>
                  <a:gd name="connsiteX231" fmla="*/ 3522 w 10000"/>
                  <a:gd name="connsiteY231" fmla="*/ 3959 h 10000"/>
                  <a:gd name="connsiteX232" fmla="*/ 3676 w 10000"/>
                  <a:gd name="connsiteY232" fmla="*/ 3944 h 10000"/>
                  <a:gd name="connsiteX233" fmla="*/ 3805 w 10000"/>
                  <a:gd name="connsiteY233" fmla="*/ 3914 h 10000"/>
                  <a:gd name="connsiteX234" fmla="*/ 3907 w 10000"/>
                  <a:gd name="connsiteY234" fmla="*/ 3855 h 10000"/>
                  <a:gd name="connsiteX235" fmla="*/ 4034 w 10000"/>
                  <a:gd name="connsiteY235" fmla="*/ 3752 h 10000"/>
                  <a:gd name="connsiteX236" fmla="*/ 4164 w 10000"/>
                  <a:gd name="connsiteY236" fmla="*/ 3663 h 10000"/>
                  <a:gd name="connsiteX237" fmla="*/ 4267 w 10000"/>
                  <a:gd name="connsiteY237" fmla="*/ 3560 h 10000"/>
                  <a:gd name="connsiteX238" fmla="*/ 4344 w 10000"/>
                  <a:gd name="connsiteY238" fmla="*/ 3442 h 10000"/>
                  <a:gd name="connsiteX239" fmla="*/ 4422 w 10000"/>
                  <a:gd name="connsiteY239" fmla="*/ 3323 h 10000"/>
                  <a:gd name="connsiteX240" fmla="*/ 4473 w 10000"/>
                  <a:gd name="connsiteY240" fmla="*/ 3220 h 10000"/>
                  <a:gd name="connsiteX241" fmla="*/ 4498 w 10000"/>
                  <a:gd name="connsiteY241" fmla="*/ 3102 h 10000"/>
                  <a:gd name="connsiteX242" fmla="*/ 4525 w 10000"/>
                  <a:gd name="connsiteY242" fmla="*/ 3013 h 10000"/>
                  <a:gd name="connsiteX243" fmla="*/ 4498 w 10000"/>
                  <a:gd name="connsiteY243" fmla="*/ 2939 h 10000"/>
                  <a:gd name="connsiteX244" fmla="*/ 4473 w 10000"/>
                  <a:gd name="connsiteY244" fmla="*/ 2866 h 10000"/>
                  <a:gd name="connsiteX245" fmla="*/ 4396 w 10000"/>
                  <a:gd name="connsiteY245" fmla="*/ 2836 h 10000"/>
                  <a:gd name="connsiteX246" fmla="*/ 4294 w 10000"/>
                  <a:gd name="connsiteY246" fmla="*/ 2836 h 10000"/>
                  <a:gd name="connsiteX247" fmla="*/ 4164 w 10000"/>
                  <a:gd name="connsiteY247" fmla="*/ 2866 h 10000"/>
                  <a:gd name="connsiteX248" fmla="*/ 4267 w 10000"/>
                  <a:gd name="connsiteY248" fmla="*/ 2777 h 10000"/>
                  <a:gd name="connsiteX249" fmla="*/ 4320 w 10000"/>
                  <a:gd name="connsiteY249" fmla="*/ 2674 h 10000"/>
                  <a:gd name="connsiteX250" fmla="*/ 4344 w 10000"/>
                  <a:gd name="connsiteY250" fmla="*/ 2541 h 10000"/>
                  <a:gd name="connsiteX251" fmla="*/ 4344 w 10000"/>
                  <a:gd name="connsiteY251" fmla="*/ 2393 h 10000"/>
                  <a:gd name="connsiteX252" fmla="*/ 4369 w 10000"/>
                  <a:gd name="connsiteY252" fmla="*/ 2349 h 10000"/>
                  <a:gd name="connsiteX253" fmla="*/ 4422 w 10000"/>
                  <a:gd name="connsiteY253" fmla="*/ 2304 h 10000"/>
                  <a:gd name="connsiteX254" fmla="*/ 4473 w 10000"/>
                  <a:gd name="connsiteY254" fmla="*/ 2290 h 10000"/>
                  <a:gd name="connsiteX255" fmla="*/ 4551 w 10000"/>
                  <a:gd name="connsiteY255" fmla="*/ 2275 h 10000"/>
                  <a:gd name="connsiteX256" fmla="*/ 4781 w 10000"/>
                  <a:gd name="connsiteY256" fmla="*/ 2260 h 10000"/>
                  <a:gd name="connsiteX257" fmla="*/ 4986 w 10000"/>
                  <a:gd name="connsiteY257" fmla="*/ 2275 h 10000"/>
                  <a:gd name="connsiteX258" fmla="*/ 4961 w 10000"/>
                  <a:gd name="connsiteY258" fmla="*/ 2112 h 10000"/>
                  <a:gd name="connsiteX259" fmla="*/ 4910 w 10000"/>
                  <a:gd name="connsiteY259" fmla="*/ 1950 h 10000"/>
                  <a:gd name="connsiteX260" fmla="*/ 4832 w 10000"/>
                  <a:gd name="connsiteY260" fmla="*/ 1802 h 10000"/>
                  <a:gd name="connsiteX261" fmla="*/ 4731 w 10000"/>
                  <a:gd name="connsiteY261" fmla="*/ 1640 h 10000"/>
                  <a:gd name="connsiteX262" fmla="*/ 4473 w 10000"/>
                  <a:gd name="connsiteY262" fmla="*/ 1329 h 10000"/>
                  <a:gd name="connsiteX263" fmla="*/ 4216 w 10000"/>
                  <a:gd name="connsiteY263" fmla="*/ 1034 h 10000"/>
                  <a:gd name="connsiteX264" fmla="*/ 4087 w 10000"/>
                  <a:gd name="connsiteY264" fmla="*/ 901 h 10000"/>
                  <a:gd name="connsiteX265" fmla="*/ 3986 w 10000"/>
                  <a:gd name="connsiteY265" fmla="*/ 753 h 10000"/>
                  <a:gd name="connsiteX266" fmla="*/ 3907 w 10000"/>
                  <a:gd name="connsiteY266" fmla="*/ 620 h 10000"/>
                  <a:gd name="connsiteX267" fmla="*/ 3881 w 10000"/>
                  <a:gd name="connsiteY267" fmla="*/ 487 h 10000"/>
                  <a:gd name="connsiteX268" fmla="*/ 3856 w 10000"/>
                  <a:gd name="connsiteY268" fmla="*/ 355 h 10000"/>
                  <a:gd name="connsiteX269" fmla="*/ 3907 w 10000"/>
                  <a:gd name="connsiteY269" fmla="*/ 222 h 10000"/>
                  <a:gd name="connsiteX270" fmla="*/ 3934 w 10000"/>
                  <a:gd name="connsiteY270" fmla="*/ 162 h 10000"/>
                  <a:gd name="connsiteX271" fmla="*/ 3986 w 10000"/>
                  <a:gd name="connsiteY271" fmla="*/ 103 h 10000"/>
                  <a:gd name="connsiteX272" fmla="*/ 4063 w 10000"/>
                  <a:gd name="connsiteY272" fmla="*/ 59 h 10000"/>
                  <a:gd name="connsiteX273" fmla="*/ 4164 w 10000"/>
                  <a:gd name="connsiteY273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313 h 10000"/>
                  <a:gd name="connsiteX52" fmla="*/ 7274 w 10000"/>
                  <a:gd name="connsiteY52" fmla="*/ 4431 h 10000"/>
                  <a:gd name="connsiteX53" fmla="*/ 7274 w 10000"/>
                  <a:gd name="connsiteY53" fmla="*/ 4549 h 10000"/>
                  <a:gd name="connsiteX54" fmla="*/ 7224 w 10000"/>
                  <a:gd name="connsiteY54" fmla="*/ 4564 h 10000"/>
                  <a:gd name="connsiteX55" fmla="*/ 7095 w 10000"/>
                  <a:gd name="connsiteY55" fmla="*/ 4638 h 10000"/>
                  <a:gd name="connsiteX56" fmla="*/ 7095 w 10000"/>
                  <a:gd name="connsiteY56" fmla="*/ 4697 h 10000"/>
                  <a:gd name="connsiteX57" fmla="*/ 7069 w 10000"/>
                  <a:gd name="connsiteY57" fmla="*/ 4801 h 10000"/>
                  <a:gd name="connsiteX58" fmla="*/ 7069 w 10000"/>
                  <a:gd name="connsiteY58" fmla="*/ 4904 h 10000"/>
                  <a:gd name="connsiteX59" fmla="*/ 6941 w 10000"/>
                  <a:gd name="connsiteY59" fmla="*/ 4860 h 10000"/>
                  <a:gd name="connsiteX60" fmla="*/ 6863 w 10000"/>
                  <a:gd name="connsiteY60" fmla="*/ 4801 h 10000"/>
                  <a:gd name="connsiteX61" fmla="*/ 6786 w 10000"/>
                  <a:gd name="connsiteY61" fmla="*/ 4727 h 10000"/>
                  <a:gd name="connsiteX62" fmla="*/ 6710 w 10000"/>
                  <a:gd name="connsiteY62" fmla="*/ 4638 h 10000"/>
                  <a:gd name="connsiteX63" fmla="*/ 6582 w 10000"/>
                  <a:gd name="connsiteY63" fmla="*/ 4476 h 10000"/>
                  <a:gd name="connsiteX64" fmla="*/ 6451 w 10000"/>
                  <a:gd name="connsiteY64" fmla="*/ 4313 h 10000"/>
                  <a:gd name="connsiteX65" fmla="*/ 6607 w 10000"/>
                  <a:gd name="connsiteY65" fmla="*/ 4210 h 10000"/>
                  <a:gd name="connsiteX66" fmla="*/ 8895 w 10000"/>
                  <a:gd name="connsiteY66" fmla="*/ 3516 h 10000"/>
                  <a:gd name="connsiteX67" fmla="*/ 9100 w 10000"/>
                  <a:gd name="connsiteY67" fmla="*/ 3412 h 10000"/>
                  <a:gd name="connsiteX68" fmla="*/ 9306 w 10000"/>
                  <a:gd name="connsiteY68" fmla="*/ 3338 h 10000"/>
                  <a:gd name="connsiteX69" fmla="*/ 9435 w 10000"/>
                  <a:gd name="connsiteY69" fmla="*/ 3235 h 10000"/>
                  <a:gd name="connsiteX70" fmla="*/ 9536 w 10000"/>
                  <a:gd name="connsiteY70" fmla="*/ 3117 h 10000"/>
                  <a:gd name="connsiteX71" fmla="*/ 9563 w 10000"/>
                  <a:gd name="connsiteY71" fmla="*/ 3072 h 10000"/>
                  <a:gd name="connsiteX72" fmla="*/ 9588 w 10000"/>
                  <a:gd name="connsiteY72" fmla="*/ 3013 h 10000"/>
                  <a:gd name="connsiteX73" fmla="*/ 9588 w 10000"/>
                  <a:gd name="connsiteY73" fmla="*/ 2954 h 10000"/>
                  <a:gd name="connsiteX74" fmla="*/ 9563 w 10000"/>
                  <a:gd name="connsiteY74" fmla="*/ 2866 h 10000"/>
                  <a:gd name="connsiteX75" fmla="*/ 9383 w 10000"/>
                  <a:gd name="connsiteY75" fmla="*/ 2984 h 10000"/>
                  <a:gd name="connsiteX76" fmla="*/ 9178 w 10000"/>
                  <a:gd name="connsiteY76" fmla="*/ 3072 h 10000"/>
                  <a:gd name="connsiteX77" fmla="*/ 8971 w 10000"/>
                  <a:gd name="connsiteY77" fmla="*/ 3161 h 10000"/>
                  <a:gd name="connsiteX78" fmla="*/ 8766 w 10000"/>
                  <a:gd name="connsiteY78" fmla="*/ 3250 h 10000"/>
                  <a:gd name="connsiteX79" fmla="*/ 8302 w 10000"/>
                  <a:gd name="connsiteY79" fmla="*/ 3397 h 10000"/>
                  <a:gd name="connsiteX80" fmla="*/ 7815 w 10000"/>
                  <a:gd name="connsiteY80" fmla="*/ 3545 h 10000"/>
                  <a:gd name="connsiteX81" fmla="*/ 7327 w 10000"/>
                  <a:gd name="connsiteY81" fmla="*/ 3678 h 10000"/>
                  <a:gd name="connsiteX82" fmla="*/ 6863 w 10000"/>
                  <a:gd name="connsiteY82" fmla="*/ 3840 h 10000"/>
                  <a:gd name="connsiteX83" fmla="*/ 6632 w 10000"/>
                  <a:gd name="connsiteY83" fmla="*/ 3914 h 10000"/>
                  <a:gd name="connsiteX84" fmla="*/ 6427 w 10000"/>
                  <a:gd name="connsiteY84" fmla="*/ 4003 h 10000"/>
                  <a:gd name="connsiteX85" fmla="*/ 6222 w 10000"/>
                  <a:gd name="connsiteY85" fmla="*/ 4106 h 10000"/>
                  <a:gd name="connsiteX86" fmla="*/ 6014 w 10000"/>
                  <a:gd name="connsiteY86" fmla="*/ 4195 h 10000"/>
                  <a:gd name="connsiteX87" fmla="*/ 6169 w 10000"/>
                  <a:gd name="connsiteY87" fmla="*/ 4417 h 10000"/>
                  <a:gd name="connsiteX88" fmla="*/ 6273 w 10000"/>
                  <a:gd name="connsiteY88" fmla="*/ 4623 h 10000"/>
                  <a:gd name="connsiteX89" fmla="*/ 6375 w 10000"/>
                  <a:gd name="connsiteY89" fmla="*/ 4845 h 10000"/>
                  <a:gd name="connsiteX90" fmla="*/ 6451 w 10000"/>
                  <a:gd name="connsiteY90" fmla="*/ 5081 h 10000"/>
                  <a:gd name="connsiteX91" fmla="*/ 6504 w 10000"/>
                  <a:gd name="connsiteY91" fmla="*/ 5318 h 10000"/>
                  <a:gd name="connsiteX92" fmla="*/ 6530 w 10000"/>
                  <a:gd name="connsiteY92" fmla="*/ 5539 h 10000"/>
                  <a:gd name="connsiteX93" fmla="*/ 6554 w 10000"/>
                  <a:gd name="connsiteY93" fmla="*/ 5775 h 10000"/>
                  <a:gd name="connsiteX94" fmla="*/ 6554 w 10000"/>
                  <a:gd name="connsiteY94" fmla="*/ 5997 h 10000"/>
                  <a:gd name="connsiteX95" fmla="*/ 6530 w 10000"/>
                  <a:gd name="connsiteY95" fmla="*/ 6233 h 10000"/>
                  <a:gd name="connsiteX96" fmla="*/ 6478 w 10000"/>
                  <a:gd name="connsiteY96" fmla="*/ 6470 h 10000"/>
                  <a:gd name="connsiteX97" fmla="*/ 6427 w 10000"/>
                  <a:gd name="connsiteY97" fmla="*/ 6677 h 10000"/>
                  <a:gd name="connsiteX98" fmla="*/ 6350 w 10000"/>
                  <a:gd name="connsiteY98" fmla="*/ 6898 h 10000"/>
                  <a:gd name="connsiteX99" fmla="*/ 6247 w 10000"/>
                  <a:gd name="connsiteY99" fmla="*/ 7105 h 10000"/>
                  <a:gd name="connsiteX100" fmla="*/ 6119 w 10000"/>
                  <a:gd name="connsiteY100" fmla="*/ 7297 h 10000"/>
                  <a:gd name="connsiteX101" fmla="*/ 5964 w 10000"/>
                  <a:gd name="connsiteY101" fmla="*/ 7489 h 10000"/>
                  <a:gd name="connsiteX102" fmla="*/ 5809 w 10000"/>
                  <a:gd name="connsiteY102" fmla="*/ 7681 h 10000"/>
                  <a:gd name="connsiteX103" fmla="*/ 6554 w 10000"/>
                  <a:gd name="connsiteY103" fmla="*/ 7799 h 10000"/>
                  <a:gd name="connsiteX104" fmla="*/ 7327 w 10000"/>
                  <a:gd name="connsiteY104" fmla="*/ 7962 h 10000"/>
                  <a:gd name="connsiteX105" fmla="*/ 7480 w 10000"/>
                  <a:gd name="connsiteY105" fmla="*/ 8021 h 10000"/>
                  <a:gd name="connsiteX106" fmla="*/ 7609 w 10000"/>
                  <a:gd name="connsiteY106" fmla="*/ 8080 h 10000"/>
                  <a:gd name="connsiteX107" fmla="*/ 7737 w 10000"/>
                  <a:gd name="connsiteY107" fmla="*/ 8139 h 10000"/>
                  <a:gd name="connsiteX108" fmla="*/ 7815 w 10000"/>
                  <a:gd name="connsiteY108" fmla="*/ 8227 h 10000"/>
                  <a:gd name="connsiteX109" fmla="*/ 7841 w 10000"/>
                  <a:gd name="connsiteY109" fmla="*/ 8301 h 10000"/>
                  <a:gd name="connsiteX110" fmla="*/ 7841 w 10000"/>
                  <a:gd name="connsiteY110" fmla="*/ 8405 h 10000"/>
                  <a:gd name="connsiteX111" fmla="*/ 7790 w 10000"/>
                  <a:gd name="connsiteY111" fmla="*/ 8523 h 10000"/>
                  <a:gd name="connsiteX112" fmla="*/ 7712 w 10000"/>
                  <a:gd name="connsiteY112" fmla="*/ 8641 h 10000"/>
                  <a:gd name="connsiteX113" fmla="*/ 7378 w 10000"/>
                  <a:gd name="connsiteY113" fmla="*/ 8552 h 10000"/>
                  <a:gd name="connsiteX114" fmla="*/ 7069 w 10000"/>
                  <a:gd name="connsiteY114" fmla="*/ 8449 h 10000"/>
                  <a:gd name="connsiteX115" fmla="*/ 6760 w 10000"/>
                  <a:gd name="connsiteY115" fmla="*/ 8360 h 10000"/>
                  <a:gd name="connsiteX116" fmla="*/ 6451 w 10000"/>
                  <a:gd name="connsiteY116" fmla="*/ 8287 h 10000"/>
                  <a:gd name="connsiteX117" fmla="*/ 6323 w 10000"/>
                  <a:gd name="connsiteY117" fmla="*/ 8449 h 10000"/>
                  <a:gd name="connsiteX118" fmla="*/ 6222 w 10000"/>
                  <a:gd name="connsiteY118" fmla="*/ 8597 h 10000"/>
                  <a:gd name="connsiteX119" fmla="*/ 6169 w 10000"/>
                  <a:gd name="connsiteY119" fmla="*/ 8656 h 10000"/>
                  <a:gd name="connsiteX120" fmla="*/ 6066 w 10000"/>
                  <a:gd name="connsiteY120" fmla="*/ 8700 h 10000"/>
                  <a:gd name="connsiteX121" fmla="*/ 5990 w 10000"/>
                  <a:gd name="connsiteY121" fmla="*/ 8744 h 10000"/>
                  <a:gd name="connsiteX122" fmla="*/ 5913 w 10000"/>
                  <a:gd name="connsiteY122" fmla="*/ 8774 h 10000"/>
                  <a:gd name="connsiteX123" fmla="*/ 5835 w 10000"/>
                  <a:gd name="connsiteY123" fmla="*/ 8804 h 10000"/>
                  <a:gd name="connsiteX124" fmla="*/ 5733 w 10000"/>
                  <a:gd name="connsiteY124" fmla="*/ 8818 h 10000"/>
                  <a:gd name="connsiteX125" fmla="*/ 5603 w 10000"/>
                  <a:gd name="connsiteY125" fmla="*/ 8833 h 10000"/>
                  <a:gd name="connsiteX126" fmla="*/ 5476 w 10000"/>
                  <a:gd name="connsiteY126" fmla="*/ 8833 h 10000"/>
                  <a:gd name="connsiteX127" fmla="*/ 5168 w 10000"/>
                  <a:gd name="connsiteY127" fmla="*/ 8818 h 10000"/>
                  <a:gd name="connsiteX128" fmla="*/ 4781 w 10000"/>
                  <a:gd name="connsiteY128" fmla="*/ 8744 h 10000"/>
                  <a:gd name="connsiteX129" fmla="*/ 4781 w 10000"/>
                  <a:gd name="connsiteY129" fmla="*/ 8922 h 10000"/>
                  <a:gd name="connsiteX130" fmla="*/ 4755 w 10000"/>
                  <a:gd name="connsiteY130" fmla="*/ 9069 h 10000"/>
                  <a:gd name="connsiteX131" fmla="*/ 4731 w 10000"/>
                  <a:gd name="connsiteY131" fmla="*/ 9232 h 10000"/>
                  <a:gd name="connsiteX132" fmla="*/ 4704 w 10000"/>
                  <a:gd name="connsiteY132" fmla="*/ 9365 h 10000"/>
                  <a:gd name="connsiteX133" fmla="*/ 4652 w 10000"/>
                  <a:gd name="connsiteY133" fmla="*/ 9498 h 10000"/>
                  <a:gd name="connsiteX134" fmla="*/ 4551 w 10000"/>
                  <a:gd name="connsiteY134" fmla="*/ 9616 h 10000"/>
                  <a:gd name="connsiteX135" fmla="*/ 4473 w 10000"/>
                  <a:gd name="connsiteY135" fmla="*/ 9734 h 10000"/>
                  <a:gd name="connsiteX136" fmla="*/ 4344 w 10000"/>
                  <a:gd name="connsiteY136" fmla="*/ 9838 h 10000"/>
                  <a:gd name="connsiteX137" fmla="*/ 4034 w 10000"/>
                  <a:gd name="connsiteY137" fmla="*/ 9897 h 10000"/>
                  <a:gd name="connsiteX138" fmla="*/ 3779 w 10000"/>
                  <a:gd name="connsiteY138" fmla="*/ 9941 h 10000"/>
                  <a:gd name="connsiteX139" fmla="*/ 3470 w 10000"/>
                  <a:gd name="connsiteY139" fmla="*/ 9985 h 10000"/>
                  <a:gd name="connsiteX140" fmla="*/ 3239 w 10000"/>
                  <a:gd name="connsiteY140" fmla="*/ 10000 h 10000"/>
                  <a:gd name="connsiteX141" fmla="*/ 2725 w 10000"/>
                  <a:gd name="connsiteY141" fmla="*/ 10000 h 10000"/>
                  <a:gd name="connsiteX142" fmla="*/ 2236 w 10000"/>
                  <a:gd name="connsiteY142" fmla="*/ 9985 h 10000"/>
                  <a:gd name="connsiteX143" fmla="*/ 1775 w 10000"/>
                  <a:gd name="connsiteY143" fmla="*/ 9941 h 10000"/>
                  <a:gd name="connsiteX144" fmla="*/ 1286 w 10000"/>
                  <a:gd name="connsiteY144" fmla="*/ 9911 h 10000"/>
                  <a:gd name="connsiteX145" fmla="*/ 1003 w 10000"/>
                  <a:gd name="connsiteY145" fmla="*/ 9911 h 10000"/>
                  <a:gd name="connsiteX146" fmla="*/ 745 w 10000"/>
                  <a:gd name="connsiteY146" fmla="*/ 9911 h 10000"/>
                  <a:gd name="connsiteX147" fmla="*/ 463 w 10000"/>
                  <a:gd name="connsiteY147" fmla="*/ 9926 h 10000"/>
                  <a:gd name="connsiteX148" fmla="*/ 180 w 10000"/>
                  <a:gd name="connsiteY148" fmla="*/ 9970 h 10000"/>
                  <a:gd name="connsiteX149" fmla="*/ 103 w 10000"/>
                  <a:gd name="connsiteY149" fmla="*/ 9867 h 10000"/>
                  <a:gd name="connsiteX150" fmla="*/ 52 w 10000"/>
                  <a:gd name="connsiteY150" fmla="*/ 9793 h 10000"/>
                  <a:gd name="connsiteX151" fmla="*/ 0 w 10000"/>
                  <a:gd name="connsiteY151" fmla="*/ 9705 h 10000"/>
                  <a:gd name="connsiteX152" fmla="*/ 0 w 10000"/>
                  <a:gd name="connsiteY152" fmla="*/ 9601 h 10000"/>
                  <a:gd name="connsiteX153" fmla="*/ 52 w 10000"/>
                  <a:gd name="connsiteY153" fmla="*/ 9424 h 10000"/>
                  <a:gd name="connsiteX154" fmla="*/ 103 w 10000"/>
                  <a:gd name="connsiteY154" fmla="*/ 9202 h 10000"/>
                  <a:gd name="connsiteX155" fmla="*/ 153 w 10000"/>
                  <a:gd name="connsiteY155" fmla="*/ 8996 h 10000"/>
                  <a:gd name="connsiteX156" fmla="*/ 206 w 10000"/>
                  <a:gd name="connsiteY156" fmla="*/ 8759 h 10000"/>
                  <a:gd name="connsiteX157" fmla="*/ 231 w 10000"/>
                  <a:gd name="connsiteY157" fmla="*/ 8641 h 10000"/>
                  <a:gd name="connsiteX158" fmla="*/ 231 w 10000"/>
                  <a:gd name="connsiteY158" fmla="*/ 8538 h 10000"/>
                  <a:gd name="connsiteX159" fmla="*/ 206 w 10000"/>
                  <a:gd name="connsiteY159" fmla="*/ 8405 h 10000"/>
                  <a:gd name="connsiteX160" fmla="*/ 180 w 10000"/>
                  <a:gd name="connsiteY160" fmla="*/ 8287 h 10000"/>
                  <a:gd name="connsiteX161" fmla="*/ 437 w 10000"/>
                  <a:gd name="connsiteY161" fmla="*/ 8213 h 10000"/>
                  <a:gd name="connsiteX162" fmla="*/ 694 w 10000"/>
                  <a:gd name="connsiteY162" fmla="*/ 8139 h 10000"/>
                  <a:gd name="connsiteX163" fmla="*/ 951 w 10000"/>
                  <a:gd name="connsiteY163" fmla="*/ 8095 h 10000"/>
                  <a:gd name="connsiteX164" fmla="*/ 1234 w 10000"/>
                  <a:gd name="connsiteY164" fmla="*/ 8065 h 10000"/>
                  <a:gd name="connsiteX165" fmla="*/ 1747 w 10000"/>
                  <a:gd name="connsiteY165" fmla="*/ 8021 h 10000"/>
                  <a:gd name="connsiteX166" fmla="*/ 2263 w 10000"/>
                  <a:gd name="connsiteY166" fmla="*/ 7976 h 10000"/>
                  <a:gd name="connsiteX167" fmla="*/ 2494 w 10000"/>
                  <a:gd name="connsiteY167" fmla="*/ 7947 h 10000"/>
                  <a:gd name="connsiteX168" fmla="*/ 2725 w 10000"/>
                  <a:gd name="connsiteY168" fmla="*/ 7917 h 10000"/>
                  <a:gd name="connsiteX169" fmla="*/ 2929 w 10000"/>
                  <a:gd name="connsiteY169" fmla="*/ 7843 h 10000"/>
                  <a:gd name="connsiteX170" fmla="*/ 3136 w 10000"/>
                  <a:gd name="connsiteY170" fmla="*/ 7784 h 10000"/>
                  <a:gd name="connsiteX171" fmla="*/ 3316 w 10000"/>
                  <a:gd name="connsiteY171" fmla="*/ 7710 h 10000"/>
                  <a:gd name="connsiteX172" fmla="*/ 3470 w 10000"/>
                  <a:gd name="connsiteY172" fmla="*/ 7592 h 10000"/>
                  <a:gd name="connsiteX173" fmla="*/ 3625 w 10000"/>
                  <a:gd name="connsiteY173" fmla="*/ 7474 h 10000"/>
                  <a:gd name="connsiteX174" fmla="*/ 3727 w 10000"/>
                  <a:gd name="connsiteY174" fmla="*/ 7312 h 10000"/>
                  <a:gd name="connsiteX175" fmla="*/ 3522 w 10000"/>
                  <a:gd name="connsiteY175" fmla="*/ 7238 h 10000"/>
                  <a:gd name="connsiteX176" fmla="*/ 3341 w 10000"/>
                  <a:gd name="connsiteY176" fmla="*/ 7179 h 10000"/>
                  <a:gd name="connsiteX177" fmla="*/ 3187 w 10000"/>
                  <a:gd name="connsiteY177" fmla="*/ 7090 h 10000"/>
                  <a:gd name="connsiteX178" fmla="*/ 3034 w 10000"/>
                  <a:gd name="connsiteY178" fmla="*/ 6987 h 10000"/>
                  <a:gd name="connsiteX179" fmla="*/ 2929 w 10000"/>
                  <a:gd name="connsiteY179" fmla="*/ 6869 h 10000"/>
                  <a:gd name="connsiteX180" fmla="*/ 2880 w 10000"/>
                  <a:gd name="connsiteY180" fmla="*/ 6721 h 10000"/>
                  <a:gd name="connsiteX181" fmla="*/ 2853 w 10000"/>
                  <a:gd name="connsiteY181" fmla="*/ 6558 h 10000"/>
                  <a:gd name="connsiteX182" fmla="*/ 2880 w 10000"/>
                  <a:gd name="connsiteY182" fmla="*/ 6352 h 10000"/>
                  <a:gd name="connsiteX183" fmla="*/ 2751 w 10000"/>
                  <a:gd name="connsiteY183" fmla="*/ 6322 h 10000"/>
                  <a:gd name="connsiteX184" fmla="*/ 2597 w 10000"/>
                  <a:gd name="connsiteY184" fmla="*/ 6292 h 10000"/>
                  <a:gd name="connsiteX185" fmla="*/ 2417 w 10000"/>
                  <a:gd name="connsiteY185" fmla="*/ 6278 h 10000"/>
                  <a:gd name="connsiteX186" fmla="*/ 2236 w 10000"/>
                  <a:gd name="connsiteY186" fmla="*/ 6263 h 10000"/>
                  <a:gd name="connsiteX187" fmla="*/ 1877 w 10000"/>
                  <a:gd name="connsiteY187" fmla="*/ 6248 h 10000"/>
                  <a:gd name="connsiteX188" fmla="*/ 1491 w 10000"/>
                  <a:gd name="connsiteY188" fmla="*/ 6263 h 10000"/>
                  <a:gd name="connsiteX189" fmla="*/ 1158 w 10000"/>
                  <a:gd name="connsiteY189" fmla="*/ 6278 h 10000"/>
                  <a:gd name="connsiteX190" fmla="*/ 848 w 10000"/>
                  <a:gd name="connsiteY190" fmla="*/ 6278 h 10000"/>
                  <a:gd name="connsiteX191" fmla="*/ 593 w 10000"/>
                  <a:gd name="connsiteY191" fmla="*/ 6263 h 10000"/>
                  <a:gd name="connsiteX192" fmla="*/ 386 w 10000"/>
                  <a:gd name="connsiteY192" fmla="*/ 6233 h 10000"/>
                  <a:gd name="connsiteX193" fmla="*/ 641 w 10000"/>
                  <a:gd name="connsiteY193" fmla="*/ 5805 h 10000"/>
                  <a:gd name="connsiteX194" fmla="*/ 926 w 10000"/>
                  <a:gd name="connsiteY194" fmla="*/ 5391 h 10000"/>
                  <a:gd name="connsiteX195" fmla="*/ 1029 w 10000"/>
                  <a:gd name="connsiteY195" fmla="*/ 5170 h 10000"/>
                  <a:gd name="connsiteX196" fmla="*/ 1105 w 10000"/>
                  <a:gd name="connsiteY196" fmla="*/ 4963 h 10000"/>
                  <a:gd name="connsiteX197" fmla="*/ 1130 w 10000"/>
                  <a:gd name="connsiteY197" fmla="*/ 4860 h 10000"/>
                  <a:gd name="connsiteX198" fmla="*/ 1105 w 10000"/>
                  <a:gd name="connsiteY198" fmla="*/ 4756 h 10000"/>
                  <a:gd name="connsiteX199" fmla="*/ 1080 w 10000"/>
                  <a:gd name="connsiteY199" fmla="*/ 4653 h 10000"/>
                  <a:gd name="connsiteX200" fmla="*/ 1003 w 10000"/>
                  <a:gd name="connsiteY200" fmla="*/ 4549 h 10000"/>
                  <a:gd name="connsiteX201" fmla="*/ 1286 w 10000"/>
                  <a:gd name="connsiteY201" fmla="*/ 4520 h 10000"/>
                  <a:gd name="connsiteX202" fmla="*/ 1491 w 10000"/>
                  <a:gd name="connsiteY202" fmla="*/ 4505 h 10000"/>
                  <a:gd name="connsiteX203" fmla="*/ 1671 w 10000"/>
                  <a:gd name="connsiteY203" fmla="*/ 4505 h 10000"/>
                  <a:gd name="connsiteX204" fmla="*/ 1825 w 10000"/>
                  <a:gd name="connsiteY204" fmla="*/ 4520 h 10000"/>
                  <a:gd name="connsiteX205" fmla="*/ 1954 w 10000"/>
                  <a:gd name="connsiteY205" fmla="*/ 4520 h 10000"/>
                  <a:gd name="connsiteX206" fmla="*/ 2108 w 10000"/>
                  <a:gd name="connsiteY206" fmla="*/ 4520 h 10000"/>
                  <a:gd name="connsiteX207" fmla="*/ 2263 w 10000"/>
                  <a:gd name="connsiteY207" fmla="*/ 4490 h 10000"/>
                  <a:gd name="connsiteX208" fmla="*/ 2467 w 10000"/>
                  <a:gd name="connsiteY208" fmla="*/ 4446 h 10000"/>
                  <a:gd name="connsiteX209" fmla="*/ 2467 w 10000"/>
                  <a:gd name="connsiteY209" fmla="*/ 4579 h 10000"/>
                  <a:gd name="connsiteX210" fmla="*/ 2467 w 10000"/>
                  <a:gd name="connsiteY210" fmla="*/ 4742 h 10000"/>
                  <a:gd name="connsiteX211" fmla="*/ 2467 w 10000"/>
                  <a:gd name="connsiteY211" fmla="*/ 4874 h 10000"/>
                  <a:gd name="connsiteX212" fmla="*/ 2467 w 10000"/>
                  <a:gd name="connsiteY212" fmla="*/ 5037 h 10000"/>
                  <a:gd name="connsiteX213" fmla="*/ 2699 w 10000"/>
                  <a:gd name="connsiteY213" fmla="*/ 5022 h 10000"/>
                  <a:gd name="connsiteX214" fmla="*/ 2853 w 10000"/>
                  <a:gd name="connsiteY214" fmla="*/ 5037 h 10000"/>
                  <a:gd name="connsiteX215" fmla="*/ 2982 w 10000"/>
                  <a:gd name="connsiteY215" fmla="*/ 5066 h 10000"/>
                  <a:gd name="connsiteX216" fmla="*/ 3111 w 10000"/>
                  <a:gd name="connsiteY216" fmla="*/ 5096 h 10000"/>
                  <a:gd name="connsiteX217" fmla="*/ 3214 w 10000"/>
                  <a:gd name="connsiteY217" fmla="*/ 5126 h 10000"/>
                  <a:gd name="connsiteX218" fmla="*/ 3341 w 10000"/>
                  <a:gd name="connsiteY218" fmla="*/ 5155 h 10000"/>
                  <a:gd name="connsiteX219" fmla="*/ 3496 w 10000"/>
                  <a:gd name="connsiteY219" fmla="*/ 5170 h 10000"/>
                  <a:gd name="connsiteX220" fmla="*/ 3727 w 10000"/>
                  <a:gd name="connsiteY220" fmla="*/ 5155 h 10000"/>
                  <a:gd name="connsiteX221" fmla="*/ 3805 w 10000"/>
                  <a:gd name="connsiteY221" fmla="*/ 5096 h 10000"/>
                  <a:gd name="connsiteX222" fmla="*/ 3881 w 10000"/>
                  <a:gd name="connsiteY222" fmla="*/ 5022 h 10000"/>
                  <a:gd name="connsiteX223" fmla="*/ 3907 w 10000"/>
                  <a:gd name="connsiteY223" fmla="*/ 4934 h 10000"/>
                  <a:gd name="connsiteX224" fmla="*/ 3934 w 10000"/>
                  <a:gd name="connsiteY224" fmla="*/ 4860 h 10000"/>
                  <a:gd name="connsiteX225" fmla="*/ 3958 w 10000"/>
                  <a:gd name="connsiteY225" fmla="*/ 4697 h 10000"/>
                  <a:gd name="connsiteX226" fmla="*/ 3934 w 10000"/>
                  <a:gd name="connsiteY226" fmla="*/ 4520 h 10000"/>
                  <a:gd name="connsiteX227" fmla="*/ 3856 w 10000"/>
                  <a:gd name="connsiteY227" fmla="*/ 4343 h 10000"/>
                  <a:gd name="connsiteX228" fmla="*/ 3779 w 10000"/>
                  <a:gd name="connsiteY228" fmla="*/ 4195 h 10000"/>
                  <a:gd name="connsiteX229" fmla="*/ 3650 w 10000"/>
                  <a:gd name="connsiteY229" fmla="*/ 4047 h 10000"/>
                  <a:gd name="connsiteX230" fmla="*/ 3522 w 10000"/>
                  <a:gd name="connsiteY230" fmla="*/ 3959 h 10000"/>
                  <a:gd name="connsiteX231" fmla="*/ 3676 w 10000"/>
                  <a:gd name="connsiteY231" fmla="*/ 3944 h 10000"/>
                  <a:gd name="connsiteX232" fmla="*/ 3805 w 10000"/>
                  <a:gd name="connsiteY232" fmla="*/ 3914 h 10000"/>
                  <a:gd name="connsiteX233" fmla="*/ 3907 w 10000"/>
                  <a:gd name="connsiteY233" fmla="*/ 3855 h 10000"/>
                  <a:gd name="connsiteX234" fmla="*/ 4034 w 10000"/>
                  <a:gd name="connsiteY234" fmla="*/ 3752 h 10000"/>
                  <a:gd name="connsiteX235" fmla="*/ 4164 w 10000"/>
                  <a:gd name="connsiteY235" fmla="*/ 3663 h 10000"/>
                  <a:gd name="connsiteX236" fmla="*/ 4267 w 10000"/>
                  <a:gd name="connsiteY236" fmla="*/ 3560 h 10000"/>
                  <a:gd name="connsiteX237" fmla="*/ 4344 w 10000"/>
                  <a:gd name="connsiteY237" fmla="*/ 3442 h 10000"/>
                  <a:gd name="connsiteX238" fmla="*/ 4422 w 10000"/>
                  <a:gd name="connsiteY238" fmla="*/ 3323 h 10000"/>
                  <a:gd name="connsiteX239" fmla="*/ 4473 w 10000"/>
                  <a:gd name="connsiteY239" fmla="*/ 3220 h 10000"/>
                  <a:gd name="connsiteX240" fmla="*/ 4498 w 10000"/>
                  <a:gd name="connsiteY240" fmla="*/ 3102 h 10000"/>
                  <a:gd name="connsiteX241" fmla="*/ 4525 w 10000"/>
                  <a:gd name="connsiteY241" fmla="*/ 3013 h 10000"/>
                  <a:gd name="connsiteX242" fmla="*/ 4498 w 10000"/>
                  <a:gd name="connsiteY242" fmla="*/ 2939 h 10000"/>
                  <a:gd name="connsiteX243" fmla="*/ 4473 w 10000"/>
                  <a:gd name="connsiteY243" fmla="*/ 2866 h 10000"/>
                  <a:gd name="connsiteX244" fmla="*/ 4396 w 10000"/>
                  <a:gd name="connsiteY244" fmla="*/ 2836 h 10000"/>
                  <a:gd name="connsiteX245" fmla="*/ 4294 w 10000"/>
                  <a:gd name="connsiteY245" fmla="*/ 2836 h 10000"/>
                  <a:gd name="connsiteX246" fmla="*/ 4164 w 10000"/>
                  <a:gd name="connsiteY246" fmla="*/ 2866 h 10000"/>
                  <a:gd name="connsiteX247" fmla="*/ 4267 w 10000"/>
                  <a:gd name="connsiteY247" fmla="*/ 2777 h 10000"/>
                  <a:gd name="connsiteX248" fmla="*/ 4320 w 10000"/>
                  <a:gd name="connsiteY248" fmla="*/ 2674 h 10000"/>
                  <a:gd name="connsiteX249" fmla="*/ 4344 w 10000"/>
                  <a:gd name="connsiteY249" fmla="*/ 2541 h 10000"/>
                  <a:gd name="connsiteX250" fmla="*/ 4344 w 10000"/>
                  <a:gd name="connsiteY250" fmla="*/ 2393 h 10000"/>
                  <a:gd name="connsiteX251" fmla="*/ 4369 w 10000"/>
                  <a:gd name="connsiteY251" fmla="*/ 2349 h 10000"/>
                  <a:gd name="connsiteX252" fmla="*/ 4422 w 10000"/>
                  <a:gd name="connsiteY252" fmla="*/ 2304 h 10000"/>
                  <a:gd name="connsiteX253" fmla="*/ 4473 w 10000"/>
                  <a:gd name="connsiteY253" fmla="*/ 2290 h 10000"/>
                  <a:gd name="connsiteX254" fmla="*/ 4551 w 10000"/>
                  <a:gd name="connsiteY254" fmla="*/ 2275 h 10000"/>
                  <a:gd name="connsiteX255" fmla="*/ 4781 w 10000"/>
                  <a:gd name="connsiteY255" fmla="*/ 2260 h 10000"/>
                  <a:gd name="connsiteX256" fmla="*/ 4986 w 10000"/>
                  <a:gd name="connsiteY256" fmla="*/ 2275 h 10000"/>
                  <a:gd name="connsiteX257" fmla="*/ 4961 w 10000"/>
                  <a:gd name="connsiteY257" fmla="*/ 2112 h 10000"/>
                  <a:gd name="connsiteX258" fmla="*/ 4910 w 10000"/>
                  <a:gd name="connsiteY258" fmla="*/ 1950 h 10000"/>
                  <a:gd name="connsiteX259" fmla="*/ 4832 w 10000"/>
                  <a:gd name="connsiteY259" fmla="*/ 1802 h 10000"/>
                  <a:gd name="connsiteX260" fmla="*/ 4731 w 10000"/>
                  <a:gd name="connsiteY260" fmla="*/ 1640 h 10000"/>
                  <a:gd name="connsiteX261" fmla="*/ 4473 w 10000"/>
                  <a:gd name="connsiteY261" fmla="*/ 1329 h 10000"/>
                  <a:gd name="connsiteX262" fmla="*/ 4216 w 10000"/>
                  <a:gd name="connsiteY262" fmla="*/ 1034 h 10000"/>
                  <a:gd name="connsiteX263" fmla="*/ 4087 w 10000"/>
                  <a:gd name="connsiteY263" fmla="*/ 901 h 10000"/>
                  <a:gd name="connsiteX264" fmla="*/ 3986 w 10000"/>
                  <a:gd name="connsiteY264" fmla="*/ 753 h 10000"/>
                  <a:gd name="connsiteX265" fmla="*/ 3907 w 10000"/>
                  <a:gd name="connsiteY265" fmla="*/ 620 h 10000"/>
                  <a:gd name="connsiteX266" fmla="*/ 3881 w 10000"/>
                  <a:gd name="connsiteY266" fmla="*/ 487 h 10000"/>
                  <a:gd name="connsiteX267" fmla="*/ 3856 w 10000"/>
                  <a:gd name="connsiteY267" fmla="*/ 355 h 10000"/>
                  <a:gd name="connsiteX268" fmla="*/ 3907 w 10000"/>
                  <a:gd name="connsiteY268" fmla="*/ 222 h 10000"/>
                  <a:gd name="connsiteX269" fmla="*/ 3934 w 10000"/>
                  <a:gd name="connsiteY269" fmla="*/ 162 h 10000"/>
                  <a:gd name="connsiteX270" fmla="*/ 3986 w 10000"/>
                  <a:gd name="connsiteY270" fmla="*/ 103 h 10000"/>
                  <a:gd name="connsiteX271" fmla="*/ 4063 w 10000"/>
                  <a:gd name="connsiteY271" fmla="*/ 59 h 10000"/>
                  <a:gd name="connsiteX272" fmla="*/ 4164 w 10000"/>
                  <a:gd name="connsiteY272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224 w 10000"/>
                  <a:gd name="connsiteY53" fmla="*/ 4564 h 10000"/>
                  <a:gd name="connsiteX54" fmla="*/ 7095 w 10000"/>
                  <a:gd name="connsiteY54" fmla="*/ 4638 h 10000"/>
                  <a:gd name="connsiteX55" fmla="*/ 7095 w 10000"/>
                  <a:gd name="connsiteY55" fmla="*/ 4697 h 10000"/>
                  <a:gd name="connsiteX56" fmla="*/ 7069 w 10000"/>
                  <a:gd name="connsiteY56" fmla="*/ 4801 h 10000"/>
                  <a:gd name="connsiteX57" fmla="*/ 7069 w 10000"/>
                  <a:gd name="connsiteY57" fmla="*/ 4904 h 10000"/>
                  <a:gd name="connsiteX58" fmla="*/ 6941 w 10000"/>
                  <a:gd name="connsiteY58" fmla="*/ 4860 h 10000"/>
                  <a:gd name="connsiteX59" fmla="*/ 6863 w 10000"/>
                  <a:gd name="connsiteY59" fmla="*/ 4801 h 10000"/>
                  <a:gd name="connsiteX60" fmla="*/ 6786 w 10000"/>
                  <a:gd name="connsiteY60" fmla="*/ 4727 h 10000"/>
                  <a:gd name="connsiteX61" fmla="*/ 6710 w 10000"/>
                  <a:gd name="connsiteY61" fmla="*/ 4638 h 10000"/>
                  <a:gd name="connsiteX62" fmla="*/ 6582 w 10000"/>
                  <a:gd name="connsiteY62" fmla="*/ 4476 h 10000"/>
                  <a:gd name="connsiteX63" fmla="*/ 6451 w 10000"/>
                  <a:gd name="connsiteY63" fmla="*/ 4313 h 10000"/>
                  <a:gd name="connsiteX64" fmla="*/ 6607 w 10000"/>
                  <a:gd name="connsiteY64" fmla="*/ 4210 h 10000"/>
                  <a:gd name="connsiteX65" fmla="*/ 8895 w 10000"/>
                  <a:gd name="connsiteY65" fmla="*/ 3516 h 10000"/>
                  <a:gd name="connsiteX66" fmla="*/ 9100 w 10000"/>
                  <a:gd name="connsiteY66" fmla="*/ 3412 h 10000"/>
                  <a:gd name="connsiteX67" fmla="*/ 9306 w 10000"/>
                  <a:gd name="connsiteY67" fmla="*/ 3338 h 10000"/>
                  <a:gd name="connsiteX68" fmla="*/ 9435 w 10000"/>
                  <a:gd name="connsiteY68" fmla="*/ 3235 h 10000"/>
                  <a:gd name="connsiteX69" fmla="*/ 9536 w 10000"/>
                  <a:gd name="connsiteY69" fmla="*/ 3117 h 10000"/>
                  <a:gd name="connsiteX70" fmla="*/ 9563 w 10000"/>
                  <a:gd name="connsiteY70" fmla="*/ 3072 h 10000"/>
                  <a:gd name="connsiteX71" fmla="*/ 9588 w 10000"/>
                  <a:gd name="connsiteY71" fmla="*/ 3013 h 10000"/>
                  <a:gd name="connsiteX72" fmla="*/ 9588 w 10000"/>
                  <a:gd name="connsiteY72" fmla="*/ 2954 h 10000"/>
                  <a:gd name="connsiteX73" fmla="*/ 9563 w 10000"/>
                  <a:gd name="connsiteY73" fmla="*/ 2866 h 10000"/>
                  <a:gd name="connsiteX74" fmla="*/ 9383 w 10000"/>
                  <a:gd name="connsiteY74" fmla="*/ 2984 h 10000"/>
                  <a:gd name="connsiteX75" fmla="*/ 9178 w 10000"/>
                  <a:gd name="connsiteY75" fmla="*/ 3072 h 10000"/>
                  <a:gd name="connsiteX76" fmla="*/ 8971 w 10000"/>
                  <a:gd name="connsiteY76" fmla="*/ 3161 h 10000"/>
                  <a:gd name="connsiteX77" fmla="*/ 8766 w 10000"/>
                  <a:gd name="connsiteY77" fmla="*/ 3250 h 10000"/>
                  <a:gd name="connsiteX78" fmla="*/ 8302 w 10000"/>
                  <a:gd name="connsiteY78" fmla="*/ 3397 h 10000"/>
                  <a:gd name="connsiteX79" fmla="*/ 7815 w 10000"/>
                  <a:gd name="connsiteY79" fmla="*/ 3545 h 10000"/>
                  <a:gd name="connsiteX80" fmla="*/ 7327 w 10000"/>
                  <a:gd name="connsiteY80" fmla="*/ 3678 h 10000"/>
                  <a:gd name="connsiteX81" fmla="*/ 6863 w 10000"/>
                  <a:gd name="connsiteY81" fmla="*/ 3840 h 10000"/>
                  <a:gd name="connsiteX82" fmla="*/ 6632 w 10000"/>
                  <a:gd name="connsiteY82" fmla="*/ 3914 h 10000"/>
                  <a:gd name="connsiteX83" fmla="*/ 6427 w 10000"/>
                  <a:gd name="connsiteY83" fmla="*/ 4003 h 10000"/>
                  <a:gd name="connsiteX84" fmla="*/ 6222 w 10000"/>
                  <a:gd name="connsiteY84" fmla="*/ 4106 h 10000"/>
                  <a:gd name="connsiteX85" fmla="*/ 6014 w 10000"/>
                  <a:gd name="connsiteY85" fmla="*/ 4195 h 10000"/>
                  <a:gd name="connsiteX86" fmla="*/ 6169 w 10000"/>
                  <a:gd name="connsiteY86" fmla="*/ 4417 h 10000"/>
                  <a:gd name="connsiteX87" fmla="*/ 6273 w 10000"/>
                  <a:gd name="connsiteY87" fmla="*/ 4623 h 10000"/>
                  <a:gd name="connsiteX88" fmla="*/ 6375 w 10000"/>
                  <a:gd name="connsiteY88" fmla="*/ 4845 h 10000"/>
                  <a:gd name="connsiteX89" fmla="*/ 6451 w 10000"/>
                  <a:gd name="connsiteY89" fmla="*/ 5081 h 10000"/>
                  <a:gd name="connsiteX90" fmla="*/ 6504 w 10000"/>
                  <a:gd name="connsiteY90" fmla="*/ 5318 h 10000"/>
                  <a:gd name="connsiteX91" fmla="*/ 6530 w 10000"/>
                  <a:gd name="connsiteY91" fmla="*/ 5539 h 10000"/>
                  <a:gd name="connsiteX92" fmla="*/ 6554 w 10000"/>
                  <a:gd name="connsiteY92" fmla="*/ 5775 h 10000"/>
                  <a:gd name="connsiteX93" fmla="*/ 6554 w 10000"/>
                  <a:gd name="connsiteY93" fmla="*/ 5997 h 10000"/>
                  <a:gd name="connsiteX94" fmla="*/ 6530 w 10000"/>
                  <a:gd name="connsiteY94" fmla="*/ 6233 h 10000"/>
                  <a:gd name="connsiteX95" fmla="*/ 6478 w 10000"/>
                  <a:gd name="connsiteY95" fmla="*/ 6470 h 10000"/>
                  <a:gd name="connsiteX96" fmla="*/ 6427 w 10000"/>
                  <a:gd name="connsiteY96" fmla="*/ 6677 h 10000"/>
                  <a:gd name="connsiteX97" fmla="*/ 6350 w 10000"/>
                  <a:gd name="connsiteY97" fmla="*/ 6898 h 10000"/>
                  <a:gd name="connsiteX98" fmla="*/ 6247 w 10000"/>
                  <a:gd name="connsiteY98" fmla="*/ 7105 h 10000"/>
                  <a:gd name="connsiteX99" fmla="*/ 6119 w 10000"/>
                  <a:gd name="connsiteY99" fmla="*/ 7297 h 10000"/>
                  <a:gd name="connsiteX100" fmla="*/ 5964 w 10000"/>
                  <a:gd name="connsiteY100" fmla="*/ 7489 h 10000"/>
                  <a:gd name="connsiteX101" fmla="*/ 5809 w 10000"/>
                  <a:gd name="connsiteY101" fmla="*/ 7681 h 10000"/>
                  <a:gd name="connsiteX102" fmla="*/ 6554 w 10000"/>
                  <a:gd name="connsiteY102" fmla="*/ 7799 h 10000"/>
                  <a:gd name="connsiteX103" fmla="*/ 7327 w 10000"/>
                  <a:gd name="connsiteY103" fmla="*/ 7962 h 10000"/>
                  <a:gd name="connsiteX104" fmla="*/ 7480 w 10000"/>
                  <a:gd name="connsiteY104" fmla="*/ 8021 h 10000"/>
                  <a:gd name="connsiteX105" fmla="*/ 7609 w 10000"/>
                  <a:gd name="connsiteY105" fmla="*/ 8080 h 10000"/>
                  <a:gd name="connsiteX106" fmla="*/ 7737 w 10000"/>
                  <a:gd name="connsiteY106" fmla="*/ 8139 h 10000"/>
                  <a:gd name="connsiteX107" fmla="*/ 7815 w 10000"/>
                  <a:gd name="connsiteY107" fmla="*/ 8227 h 10000"/>
                  <a:gd name="connsiteX108" fmla="*/ 7841 w 10000"/>
                  <a:gd name="connsiteY108" fmla="*/ 8301 h 10000"/>
                  <a:gd name="connsiteX109" fmla="*/ 7841 w 10000"/>
                  <a:gd name="connsiteY109" fmla="*/ 8405 h 10000"/>
                  <a:gd name="connsiteX110" fmla="*/ 7790 w 10000"/>
                  <a:gd name="connsiteY110" fmla="*/ 8523 h 10000"/>
                  <a:gd name="connsiteX111" fmla="*/ 7712 w 10000"/>
                  <a:gd name="connsiteY111" fmla="*/ 8641 h 10000"/>
                  <a:gd name="connsiteX112" fmla="*/ 7378 w 10000"/>
                  <a:gd name="connsiteY112" fmla="*/ 8552 h 10000"/>
                  <a:gd name="connsiteX113" fmla="*/ 7069 w 10000"/>
                  <a:gd name="connsiteY113" fmla="*/ 8449 h 10000"/>
                  <a:gd name="connsiteX114" fmla="*/ 6760 w 10000"/>
                  <a:gd name="connsiteY114" fmla="*/ 8360 h 10000"/>
                  <a:gd name="connsiteX115" fmla="*/ 6451 w 10000"/>
                  <a:gd name="connsiteY115" fmla="*/ 8287 h 10000"/>
                  <a:gd name="connsiteX116" fmla="*/ 6323 w 10000"/>
                  <a:gd name="connsiteY116" fmla="*/ 8449 h 10000"/>
                  <a:gd name="connsiteX117" fmla="*/ 6222 w 10000"/>
                  <a:gd name="connsiteY117" fmla="*/ 8597 h 10000"/>
                  <a:gd name="connsiteX118" fmla="*/ 6169 w 10000"/>
                  <a:gd name="connsiteY118" fmla="*/ 8656 h 10000"/>
                  <a:gd name="connsiteX119" fmla="*/ 6066 w 10000"/>
                  <a:gd name="connsiteY119" fmla="*/ 8700 h 10000"/>
                  <a:gd name="connsiteX120" fmla="*/ 5990 w 10000"/>
                  <a:gd name="connsiteY120" fmla="*/ 8744 h 10000"/>
                  <a:gd name="connsiteX121" fmla="*/ 5913 w 10000"/>
                  <a:gd name="connsiteY121" fmla="*/ 8774 h 10000"/>
                  <a:gd name="connsiteX122" fmla="*/ 5835 w 10000"/>
                  <a:gd name="connsiteY122" fmla="*/ 8804 h 10000"/>
                  <a:gd name="connsiteX123" fmla="*/ 5733 w 10000"/>
                  <a:gd name="connsiteY123" fmla="*/ 8818 h 10000"/>
                  <a:gd name="connsiteX124" fmla="*/ 5603 w 10000"/>
                  <a:gd name="connsiteY124" fmla="*/ 8833 h 10000"/>
                  <a:gd name="connsiteX125" fmla="*/ 5476 w 10000"/>
                  <a:gd name="connsiteY125" fmla="*/ 8833 h 10000"/>
                  <a:gd name="connsiteX126" fmla="*/ 5168 w 10000"/>
                  <a:gd name="connsiteY126" fmla="*/ 8818 h 10000"/>
                  <a:gd name="connsiteX127" fmla="*/ 4781 w 10000"/>
                  <a:gd name="connsiteY127" fmla="*/ 8744 h 10000"/>
                  <a:gd name="connsiteX128" fmla="*/ 4781 w 10000"/>
                  <a:gd name="connsiteY128" fmla="*/ 8922 h 10000"/>
                  <a:gd name="connsiteX129" fmla="*/ 4755 w 10000"/>
                  <a:gd name="connsiteY129" fmla="*/ 9069 h 10000"/>
                  <a:gd name="connsiteX130" fmla="*/ 4731 w 10000"/>
                  <a:gd name="connsiteY130" fmla="*/ 9232 h 10000"/>
                  <a:gd name="connsiteX131" fmla="*/ 4704 w 10000"/>
                  <a:gd name="connsiteY131" fmla="*/ 9365 h 10000"/>
                  <a:gd name="connsiteX132" fmla="*/ 4652 w 10000"/>
                  <a:gd name="connsiteY132" fmla="*/ 9498 h 10000"/>
                  <a:gd name="connsiteX133" fmla="*/ 4551 w 10000"/>
                  <a:gd name="connsiteY133" fmla="*/ 9616 h 10000"/>
                  <a:gd name="connsiteX134" fmla="*/ 4473 w 10000"/>
                  <a:gd name="connsiteY134" fmla="*/ 9734 h 10000"/>
                  <a:gd name="connsiteX135" fmla="*/ 4344 w 10000"/>
                  <a:gd name="connsiteY135" fmla="*/ 9838 h 10000"/>
                  <a:gd name="connsiteX136" fmla="*/ 4034 w 10000"/>
                  <a:gd name="connsiteY136" fmla="*/ 9897 h 10000"/>
                  <a:gd name="connsiteX137" fmla="*/ 3779 w 10000"/>
                  <a:gd name="connsiteY137" fmla="*/ 9941 h 10000"/>
                  <a:gd name="connsiteX138" fmla="*/ 3470 w 10000"/>
                  <a:gd name="connsiteY138" fmla="*/ 9985 h 10000"/>
                  <a:gd name="connsiteX139" fmla="*/ 3239 w 10000"/>
                  <a:gd name="connsiteY139" fmla="*/ 10000 h 10000"/>
                  <a:gd name="connsiteX140" fmla="*/ 2725 w 10000"/>
                  <a:gd name="connsiteY140" fmla="*/ 10000 h 10000"/>
                  <a:gd name="connsiteX141" fmla="*/ 2236 w 10000"/>
                  <a:gd name="connsiteY141" fmla="*/ 9985 h 10000"/>
                  <a:gd name="connsiteX142" fmla="*/ 1775 w 10000"/>
                  <a:gd name="connsiteY142" fmla="*/ 9941 h 10000"/>
                  <a:gd name="connsiteX143" fmla="*/ 1286 w 10000"/>
                  <a:gd name="connsiteY143" fmla="*/ 9911 h 10000"/>
                  <a:gd name="connsiteX144" fmla="*/ 1003 w 10000"/>
                  <a:gd name="connsiteY144" fmla="*/ 9911 h 10000"/>
                  <a:gd name="connsiteX145" fmla="*/ 745 w 10000"/>
                  <a:gd name="connsiteY145" fmla="*/ 9911 h 10000"/>
                  <a:gd name="connsiteX146" fmla="*/ 463 w 10000"/>
                  <a:gd name="connsiteY146" fmla="*/ 9926 h 10000"/>
                  <a:gd name="connsiteX147" fmla="*/ 180 w 10000"/>
                  <a:gd name="connsiteY147" fmla="*/ 9970 h 10000"/>
                  <a:gd name="connsiteX148" fmla="*/ 103 w 10000"/>
                  <a:gd name="connsiteY148" fmla="*/ 9867 h 10000"/>
                  <a:gd name="connsiteX149" fmla="*/ 52 w 10000"/>
                  <a:gd name="connsiteY149" fmla="*/ 9793 h 10000"/>
                  <a:gd name="connsiteX150" fmla="*/ 0 w 10000"/>
                  <a:gd name="connsiteY150" fmla="*/ 9705 h 10000"/>
                  <a:gd name="connsiteX151" fmla="*/ 0 w 10000"/>
                  <a:gd name="connsiteY151" fmla="*/ 9601 h 10000"/>
                  <a:gd name="connsiteX152" fmla="*/ 52 w 10000"/>
                  <a:gd name="connsiteY152" fmla="*/ 9424 h 10000"/>
                  <a:gd name="connsiteX153" fmla="*/ 103 w 10000"/>
                  <a:gd name="connsiteY153" fmla="*/ 9202 h 10000"/>
                  <a:gd name="connsiteX154" fmla="*/ 153 w 10000"/>
                  <a:gd name="connsiteY154" fmla="*/ 8996 h 10000"/>
                  <a:gd name="connsiteX155" fmla="*/ 206 w 10000"/>
                  <a:gd name="connsiteY155" fmla="*/ 8759 h 10000"/>
                  <a:gd name="connsiteX156" fmla="*/ 231 w 10000"/>
                  <a:gd name="connsiteY156" fmla="*/ 8641 h 10000"/>
                  <a:gd name="connsiteX157" fmla="*/ 231 w 10000"/>
                  <a:gd name="connsiteY157" fmla="*/ 8538 h 10000"/>
                  <a:gd name="connsiteX158" fmla="*/ 206 w 10000"/>
                  <a:gd name="connsiteY158" fmla="*/ 8405 h 10000"/>
                  <a:gd name="connsiteX159" fmla="*/ 180 w 10000"/>
                  <a:gd name="connsiteY159" fmla="*/ 8287 h 10000"/>
                  <a:gd name="connsiteX160" fmla="*/ 437 w 10000"/>
                  <a:gd name="connsiteY160" fmla="*/ 8213 h 10000"/>
                  <a:gd name="connsiteX161" fmla="*/ 694 w 10000"/>
                  <a:gd name="connsiteY161" fmla="*/ 8139 h 10000"/>
                  <a:gd name="connsiteX162" fmla="*/ 951 w 10000"/>
                  <a:gd name="connsiteY162" fmla="*/ 8095 h 10000"/>
                  <a:gd name="connsiteX163" fmla="*/ 1234 w 10000"/>
                  <a:gd name="connsiteY163" fmla="*/ 8065 h 10000"/>
                  <a:gd name="connsiteX164" fmla="*/ 1747 w 10000"/>
                  <a:gd name="connsiteY164" fmla="*/ 8021 h 10000"/>
                  <a:gd name="connsiteX165" fmla="*/ 2263 w 10000"/>
                  <a:gd name="connsiteY165" fmla="*/ 7976 h 10000"/>
                  <a:gd name="connsiteX166" fmla="*/ 2494 w 10000"/>
                  <a:gd name="connsiteY166" fmla="*/ 7947 h 10000"/>
                  <a:gd name="connsiteX167" fmla="*/ 2725 w 10000"/>
                  <a:gd name="connsiteY167" fmla="*/ 7917 h 10000"/>
                  <a:gd name="connsiteX168" fmla="*/ 2929 w 10000"/>
                  <a:gd name="connsiteY168" fmla="*/ 7843 h 10000"/>
                  <a:gd name="connsiteX169" fmla="*/ 3136 w 10000"/>
                  <a:gd name="connsiteY169" fmla="*/ 7784 h 10000"/>
                  <a:gd name="connsiteX170" fmla="*/ 3316 w 10000"/>
                  <a:gd name="connsiteY170" fmla="*/ 7710 h 10000"/>
                  <a:gd name="connsiteX171" fmla="*/ 3470 w 10000"/>
                  <a:gd name="connsiteY171" fmla="*/ 7592 h 10000"/>
                  <a:gd name="connsiteX172" fmla="*/ 3625 w 10000"/>
                  <a:gd name="connsiteY172" fmla="*/ 7474 h 10000"/>
                  <a:gd name="connsiteX173" fmla="*/ 3727 w 10000"/>
                  <a:gd name="connsiteY173" fmla="*/ 7312 h 10000"/>
                  <a:gd name="connsiteX174" fmla="*/ 3522 w 10000"/>
                  <a:gd name="connsiteY174" fmla="*/ 7238 h 10000"/>
                  <a:gd name="connsiteX175" fmla="*/ 3341 w 10000"/>
                  <a:gd name="connsiteY175" fmla="*/ 7179 h 10000"/>
                  <a:gd name="connsiteX176" fmla="*/ 3187 w 10000"/>
                  <a:gd name="connsiteY176" fmla="*/ 7090 h 10000"/>
                  <a:gd name="connsiteX177" fmla="*/ 3034 w 10000"/>
                  <a:gd name="connsiteY177" fmla="*/ 6987 h 10000"/>
                  <a:gd name="connsiteX178" fmla="*/ 2929 w 10000"/>
                  <a:gd name="connsiteY178" fmla="*/ 6869 h 10000"/>
                  <a:gd name="connsiteX179" fmla="*/ 2880 w 10000"/>
                  <a:gd name="connsiteY179" fmla="*/ 6721 h 10000"/>
                  <a:gd name="connsiteX180" fmla="*/ 2853 w 10000"/>
                  <a:gd name="connsiteY180" fmla="*/ 6558 h 10000"/>
                  <a:gd name="connsiteX181" fmla="*/ 2880 w 10000"/>
                  <a:gd name="connsiteY181" fmla="*/ 6352 h 10000"/>
                  <a:gd name="connsiteX182" fmla="*/ 2751 w 10000"/>
                  <a:gd name="connsiteY182" fmla="*/ 6322 h 10000"/>
                  <a:gd name="connsiteX183" fmla="*/ 2597 w 10000"/>
                  <a:gd name="connsiteY183" fmla="*/ 6292 h 10000"/>
                  <a:gd name="connsiteX184" fmla="*/ 2417 w 10000"/>
                  <a:gd name="connsiteY184" fmla="*/ 6278 h 10000"/>
                  <a:gd name="connsiteX185" fmla="*/ 2236 w 10000"/>
                  <a:gd name="connsiteY185" fmla="*/ 6263 h 10000"/>
                  <a:gd name="connsiteX186" fmla="*/ 1877 w 10000"/>
                  <a:gd name="connsiteY186" fmla="*/ 6248 h 10000"/>
                  <a:gd name="connsiteX187" fmla="*/ 1491 w 10000"/>
                  <a:gd name="connsiteY187" fmla="*/ 6263 h 10000"/>
                  <a:gd name="connsiteX188" fmla="*/ 1158 w 10000"/>
                  <a:gd name="connsiteY188" fmla="*/ 6278 h 10000"/>
                  <a:gd name="connsiteX189" fmla="*/ 848 w 10000"/>
                  <a:gd name="connsiteY189" fmla="*/ 6278 h 10000"/>
                  <a:gd name="connsiteX190" fmla="*/ 593 w 10000"/>
                  <a:gd name="connsiteY190" fmla="*/ 6263 h 10000"/>
                  <a:gd name="connsiteX191" fmla="*/ 386 w 10000"/>
                  <a:gd name="connsiteY191" fmla="*/ 6233 h 10000"/>
                  <a:gd name="connsiteX192" fmla="*/ 641 w 10000"/>
                  <a:gd name="connsiteY192" fmla="*/ 5805 h 10000"/>
                  <a:gd name="connsiteX193" fmla="*/ 926 w 10000"/>
                  <a:gd name="connsiteY193" fmla="*/ 5391 h 10000"/>
                  <a:gd name="connsiteX194" fmla="*/ 1029 w 10000"/>
                  <a:gd name="connsiteY194" fmla="*/ 5170 h 10000"/>
                  <a:gd name="connsiteX195" fmla="*/ 1105 w 10000"/>
                  <a:gd name="connsiteY195" fmla="*/ 4963 h 10000"/>
                  <a:gd name="connsiteX196" fmla="*/ 1130 w 10000"/>
                  <a:gd name="connsiteY196" fmla="*/ 4860 h 10000"/>
                  <a:gd name="connsiteX197" fmla="*/ 1105 w 10000"/>
                  <a:gd name="connsiteY197" fmla="*/ 4756 h 10000"/>
                  <a:gd name="connsiteX198" fmla="*/ 1080 w 10000"/>
                  <a:gd name="connsiteY198" fmla="*/ 4653 h 10000"/>
                  <a:gd name="connsiteX199" fmla="*/ 1003 w 10000"/>
                  <a:gd name="connsiteY199" fmla="*/ 4549 h 10000"/>
                  <a:gd name="connsiteX200" fmla="*/ 1286 w 10000"/>
                  <a:gd name="connsiteY200" fmla="*/ 4520 h 10000"/>
                  <a:gd name="connsiteX201" fmla="*/ 1491 w 10000"/>
                  <a:gd name="connsiteY201" fmla="*/ 4505 h 10000"/>
                  <a:gd name="connsiteX202" fmla="*/ 1671 w 10000"/>
                  <a:gd name="connsiteY202" fmla="*/ 4505 h 10000"/>
                  <a:gd name="connsiteX203" fmla="*/ 1825 w 10000"/>
                  <a:gd name="connsiteY203" fmla="*/ 4520 h 10000"/>
                  <a:gd name="connsiteX204" fmla="*/ 1954 w 10000"/>
                  <a:gd name="connsiteY204" fmla="*/ 4520 h 10000"/>
                  <a:gd name="connsiteX205" fmla="*/ 2108 w 10000"/>
                  <a:gd name="connsiteY205" fmla="*/ 4520 h 10000"/>
                  <a:gd name="connsiteX206" fmla="*/ 2263 w 10000"/>
                  <a:gd name="connsiteY206" fmla="*/ 4490 h 10000"/>
                  <a:gd name="connsiteX207" fmla="*/ 2467 w 10000"/>
                  <a:gd name="connsiteY207" fmla="*/ 4446 h 10000"/>
                  <a:gd name="connsiteX208" fmla="*/ 2467 w 10000"/>
                  <a:gd name="connsiteY208" fmla="*/ 4579 h 10000"/>
                  <a:gd name="connsiteX209" fmla="*/ 2467 w 10000"/>
                  <a:gd name="connsiteY209" fmla="*/ 4742 h 10000"/>
                  <a:gd name="connsiteX210" fmla="*/ 2467 w 10000"/>
                  <a:gd name="connsiteY210" fmla="*/ 4874 h 10000"/>
                  <a:gd name="connsiteX211" fmla="*/ 2467 w 10000"/>
                  <a:gd name="connsiteY211" fmla="*/ 5037 h 10000"/>
                  <a:gd name="connsiteX212" fmla="*/ 2699 w 10000"/>
                  <a:gd name="connsiteY212" fmla="*/ 5022 h 10000"/>
                  <a:gd name="connsiteX213" fmla="*/ 2853 w 10000"/>
                  <a:gd name="connsiteY213" fmla="*/ 5037 h 10000"/>
                  <a:gd name="connsiteX214" fmla="*/ 2982 w 10000"/>
                  <a:gd name="connsiteY214" fmla="*/ 5066 h 10000"/>
                  <a:gd name="connsiteX215" fmla="*/ 3111 w 10000"/>
                  <a:gd name="connsiteY215" fmla="*/ 5096 h 10000"/>
                  <a:gd name="connsiteX216" fmla="*/ 3214 w 10000"/>
                  <a:gd name="connsiteY216" fmla="*/ 5126 h 10000"/>
                  <a:gd name="connsiteX217" fmla="*/ 3341 w 10000"/>
                  <a:gd name="connsiteY217" fmla="*/ 5155 h 10000"/>
                  <a:gd name="connsiteX218" fmla="*/ 3496 w 10000"/>
                  <a:gd name="connsiteY218" fmla="*/ 5170 h 10000"/>
                  <a:gd name="connsiteX219" fmla="*/ 3727 w 10000"/>
                  <a:gd name="connsiteY219" fmla="*/ 5155 h 10000"/>
                  <a:gd name="connsiteX220" fmla="*/ 3805 w 10000"/>
                  <a:gd name="connsiteY220" fmla="*/ 5096 h 10000"/>
                  <a:gd name="connsiteX221" fmla="*/ 3881 w 10000"/>
                  <a:gd name="connsiteY221" fmla="*/ 5022 h 10000"/>
                  <a:gd name="connsiteX222" fmla="*/ 3907 w 10000"/>
                  <a:gd name="connsiteY222" fmla="*/ 4934 h 10000"/>
                  <a:gd name="connsiteX223" fmla="*/ 3934 w 10000"/>
                  <a:gd name="connsiteY223" fmla="*/ 4860 h 10000"/>
                  <a:gd name="connsiteX224" fmla="*/ 3958 w 10000"/>
                  <a:gd name="connsiteY224" fmla="*/ 4697 h 10000"/>
                  <a:gd name="connsiteX225" fmla="*/ 3934 w 10000"/>
                  <a:gd name="connsiteY225" fmla="*/ 4520 h 10000"/>
                  <a:gd name="connsiteX226" fmla="*/ 3856 w 10000"/>
                  <a:gd name="connsiteY226" fmla="*/ 4343 h 10000"/>
                  <a:gd name="connsiteX227" fmla="*/ 3779 w 10000"/>
                  <a:gd name="connsiteY227" fmla="*/ 4195 h 10000"/>
                  <a:gd name="connsiteX228" fmla="*/ 3650 w 10000"/>
                  <a:gd name="connsiteY228" fmla="*/ 4047 h 10000"/>
                  <a:gd name="connsiteX229" fmla="*/ 3522 w 10000"/>
                  <a:gd name="connsiteY229" fmla="*/ 3959 h 10000"/>
                  <a:gd name="connsiteX230" fmla="*/ 3676 w 10000"/>
                  <a:gd name="connsiteY230" fmla="*/ 3944 h 10000"/>
                  <a:gd name="connsiteX231" fmla="*/ 3805 w 10000"/>
                  <a:gd name="connsiteY231" fmla="*/ 3914 h 10000"/>
                  <a:gd name="connsiteX232" fmla="*/ 3907 w 10000"/>
                  <a:gd name="connsiteY232" fmla="*/ 3855 h 10000"/>
                  <a:gd name="connsiteX233" fmla="*/ 4034 w 10000"/>
                  <a:gd name="connsiteY233" fmla="*/ 3752 h 10000"/>
                  <a:gd name="connsiteX234" fmla="*/ 4164 w 10000"/>
                  <a:gd name="connsiteY234" fmla="*/ 3663 h 10000"/>
                  <a:gd name="connsiteX235" fmla="*/ 4267 w 10000"/>
                  <a:gd name="connsiteY235" fmla="*/ 3560 h 10000"/>
                  <a:gd name="connsiteX236" fmla="*/ 4344 w 10000"/>
                  <a:gd name="connsiteY236" fmla="*/ 3442 h 10000"/>
                  <a:gd name="connsiteX237" fmla="*/ 4422 w 10000"/>
                  <a:gd name="connsiteY237" fmla="*/ 3323 h 10000"/>
                  <a:gd name="connsiteX238" fmla="*/ 4473 w 10000"/>
                  <a:gd name="connsiteY238" fmla="*/ 3220 h 10000"/>
                  <a:gd name="connsiteX239" fmla="*/ 4498 w 10000"/>
                  <a:gd name="connsiteY239" fmla="*/ 3102 h 10000"/>
                  <a:gd name="connsiteX240" fmla="*/ 4525 w 10000"/>
                  <a:gd name="connsiteY240" fmla="*/ 3013 h 10000"/>
                  <a:gd name="connsiteX241" fmla="*/ 4498 w 10000"/>
                  <a:gd name="connsiteY241" fmla="*/ 2939 h 10000"/>
                  <a:gd name="connsiteX242" fmla="*/ 4473 w 10000"/>
                  <a:gd name="connsiteY242" fmla="*/ 2866 h 10000"/>
                  <a:gd name="connsiteX243" fmla="*/ 4396 w 10000"/>
                  <a:gd name="connsiteY243" fmla="*/ 2836 h 10000"/>
                  <a:gd name="connsiteX244" fmla="*/ 4294 w 10000"/>
                  <a:gd name="connsiteY244" fmla="*/ 2836 h 10000"/>
                  <a:gd name="connsiteX245" fmla="*/ 4164 w 10000"/>
                  <a:gd name="connsiteY245" fmla="*/ 2866 h 10000"/>
                  <a:gd name="connsiteX246" fmla="*/ 4267 w 10000"/>
                  <a:gd name="connsiteY246" fmla="*/ 2777 h 10000"/>
                  <a:gd name="connsiteX247" fmla="*/ 4320 w 10000"/>
                  <a:gd name="connsiteY247" fmla="*/ 2674 h 10000"/>
                  <a:gd name="connsiteX248" fmla="*/ 4344 w 10000"/>
                  <a:gd name="connsiteY248" fmla="*/ 2541 h 10000"/>
                  <a:gd name="connsiteX249" fmla="*/ 4344 w 10000"/>
                  <a:gd name="connsiteY249" fmla="*/ 2393 h 10000"/>
                  <a:gd name="connsiteX250" fmla="*/ 4369 w 10000"/>
                  <a:gd name="connsiteY250" fmla="*/ 2349 h 10000"/>
                  <a:gd name="connsiteX251" fmla="*/ 4422 w 10000"/>
                  <a:gd name="connsiteY251" fmla="*/ 2304 h 10000"/>
                  <a:gd name="connsiteX252" fmla="*/ 4473 w 10000"/>
                  <a:gd name="connsiteY252" fmla="*/ 2290 h 10000"/>
                  <a:gd name="connsiteX253" fmla="*/ 4551 w 10000"/>
                  <a:gd name="connsiteY253" fmla="*/ 2275 h 10000"/>
                  <a:gd name="connsiteX254" fmla="*/ 4781 w 10000"/>
                  <a:gd name="connsiteY254" fmla="*/ 2260 h 10000"/>
                  <a:gd name="connsiteX255" fmla="*/ 4986 w 10000"/>
                  <a:gd name="connsiteY255" fmla="*/ 2275 h 10000"/>
                  <a:gd name="connsiteX256" fmla="*/ 4961 w 10000"/>
                  <a:gd name="connsiteY256" fmla="*/ 2112 h 10000"/>
                  <a:gd name="connsiteX257" fmla="*/ 4910 w 10000"/>
                  <a:gd name="connsiteY257" fmla="*/ 1950 h 10000"/>
                  <a:gd name="connsiteX258" fmla="*/ 4832 w 10000"/>
                  <a:gd name="connsiteY258" fmla="*/ 1802 h 10000"/>
                  <a:gd name="connsiteX259" fmla="*/ 4731 w 10000"/>
                  <a:gd name="connsiteY259" fmla="*/ 1640 h 10000"/>
                  <a:gd name="connsiteX260" fmla="*/ 4473 w 10000"/>
                  <a:gd name="connsiteY260" fmla="*/ 1329 h 10000"/>
                  <a:gd name="connsiteX261" fmla="*/ 4216 w 10000"/>
                  <a:gd name="connsiteY261" fmla="*/ 1034 h 10000"/>
                  <a:gd name="connsiteX262" fmla="*/ 4087 w 10000"/>
                  <a:gd name="connsiteY262" fmla="*/ 901 h 10000"/>
                  <a:gd name="connsiteX263" fmla="*/ 3986 w 10000"/>
                  <a:gd name="connsiteY263" fmla="*/ 753 h 10000"/>
                  <a:gd name="connsiteX264" fmla="*/ 3907 w 10000"/>
                  <a:gd name="connsiteY264" fmla="*/ 620 h 10000"/>
                  <a:gd name="connsiteX265" fmla="*/ 3881 w 10000"/>
                  <a:gd name="connsiteY265" fmla="*/ 487 h 10000"/>
                  <a:gd name="connsiteX266" fmla="*/ 3856 w 10000"/>
                  <a:gd name="connsiteY266" fmla="*/ 355 h 10000"/>
                  <a:gd name="connsiteX267" fmla="*/ 3907 w 10000"/>
                  <a:gd name="connsiteY267" fmla="*/ 222 h 10000"/>
                  <a:gd name="connsiteX268" fmla="*/ 3934 w 10000"/>
                  <a:gd name="connsiteY268" fmla="*/ 162 h 10000"/>
                  <a:gd name="connsiteX269" fmla="*/ 3986 w 10000"/>
                  <a:gd name="connsiteY269" fmla="*/ 103 h 10000"/>
                  <a:gd name="connsiteX270" fmla="*/ 4063 w 10000"/>
                  <a:gd name="connsiteY270" fmla="*/ 59 h 10000"/>
                  <a:gd name="connsiteX271" fmla="*/ 4164 w 10000"/>
                  <a:gd name="connsiteY271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224 w 10000"/>
                  <a:gd name="connsiteY53" fmla="*/ 4564 h 10000"/>
                  <a:gd name="connsiteX54" fmla="*/ 7095 w 10000"/>
                  <a:gd name="connsiteY54" fmla="*/ 4638 h 10000"/>
                  <a:gd name="connsiteX55" fmla="*/ 7095 w 10000"/>
                  <a:gd name="connsiteY55" fmla="*/ 4697 h 10000"/>
                  <a:gd name="connsiteX56" fmla="*/ 7069 w 10000"/>
                  <a:gd name="connsiteY56" fmla="*/ 4801 h 10000"/>
                  <a:gd name="connsiteX57" fmla="*/ 7069 w 10000"/>
                  <a:gd name="connsiteY57" fmla="*/ 4904 h 10000"/>
                  <a:gd name="connsiteX58" fmla="*/ 6941 w 10000"/>
                  <a:gd name="connsiteY58" fmla="*/ 4860 h 10000"/>
                  <a:gd name="connsiteX59" fmla="*/ 6863 w 10000"/>
                  <a:gd name="connsiteY59" fmla="*/ 4801 h 10000"/>
                  <a:gd name="connsiteX60" fmla="*/ 6786 w 10000"/>
                  <a:gd name="connsiteY60" fmla="*/ 4727 h 10000"/>
                  <a:gd name="connsiteX61" fmla="*/ 6710 w 10000"/>
                  <a:gd name="connsiteY61" fmla="*/ 4638 h 10000"/>
                  <a:gd name="connsiteX62" fmla="*/ 6582 w 10000"/>
                  <a:gd name="connsiteY62" fmla="*/ 4476 h 10000"/>
                  <a:gd name="connsiteX63" fmla="*/ 6451 w 10000"/>
                  <a:gd name="connsiteY63" fmla="*/ 4313 h 10000"/>
                  <a:gd name="connsiteX64" fmla="*/ 6607 w 10000"/>
                  <a:gd name="connsiteY64" fmla="*/ 4210 h 10000"/>
                  <a:gd name="connsiteX65" fmla="*/ 8895 w 10000"/>
                  <a:gd name="connsiteY65" fmla="*/ 3516 h 10000"/>
                  <a:gd name="connsiteX66" fmla="*/ 9306 w 10000"/>
                  <a:gd name="connsiteY66" fmla="*/ 3338 h 10000"/>
                  <a:gd name="connsiteX67" fmla="*/ 9435 w 10000"/>
                  <a:gd name="connsiteY67" fmla="*/ 3235 h 10000"/>
                  <a:gd name="connsiteX68" fmla="*/ 9536 w 10000"/>
                  <a:gd name="connsiteY68" fmla="*/ 3117 h 10000"/>
                  <a:gd name="connsiteX69" fmla="*/ 9563 w 10000"/>
                  <a:gd name="connsiteY69" fmla="*/ 3072 h 10000"/>
                  <a:gd name="connsiteX70" fmla="*/ 9588 w 10000"/>
                  <a:gd name="connsiteY70" fmla="*/ 3013 h 10000"/>
                  <a:gd name="connsiteX71" fmla="*/ 9588 w 10000"/>
                  <a:gd name="connsiteY71" fmla="*/ 2954 h 10000"/>
                  <a:gd name="connsiteX72" fmla="*/ 9563 w 10000"/>
                  <a:gd name="connsiteY72" fmla="*/ 2866 h 10000"/>
                  <a:gd name="connsiteX73" fmla="*/ 9383 w 10000"/>
                  <a:gd name="connsiteY73" fmla="*/ 2984 h 10000"/>
                  <a:gd name="connsiteX74" fmla="*/ 9178 w 10000"/>
                  <a:gd name="connsiteY74" fmla="*/ 3072 h 10000"/>
                  <a:gd name="connsiteX75" fmla="*/ 8971 w 10000"/>
                  <a:gd name="connsiteY75" fmla="*/ 3161 h 10000"/>
                  <a:gd name="connsiteX76" fmla="*/ 8766 w 10000"/>
                  <a:gd name="connsiteY76" fmla="*/ 3250 h 10000"/>
                  <a:gd name="connsiteX77" fmla="*/ 8302 w 10000"/>
                  <a:gd name="connsiteY77" fmla="*/ 3397 h 10000"/>
                  <a:gd name="connsiteX78" fmla="*/ 7815 w 10000"/>
                  <a:gd name="connsiteY78" fmla="*/ 3545 h 10000"/>
                  <a:gd name="connsiteX79" fmla="*/ 7327 w 10000"/>
                  <a:gd name="connsiteY79" fmla="*/ 3678 h 10000"/>
                  <a:gd name="connsiteX80" fmla="*/ 6863 w 10000"/>
                  <a:gd name="connsiteY80" fmla="*/ 3840 h 10000"/>
                  <a:gd name="connsiteX81" fmla="*/ 6632 w 10000"/>
                  <a:gd name="connsiteY81" fmla="*/ 3914 h 10000"/>
                  <a:gd name="connsiteX82" fmla="*/ 6427 w 10000"/>
                  <a:gd name="connsiteY82" fmla="*/ 4003 h 10000"/>
                  <a:gd name="connsiteX83" fmla="*/ 6222 w 10000"/>
                  <a:gd name="connsiteY83" fmla="*/ 4106 h 10000"/>
                  <a:gd name="connsiteX84" fmla="*/ 6014 w 10000"/>
                  <a:gd name="connsiteY84" fmla="*/ 4195 h 10000"/>
                  <a:gd name="connsiteX85" fmla="*/ 6169 w 10000"/>
                  <a:gd name="connsiteY85" fmla="*/ 4417 h 10000"/>
                  <a:gd name="connsiteX86" fmla="*/ 6273 w 10000"/>
                  <a:gd name="connsiteY86" fmla="*/ 4623 h 10000"/>
                  <a:gd name="connsiteX87" fmla="*/ 6375 w 10000"/>
                  <a:gd name="connsiteY87" fmla="*/ 4845 h 10000"/>
                  <a:gd name="connsiteX88" fmla="*/ 6451 w 10000"/>
                  <a:gd name="connsiteY88" fmla="*/ 5081 h 10000"/>
                  <a:gd name="connsiteX89" fmla="*/ 6504 w 10000"/>
                  <a:gd name="connsiteY89" fmla="*/ 5318 h 10000"/>
                  <a:gd name="connsiteX90" fmla="*/ 6530 w 10000"/>
                  <a:gd name="connsiteY90" fmla="*/ 5539 h 10000"/>
                  <a:gd name="connsiteX91" fmla="*/ 6554 w 10000"/>
                  <a:gd name="connsiteY91" fmla="*/ 5775 h 10000"/>
                  <a:gd name="connsiteX92" fmla="*/ 6554 w 10000"/>
                  <a:gd name="connsiteY92" fmla="*/ 5997 h 10000"/>
                  <a:gd name="connsiteX93" fmla="*/ 6530 w 10000"/>
                  <a:gd name="connsiteY93" fmla="*/ 6233 h 10000"/>
                  <a:gd name="connsiteX94" fmla="*/ 6478 w 10000"/>
                  <a:gd name="connsiteY94" fmla="*/ 6470 h 10000"/>
                  <a:gd name="connsiteX95" fmla="*/ 6427 w 10000"/>
                  <a:gd name="connsiteY95" fmla="*/ 6677 h 10000"/>
                  <a:gd name="connsiteX96" fmla="*/ 6350 w 10000"/>
                  <a:gd name="connsiteY96" fmla="*/ 6898 h 10000"/>
                  <a:gd name="connsiteX97" fmla="*/ 6247 w 10000"/>
                  <a:gd name="connsiteY97" fmla="*/ 7105 h 10000"/>
                  <a:gd name="connsiteX98" fmla="*/ 6119 w 10000"/>
                  <a:gd name="connsiteY98" fmla="*/ 7297 h 10000"/>
                  <a:gd name="connsiteX99" fmla="*/ 5964 w 10000"/>
                  <a:gd name="connsiteY99" fmla="*/ 7489 h 10000"/>
                  <a:gd name="connsiteX100" fmla="*/ 5809 w 10000"/>
                  <a:gd name="connsiteY100" fmla="*/ 7681 h 10000"/>
                  <a:gd name="connsiteX101" fmla="*/ 6554 w 10000"/>
                  <a:gd name="connsiteY101" fmla="*/ 7799 h 10000"/>
                  <a:gd name="connsiteX102" fmla="*/ 7327 w 10000"/>
                  <a:gd name="connsiteY102" fmla="*/ 7962 h 10000"/>
                  <a:gd name="connsiteX103" fmla="*/ 7480 w 10000"/>
                  <a:gd name="connsiteY103" fmla="*/ 8021 h 10000"/>
                  <a:gd name="connsiteX104" fmla="*/ 7609 w 10000"/>
                  <a:gd name="connsiteY104" fmla="*/ 8080 h 10000"/>
                  <a:gd name="connsiteX105" fmla="*/ 7737 w 10000"/>
                  <a:gd name="connsiteY105" fmla="*/ 8139 h 10000"/>
                  <a:gd name="connsiteX106" fmla="*/ 7815 w 10000"/>
                  <a:gd name="connsiteY106" fmla="*/ 8227 h 10000"/>
                  <a:gd name="connsiteX107" fmla="*/ 7841 w 10000"/>
                  <a:gd name="connsiteY107" fmla="*/ 8301 h 10000"/>
                  <a:gd name="connsiteX108" fmla="*/ 7841 w 10000"/>
                  <a:gd name="connsiteY108" fmla="*/ 8405 h 10000"/>
                  <a:gd name="connsiteX109" fmla="*/ 7790 w 10000"/>
                  <a:gd name="connsiteY109" fmla="*/ 8523 h 10000"/>
                  <a:gd name="connsiteX110" fmla="*/ 7712 w 10000"/>
                  <a:gd name="connsiteY110" fmla="*/ 8641 h 10000"/>
                  <a:gd name="connsiteX111" fmla="*/ 7378 w 10000"/>
                  <a:gd name="connsiteY111" fmla="*/ 8552 h 10000"/>
                  <a:gd name="connsiteX112" fmla="*/ 7069 w 10000"/>
                  <a:gd name="connsiteY112" fmla="*/ 8449 h 10000"/>
                  <a:gd name="connsiteX113" fmla="*/ 6760 w 10000"/>
                  <a:gd name="connsiteY113" fmla="*/ 8360 h 10000"/>
                  <a:gd name="connsiteX114" fmla="*/ 6451 w 10000"/>
                  <a:gd name="connsiteY114" fmla="*/ 8287 h 10000"/>
                  <a:gd name="connsiteX115" fmla="*/ 6323 w 10000"/>
                  <a:gd name="connsiteY115" fmla="*/ 8449 h 10000"/>
                  <a:gd name="connsiteX116" fmla="*/ 6222 w 10000"/>
                  <a:gd name="connsiteY116" fmla="*/ 8597 h 10000"/>
                  <a:gd name="connsiteX117" fmla="*/ 6169 w 10000"/>
                  <a:gd name="connsiteY117" fmla="*/ 8656 h 10000"/>
                  <a:gd name="connsiteX118" fmla="*/ 6066 w 10000"/>
                  <a:gd name="connsiteY118" fmla="*/ 8700 h 10000"/>
                  <a:gd name="connsiteX119" fmla="*/ 5990 w 10000"/>
                  <a:gd name="connsiteY119" fmla="*/ 8744 h 10000"/>
                  <a:gd name="connsiteX120" fmla="*/ 5913 w 10000"/>
                  <a:gd name="connsiteY120" fmla="*/ 8774 h 10000"/>
                  <a:gd name="connsiteX121" fmla="*/ 5835 w 10000"/>
                  <a:gd name="connsiteY121" fmla="*/ 8804 h 10000"/>
                  <a:gd name="connsiteX122" fmla="*/ 5733 w 10000"/>
                  <a:gd name="connsiteY122" fmla="*/ 8818 h 10000"/>
                  <a:gd name="connsiteX123" fmla="*/ 5603 w 10000"/>
                  <a:gd name="connsiteY123" fmla="*/ 8833 h 10000"/>
                  <a:gd name="connsiteX124" fmla="*/ 5476 w 10000"/>
                  <a:gd name="connsiteY124" fmla="*/ 8833 h 10000"/>
                  <a:gd name="connsiteX125" fmla="*/ 5168 w 10000"/>
                  <a:gd name="connsiteY125" fmla="*/ 8818 h 10000"/>
                  <a:gd name="connsiteX126" fmla="*/ 4781 w 10000"/>
                  <a:gd name="connsiteY126" fmla="*/ 8744 h 10000"/>
                  <a:gd name="connsiteX127" fmla="*/ 4781 w 10000"/>
                  <a:gd name="connsiteY127" fmla="*/ 8922 h 10000"/>
                  <a:gd name="connsiteX128" fmla="*/ 4755 w 10000"/>
                  <a:gd name="connsiteY128" fmla="*/ 9069 h 10000"/>
                  <a:gd name="connsiteX129" fmla="*/ 4731 w 10000"/>
                  <a:gd name="connsiteY129" fmla="*/ 9232 h 10000"/>
                  <a:gd name="connsiteX130" fmla="*/ 4704 w 10000"/>
                  <a:gd name="connsiteY130" fmla="*/ 9365 h 10000"/>
                  <a:gd name="connsiteX131" fmla="*/ 4652 w 10000"/>
                  <a:gd name="connsiteY131" fmla="*/ 9498 h 10000"/>
                  <a:gd name="connsiteX132" fmla="*/ 4551 w 10000"/>
                  <a:gd name="connsiteY132" fmla="*/ 9616 h 10000"/>
                  <a:gd name="connsiteX133" fmla="*/ 4473 w 10000"/>
                  <a:gd name="connsiteY133" fmla="*/ 9734 h 10000"/>
                  <a:gd name="connsiteX134" fmla="*/ 4344 w 10000"/>
                  <a:gd name="connsiteY134" fmla="*/ 9838 h 10000"/>
                  <a:gd name="connsiteX135" fmla="*/ 4034 w 10000"/>
                  <a:gd name="connsiteY135" fmla="*/ 9897 h 10000"/>
                  <a:gd name="connsiteX136" fmla="*/ 3779 w 10000"/>
                  <a:gd name="connsiteY136" fmla="*/ 9941 h 10000"/>
                  <a:gd name="connsiteX137" fmla="*/ 3470 w 10000"/>
                  <a:gd name="connsiteY137" fmla="*/ 9985 h 10000"/>
                  <a:gd name="connsiteX138" fmla="*/ 3239 w 10000"/>
                  <a:gd name="connsiteY138" fmla="*/ 10000 h 10000"/>
                  <a:gd name="connsiteX139" fmla="*/ 2725 w 10000"/>
                  <a:gd name="connsiteY139" fmla="*/ 10000 h 10000"/>
                  <a:gd name="connsiteX140" fmla="*/ 2236 w 10000"/>
                  <a:gd name="connsiteY140" fmla="*/ 9985 h 10000"/>
                  <a:gd name="connsiteX141" fmla="*/ 1775 w 10000"/>
                  <a:gd name="connsiteY141" fmla="*/ 9941 h 10000"/>
                  <a:gd name="connsiteX142" fmla="*/ 1286 w 10000"/>
                  <a:gd name="connsiteY142" fmla="*/ 9911 h 10000"/>
                  <a:gd name="connsiteX143" fmla="*/ 1003 w 10000"/>
                  <a:gd name="connsiteY143" fmla="*/ 9911 h 10000"/>
                  <a:gd name="connsiteX144" fmla="*/ 745 w 10000"/>
                  <a:gd name="connsiteY144" fmla="*/ 9911 h 10000"/>
                  <a:gd name="connsiteX145" fmla="*/ 463 w 10000"/>
                  <a:gd name="connsiteY145" fmla="*/ 9926 h 10000"/>
                  <a:gd name="connsiteX146" fmla="*/ 180 w 10000"/>
                  <a:gd name="connsiteY146" fmla="*/ 9970 h 10000"/>
                  <a:gd name="connsiteX147" fmla="*/ 103 w 10000"/>
                  <a:gd name="connsiteY147" fmla="*/ 9867 h 10000"/>
                  <a:gd name="connsiteX148" fmla="*/ 52 w 10000"/>
                  <a:gd name="connsiteY148" fmla="*/ 9793 h 10000"/>
                  <a:gd name="connsiteX149" fmla="*/ 0 w 10000"/>
                  <a:gd name="connsiteY149" fmla="*/ 9705 h 10000"/>
                  <a:gd name="connsiteX150" fmla="*/ 0 w 10000"/>
                  <a:gd name="connsiteY150" fmla="*/ 9601 h 10000"/>
                  <a:gd name="connsiteX151" fmla="*/ 52 w 10000"/>
                  <a:gd name="connsiteY151" fmla="*/ 9424 h 10000"/>
                  <a:gd name="connsiteX152" fmla="*/ 103 w 10000"/>
                  <a:gd name="connsiteY152" fmla="*/ 9202 h 10000"/>
                  <a:gd name="connsiteX153" fmla="*/ 153 w 10000"/>
                  <a:gd name="connsiteY153" fmla="*/ 8996 h 10000"/>
                  <a:gd name="connsiteX154" fmla="*/ 206 w 10000"/>
                  <a:gd name="connsiteY154" fmla="*/ 8759 h 10000"/>
                  <a:gd name="connsiteX155" fmla="*/ 231 w 10000"/>
                  <a:gd name="connsiteY155" fmla="*/ 8641 h 10000"/>
                  <a:gd name="connsiteX156" fmla="*/ 231 w 10000"/>
                  <a:gd name="connsiteY156" fmla="*/ 8538 h 10000"/>
                  <a:gd name="connsiteX157" fmla="*/ 206 w 10000"/>
                  <a:gd name="connsiteY157" fmla="*/ 8405 h 10000"/>
                  <a:gd name="connsiteX158" fmla="*/ 180 w 10000"/>
                  <a:gd name="connsiteY158" fmla="*/ 8287 h 10000"/>
                  <a:gd name="connsiteX159" fmla="*/ 437 w 10000"/>
                  <a:gd name="connsiteY159" fmla="*/ 8213 h 10000"/>
                  <a:gd name="connsiteX160" fmla="*/ 694 w 10000"/>
                  <a:gd name="connsiteY160" fmla="*/ 8139 h 10000"/>
                  <a:gd name="connsiteX161" fmla="*/ 951 w 10000"/>
                  <a:gd name="connsiteY161" fmla="*/ 8095 h 10000"/>
                  <a:gd name="connsiteX162" fmla="*/ 1234 w 10000"/>
                  <a:gd name="connsiteY162" fmla="*/ 8065 h 10000"/>
                  <a:gd name="connsiteX163" fmla="*/ 1747 w 10000"/>
                  <a:gd name="connsiteY163" fmla="*/ 8021 h 10000"/>
                  <a:gd name="connsiteX164" fmla="*/ 2263 w 10000"/>
                  <a:gd name="connsiteY164" fmla="*/ 7976 h 10000"/>
                  <a:gd name="connsiteX165" fmla="*/ 2494 w 10000"/>
                  <a:gd name="connsiteY165" fmla="*/ 7947 h 10000"/>
                  <a:gd name="connsiteX166" fmla="*/ 2725 w 10000"/>
                  <a:gd name="connsiteY166" fmla="*/ 7917 h 10000"/>
                  <a:gd name="connsiteX167" fmla="*/ 2929 w 10000"/>
                  <a:gd name="connsiteY167" fmla="*/ 7843 h 10000"/>
                  <a:gd name="connsiteX168" fmla="*/ 3136 w 10000"/>
                  <a:gd name="connsiteY168" fmla="*/ 7784 h 10000"/>
                  <a:gd name="connsiteX169" fmla="*/ 3316 w 10000"/>
                  <a:gd name="connsiteY169" fmla="*/ 7710 h 10000"/>
                  <a:gd name="connsiteX170" fmla="*/ 3470 w 10000"/>
                  <a:gd name="connsiteY170" fmla="*/ 7592 h 10000"/>
                  <a:gd name="connsiteX171" fmla="*/ 3625 w 10000"/>
                  <a:gd name="connsiteY171" fmla="*/ 7474 h 10000"/>
                  <a:gd name="connsiteX172" fmla="*/ 3727 w 10000"/>
                  <a:gd name="connsiteY172" fmla="*/ 7312 h 10000"/>
                  <a:gd name="connsiteX173" fmla="*/ 3522 w 10000"/>
                  <a:gd name="connsiteY173" fmla="*/ 7238 h 10000"/>
                  <a:gd name="connsiteX174" fmla="*/ 3341 w 10000"/>
                  <a:gd name="connsiteY174" fmla="*/ 7179 h 10000"/>
                  <a:gd name="connsiteX175" fmla="*/ 3187 w 10000"/>
                  <a:gd name="connsiteY175" fmla="*/ 7090 h 10000"/>
                  <a:gd name="connsiteX176" fmla="*/ 3034 w 10000"/>
                  <a:gd name="connsiteY176" fmla="*/ 6987 h 10000"/>
                  <a:gd name="connsiteX177" fmla="*/ 2929 w 10000"/>
                  <a:gd name="connsiteY177" fmla="*/ 6869 h 10000"/>
                  <a:gd name="connsiteX178" fmla="*/ 2880 w 10000"/>
                  <a:gd name="connsiteY178" fmla="*/ 6721 h 10000"/>
                  <a:gd name="connsiteX179" fmla="*/ 2853 w 10000"/>
                  <a:gd name="connsiteY179" fmla="*/ 6558 h 10000"/>
                  <a:gd name="connsiteX180" fmla="*/ 2880 w 10000"/>
                  <a:gd name="connsiteY180" fmla="*/ 6352 h 10000"/>
                  <a:gd name="connsiteX181" fmla="*/ 2751 w 10000"/>
                  <a:gd name="connsiteY181" fmla="*/ 6322 h 10000"/>
                  <a:gd name="connsiteX182" fmla="*/ 2597 w 10000"/>
                  <a:gd name="connsiteY182" fmla="*/ 6292 h 10000"/>
                  <a:gd name="connsiteX183" fmla="*/ 2417 w 10000"/>
                  <a:gd name="connsiteY183" fmla="*/ 6278 h 10000"/>
                  <a:gd name="connsiteX184" fmla="*/ 2236 w 10000"/>
                  <a:gd name="connsiteY184" fmla="*/ 6263 h 10000"/>
                  <a:gd name="connsiteX185" fmla="*/ 1877 w 10000"/>
                  <a:gd name="connsiteY185" fmla="*/ 6248 h 10000"/>
                  <a:gd name="connsiteX186" fmla="*/ 1491 w 10000"/>
                  <a:gd name="connsiteY186" fmla="*/ 6263 h 10000"/>
                  <a:gd name="connsiteX187" fmla="*/ 1158 w 10000"/>
                  <a:gd name="connsiteY187" fmla="*/ 6278 h 10000"/>
                  <a:gd name="connsiteX188" fmla="*/ 848 w 10000"/>
                  <a:gd name="connsiteY188" fmla="*/ 6278 h 10000"/>
                  <a:gd name="connsiteX189" fmla="*/ 593 w 10000"/>
                  <a:gd name="connsiteY189" fmla="*/ 6263 h 10000"/>
                  <a:gd name="connsiteX190" fmla="*/ 386 w 10000"/>
                  <a:gd name="connsiteY190" fmla="*/ 6233 h 10000"/>
                  <a:gd name="connsiteX191" fmla="*/ 641 w 10000"/>
                  <a:gd name="connsiteY191" fmla="*/ 5805 h 10000"/>
                  <a:gd name="connsiteX192" fmla="*/ 926 w 10000"/>
                  <a:gd name="connsiteY192" fmla="*/ 5391 h 10000"/>
                  <a:gd name="connsiteX193" fmla="*/ 1029 w 10000"/>
                  <a:gd name="connsiteY193" fmla="*/ 5170 h 10000"/>
                  <a:gd name="connsiteX194" fmla="*/ 1105 w 10000"/>
                  <a:gd name="connsiteY194" fmla="*/ 4963 h 10000"/>
                  <a:gd name="connsiteX195" fmla="*/ 1130 w 10000"/>
                  <a:gd name="connsiteY195" fmla="*/ 4860 h 10000"/>
                  <a:gd name="connsiteX196" fmla="*/ 1105 w 10000"/>
                  <a:gd name="connsiteY196" fmla="*/ 4756 h 10000"/>
                  <a:gd name="connsiteX197" fmla="*/ 1080 w 10000"/>
                  <a:gd name="connsiteY197" fmla="*/ 4653 h 10000"/>
                  <a:gd name="connsiteX198" fmla="*/ 1003 w 10000"/>
                  <a:gd name="connsiteY198" fmla="*/ 4549 h 10000"/>
                  <a:gd name="connsiteX199" fmla="*/ 1286 w 10000"/>
                  <a:gd name="connsiteY199" fmla="*/ 4520 h 10000"/>
                  <a:gd name="connsiteX200" fmla="*/ 1491 w 10000"/>
                  <a:gd name="connsiteY200" fmla="*/ 4505 h 10000"/>
                  <a:gd name="connsiteX201" fmla="*/ 1671 w 10000"/>
                  <a:gd name="connsiteY201" fmla="*/ 4505 h 10000"/>
                  <a:gd name="connsiteX202" fmla="*/ 1825 w 10000"/>
                  <a:gd name="connsiteY202" fmla="*/ 4520 h 10000"/>
                  <a:gd name="connsiteX203" fmla="*/ 1954 w 10000"/>
                  <a:gd name="connsiteY203" fmla="*/ 4520 h 10000"/>
                  <a:gd name="connsiteX204" fmla="*/ 2108 w 10000"/>
                  <a:gd name="connsiteY204" fmla="*/ 4520 h 10000"/>
                  <a:gd name="connsiteX205" fmla="*/ 2263 w 10000"/>
                  <a:gd name="connsiteY205" fmla="*/ 4490 h 10000"/>
                  <a:gd name="connsiteX206" fmla="*/ 2467 w 10000"/>
                  <a:gd name="connsiteY206" fmla="*/ 4446 h 10000"/>
                  <a:gd name="connsiteX207" fmla="*/ 2467 w 10000"/>
                  <a:gd name="connsiteY207" fmla="*/ 4579 h 10000"/>
                  <a:gd name="connsiteX208" fmla="*/ 2467 w 10000"/>
                  <a:gd name="connsiteY208" fmla="*/ 4742 h 10000"/>
                  <a:gd name="connsiteX209" fmla="*/ 2467 w 10000"/>
                  <a:gd name="connsiteY209" fmla="*/ 4874 h 10000"/>
                  <a:gd name="connsiteX210" fmla="*/ 2467 w 10000"/>
                  <a:gd name="connsiteY210" fmla="*/ 5037 h 10000"/>
                  <a:gd name="connsiteX211" fmla="*/ 2699 w 10000"/>
                  <a:gd name="connsiteY211" fmla="*/ 5022 h 10000"/>
                  <a:gd name="connsiteX212" fmla="*/ 2853 w 10000"/>
                  <a:gd name="connsiteY212" fmla="*/ 5037 h 10000"/>
                  <a:gd name="connsiteX213" fmla="*/ 2982 w 10000"/>
                  <a:gd name="connsiteY213" fmla="*/ 5066 h 10000"/>
                  <a:gd name="connsiteX214" fmla="*/ 3111 w 10000"/>
                  <a:gd name="connsiteY214" fmla="*/ 5096 h 10000"/>
                  <a:gd name="connsiteX215" fmla="*/ 3214 w 10000"/>
                  <a:gd name="connsiteY215" fmla="*/ 5126 h 10000"/>
                  <a:gd name="connsiteX216" fmla="*/ 3341 w 10000"/>
                  <a:gd name="connsiteY216" fmla="*/ 5155 h 10000"/>
                  <a:gd name="connsiteX217" fmla="*/ 3496 w 10000"/>
                  <a:gd name="connsiteY217" fmla="*/ 5170 h 10000"/>
                  <a:gd name="connsiteX218" fmla="*/ 3727 w 10000"/>
                  <a:gd name="connsiteY218" fmla="*/ 5155 h 10000"/>
                  <a:gd name="connsiteX219" fmla="*/ 3805 w 10000"/>
                  <a:gd name="connsiteY219" fmla="*/ 5096 h 10000"/>
                  <a:gd name="connsiteX220" fmla="*/ 3881 w 10000"/>
                  <a:gd name="connsiteY220" fmla="*/ 5022 h 10000"/>
                  <a:gd name="connsiteX221" fmla="*/ 3907 w 10000"/>
                  <a:gd name="connsiteY221" fmla="*/ 4934 h 10000"/>
                  <a:gd name="connsiteX222" fmla="*/ 3934 w 10000"/>
                  <a:gd name="connsiteY222" fmla="*/ 4860 h 10000"/>
                  <a:gd name="connsiteX223" fmla="*/ 3958 w 10000"/>
                  <a:gd name="connsiteY223" fmla="*/ 4697 h 10000"/>
                  <a:gd name="connsiteX224" fmla="*/ 3934 w 10000"/>
                  <a:gd name="connsiteY224" fmla="*/ 4520 h 10000"/>
                  <a:gd name="connsiteX225" fmla="*/ 3856 w 10000"/>
                  <a:gd name="connsiteY225" fmla="*/ 4343 h 10000"/>
                  <a:gd name="connsiteX226" fmla="*/ 3779 w 10000"/>
                  <a:gd name="connsiteY226" fmla="*/ 4195 h 10000"/>
                  <a:gd name="connsiteX227" fmla="*/ 3650 w 10000"/>
                  <a:gd name="connsiteY227" fmla="*/ 4047 h 10000"/>
                  <a:gd name="connsiteX228" fmla="*/ 3522 w 10000"/>
                  <a:gd name="connsiteY228" fmla="*/ 3959 h 10000"/>
                  <a:gd name="connsiteX229" fmla="*/ 3676 w 10000"/>
                  <a:gd name="connsiteY229" fmla="*/ 3944 h 10000"/>
                  <a:gd name="connsiteX230" fmla="*/ 3805 w 10000"/>
                  <a:gd name="connsiteY230" fmla="*/ 3914 h 10000"/>
                  <a:gd name="connsiteX231" fmla="*/ 3907 w 10000"/>
                  <a:gd name="connsiteY231" fmla="*/ 3855 h 10000"/>
                  <a:gd name="connsiteX232" fmla="*/ 4034 w 10000"/>
                  <a:gd name="connsiteY232" fmla="*/ 3752 h 10000"/>
                  <a:gd name="connsiteX233" fmla="*/ 4164 w 10000"/>
                  <a:gd name="connsiteY233" fmla="*/ 3663 h 10000"/>
                  <a:gd name="connsiteX234" fmla="*/ 4267 w 10000"/>
                  <a:gd name="connsiteY234" fmla="*/ 3560 h 10000"/>
                  <a:gd name="connsiteX235" fmla="*/ 4344 w 10000"/>
                  <a:gd name="connsiteY235" fmla="*/ 3442 h 10000"/>
                  <a:gd name="connsiteX236" fmla="*/ 4422 w 10000"/>
                  <a:gd name="connsiteY236" fmla="*/ 3323 h 10000"/>
                  <a:gd name="connsiteX237" fmla="*/ 4473 w 10000"/>
                  <a:gd name="connsiteY237" fmla="*/ 3220 h 10000"/>
                  <a:gd name="connsiteX238" fmla="*/ 4498 w 10000"/>
                  <a:gd name="connsiteY238" fmla="*/ 3102 h 10000"/>
                  <a:gd name="connsiteX239" fmla="*/ 4525 w 10000"/>
                  <a:gd name="connsiteY239" fmla="*/ 3013 h 10000"/>
                  <a:gd name="connsiteX240" fmla="*/ 4498 w 10000"/>
                  <a:gd name="connsiteY240" fmla="*/ 2939 h 10000"/>
                  <a:gd name="connsiteX241" fmla="*/ 4473 w 10000"/>
                  <a:gd name="connsiteY241" fmla="*/ 2866 h 10000"/>
                  <a:gd name="connsiteX242" fmla="*/ 4396 w 10000"/>
                  <a:gd name="connsiteY242" fmla="*/ 2836 h 10000"/>
                  <a:gd name="connsiteX243" fmla="*/ 4294 w 10000"/>
                  <a:gd name="connsiteY243" fmla="*/ 2836 h 10000"/>
                  <a:gd name="connsiteX244" fmla="*/ 4164 w 10000"/>
                  <a:gd name="connsiteY244" fmla="*/ 2866 h 10000"/>
                  <a:gd name="connsiteX245" fmla="*/ 4267 w 10000"/>
                  <a:gd name="connsiteY245" fmla="*/ 2777 h 10000"/>
                  <a:gd name="connsiteX246" fmla="*/ 4320 w 10000"/>
                  <a:gd name="connsiteY246" fmla="*/ 2674 h 10000"/>
                  <a:gd name="connsiteX247" fmla="*/ 4344 w 10000"/>
                  <a:gd name="connsiteY247" fmla="*/ 2541 h 10000"/>
                  <a:gd name="connsiteX248" fmla="*/ 4344 w 10000"/>
                  <a:gd name="connsiteY248" fmla="*/ 2393 h 10000"/>
                  <a:gd name="connsiteX249" fmla="*/ 4369 w 10000"/>
                  <a:gd name="connsiteY249" fmla="*/ 2349 h 10000"/>
                  <a:gd name="connsiteX250" fmla="*/ 4422 w 10000"/>
                  <a:gd name="connsiteY250" fmla="*/ 2304 h 10000"/>
                  <a:gd name="connsiteX251" fmla="*/ 4473 w 10000"/>
                  <a:gd name="connsiteY251" fmla="*/ 2290 h 10000"/>
                  <a:gd name="connsiteX252" fmla="*/ 4551 w 10000"/>
                  <a:gd name="connsiteY252" fmla="*/ 2275 h 10000"/>
                  <a:gd name="connsiteX253" fmla="*/ 4781 w 10000"/>
                  <a:gd name="connsiteY253" fmla="*/ 2260 h 10000"/>
                  <a:gd name="connsiteX254" fmla="*/ 4986 w 10000"/>
                  <a:gd name="connsiteY254" fmla="*/ 2275 h 10000"/>
                  <a:gd name="connsiteX255" fmla="*/ 4961 w 10000"/>
                  <a:gd name="connsiteY255" fmla="*/ 2112 h 10000"/>
                  <a:gd name="connsiteX256" fmla="*/ 4910 w 10000"/>
                  <a:gd name="connsiteY256" fmla="*/ 1950 h 10000"/>
                  <a:gd name="connsiteX257" fmla="*/ 4832 w 10000"/>
                  <a:gd name="connsiteY257" fmla="*/ 1802 h 10000"/>
                  <a:gd name="connsiteX258" fmla="*/ 4731 w 10000"/>
                  <a:gd name="connsiteY258" fmla="*/ 1640 h 10000"/>
                  <a:gd name="connsiteX259" fmla="*/ 4473 w 10000"/>
                  <a:gd name="connsiteY259" fmla="*/ 1329 h 10000"/>
                  <a:gd name="connsiteX260" fmla="*/ 4216 w 10000"/>
                  <a:gd name="connsiteY260" fmla="*/ 1034 h 10000"/>
                  <a:gd name="connsiteX261" fmla="*/ 4087 w 10000"/>
                  <a:gd name="connsiteY261" fmla="*/ 901 h 10000"/>
                  <a:gd name="connsiteX262" fmla="*/ 3986 w 10000"/>
                  <a:gd name="connsiteY262" fmla="*/ 753 h 10000"/>
                  <a:gd name="connsiteX263" fmla="*/ 3907 w 10000"/>
                  <a:gd name="connsiteY263" fmla="*/ 620 h 10000"/>
                  <a:gd name="connsiteX264" fmla="*/ 3881 w 10000"/>
                  <a:gd name="connsiteY264" fmla="*/ 487 h 10000"/>
                  <a:gd name="connsiteX265" fmla="*/ 3856 w 10000"/>
                  <a:gd name="connsiteY265" fmla="*/ 355 h 10000"/>
                  <a:gd name="connsiteX266" fmla="*/ 3907 w 10000"/>
                  <a:gd name="connsiteY266" fmla="*/ 222 h 10000"/>
                  <a:gd name="connsiteX267" fmla="*/ 3934 w 10000"/>
                  <a:gd name="connsiteY267" fmla="*/ 162 h 10000"/>
                  <a:gd name="connsiteX268" fmla="*/ 3986 w 10000"/>
                  <a:gd name="connsiteY268" fmla="*/ 103 h 10000"/>
                  <a:gd name="connsiteX269" fmla="*/ 4063 w 10000"/>
                  <a:gd name="connsiteY269" fmla="*/ 59 h 10000"/>
                  <a:gd name="connsiteX270" fmla="*/ 4164 w 10000"/>
                  <a:gd name="connsiteY270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224 w 10000"/>
                  <a:gd name="connsiteY53" fmla="*/ 4564 h 10000"/>
                  <a:gd name="connsiteX54" fmla="*/ 7095 w 10000"/>
                  <a:gd name="connsiteY54" fmla="*/ 4638 h 10000"/>
                  <a:gd name="connsiteX55" fmla="*/ 7095 w 10000"/>
                  <a:gd name="connsiteY55" fmla="*/ 4697 h 10000"/>
                  <a:gd name="connsiteX56" fmla="*/ 7069 w 10000"/>
                  <a:gd name="connsiteY56" fmla="*/ 4801 h 10000"/>
                  <a:gd name="connsiteX57" fmla="*/ 7069 w 10000"/>
                  <a:gd name="connsiteY57" fmla="*/ 4904 h 10000"/>
                  <a:gd name="connsiteX58" fmla="*/ 6941 w 10000"/>
                  <a:gd name="connsiteY58" fmla="*/ 4860 h 10000"/>
                  <a:gd name="connsiteX59" fmla="*/ 6863 w 10000"/>
                  <a:gd name="connsiteY59" fmla="*/ 4801 h 10000"/>
                  <a:gd name="connsiteX60" fmla="*/ 6786 w 10000"/>
                  <a:gd name="connsiteY60" fmla="*/ 4727 h 10000"/>
                  <a:gd name="connsiteX61" fmla="*/ 6710 w 10000"/>
                  <a:gd name="connsiteY61" fmla="*/ 4638 h 10000"/>
                  <a:gd name="connsiteX62" fmla="*/ 6582 w 10000"/>
                  <a:gd name="connsiteY62" fmla="*/ 4476 h 10000"/>
                  <a:gd name="connsiteX63" fmla="*/ 6451 w 10000"/>
                  <a:gd name="connsiteY63" fmla="*/ 4313 h 10000"/>
                  <a:gd name="connsiteX64" fmla="*/ 6607 w 10000"/>
                  <a:gd name="connsiteY64" fmla="*/ 4210 h 10000"/>
                  <a:gd name="connsiteX65" fmla="*/ 9306 w 10000"/>
                  <a:gd name="connsiteY65" fmla="*/ 3338 h 10000"/>
                  <a:gd name="connsiteX66" fmla="*/ 9435 w 10000"/>
                  <a:gd name="connsiteY66" fmla="*/ 3235 h 10000"/>
                  <a:gd name="connsiteX67" fmla="*/ 9536 w 10000"/>
                  <a:gd name="connsiteY67" fmla="*/ 3117 h 10000"/>
                  <a:gd name="connsiteX68" fmla="*/ 9563 w 10000"/>
                  <a:gd name="connsiteY68" fmla="*/ 3072 h 10000"/>
                  <a:gd name="connsiteX69" fmla="*/ 9588 w 10000"/>
                  <a:gd name="connsiteY69" fmla="*/ 3013 h 10000"/>
                  <a:gd name="connsiteX70" fmla="*/ 9588 w 10000"/>
                  <a:gd name="connsiteY70" fmla="*/ 2954 h 10000"/>
                  <a:gd name="connsiteX71" fmla="*/ 9563 w 10000"/>
                  <a:gd name="connsiteY71" fmla="*/ 2866 h 10000"/>
                  <a:gd name="connsiteX72" fmla="*/ 9383 w 10000"/>
                  <a:gd name="connsiteY72" fmla="*/ 2984 h 10000"/>
                  <a:gd name="connsiteX73" fmla="*/ 9178 w 10000"/>
                  <a:gd name="connsiteY73" fmla="*/ 3072 h 10000"/>
                  <a:gd name="connsiteX74" fmla="*/ 8971 w 10000"/>
                  <a:gd name="connsiteY74" fmla="*/ 3161 h 10000"/>
                  <a:gd name="connsiteX75" fmla="*/ 8766 w 10000"/>
                  <a:gd name="connsiteY75" fmla="*/ 3250 h 10000"/>
                  <a:gd name="connsiteX76" fmla="*/ 8302 w 10000"/>
                  <a:gd name="connsiteY76" fmla="*/ 3397 h 10000"/>
                  <a:gd name="connsiteX77" fmla="*/ 7815 w 10000"/>
                  <a:gd name="connsiteY77" fmla="*/ 3545 h 10000"/>
                  <a:gd name="connsiteX78" fmla="*/ 7327 w 10000"/>
                  <a:gd name="connsiteY78" fmla="*/ 3678 h 10000"/>
                  <a:gd name="connsiteX79" fmla="*/ 6863 w 10000"/>
                  <a:gd name="connsiteY79" fmla="*/ 3840 h 10000"/>
                  <a:gd name="connsiteX80" fmla="*/ 6632 w 10000"/>
                  <a:gd name="connsiteY80" fmla="*/ 3914 h 10000"/>
                  <a:gd name="connsiteX81" fmla="*/ 6427 w 10000"/>
                  <a:gd name="connsiteY81" fmla="*/ 4003 h 10000"/>
                  <a:gd name="connsiteX82" fmla="*/ 6222 w 10000"/>
                  <a:gd name="connsiteY82" fmla="*/ 4106 h 10000"/>
                  <a:gd name="connsiteX83" fmla="*/ 6014 w 10000"/>
                  <a:gd name="connsiteY83" fmla="*/ 4195 h 10000"/>
                  <a:gd name="connsiteX84" fmla="*/ 6169 w 10000"/>
                  <a:gd name="connsiteY84" fmla="*/ 4417 h 10000"/>
                  <a:gd name="connsiteX85" fmla="*/ 6273 w 10000"/>
                  <a:gd name="connsiteY85" fmla="*/ 4623 h 10000"/>
                  <a:gd name="connsiteX86" fmla="*/ 6375 w 10000"/>
                  <a:gd name="connsiteY86" fmla="*/ 4845 h 10000"/>
                  <a:gd name="connsiteX87" fmla="*/ 6451 w 10000"/>
                  <a:gd name="connsiteY87" fmla="*/ 5081 h 10000"/>
                  <a:gd name="connsiteX88" fmla="*/ 6504 w 10000"/>
                  <a:gd name="connsiteY88" fmla="*/ 5318 h 10000"/>
                  <a:gd name="connsiteX89" fmla="*/ 6530 w 10000"/>
                  <a:gd name="connsiteY89" fmla="*/ 5539 h 10000"/>
                  <a:gd name="connsiteX90" fmla="*/ 6554 w 10000"/>
                  <a:gd name="connsiteY90" fmla="*/ 5775 h 10000"/>
                  <a:gd name="connsiteX91" fmla="*/ 6554 w 10000"/>
                  <a:gd name="connsiteY91" fmla="*/ 5997 h 10000"/>
                  <a:gd name="connsiteX92" fmla="*/ 6530 w 10000"/>
                  <a:gd name="connsiteY92" fmla="*/ 6233 h 10000"/>
                  <a:gd name="connsiteX93" fmla="*/ 6478 w 10000"/>
                  <a:gd name="connsiteY93" fmla="*/ 6470 h 10000"/>
                  <a:gd name="connsiteX94" fmla="*/ 6427 w 10000"/>
                  <a:gd name="connsiteY94" fmla="*/ 6677 h 10000"/>
                  <a:gd name="connsiteX95" fmla="*/ 6350 w 10000"/>
                  <a:gd name="connsiteY95" fmla="*/ 6898 h 10000"/>
                  <a:gd name="connsiteX96" fmla="*/ 6247 w 10000"/>
                  <a:gd name="connsiteY96" fmla="*/ 7105 h 10000"/>
                  <a:gd name="connsiteX97" fmla="*/ 6119 w 10000"/>
                  <a:gd name="connsiteY97" fmla="*/ 7297 h 10000"/>
                  <a:gd name="connsiteX98" fmla="*/ 5964 w 10000"/>
                  <a:gd name="connsiteY98" fmla="*/ 7489 h 10000"/>
                  <a:gd name="connsiteX99" fmla="*/ 5809 w 10000"/>
                  <a:gd name="connsiteY99" fmla="*/ 7681 h 10000"/>
                  <a:gd name="connsiteX100" fmla="*/ 6554 w 10000"/>
                  <a:gd name="connsiteY100" fmla="*/ 7799 h 10000"/>
                  <a:gd name="connsiteX101" fmla="*/ 7327 w 10000"/>
                  <a:gd name="connsiteY101" fmla="*/ 7962 h 10000"/>
                  <a:gd name="connsiteX102" fmla="*/ 7480 w 10000"/>
                  <a:gd name="connsiteY102" fmla="*/ 8021 h 10000"/>
                  <a:gd name="connsiteX103" fmla="*/ 7609 w 10000"/>
                  <a:gd name="connsiteY103" fmla="*/ 8080 h 10000"/>
                  <a:gd name="connsiteX104" fmla="*/ 7737 w 10000"/>
                  <a:gd name="connsiteY104" fmla="*/ 8139 h 10000"/>
                  <a:gd name="connsiteX105" fmla="*/ 7815 w 10000"/>
                  <a:gd name="connsiteY105" fmla="*/ 8227 h 10000"/>
                  <a:gd name="connsiteX106" fmla="*/ 7841 w 10000"/>
                  <a:gd name="connsiteY106" fmla="*/ 8301 h 10000"/>
                  <a:gd name="connsiteX107" fmla="*/ 7841 w 10000"/>
                  <a:gd name="connsiteY107" fmla="*/ 8405 h 10000"/>
                  <a:gd name="connsiteX108" fmla="*/ 7790 w 10000"/>
                  <a:gd name="connsiteY108" fmla="*/ 8523 h 10000"/>
                  <a:gd name="connsiteX109" fmla="*/ 7712 w 10000"/>
                  <a:gd name="connsiteY109" fmla="*/ 8641 h 10000"/>
                  <a:gd name="connsiteX110" fmla="*/ 7378 w 10000"/>
                  <a:gd name="connsiteY110" fmla="*/ 8552 h 10000"/>
                  <a:gd name="connsiteX111" fmla="*/ 7069 w 10000"/>
                  <a:gd name="connsiteY111" fmla="*/ 8449 h 10000"/>
                  <a:gd name="connsiteX112" fmla="*/ 6760 w 10000"/>
                  <a:gd name="connsiteY112" fmla="*/ 8360 h 10000"/>
                  <a:gd name="connsiteX113" fmla="*/ 6451 w 10000"/>
                  <a:gd name="connsiteY113" fmla="*/ 8287 h 10000"/>
                  <a:gd name="connsiteX114" fmla="*/ 6323 w 10000"/>
                  <a:gd name="connsiteY114" fmla="*/ 8449 h 10000"/>
                  <a:gd name="connsiteX115" fmla="*/ 6222 w 10000"/>
                  <a:gd name="connsiteY115" fmla="*/ 8597 h 10000"/>
                  <a:gd name="connsiteX116" fmla="*/ 6169 w 10000"/>
                  <a:gd name="connsiteY116" fmla="*/ 8656 h 10000"/>
                  <a:gd name="connsiteX117" fmla="*/ 6066 w 10000"/>
                  <a:gd name="connsiteY117" fmla="*/ 8700 h 10000"/>
                  <a:gd name="connsiteX118" fmla="*/ 5990 w 10000"/>
                  <a:gd name="connsiteY118" fmla="*/ 8744 h 10000"/>
                  <a:gd name="connsiteX119" fmla="*/ 5913 w 10000"/>
                  <a:gd name="connsiteY119" fmla="*/ 8774 h 10000"/>
                  <a:gd name="connsiteX120" fmla="*/ 5835 w 10000"/>
                  <a:gd name="connsiteY120" fmla="*/ 8804 h 10000"/>
                  <a:gd name="connsiteX121" fmla="*/ 5733 w 10000"/>
                  <a:gd name="connsiteY121" fmla="*/ 8818 h 10000"/>
                  <a:gd name="connsiteX122" fmla="*/ 5603 w 10000"/>
                  <a:gd name="connsiteY122" fmla="*/ 8833 h 10000"/>
                  <a:gd name="connsiteX123" fmla="*/ 5476 w 10000"/>
                  <a:gd name="connsiteY123" fmla="*/ 8833 h 10000"/>
                  <a:gd name="connsiteX124" fmla="*/ 5168 w 10000"/>
                  <a:gd name="connsiteY124" fmla="*/ 8818 h 10000"/>
                  <a:gd name="connsiteX125" fmla="*/ 4781 w 10000"/>
                  <a:gd name="connsiteY125" fmla="*/ 8744 h 10000"/>
                  <a:gd name="connsiteX126" fmla="*/ 4781 w 10000"/>
                  <a:gd name="connsiteY126" fmla="*/ 8922 h 10000"/>
                  <a:gd name="connsiteX127" fmla="*/ 4755 w 10000"/>
                  <a:gd name="connsiteY127" fmla="*/ 9069 h 10000"/>
                  <a:gd name="connsiteX128" fmla="*/ 4731 w 10000"/>
                  <a:gd name="connsiteY128" fmla="*/ 9232 h 10000"/>
                  <a:gd name="connsiteX129" fmla="*/ 4704 w 10000"/>
                  <a:gd name="connsiteY129" fmla="*/ 9365 h 10000"/>
                  <a:gd name="connsiteX130" fmla="*/ 4652 w 10000"/>
                  <a:gd name="connsiteY130" fmla="*/ 9498 h 10000"/>
                  <a:gd name="connsiteX131" fmla="*/ 4551 w 10000"/>
                  <a:gd name="connsiteY131" fmla="*/ 9616 h 10000"/>
                  <a:gd name="connsiteX132" fmla="*/ 4473 w 10000"/>
                  <a:gd name="connsiteY132" fmla="*/ 9734 h 10000"/>
                  <a:gd name="connsiteX133" fmla="*/ 4344 w 10000"/>
                  <a:gd name="connsiteY133" fmla="*/ 9838 h 10000"/>
                  <a:gd name="connsiteX134" fmla="*/ 4034 w 10000"/>
                  <a:gd name="connsiteY134" fmla="*/ 9897 h 10000"/>
                  <a:gd name="connsiteX135" fmla="*/ 3779 w 10000"/>
                  <a:gd name="connsiteY135" fmla="*/ 9941 h 10000"/>
                  <a:gd name="connsiteX136" fmla="*/ 3470 w 10000"/>
                  <a:gd name="connsiteY136" fmla="*/ 9985 h 10000"/>
                  <a:gd name="connsiteX137" fmla="*/ 3239 w 10000"/>
                  <a:gd name="connsiteY137" fmla="*/ 10000 h 10000"/>
                  <a:gd name="connsiteX138" fmla="*/ 2725 w 10000"/>
                  <a:gd name="connsiteY138" fmla="*/ 10000 h 10000"/>
                  <a:gd name="connsiteX139" fmla="*/ 2236 w 10000"/>
                  <a:gd name="connsiteY139" fmla="*/ 9985 h 10000"/>
                  <a:gd name="connsiteX140" fmla="*/ 1775 w 10000"/>
                  <a:gd name="connsiteY140" fmla="*/ 9941 h 10000"/>
                  <a:gd name="connsiteX141" fmla="*/ 1286 w 10000"/>
                  <a:gd name="connsiteY141" fmla="*/ 9911 h 10000"/>
                  <a:gd name="connsiteX142" fmla="*/ 1003 w 10000"/>
                  <a:gd name="connsiteY142" fmla="*/ 9911 h 10000"/>
                  <a:gd name="connsiteX143" fmla="*/ 745 w 10000"/>
                  <a:gd name="connsiteY143" fmla="*/ 9911 h 10000"/>
                  <a:gd name="connsiteX144" fmla="*/ 463 w 10000"/>
                  <a:gd name="connsiteY144" fmla="*/ 9926 h 10000"/>
                  <a:gd name="connsiteX145" fmla="*/ 180 w 10000"/>
                  <a:gd name="connsiteY145" fmla="*/ 9970 h 10000"/>
                  <a:gd name="connsiteX146" fmla="*/ 103 w 10000"/>
                  <a:gd name="connsiteY146" fmla="*/ 9867 h 10000"/>
                  <a:gd name="connsiteX147" fmla="*/ 52 w 10000"/>
                  <a:gd name="connsiteY147" fmla="*/ 9793 h 10000"/>
                  <a:gd name="connsiteX148" fmla="*/ 0 w 10000"/>
                  <a:gd name="connsiteY148" fmla="*/ 9705 h 10000"/>
                  <a:gd name="connsiteX149" fmla="*/ 0 w 10000"/>
                  <a:gd name="connsiteY149" fmla="*/ 9601 h 10000"/>
                  <a:gd name="connsiteX150" fmla="*/ 52 w 10000"/>
                  <a:gd name="connsiteY150" fmla="*/ 9424 h 10000"/>
                  <a:gd name="connsiteX151" fmla="*/ 103 w 10000"/>
                  <a:gd name="connsiteY151" fmla="*/ 9202 h 10000"/>
                  <a:gd name="connsiteX152" fmla="*/ 153 w 10000"/>
                  <a:gd name="connsiteY152" fmla="*/ 8996 h 10000"/>
                  <a:gd name="connsiteX153" fmla="*/ 206 w 10000"/>
                  <a:gd name="connsiteY153" fmla="*/ 8759 h 10000"/>
                  <a:gd name="connsiteX154" fmla="*/ 231 w 10000"/>
                  <a:gd name="connsiteY154" fmla="*/ 8641 h 10000"/>
                  <a:gd name="connsiteX155" fmla="*/ 231 w 10000"/>
                  <a:gd name="connsiteY155" fmla="*/ 8538 h 10000"/>
                  <a:gd name="connsiteX156" fmla="*/ 206 w 10000"/>
                  <a:gd name="connsiteY156" fmla="*/ 8405 h 10000"/>
                  <a:gd name="connsiteX157" fmla="*/ 180 w 10000"/>
                  <a:gd name="connsiteY157" fmla="*/ 8287 h 10000"/>
                  <a:gd name="connsiteX158" fmla="*/ 437 w 10000"/>
                  <a:gd name="connsiteY158" fmla="*/ 8213 h 10000"/>
                  <a:gd name="connsiteX159" fmla="*/ 694 w 10000"/>
                  <a:gd name="connsiteY159" fmla="*/ 8139 h 10000"/>
                  <a:gd name="connsiteX160" fmla="*/ 951 w 10000"/>
                  <a:gd name="connsiteY160" fmla="*/ 8095 h 10000"/>
                  <a:gd name="connsiteX161" fmla="*/ 1234 w 10000"/>
                  <a:gd name="connsiteY161" fmla="*/ 8065 h 10000"/>
                  <a:gd name="connsiteX162" fmla="*/ 1747 w 10000"/>
                  <a:gd name="connsiteY162" fmla="*/ 8021 h 10000"/>
                  <a:gd name="connsiteX163" fmla="*/ 2263 w 10000"/>
                  <a:gd name="connsiteY163" fmla="*/ 7976 h 10000"/>
                  <a:gd name="connsiteX164" fmla="*/ 2494 w 10000"/>
                  <a:gd name="connsiteY164" fmla="*/ 7947 h 10000"/>
                  <a:gd name="connsiteX165" fmla="*/ 2725 w 10000"/>
                  <a:gd name="connsiteY165" fmla="*/ 7917 h 10000"/>
                  <a:gd name="connsiteX166" fmla="*/ 2929 w 10000"/>
                  <a:gd name="connsiteY166" fmla="*/ 7843 h 10000"/>
                  <a:gd name="connsiteX167" fmla="*/ 3136 w 10000"/>
                  <a:gd name="connsiteY167" fmla="*/ 7784 h 10000"/>
                  <a:gd name="connsiteX168" fmla="*/ 3316 w 10000"/>
                  <a:gd name="connsiteY168" fmla="*/ 7710 h 10000"/>
                  <a:gd name="connsiteX169" fmla="*/ 3470 w 10000"/>
                  <a:gd name="connsiteY169" fmla="*/ 7592 h 10000"/>
                  <a:gd name="connsiteX170" fmla="*/ 3625 w 10000"/>
                  <a:gd name="connsiteY170" fmla="*/ 7474 h 10000"/>
                  <a:gd name="connsiteX171" fmla="*/ 3727 w 10000"/>
                  <a:gd name="connsiteY171" fmla="*/ 7312 h 10000"/>
                  <a:gd name="connsiteX172" fmla="*/ 3522 w 10000"/>
                  <a:gd name="connsiteY172" fmla="*/ 7238 h 10000"/>
                  <a:gd name="connsiteX173" fmla="*/ 3341 w 10000"/>
                  <a:gd name="connsiteY173" fmla="*/ 7179 h 10000"/>
                  <a:gd name="connsiteX174" fmla="*/ 3187 w 10000"/>
                  <a:gd name="connsiteY174" fmla="*/ 7090 h 10000"/>
                  <a:gd name="connsiteX175" fmla="*/ 3034 w 10000"/>
                  <a:gd name="connsiteY175" fmla="*/ 6987 h 10000"/>
                  <a:gd name="connsiteX176" fmla="*/ 2929 w 10000"/>
                  <a:gd name="connsiteY176" fmla="*/ 6869 h 10000"/>
                  <a:gd name="connsiteX177" fmla="*/ 2880 w 10000"/>
                  <a:gd name="connsiteY177" fmla="*/ 6721 h 10000"/>
                  <a:gd name="connsiteX178" fmla="*/ 2853 w 10000"/>
                  <a:gd name="connsiteY178" fmla="*/ 6558 h 10000"/>
                  <a:gd name="connsiteX179" fmla="*/ 2880 w 10000"/>
                  <a:gd name="connsiteY179" fmla="*/ 6352 h 10000"/>
                  <a:gd name="connsiteX180" fmla="*/ 2751 w 10000"/>
                  <a:gd name="connsiteY180" fmla="*/ 6322 h 10000"/>
                  <a:gd name="connsiteX181" fmla="*/ 2597 w 10000"/>
                  <a:gd name="connsiteY181" fmla="*/ 6292 h 10000"/>
                  <a:gd name="connsiteX182" fmla="*/ 2417 w 10000"/>
                  <a:gd name="connsiteY182" fmla="*/ 6278 h 10000"/>
                  <a:gd name="connsiteX183" fmla="*/ 2236 w 10000"/>
                  <a:gd name="connsiteY183" fmla="*/ 6263 h 10000"/>
                  <a:gd name="connsiteX184" fmla="*/ 1877 w 10000"/>
                  <a:gd name="connsiteY184" fmla="*/ 6248 h 10000"/>
                  <a:gd name="connsiteX185" fmla="*/ 1491 w 10000"/>
                  <a:gd name="connsiteY185" fmla="*/ 6263 h 10000"/>
                  <a:gd name="connsiteX186" fmla="*/ 1158 w 10000"/>
                  <a:gd name="connsiteY186" fmla="*/ 6278 h 10000"/>
                  <a:gd name="connsiteX187" fmla="*/ 848 w 10000"/>
                  <a:gd name="connsiteY187" fmla="*/ 6278 h 10000"/>
                  <a:gd name="connsiteX188" fmla="*/ 593 w 10000"/>
                  <a:gd name="connsiteY188" fmla="*/ 6263 h 10000"/>
                  <a:gd name="connsiteX189" fmla="*/ 386 w 10000"/>
                  <a:gd name="connsiteY189" fmla="*/ 6233 h 10000"/>
                  <a:gd name="connsiteX190" fmla="*/ 641 w 10000"/>
                  <a:gd name="connsiteY190" fmla="*/ 5805 h 10000"/>
                  <a:gd name="connsiteX191" fmla="*/ 926 w 10000"/>
                  <a:gd name="connsiteY191" fmla="*/ 5391 h 10000"/>
                  <a:gd name="connsiteX192" fmla="*/ 1029 w 10000"/>
                  <a:gd name="connsiteY192" fmla="*/ 5170 h 10000"/>
                  <a:gd name="connsiteX193" fmla="*/ 1105 w 10000"/>
                  <a:gd name="connsiteY193" fmla="*/ 4963 h 10000"/>
                  <a:gd name="connsiteX194" fmla="*/ 1130 w 10000"/>
                  <a:gd name="connsiteY194" fmla="*/ 4860 h 10000"/>
                  <a:gd name="connsiteX195" fmla="*/ 1105 w 10000"/>
                  <a:gd name="connsiteY195" fmla="*/ 4756 h 10000"/>
                  <a:gd name="connsiteX196" fmla="*/ 1080 w 10000"/>
                  <a:gd name="connsiteY196" fmla="*/ 4653 h 10000"/>
                  <a:gd name="connsiteX197" fmla="*/ 1003 w 10000"/>
                  <a:gd name="connsiteY197" fmla="*/ 4549 h 10000"/>
                  <a:gd name="connsiteX198" fmla="*/ 1286 w 10000"/>
                  <a:gd name="connsiteY198" fmla="*/ 4520 h 10000"/>
                  <a:gd name="connsiteX199" fmla="*/ 1491 w 10000"/>
                  <a:gd name="connsiteY199" fmla="*/ 4505 h 10000"/>
                  <a:gd name="connsiteX200" fmla="*/ 1671 w 10000"/>
                  <a:gd name="connsiteY200" fmla="*/ 4505 h 10000"/>
                  <a:gd name="connsiteX201" fmla="*/ 1825 w 10000"/>
                  <a:gd name="connsiteY201" fmla="*/ 4520 h 10000"/>
                  <a:gd name="connsiteX202" fmla="*/ 1954 w 10000"/>
                  <a:gd name="connsiteY202" fmla="*/ 4520 h 10000"/>
                  <a:gd name="connsiteX203" fmla="*/ 2108 w 10000"/>
                  <a:gd name="connsiteY203" fmla="*/ 4520 h 10000"/>
                  <a:gd name="connsiteX204" fmla="*/ 2263 w 10000"/>
                  <a:gd name="connsiteY204" fmla="*/ 4490 h 10000"/>
                  <a:gd name="connsiteX205" fmla="*/ 2467 w 10000"/>
                  <a:gd name="connsiteY205" fmla="*/ 4446 h 10000"/>
                  <a:gd name="connsiteX206" fmla="*/ 2467 w 10000"/>
                  <a:gd name="connsiteY206" fmla="*/ 4579 h 10000"/>
                  <a:gd name="connsiteX207" fmla="*/ 2467 w 10000"/>
                  <a:gd name="connsiteY207" fmla="*/ 4742 h 10000"/>
                  <a:gd name="connsiteX208" fmla="*/ 2467 w 10000"/>
                  <a:gd name="connsiteY208" fmla="*/ 4874 h 10000"/>
                  <a:gd name="connsiteX209" fmla="*/ 2467 w 10000"/>
                  <a:gd name="connsiteY209" fmla="*/ 5037 h 10000"/>
                  <a:gd name="connsiteX210" fmla="*/ 2699 w 10000"/>
                  <a:gd name="connsiteY210" fmla="*/ 5022 h 10000"/>
                  <a:gd name="connsiteX211" fmla="*/ 2853 w 10000"/>
                  <a:gd name="connsiteY211" fmla="*/ 5037 h 10000"/>
                  <a:gd name="connsiteX212" fmla="*/ 2982 w 10000"/>
                  <a:gd name="connsiteY212" fmla="*/ 5066 h 10000"/>
                  <a:gd name="connsiteX213" fmla="*/ 3111 w 10000"/>
                  <a:gd name="connsiteY213" fmla="*/ 5096 h 10000"/>
                  <a:gd name="connsiteX214" fmla="*/ 3214 w 10000"/>
                  <a:gd name="connsiteY214" fmla="*/ 5126 h 10000"/>
                  <a:gd name="connsiteX215" fmla="*/ 3341 w 10000"/>
                  <a:gd name="connsiteY215" fmla="*/ 5155 h 10000"/>
                  <a:gd name="connsiteX216" fmla="*/ 3496 w 10000"/>
                  <a:gd name="connsiteY216" fmla="*/ 5170 h 10000"/>
                  <a:gd name="connsiteX217" fmla="*/ 3727 w 10000"/>
                  <a:gd name="connsiteY217" fmla="*/ 5155 h 10000"/>
                  <a:gd name="connsiteX218" fmla="*/ 3805 w 10000"/>
                  <a:gd name="connsiteY218" fmla="*/ 5096 h 10000"/>
                  <a:gd name="connsiteX219" fmla="*/ 3881 w 10000"/>
                  <a:gd name="connsiteY219" fmla="*/ 5022 h 10000"/>
                  <a:gd name="connsiteX220" fmla="*/ 3907 w 10000"/>
                  <a:gd name="connsiteY220" fmla="*/ 4934 h 10000"/>
                  <a:gd name="connsiteX221" fmla="*/ 3934 w 10000"/>
                  <a:gd name="connsiteY221" fmla="*/ 4860 h 10000"/>
                  <a:gd name="connsiteX222" fmla="*/ 3958 w 10000"/>
                  <a:gd name="connsiteY222" fmla="*/ 4697 h 10000"/>
                  <a:gd name="connsiteX223" fmla="*/ 3934 w 10000"/>
                  <a:gd name="connsiteY223" fmla="*/ 4520 h 10000"/>
                  <a:gd name="connsiteX224" fmla="*/ 3856 w 10000"/>
                  <a:gd name="connsiteY224" fmla="*/ 4343 h 10000"/>
                  <a:gd name="connsiteX225" fmla="*/ 3779 w 10000"/>
                  <a:gd name="connsiteY225" fmla="*/ 4195 h 10000"/>
                  <a:gd name="connsiteX226" fmla="*/ 3650 w 10000"/>
                  <a:gd name="connsiteY226" fmla="*/ 4047 h 10000"/>
                  <a:gd name="connsiteX227" fmla="*/ 3522 w 10000"/>
                  <a:gd name="connsiteY227" fmla="*/ 3959 h 10000"/>
                  <a:gd name="connsiteX228" fmla="*/ 3676 w 10000"/>
                  <a:gd name="connsiteY228" fmla="*/ 3944 h 10000"/>
                  <a:gd name="connsiteX229" fmla="*/ 3805 w 10000"/>
                  <a:gd name="connsiteY229" fmla="*/ 3914 h 10000"/>
                  <a:gd name="connsiteX230" fmla="*/ 3907 w 10000"/>
                  <a:gd name="connsiteY230" fmla="*/ 3855 h 10000"/>
                  <a:gd name="connsiteX231" fmla="*/ 4034 w 10000"/>
                  <a:gd name="connsiteY231" fmla="*/ 3752 h 10000"/>
                  <a:gd name="connsiteX232" fmla="*/ 4164 w 10000"/>
                  <a:gd name="connsiteY232" fmla="*/ 3663 h 10000"/>
                  <a:gd name="connsiteX233" fmla="*/ 4267 w 10000"/>
                  <a:gd name="connsiteY233" fmla="*/ 3560 h 10000"/>
                  <a:gd name="connsiteX234" fmla="*/ 4344 w 10000"/>
                  <a:gd name="connsiteY234" fmla="*/ 3442 h 10000"/>
                  <a:gd name="connsiteX235" fmla="*/ 4422 w 10000"/>
                  <a:gd name="connsiteY235" fmla="*/ 3323 h 10000"/>
                  <a:gd name="connsiteX236" fmla="*/ 4473 w 10000"/>
                  <a:gd name="connsiteY236" fmla="*/ 3220 h 10000"/>
                  <a:gd name="connsiteX237" fmla="*/ 4498 w 10000"/>
                  <a:gd name="connsiteY237" fmla="*/ 3102 h 10000"/>
                  <a:gd name="connsiteX238" fmla="*/ 4525 w 10000"/>
                  <a:gd name="connsiteY238" fmla="*/ 3013 h 10000"/>
                  <a:gd name="connsiteX239" fmla="*/ 4498 w 10000"/>
                  <a:gd name="connsiteY239" fmla="*/ 2939 h 10000"/>
                  <a:gd name="connsiteX240" fmla="*/ 4473 w 10000"/>
                  <a:gd name="connsiteY240" fmla="*/ 2866 h 10000"/>
                  <a:gd name="connsiteX241" fmla="*/ 4396 w 10000"/>
                  <a:gd name="connsiteY241" fmla="*/ 2836 h 10000"/>
                  <a:gd name="connsiteX242" fmla="*/ 4294 w 10000"/>
                  <a:gd name="connsiteY242" fmla="*/ 2836 h 10000"/>
                  <a:gd name="connsiteX243" fmla="*/ 4164 w 10000"/>
                  <a:gd name="connsiteY243" fmla="*/ 2866 h 10000"/>
                  <a:gd name="connsiteX244" fmla="*/ 4267 w 10000"/>
                  <a:gd name="connsiteY244" fmla="*/ 2777 h 10000"/>
                  <a:gd name="connsiteX245" fmla="*/ 4320 w 10000"/>
                  <a:gd name="connsiteY245" fmla="*/ 2674 h 10000"/>
                  <a:gd name="connsiteX246" fmla="*/ 4344 w 10000"/>
                  <a:gd name="connsiteY246" fmla="*/ 2541 h 10000"/>
                  <a:gd name="connsiteX247" fmla="*/ 4344 w 10000"/>
                  <a:gd name="connsiteY247" fmla="*/ 2393 h 10000"/>
                  <a:gd name="connsiteX248" fmla="*/ 4369 w 10000"/>
                  <a:gd name="connsiteY248" fmla="*/ 2349 h 10000"/>
                  <a:gd name="connsiteX249" fmla="*/ 4422 w 10000"/>
                  <a:gd name="connsiteY249" fmla="*/ 2304 h 10000"/>
                  <a:gd name="connsiteX250" fmla="*/ 4473 w 10000"/>
                  <a:gd name="connsiteY250" fmla="*/ 2290 h 10000"/>
                  <a:gd name="connsiteX251" fmla="*/ 4551 w 10000"/>
                  <a:gd name="connsiteY251" fmla="*/ 2275 h 10000"/>
                  <a:gd name="connsiteX252" fmla="*/ 4781 w 10000"/>
                  <a:gd name="connsiteY252" fmla="*/ 2260 h 10000"/>
                  <a:gd name="connsiteX253" fmla="*/ 4986 w 10000"/>
                  <a:gd name="connsiteY253" fmla="*/ 2275 h 10000"/>
                  <a:gd name="connsiteX254" fmla="*/ 4961 w 10000"/>
                  <a:gd name="connsiteY254" fmla="*/ 2112 h 10000"/>
                  <a:gd name="connsiteX255" fmla="*/ 4910 w 10000"/>
                  <a:gd name="connsiteY255" fmla="*/ 1950 h 10000"/>
                  <a:gd name="connsiteX256" fmla="*/ 4832 w 10000"/>
                  <a:gd name="connsiteY256" fmla="*/ 1802 h 10000"/>
                  <a:gd name="connsiteX257" fmla="*/ 4731 w 10000"/>
                  <a:gd name="connsiteY257" fmla="*/ 1640 h 10000"/>
                  <a:gd name="connsiteX258" fmla="*/ 4473 w 10000"/>
                  <a:gd name="connsiteY258" fmla="*/ 1329 h 10000"/>
                  <a:gd name="connsiteX259" fmla="*/ 4216 w 10000"/>
                  <a:gd name="connsiteY259" fmla="*/ 1034 h 10000"/>
                  <a:gd name="connsiteX260" fmla="*/ 4087 w 10000"/>
                  <a:gd name="connsiteY260" fmla="*/ 901 h 10000"/>
                  <a:gd name="connsiteX261" fmla="*/ 3986 w 10000"/>
                  <a:gd name="connsiteY261" fmla="*/ 753 h 10000"/>
                  <a:gd name="connsiteX262" fmla="*/ 3907 w 10000"/>
                  <a:gd name="connsiteY262" fmla="*/ 620 h 10000"/>
                  <a:gd name="connsiteX263" fmla="*/ 3881 w 10000"/>
                  <a:gd name="connsiteY263" fmla="*/ 487 h 10000"/>
                  <a:gd name="connsiteX264" fmla="*/ 3856 w 10000"/>
                  <a:gd name="connsiteY264" fmla="*/ 355 h 10000"/>
                  <a:gd name="connsiteX265" fmla="*/ 3907 w 10000"/>
                  <a:gd name="connsiteY265" fmla="*/ 222 h 10000"/>
                  <a:gd name="connsiteX266" fmla="*/ 3934 w 10000"/>
                  <a:gd name="connsiteY266" fmla="*/ 162 h 10000"/>
                  <a:gd name="connsiteX267" fmla="*/ 3986 w 10000"/>
                  <a:gd name="connsiteY267" fmla="*/ 103 h 10000"/>
                  <a:gd name="connsiteX268" fmla="*/ 4063 w 10000"/>
                  <a:gd name="connsiteY268" fmla="*/ 59 h 10000"/>
                  <a:gd name="connsiteX269" fmla="*/ 4164 w 10000"/>
                  <a:gd name="connsiteY269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224 w 10000"/>
                  <a:gd name="connsiteY53" fmla="*/ 4564 h 10000"/>
                  <a:gd name="connsiteX54" fmla="*/ 7095 w 10000"/>
                  <a:gd name="connsiteY54" fmla="*/ 4638 h 10000"/>
                  <a:gd name="connsiteX55" fmla="*/ 7095 w 10000"/>
                  <a:gd name="connsiteY55" fmla="*/ 4697 h 10000"/>
                  <a:gd name="connsiteX56" fmla="*/ 7069 w 10000"/>
                  <a:gd name="connsiteY56" fmla="*/ 4801 h 10000"/>
                  <a:gd name="connsiteX57" fmla="*/ 7069 w 10000"/>
                  <a:gd name="connsiteY57" fmla="*/ 4904 h 10000"/>
                  <a:gd name="connsiteX58" fmla="*/ 6941 w 10000"/>
                  <a:gd name="connsiteY58" fmla="*/ 4860 h 10000"/>
                  <a:gd name="connsiteX59" fmla="*/ 6863 w 10000"/>
                  <a:gd name="connsiteY59" fmla="*/ 4801 h 10000"/>
                  <a:gd name="connsiteX60" fmla="*/ 6786 w 10000"/>
                  <a:gd name="connsiteY60" fmla="*/ 4727 h 10000"/>
                  <a:gd name="connsiteX61" fmla="*/ 6710 w 10000"/>
                  <a:gd name="connsiteY61" fmla="*/ 4638 h 10000"/>
                  <a:gd name="connsiteX62" fmla="*/ 6582 w 10000"/>
                  <a:gd name="connsiteY62" fmla="*/ 4476 h 10000"/>
                  <a:gd name="connsiteX63" fmla="*/ 6451 w 10000"/>
                  <a:gd name="connsiteY63" fmla="*/ 4313 h 10000"/>
                  <a:gd name="connsiteX64" fmla="*/ 6607 w 10000"/>
                  <a:gd name="connsiteY64" fmla="*/ 4210 h 10000"/>
                  <a:gd name="connsiteX65" fmla="*/ 9306 w 10000"/>
                  <a:gd name="connsiteY65" fmla="*/ 3338 h 10000"/>
                  <a:gd name="connsiteX66" fmla="*/ 9435 w 10000"/>
                  <a:gd name="connsiteY66" fmla="*/ 3235 h 10000"/>
                  <a:gd name="connsiteX67" fmla="*/ 9536 w 10000"/>
                  <a:gd name="connsiteY67" fmla="*/ 3117 h 10000"/>
                  <a:gd name="connsiteX68" fmla="*/ 9563 w 10000"/>
                  <a:gd name="connsiteY68" fmla="*/ 3072 h 10000"/>
                  <a:gd name="connsiteX69" fmla="*/ 9588 w 10000"/>
                  <a:gd name="connsiteY69" fmla="*/ 3013 h 10000"/>
                  <a:gd name="connsiteX70" fmla="*/ 9588 w 10000"/>
                  <a:gd name="connsiteY70" fmla="*/ 2954 h 10000"/>
                  <a:gd name="connsiteX71" fmla="*/ 9563 w 10000"/>
                  <a:gd name="connsiteY71" fmla="*/ 2866 h 10000"/>
                  <a:gd name="connsiteX72" fmla="*/ 9383 w 10000"/>
                  <a:gd name="connsiteY72" fmla="*/ 2984 h 10000"/>
                  <a:gd name="connsiteX73" fmla="*/ 9178 w 10000"/>
                  <a:gd name="connsiteY73" fmla="*/ 3072 h 10000"/>
                  <a:gd name="connsiteX74" fmla="*/ 8971 w 10000"/>
                  <a:gd name="connsiteY74" fmla="*/ 3161 h 10000"/>
                  <a:gd name="connsiteX75" fmla="*/ 8766 w 10000"/>
                  <a:gd name="connsiteY75" fmla="*/ 3250 h 10000"/>
                  <a:gd name="connsiteX76" fmla="*/ 8302 w 10000"/>
                  <a:gd name="connsiteY76" fmla="*/ 3397 h 10000"/>
                  <a:gd name="connsiteX77" fmla="*/ 7815 w 10000"/>
                  <a:gd name="connsiteY77" fmla="*/ 3545 h 10000"/>
                  <a:gd name="connsiteX78" fmla="*/ 7327 w 10000"/>
                  <a:gd name="connsiteY78" fmla="*/ 3678 h 10000"/>
                  <a:gd name="connsiteX79" fmla="*/ 6863 w 10000"/>
                  <a:gd name="connsiteY79" fmla="*/ 3840 h 10000"/>
                  <a:gd name="connsiteX80" fmla="*/ 6632 w 10000"/>
                  <a:gd name="connsiteY80" fmla="*/ 3914 h 10000"/>
                  <a:gd name="connsiteX81" fmla="*/ 6427 w 10000"/>
                  <a:gd name="connsiteY81" fmla="*/ 4003 h 10000"/>
                  <a:gd name="connsiteX82" fmla="*/ 6222 w 10000"/>
                  <a:gd name="connsiteY82" fmla="*/ 4106 h 10000"/>
                  <a:gd name="connsiteX83" fmla="*/ 6014 w 10000"/>
                  <a:gd name="connsiteY83" fmla="*/ 4195 h 10000"/>
                  <a:gd name="connsiteX84" fmla="*/ 6169 w 10000"/>
                  <a:gd name="connsiteY84" fmla="*/ 4417 h 10000"/>
                  <a:gd name="connsiteX85" fmla="*/ 6273 w 10000"/>
                  <a:gd name="connsiteY85" fmla="*/ 4623 h 10000"/>
                  <a:gd name="connsiteX86" fmla="*/ 6375 w 10000"/>
                  <a:gd name="connsiteY86" fmla="*/ 4845 h 10000"/>
                  <a:gd name="connsiteX87" fmla="*/ 6451 w 10000"/>
                  <a:gd name="connsiteY87" fmla="*/ 5081 h 10000"/>
                  <a:gd name="connsiteX88" fmla="*/ 6504 w 10000"/>
                  <a:gd name="connsiteY88" fmla="*/ 5318 h 10000"/>
                  <a:gd name="connsiteX89" fmla="*/ 6530 w 10000"/>
                  <a:gd name="connsiteY89" fmla="*/ 5539 h 10000"/>
                  <a:gd name="connsiteX90" fmla="*/ 6554 w 10000"/>
                  <a:gd name="connsiteY90" fmla="*/ 5775 h 10000"/>
                  <a:gd name="connsiteX91" fmla="*/ 6554 w 10000"/>
                  <a:gd name="connsiteY91" fmla="*/ 5997 h 10000"/>
                  <a:gd name="connsiteX92" fmla="*/ 6530 w 10000"/>
                  <a:gd name="connsiteY92" fmla="*/ 6233 h 10000"/>
                  <a:gd name="connsiteX93" fmla="*/ 6478 w 10000"/>
                  <a:gd name="connsiteY93" fmla="*/ 6470 h 10000"/>
                  <a:gd name="connsiteX94" fmla="*/ 6427 w 10000"/>
                  <a:gd name="connsiteY94" fmla="*/ 6677 h 10000"/>
                  <a:gd name="connsiteX95" fmla="*/ 6350 w 10000"/>
                  <a:gd name="connsiteY95" fmla="*/ 6898 h 10000"/>
                  <a:gd name="connsiteX96" fmla="*/ 6247 w 10000"/>
                  <a:gd name="connsiteY96" fmla="*/ 7105 h 10000"/>
                  <a:gd name="connsiteX97" fmla="*/ 6119 w 10000"/>
                  <a:gd name="connsiteY97" fmla="*/ 7297 h 10000"/>
                  <a:gd name="connsiteX98" fmla="*/ 5964 w 10000"/>
                  <a:gd name="connsiteY98" fmla="*/ 7489 h 10000"/>
                  <a:gd name="connsiteX99" fmla="*/ 5809 w 10000"/>
                  <a:gd name="connsiteY99" fmla="*/ 7681 h 10000"/>
                  <a:gd name="connsiteX100" fmla="*/ 6554 w 10000"/>
                  <a:gd name="connsiteY100" fmla="*/ 7799 h 10000"/>
                  <a:gd name="connsiteX101" fmla="*/ 7327 w 10000"/>
                  <a:gd name="connsiteY101" fmla="*/ 7962 h 10000"/>
                  <a:gd name="connsiteX102" fmla="*/ 7480 w 10000"/>
                  <a:gd name="connsiteY102" fmla="*/ 8021 h 10000"/>
                  <a:gd name="connsiteX103" fmla="*/ 7609 w 10000"/>
                  <a:gd name="connsiteY103" fmla="*/ 8080 h 10000"/>
                  <a:gd name="connsiteX104" fmla="*/ 7737 w 10000"/>
                  <a:gd name="connsiteY104" fmla="*/ 8139 h 10000"/>
                  <a:gd name="connsiteX105" fmla="*/ 7815 w 10000"/>
                  <a:gd name="connsiteY105" fmla="*/ 8227 h 10000"/>
                  <a:gd name="connsiteX106" fmla="*/ 7841 w 10000"/>
                  <a:gd name="connsiteY106" fmla="*/ 8301 h 10000"/>
                  <a:gd name="connsiteX107" fmla="*/ 7841 w 10000"/>
                  <a:gd name="connsiteY107" fmla="*/ 8405 h 10000"/>
                  <a:gd name="connsiteX108" fmla="*/ 7790 w 10000"/>
                  <a:gd name="connsiteY108" fmla="*/ 8523 h 10000"/>
                  <a:gd name="connsiteX109" fmla="*/ 7712 w 10000"/>
                  <a:gd name="connsiteY109" fmla="*/ 8641 h 10000"/>
                  <a:gd name="connsiteX110" fmla="*/ 7378 w 10000"/>
                  <a:gd name="connsiteY110" fmla="*/ 8552 h 10000"/>
                  <a:gd name="connsiteX111" fmla="*/ 7069 w 10000"/>
                  <a:gd name="connsiteY111" fmla="*/ 8449 h 10000"/>
                  <a:gd name="connsiteX112" fmla="*/ 6760 w 10000"/>
                  <a:gd name="connsiteY112" fmla="*/ 8360 h 10000"/>
                  <a:gd name="connsiteX113" fmla="*/ 6451 w 10000"/>
                  <a:gd name="connsiteY113" fmla="*/ 8287 h 10000"/>
                  <a:gd name="connsiteX114" fmla="*/ 6323 w 10000"/>
                  <a:gd name="connsiteY114" fmla="*/ 8449 h 10000"/>
                  <a:gd name="connsiteX115" fmla="*/ 6222 w 10000"/>
                  <a:gd name="connsiteY115" fmla="*/ 8597 h 10000"/>
                  <a:gd name="connsiteX116" fmla="*/ 6169 w 10000"/>
                  <a:gd name="connsiteY116" fmla="*/ 8656 h 10000"/>
                  <a:gd name="connsiteX117" fmla="*/ 6066 w 10000"/>
                  <a:gd name="connsiteY117" fmla="*/ 8700 h 10000"/>
                  <a:gd name="connsiteX118" fmla="*/ 5990 w 10000"/>
                  <a:gd name="connsiteY118" fmla="*/ 8744 h 10000"/>
                  <a:gd name="connsiteX119" fmla="*/ 5913 w 10000"/>
                  <a:gd name="connsiteY119" fmla="*/ 8774 h 10000"/>
                  <a:gd name="connsiteX120" fmla="*/ 5835 w 10000"/>
                  <a:gd name="connsiteY120" fmla="*/ 8804 h 10000"/>
                  <a:gd name="connsiteX121" fmla="*/ 5733 w 10000"/>
                  <a:gd name="connsiteY121" fmla="*/ 8818 h 10000"/>
                  <a:gd name="connsiteX122" fmla="*/ 5603 w 10000"/>
                  <a:gd name="connsiteY122" fmla="*/ 8833 h 10000"/>
                  <a:gd name="connsiteX123" fmla="*/ 5476 w 10000"/>
                  <a:gd name="connsiteY123" fmla="*/ 8833 h 10000"/>
                  <a:gd name="connsiteX124" fmla="*/ 5168 w 10000"/>
                  <a:gd name="connsiteY124" fmla="*/ 8818 h 10000"/>
                  <a:gd name="connsiteX125" fmla="*/ 4781 w 10000"/>
                  <a:gd name="connsiteY125" fmla="*/ 8744 h 10000"/>
                  <a:gd name="connsiteX126" fmla="*/ 4781 w 10000"/>
                  <a:gd name="connsiteY126" fmla="*/ 8922 h 10000"/>
                  <a:gd name="connsiteX127" fmla="*/ 4755 w 10000"/>
                  <a:gd name="connsiteY127" fmla="*/ 9069 h 10000"/>
                  <a:gd name="connsiteX128" fmla="*/ 4731 w 10000"/>
                  <a:gd name="connsiteY128" fmla="*/ 9232 h 10000"/>
                  <a:gd name="connsiteX129" fmla="*/ 4704 w 10000"/>
                  <a:gd name="connsiteY129" fmla="*/ 9365 h 10000"/>
                  <a:gd name="connsiteX130" fmla="*/ 4652 w 10000"/>
                  <a:gd name="connsiteY130" fmla="*/ 9498 h 10000"/>
                  <a:gd name="connsiteX131" fmla="*/ 4551 w 10000"/>
                  <a:gd name="connsiteY131" fmla="*/ 9616 h 10000"/>
                  <a:gd name="connsiteX132" fmla="*/ 4473 w 10000"/>
                  <a:gd name="connsiteY132" fmla="*/ 9734 h 10000"/>
                  <a:gd name="connsiteX133" fmla="*/ 4344 w 10000"/>
                  <a:gd name="connsiteY133" fmla="*/ 9838 h 10000"/>
                  <a:gd name="connsiteX134" fmla="*/ 4034 w 10000"/>
                  <a:gd name="connsiteY134" fmla="*/ 9897 h 10000"/>
                  <a:gd name="connsiteX135" fmla="*/ 3779 w 10000"/>
                  <a:gd name="connsiteY135" fmla="*/ 9941 h 10000"/>
                  <a:gd name="connsiteX136" fmla="*/ 3470 w 10000"/>
                  <a:gd name="connsiteY136" fmla="*/ 9985 h 10000"/>
                  <a:gd name="connsiteX137" fmla="*/ 3239 w 10000"/>
                  <a:gd name="connsiteY137" fmla="*/ 10000 h 10000"/>
                  <a:gd name="connsiteX138" fmla="*/ 2725 w 10000"/>
                  <a:gd name="connsiteY138" fmla="*/ 10000 h 10000"/>
                  <a:gd name="connsiteX139" fmla="*/ 2236 w 10000"/>
                  <a:gd name="connsiteY139" fmla="*/ 9985 h 10000"/>
                  <a:gd name="connsiteX140" fmla="*/ 1775 w 10000"/>
                  <a:gd name="connsiteY140" fmla="*/ 9941 h 10000"/>
                  <a:gd name="connsiteX141" fmla="*/ 1286 w 10000"/>
                  <a:gd name="connsiteY141" fmla="*/ 9911 h 10000"/>
                  <a:gd name="connsiteX142" fmla="*/ 1003 w 10000"/>
                  <a:gd name="connsiteY142" fmla="*/ 9911 h 10000"/>
                  <a:gd name="connsiteX143" fmla="*/ 745 w 10000"/>
                  <a:gd name="connsiteY143" fmla="*/ 9911 h 10000"/>
                  <a:gd name="connsiteX144" fmla="*/ 463 w 10000"/>
                  <a:gd name="connsiteY144" fmla="*/ 9926 h 10000"/>
                  <a:gd name="connsiteX145" fmla="*/ 180 w 10000"/>
                  <a:gd name="connsiteY145" fmla="*/ 9970 h 10000"/>
                  <a:gd name="connsiteX146" fmla="*/ 103 w 10000"/>
                  <a:gd name="connsiteY146" fmla="*/ 9867 h 10000"/>
                  <a:gd name="connsiteX147" fmla="*/ 52 w 10000"/>
                  <a:gd name="connsiteY147" fmla="*/ 9793 h 10000"/>
                  <a:gd name="connsiteX148" fmla="*/ 0 w 10000"/>
                  <a:gd name="connsiteY148" fmla="*/ 9705 h 10000"/>
                  <a:gd name="connsiteX149" fmla="*/ 0 w 10000"/>
                  <a:gd name="connsiteY149" fmla="*/ 9601 h 10000"/>
                  <a:gd name="connsiteX150" fmla="*/ 52 w 10000"/>
                  <a:gd name="connsiteY150" fmla="*/ 9424 h 10000"/>
                  <a:gd name="connsiteX151" fmla="*/ 103 w 10000"/>
                  <a:gd name="connsiteY151" fmla="*/ 9202 h 10000"/>
                  <a:gd name="connsiteX152" fmla="*/ 153 w 10000"/>
                  <a:gd name="connsiteY152" fmla="*/ 8996 h 10000"/>
                  <a:gd name="connsiteX153" fmla="*/ 206 w 10000"/>
                  <a:gd name="connsiteY153" fmla="*/ 8759 h 10000"/>
                  <a:gd name="connsiteX154" fmla="*/ 231 w 10000"/>
                  <a:gd name="connsiteY154" fmla="*/ 8641 h 10000"/>
                  <a:gd name="connsiteX155" fmla="*/ 231 w 10000"/>
                  <a:gd name="connsiteY155" fmla="*/ 8538 h 10000"/>
                  <a:gd name="connsiteX156" fmla="*/ 206 w 10000"/>
                  <a:gd name="connsiteY156" fmla="*/ 8405 h 10000"/>
                  <a:gd name="connsiteX157" fmla="*/ 180 w 10000"/>
                  <a:gd name="connsiteY157" fmla="*/ 8287 h 10000"/>
                  <a:gd name="connsiteX158" fmla="*/ 437 w 10000"/>
                  <a:gd name="connsiteY158" fmla="*/ 8213 h 10000"/>
                  <a:gd name="connsiteX159" fmla="*/ 694 w 10000"/>
                  <a:gd name="connsiteY159" fmla="*/ 8139 h 10000"/>
                  <a:gd name="connsiteX160" fmla="*/ 951 w 10000"/>
                  <a:gd name="connsiteY160" fmla="*/ 8095 h 10000"/>
                  <a:gd name="connsiteX161" fmla="*/ 1234 w 10000"/>
                  <a:gd name="connsiteY161" fmla="*/ 8065 h 10000"/>
                  <a:gd name="connsiteX162" fmla="*/ 1747 w 10000"/>
                  <a:gd name="connsiteY162" fmla="*/ 8021 h 10000"/>
                  <a:gd name="connsiteX163" fmla="*/ 2263 w 10000"/>
                  <a:gd name="connsiteY163" fmla="*/ 7976 h 10000"/>
                  <a:gd name="connsiteX164" fmla="*/ 2494 w 10000"/>
                  <a:gd name="connsiteY164" fmla="*/ 7947 h 10000"/>
                  <a:gd name="connsiteX165" fmla="*/ 2725 w 10000"/>
                  <a:gd name="connsiteY165" fmla="*/ 7917 h 10000"/>
                  <a:gd name="connsiteX166" fmla="*/ 2929 w 10000"/>
                  <a:gd name="connsiteY166" fmla="*/ 7843 h 10000"/>
                  <a:gd name="connsiteX167" fmla="*/ 3136 w 10000"/>
                  <a:gd name="connsiteY167" fmla="*/ 7784 h 10000"/>
                  <a:gd name="connsiteX168" fmla="*/ 3316 w 10000"/>
                  <a:gd name="connsiteY168" fmla="*/ 7710 h 10000"/>
                  <a:gd name="connsiteX169" fmla="*/ 3470 w 10000"/>
                  <a:gd name="connsiteY169" fmla="*/ 7592 h 10000"/>
                  <a:gd name="connsiteX170" fmla="*/ 3625 w 10000"/>
                  <a:gd name="connsiteY170" fmla="*/ 7474 h 10000"/>
                  <a:gd name="connsiteX171" fmla="*/ 3727 w 10000"/>
                  <a:gd name="connsiteY171" fmla="*/ 7312 h 10000"/>
                  <a:gd name="connsiteX172" fmla="*/ 3522 w 10000"/>
                  <a:gd name="connsiteY172" fmla="*/ 7238 h 10000"/>
                  <a:gd name="connsiteX173" fmla="*/ 3341 w 10000"/>
                  <a:gd name="connsiteY173" fmla="*/ 7179 h 10000"/>
                  <a:gd name="connsiteX174" fmla="*/ 3187 w 10000"/>
                  <a:gd name="connsiteY174" fmla="*/ 7090 h 10000"/>
                  <a:gd name="connsiteX175" fmla="*/ 3034 w 10000"/>
                  <a:gd name="connsiteY175" fmla="*/ 6987 h 10000"/>
                  <a:gd name="connsiteX176" fmla="*/ 2929 w 10000"/>
                  <a:gd name="connsiteY176" fmla="*/ 6869 h 10000"/>
                  <a:gd name="connsiteX177" fmla="*/ 2880 w 10000"/>
                  <a:gd name="connsiteY177" fmla="*/ 6721 h 10000"/>
                  <a:gd name="connsiteX178" fmla="*/ 2853 w 10000"/>
                  <a:gd name="connsiteY178" fmla="*/ 6558 h 10000"/>
                  <a:gd name="connsiteX179" fmla="*/ 2880 w 10000"/>
                  <a:gd name="connsiteY179" fmla="*/ 6352 h 10000"/>
                  <a:gd name="connsiteX180" fmla="*/ 2751 w 10000"/>
                  <a:gd name="connsiteY180" fmla="*/ 6322 h 10000"/>
                  <a:gd name="connsiteX181" fmla="*/ 2597 w 10000"/>
                  <a:gd name="connsiteY181" fmla="*/ 6292 h 10000"/>
                  <a:gd name="connsiteX182" fmla="*/ 2417 w 10000"/>
                  <a:gd name="connsiteY182" fmla="*/ 6278 h 10000"/>
                  <a:gd name="connsiteX183" fmla="*/ 2236 w 10000"/>
                  <a:gd name="connsiteY183" fmla="*/ 6263 h 10000"/>
                  <a:gd name="connsiteX184" fmla="*/ 1877 w 10000"/>
                  <a:gd name="connsiteY184" fmla="*/ 6248 h 10000"/>
                  <a:gd name="connsiteX185" fmla="*/ 1491 w 10000"/>
                  <a:gd name="connsiteY185" fmla="*/ 6263 h 10000"/>
                  <a:gd name="connsiteX186" fmla="*/ 1158 w 10000"/>
                  <a:gd name="connsiteY186" fmla="*/ 6278 h 10000"/>
                  <a:gd name="connsiteX187" fmla="*/ 848 w 10000"/>
                  <a:gd name="connsiteY187" fmla="*/ 6278 h 10000"/>
                  <a:gd name="connsiteX188" fmla="*/ 593 w 10000"/>
                  <a:gd name="connsiteY188" fmla="*/ 6263 h 10000"/>
                  <a:gd name="connsiteX189" fmla="*/ 386 w 10000"/>
                  <a:gd name="connsiteY189" fmla="*/ 6233 h 10000"/>
                  <a:gd name="connsiteX190" fmla="*/ 641 w 10000"/>
                  <a:gd name="connsiteY190" fmla="*/ 5805 h 10000"/>
                  <a:gd name="connsiteX191" fmla="*/ 926 w 10000"/>
                  <a:gd name="connsiteY191" fmla="*/ 5391 h 10000"/>
                  <a:gd name="connsiteX192" fmla="*/ 1029 w 10000"/>
                  <a:gd name="connsiteY192" fmla="*/ 5170 h 10000"/>
                  <a:gd name="connsiteX193" fmla="*/ 1105 w 10000"/>
                  <a:gd name="connsiteY193" fmla="*/ 4963 h 10000"/>
                  <a:gd name="connsiteX194" fmla="*/ 1130 w 10000"/>
                  <a:gd name="connsiteY194" fmla="*/ 4860 h 10000"/>
                  <a:gd name="connsiteX195" fmla="*/ 1105 w 10000"/>
                  <a:gd name="connsiteY195" fmla="*/ 4756 h 10000"/>
                  <a:gd name="connsiteX196" fmla="*/ 1080 w 10000"/>
                  <a:gd name="connsiteY196" fmla="*/ 4653 h 10000"/>
                  <a:gd name="connsiteX197" fmla="*/ 1003 w 10000"/>
                  <a:gd name="connsiteY197" fmla="*/ 4549 h 10000"/>
                  <a:gd name="connsiteX198" fmla="*/ 1286 w 10000"/>
                  <a:gd name="connsiteY198" fmla="*/ 4520 h 10000"/>
                  <a:gd name="connsiteX199" fmla="*/ 1491 w 10000"/>
                  <a:gd name="connsiteY199" fmla="*/ 4505 h 10000"/>
                  <a:gd name="connsiteX200" fmla="*/ 1671 w 10000"/>
                  <a:gd name="connsiteY200" fmla="*/ 4505 h 10000"/>
                  <a:gd name="connsiteX201" fmla="*/ 1825 w 10000"/>
                  <a:gd name="connsiteY201" fmla="*/ 4520 h 10000"/>
                  <a:gd name="connsiteX202" fmla="*/ 1954 w 10000"/>
                  <a:gd name="connsiteY202" fmla="*/ 4520 h 10000"/>
                  <a:gd name="connsiteX203" fmla="*/ 2108 w 10000"/>
                  <a:gd name="connsiteY203" fmla="*/ 4520 h 10000"/>
                  <a:gd name="connsiteX204" fmla="*/ 2263 w 10000"/>
                  <a:gd name="connsiteY204" fmla="*/ 4490 h 10000"/>
                  <a:gd name="connsiteX205" fmla="*/ 2467 w 10000"/>
                  <a:gd name="connsiteY205" fmla="*/ 4446 h 10000"/>
                  <a:gd name="connsiteX206" fmla="*/ 2467 w 10000"/>
                  <a:gd name="connsiteY206" fmla="*/ 4579 h 10000"/>
                  <a:gd name="connsiteX207" fmla="*/ 2467 w 10000"/>
                  <a:gd name="connsiteY207" fmla="*/ 4742 h 10000"/>
                  <a:gd name="connsiteX208" fmla="*/ 2467 w 10000"/>
                  <a:gd name="connsiteY208" fmla="*/ 4874 h 10000"/>
                  <a:gd name="connsiteX209" fmla="*/ 2467 w 10000"/>
                  <a:gd name="connsiteY209" fmla="*/ 5037 h 10000"/>
                  <a:gd name="connsiteX210" fmla="*/ 2699 w 10000"/>
                  <a:gd name="connsiteY210" fmla="*/ 5022 h 10000"/>
                  <a:gd name="connsiteX211" fmla="*/ 2853 w 10000"/>
                  <a:gd name="connsiteY211" fmla="*/ 5037 h 10000"/>
                  <a:gd name="connsiteX212" fmla="*/ 2982 w 10000"/>
                  <a:gd name="connsiteY212" fmla="*/ 5066 h 10000"/>
                  <a:gd name="connsiteX213" fmla="*/ 3111 w 10000"/>
                  <a:gd name="connsiteY213" fmla="*/ 5096 h 10000"/>
                  <a:gd name="connsiteX214" fmla="*/ 3214 w 10000"/>
                  <a:gd name="connsiteY214" fmla="*/ 5126 h 10000"/>
                  <a:gd name="connsiteX215" fmla="*/ 3341 w 10000"/>
                  <a:gd name="connsiteY215" fmla="*/ 5155 h 10000"/>
                  <a:gd name="connsiteX216" fmla="*/ 3496 w 10000"/>
                  <a:gd name="connsiteY216" fmla="*/ 5170 h 10000"/>
                  <a:gd name="connsiteX217" fmla="*/ 3727 w 10000"/>
                  <a:gd name="connsiteY217" fmla="*/ 5155 h 10000"/>
                  <a:gd name="connsiteX218" fmla="*/ 3805 w 10000"/>
                  <a:gd name="connsiteY218" fmla="*/ 5096 h 10000"/>
                  <a:gd name="connsiteX219" fmla="*/ 3881 w 10000"/>
                  <a:gd name="connsiteY219" fmla="*/ 5022 h 10000"/>
                  <a:gd name="connsiteX220" fmla="*/ 3907 w 10000"/>
                  <a:gd name="connsiteY220" fmla="*/ 4934 h 10000"/>
                  <a:gd name="connsiteX221" fmla="*/ 3934 w 10000"/>
                  <a:gd name="connsiteY221" fmla="*/ 4860 h 10000"/>
                  <a:gd name="connsiteX222" fmla="*/ 3958 w 10000"/>
                  <a:gd name="connsiteY222" fmla="*/ 4697 h 10000"/>
                  <a:gd name="connsiteX223" fmla="*/ 3934 w 10000"/>
                  <a:gd name="connsiteY223" fmla="*/ 4520 h 10000"/>
                  <a:gd name="connsiteX224" fmla="*/ 3856 w 10000"/>
                  <a:gd name="connsiteY224" fmla="*/ 4343 h 10000"/>
                  <a:gd name="connsiteX225" fmla="*/ 3779 w 10000"/>
                  <a:gd name="connsiteY225" fmla="*/ 4195 h 10000"/>
                  <a:gd name="connsiteX226" fmla="*/ 3650 w 10000"/>
                  <a:gd name="connsiteY226" fmla="*/ 4047 h 10000"/>
                  <a:gd name="connsiteX227" fmla="*/ 3522 w 10000"/>
                  <a:gd name="connsiteY227" fmla="*/ 3959 h 10000"/>
                  <a:gd name="connsiteX228" fmla="*/ 3676 w 10000"/>
                  <a:gd name="connsiteY228" fmla="*/ 3944 h 10000"/>
                  <a:gd name="connsiteX229" fmla="*/ 3805 w 10000"/>
                  <a:gd name="connsiteY229" fmla="*/ 3914 h 10000"/>
                  <a:gd name="connsiteX230" fmla="*/ 3907 w 10000"/>
                  <a:gd name="connsiteY230" fmla="*/ 3855 h 10000"/>
                  <a:gd name="connsiteX231" fmla="*/ 4034 w 10000"/>
                  <a:gd name="connsiteY231" fmla="*/ 3752 h 10000"/>
                  <a:gd name="connsiteX232" fmla="*/ 4164 w 10000"/>
                  <a:gd name="connsiteY232" fmla="*/ 3663 h 10000"/>
                  <a:gd name="connsiteX233" fmla="*/ 4267 w 10000"/>
                  <a:gd name="connsiteY233" fmla="*/ 3560 h 10000"/>
                  <a:gd name="connsiteX234" fmla="*/ 4344 w 10000"/>
                  <a:gd name="connsiteY234" fmla="*/ 3442 h 10000"/>
                  <a:gd name="connsiteX235" fmla="*/ 4422 w 10000"/>
                  <a:gd name="connsiteY235" fmla="*/ 3323 h 10000"/>
                  <a:gd name="connsiteX236" fmla="*/ 4473 w 10000"/>
                  <a:gd name="connsiteY236" fmla="*/ 3220 h 10000"/>
                  <a:gd name="connsiteX237" fmla="*/ 4498 w 10000"/>
                  <a:gd name="connsiteY237" fmla="*/ 3102 h 10000"/>
                  <a:gd name="connsiteX238" fmla="*/ 4525 w 10000"/>
                  <a:gd name="connsiteY238" fmla="*/ 3013 h 10000"/>
                  <a:gd name="connsiteX239" fmla="*/ 4498 w 10000"/>
                  <a:gd name="connsiteY239" fmla="*/ 2939 h 10000"/>
                  <a:gd name="connsiteX240" fmla="*/ 4473 w 10000"/>
                  <a:gd name="connsiteY240" fmla="*/ 2866 h 10000"/>
                  <a:gd name="connsiteX241" fmla="*/ 4396 w 10000"/>
                  <a:gd name="connsiteY241" fmla="*/ 2836 h 10000"/>
                  <a:gd name="connsiteX242" fmla="*/ 4294 w 10000"/>
                  <a:gd name="connsiteY242" fmla="*/ 2836 h 10000"/>
                  <a:gd name="connsiteX243" fmla="*/ 4164 w 10000"/>
                  <a:gd name="connsiteY243" fmla="*/ 2866 h 10000"/>
                  <a:gd name="connsiteX244" fmla="*/ 4267 w 10000"/>
                  <a:gd name="connsiteY244" fmla="*/ 2777 h 10000"/>
                  <a:gd name="connsiteX245" fmla="*/ 4320 w 10000"/>
                  <a:gd name="connsiteY245" fmla="*/ 2674 h 10000"/>
                  <a:gd name="connsiteX246" fmla="*/ 4344 w 10000"/>
                  <a:gd name="connsiteY246" fmla="*/ 2541 h 10000"/>
                  <a:gd name="connsiteX247" fmla="*/ 4344 w 10000"/>
                  <a:gd name="connsiteY247" fmla="*/ 2393 h 10000"/>
                  <a:gd name="connsiteX248" fmla="*/ 4369 w 10000"/>
                  <a:gd name="connsiteY248" fmla="*/ 2349 h 10000"/>
                  <a:gd name="connsiteX249" fmla="*/ 4422 w 10000"/>
                  <a:gd name="connsiteY249" fmla="*/ 2304 h 10000"/>
                  <a:gd name="connsiteX250" fmla="*/ 4473 w 10000"/>
                  <a:gd name="connsiteY250" fmla="*/ 2290 h 10000"/>
                  <a:gd name="connsiteX251" fmla="*/ 4551 w 10000"/>
                  <a:gd name="connsiteY251" fmla="*/ 2275 h 10000"/>
                  <a:gd name="connsiteX252" fmla="*/ 4781 w 10000"/>
                  <a:gd name="connsiteY252" fmla="*/ 2260 h 10000"/>
                  <a:gd name="connsiteX253" fmla="*/ 4986 w 10000"/>
                  <a:gd name="connsiteY253" fmla="*/ 2275 h 10000"/>
                  <a:gd name="connsiteX254" fmla="*/ 4961 w 10000"/>
                  <a:gd name="connsiteY254" fmla="*/ 2112 h 10000"/>
                  <a:gd name="connsiteX255" fmla="*/ 4910 w 10000"/>
                  <a:gd name="connsiteY255" fmla="*/ 1950 h 10000"/>
                  <a:gd name="connsiteX256" fmla="*/ 4832 w 10000"/>
                  <a:gd name="connsiteY256" fmla="*/ 1802 h 10000"/>
                  <a:gd name="connsiteX257" fmla="*/ 4731 w 10000"/>
                  <a:gd name="connsiteY257" fmla="*/ 1640 h 10000"/>
                  <a:gd name="connsiteX258" fmla="*/ 4473 w 10000"/>
                  <a:gd name="connsiteY258" fmla="*/ 1329 h 10000"/>
                  <a:gd name="connsiteX259" fmla="*/ 4216 w 10000"/>
                  <a:gd name="connsiteY259" fmla="*/ 1034 h 10000"/>
                  <a:gd name="connsiteX260" fmla="*/ 4087 w 10000"/>
                  <a:gd name="connsiteY260" fmla="*/ 901 h 10000"/>
                  <a:gd name="connsiteX261" fmla="*/ 3986 w 10000"/>
                  <a:gd name="connsiteY261" fmla="*/ 753 h 10000"/>
                  <a:gd name="connsiteX262" fmla="*/ 3907 w 10000"/>
                  <a:gd name="connsiteY262" fmla="*/ 620 h 10000"/>
                  <a:gd name="connsiteX263" fmla="*/ 3881 w 10000"/>
                  <a:gd name="connsiteY263" fmla="*/ 487 h 10000"/>
                  <a:gd name="connsiteX264" fmla="*/ 3856 w 10000"/>
                  <a:gd name="connsiteY264" fmla="*/ 355 h 10000"/>
                  <a:gd name="connsiteX265" fmla="*/ 3907 w 10000"/>
                  <a:gd name="connsiteY265" fmla="*/ 222 h 10000"/>
                  <a:gd name="connsiteX266" fmla="*/ 3934 w 10000"/>
                  <a:gd name="connsiteY266" fmla="*/ 162 h 10000"/>
                  <a:gd name="connsiteX267" fmla="*/ 3986 w 10000"/>
                  <a:gd name="connsiteY267" fmla="*/ 103 h 10000"/>
                  <a:gd name="connsiteX268" fmla="*/ 4063 w 10000"/>
                  <a:gd name="connsiteY268" fmla="*/ 59 h 10000"/>
                  <a:gd name="connsiteX269" fmla="*/ 4164 w 10000"/>
                  <a:gd name="connsiteY269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224 w 10000"/>
                  <a:gd name="connsiteY53" fmla="*/ 4564 h 10000"/>
                  <a:gd name="connsiteX54" fmla="*/ 7095 w 10000"/>
                  <a:gd name="connsiteY54" fmla="*/ 4638 h 10000"/>
                  <a:gd name="connsiteX55" fmla="*/ 7095 w 10000"/>
                  <a:gd name="connsiteY55" fmla="*/ 4697 h 10000"/>
                  <a:gd name="connsiteX56" fmla="*/ 7069 w 10000"/>
                  <a:gd name="connsiteY56" fmla="*/ 4801 h 10000"/>
                  <a:gd name="connsiteX57" fmla="*/ 7069 w 10000"/>
                  <a:gd name="connsiteY57" fmla="*/ 4904 h 10000"/>
                  <a:gd name="connsiteX58" fmla="*/ 6941 w 10000"/>
                  <a:gd name="connsiteY58" fmla="*/ 4860 h 10000"/>
                  <a:gd name="connsiteX59" fmla="*/ 6863 w 10000"/>
                  <a:gd name="connsiteY59" fmla="*/ 4801 h 10000"/>
                  <a:gd name="connsiteX60" fmla="*/ 6786 w 10000"/>
                  <a:gd name="connsiteY60" fmla="*/ 4727 h 10000"/>
                  <a:gd name="connsiteX61" fmla="*/ 6710 w 10000"/>
                  <a:gd name="connsiteY61" fmla="*/ 4638 h 10000"/>
                  <a:gd name="connsiteX62" fmla="*/ 6582 w 10000"/>
                  <a:gd name="connsiteY62" fmla="*/ 4476 h 10000"/>
                  <a:gd name="connsiteX63" fmla="*/ 6451 w 10000"/>
                  <a:gd name="connsiteY63" fmla="*/ 4313 h 10000"/>
                  <a:gd name="connsiteX64" fmla="*/ 6607 w 10000"/>
                  <a:gd name="connsiteY64" fmla="*/ 4210 h 10000"/>
                  <a:gd name="connsiteX65" fmla="*/ 9306 w 10000"/>
                  <a:gd name="connsiteY65" fmla="*/ 3338 h 10000"/>
                  <a:gd name="connsiteX66" fmla="*/ 9536 w 10000"/>
                  <a:gd name="connsiteY66" fmla="*/ 3117 h 10000"/>
                  <a:gd name="connsiteX67" fmla="*/ 9563 w 10000"/>
                  <a:gd name="connsiteY67" fmla="*/ 3072 h 10000"/>
                  <a:gd name="connsiteX68" fmla="*/ 9588 w 10000"/>
                  <a:gd name="connsiteY68" fmla="*/ 3013 h 10000"/>
                  <a:gd name="connsiteX69" fmla="*/ 9588 w 10000"/>
                  <a:gd name="connsiteY69" fmla="*/ 2954 h 10000"/>
                  <a:gd name="connsiteX70" fmla="*/ 9563 w 10000"/>
                  <a:gd name="connsiteY70" fmla="*/ 2866 h 10000"/>
                  <a:gd name="connsiteX71" fmla="*/ 9383 w 10000"/>
                  <a:gd name="connsiteY71" fmla="*/ 2984 h 10000"/>
                  <a:gd name="connsiteX72" fmla="*/ 9178 w 10000"/>
                  <a:gd name="connsiteY72" fmla="*/ 3072 h 10000"/>
                  <a:gd name="connsiteX73" fmla="*/ 8971 w 10000"/>
                  <a:gd name="connsiteY73" fmla="*/ 3161 h 10000"/>
                  <a:gd name="connsiteX74" fmla="*/ 8766 w 10000"/>
                  <a:gd name="connsiteY74" fmla="*/ 3250 h 10000"/>
                  <a:gd name="connsiteX75" fmla="*/ 8302 w 10000"/>
                  <a:gd name="connsiteY75" fmla="*/ 3397 h 10000"/>
                  <a:gd name="connsiteX76" fmla="*/ 7815 w 10000"/>
                  <a:gd name="connsiteY76" fmla="*/ 3545 h 10000"/>
                  <a:gd name="connsiteX77" fmla="*/ 7327 w 10000"/>
                  <a:gd name="connsiteY77" fmla="*/ 3678 h 10000"/>
                  <a:gd name="connsiteX78" fmla="*/ 6863 w 10000"/>
                  <a:gd name="connsiteY78" fmla="*/ 3840 h 10000"/>
                  <a:gd name="connsiteX79" fmla="*/ 6632 w 10000"/>
                  <a:gd name="connsiteY79" fmla="*/ 3914 h 10000"/>
                  <a:gd name="connsiteX80" fmla="*/ 6427 w 10000"/>
                  <a:gd name="connsiteY80" fmla="*/ 4003 h 10000"/>
                  <a:gd name="connsiteX81" fmla="*/ 6222 w 10000"/>
                  <a:gd name="connsiteY81" fmla="*/ 4106 h 10000"/>
                  <a:gd name="connsiteX82" fmla="*/ 6014 w 10000"/>
                  <a:gd name="connsiteY82" fmla="*/ 4195 h 10000"/>
                  <a:gd name="connsiteX83" fmla="*/ 6169 w 10000"/>
                  <a:gd name="connsiteY83" fmla="*/ 4417 h 10000"/>
                  <a:gd name="connsiteX84" fmla="*/ 6273 w 10000"/>
                  <a:gd name="connsiteY84" fmla="*/ 4623 h 10000"/>
                  <a:gd name="connsiteX85" fmla="*/ 6375 w 10000"/>
                  <a:gd name="connsiteY85" fmla="*/ 4845 h 10000"/>
                  <a:gd name="connsiteX86" fmla="*/ 6451 w 10000"/>
                  <a:gd name="connsiteY86" fmla="*/ 5081 h 10000"/>
                  <a:gd name="connsiteX87" fmla="*/ 6504 w 10000"/>
                  <a:gd name="connsiteY87" fmla="*/ 5318 h 10000"/>
                  <a:gd name="connsiteX88" fmla="*/ 6530 w 10000"/>
                  <a:gd name="connsiteY88" fmla="*/ 5539 h 10000"/>
                  <a:gd name="connsiteX89" fmla="*/ 6554 w 10000"/>
                  <a:gd name="connsiteY89" fmla="*/ 5775 h 10000"/>
                  <a:gd name="connsiteX90" fmla="*/ 6554 w 10000"/>
                  <a:gd name="connsiteY90" fmla="*/ 5997 h 10000"/>
                  <a:gd name="connsiteX91" fmla="*/ 6530 w 10000"/>
                  <a:gd name="connsiteY91" fmla="*/ 6233 h 10000"/>
                  <a:gd name="connsiteX92" fmla="*/ 6478 w 10000"/>
                  <a:gd name="connsiteY92" fmla="*/ 6470 h 10000"/>
                  <a:gd name="connsiteX93" fmla="*/ 6427 w 10000"/>
                  <a:gd name="connsiteY93" fmla="*/ 6677 h 10000"/>
                  <a:gd name="connsiteX94" fmla="*/ 6350 w 10000"/>
                  <a:gd name="connsiteY94" fmla="*/ 6898 h 10000"/>
                  <a:gd name="connsiteX95" fmla="*/ 6247 w 10000"/>
                  <a:gd name="connsiteY95" fmla="*/ 7105 h 10000"/>
                  <a:gd name="connsiteX96" fmla="*/ 6119 w 10000"/>
                  <a:gd name="connsiteY96" fmla="*/ 7297 h 10000"/>
                  <a:gd name="connsiteX97" fmla="*/ 5964 w 10000"/>
                  <a:gd name="connsiteY97" fmla="*/ 7489 h 10000"/>
                  <a:gd name="connsiteX98" fmla="*/ 5809 w 10000"/>
                  <a:gd name="connsiteY98" fmla="*/ 7681 h 10000"/>
                  <a:gd name="connsiteX99" fmla="*/ 6554 w 10000"/>
                  <a:gd name="connsiteY99" fmla="*/ 7799 h 10000"/>
                  <a:gd name="connsiteX100" fmla="*/ 7327 w 10000"/>
                  <a:gd name="connsiteY100" fmla="*/ 7962 h 10000"/>
                  <a:gd name="connsiteX101" fmla="*/ 7480 w 10000"/>
                  <a:gd name="connsiteY101" fmla="*/ 8021 h 10000"/>
                  <a:gd name="connsiteX102" fmla="*/ 7609 w 10000"/>
                  <a:gd name="connsiteY102" fmla="*/ 8080 h 10000"/>
                  <a:gd name="connsiteX103" fmla="*/ 7737 w 10000"/>
                  <a:gd name="connsiteY103" fmla="*/ 8139 h 10000"/>
                  <a:gd name="connsiteX104" fmla="*/ 7815 w 10000"/>
                  <a:gd name="connsiteY104" fmla="*/ 8227 h 10000"/>
                  <a:gd name="connsiteX105" fmla="*/ 7841 w 10000"/>
                  <a:gd name="connsiteY105" fmla="*/ 8301 h 10000"/>
                  <a:gd name="connsiteX106" fmla="*/ 7841 w 10000"/>
                  <a:gd name="connsiteY106" fmla="*/ 8405 h 10000"/>
                  <a:gd name="connsiteX107" fmla="*/ 7790 w 10000"/>
                  <a:gd name="connsiteY107" fmla="*/ 8523 h 10000"/>
                  <a:gd name="connsiteX108" fmla="*/ 7712 w 10000"/>
                  <a:gd name="connsiteY108" fmla="*/ 8641 h 10000"/>
                  <a:gd name="connsiteX109" fmla="*/ 7378 w 10000"/>
                  <a:gd name="connsiteY109" fmla="*/ 8552 h 10000"/>
                  <a:gd name="connsiteX110" fmla="*/ 7069 w 10000"/>
                  <a:gd name="connsiteY110" fmla="*/ 8449 h 10000"/>
                  <a:gd name="connsiteX111" fmla="*/ 6760 w 10000"/>
                  <a:gd name="connsiteY111" fmla="*/ 8360 h 10000"/>
                  <a:gd name="connsiteX112" fmla="*/ 6451 w 10000"/>
                  <a:gd name="connsiteY112" fmla="*/ 8287 h 10000"/>
                  <a:gd name="connsiteX113" fmla="*/ 6323 w 10000"/>
                  <a:gd name="connsiteY113" fmla="*/ 8449 h 10000"/>
                  <a:gd name="connsiteX114" fmla="*/ 6222 w 10000"/>
                  <a:gd name="connsiteY114" fmla="*/ 8597 h 10000"/>
                  <a:gd name="connsiteX115" fmla="*/ 6169 w 10000"/>
                  <a:gd name="connsiteY115" fmla="*/ 8656 h 10000"/>
                  <a:gd name="connsiteX116" fmla="*/ 6066 w 10000"/>
                  <a:gd name="connsiteY116" fmla="*/ 8700 h 10000"/>
                  <a:gd name="connsiteX117" fmla="*/ 5990 w 10000"/>
                  <a:gd name="connsiteY117" fmla="*/ 8744 h 10000"/>
                  <a:gd name="connsiteX118" fmla="*/ 5913 w 10000"/>
                  <a:gd name="connsiteY118" fmla="*/ 8774 h 10000"/>
                  <a:gd name="connsiteX119" fmla="*/ 5835 w 10000"/>
                  <a:gd name="connsiteY119" fmla="*/ 8804 h 10000"/>
                  <a:gd name="connsiteX120" fmla="*/ 5733 w 10000"/>
                  <a:gd name="connsiteY120" fmla="*/ 8818 h 10000"/>
                  <a:gd name="connsiteX121" fmla="*/ 5603 w 10000"/>
                  <a:gd name="connsiteY121" fmla="*/ 8833 h 10000"/>
                  <a:gd name="connsiteX122" fmla="*/ 5476 w 10000"/>
                  <a:gd name="connsiteY122" fmla="*/ 8833 h 10000"/>
                  <a:gd name="connsiteX123" fmla="*/ 5168 w 10000"/>
                  <a:gd name="connsiteY123" fmla="*/ 8818 h 10000"/>
                  <a:gd name="connsiteX124" fmla="*/ 4781 w 10000"/>
                  <a:gd name="connsiteY124" fmla="*/ 8744 h 10000"/>
                  <a:gd name="connsiteX125" fmla="*/ 4781 w 10000"/>
                  <a:gd name="connsiteY125" fmla="*/ 8922 h 10000"/>
                  <a:gd name="connsiteX126" fmla="*/ 4755 w 10000"/>
                  <a:gd name="connsiteY126" fmla="*/ 9069 h 10000"/>
                  <a:gd name="connsiteX127" fmla="*/ 4731 w 10000"/>
                  <a:gd name="connsiteY127" fmla="*/ 9232 h 10000"/>
                  <a:gd name="connsiteX128" fmla="*/ 4704 w 10000"/>
                  <a:gd name="connsiteY128" fmla="*/ 9365 h 10000"/>
                  <a:gd name="connsiteX129" fmla="*/ 4652 w 10000"/>
                  <a:gd name="connsiteY129" fmla="*/ 9498 h 10000"/>
                  <a:gd name="connsiteX130" fmla="*/ 4551 w 10000"/>
                  <a:gd name="connsiteY130" fmla="*/ 9616 h 10000"/>
                  <a:gd name="connsiteX131" fmla="*/ 4473 w 10000"/>
                  <a:gd name="connsiteY131" fmla="*/ 9734 h 10000"/>
                  <a:gd name="connsiteX132" fmla="*/ 4344 w 10000"/>
                  <a:gd name="connsiteY132" fmla="*/ 9838 h 10000"/>
                  <a:gd name="connsiteX133" fmla="*/ 4034 w 10000"/>
                  <a:gd name="connsiteY133" fmla="*/ 9897 h 10000"/>
                  <a:gd name="connsiteX134" fmla="*/ 3779 w 10000"/>
                  <a:gd name="connsiteY134" fmla="*/ 9941 h 10000"/>
                  <a:gd name="connsiteX135" fmla="*/ 3470 w 10000"/>
                  <a:gd name="connsiteY135" fmla="*/ 9985 h 10000"/>
                  <a:gd name="connsiteX136" fmla="*/ 3239 w 10000"/>
                  <a:gd name="connsiteY136" fmla="*/ 10000 h 10000"/>
                  <a:gd name="connsiteX137" fmla="*/ 2725 w 10000"/>
                  <a:gd name="connsiteY137" fmla="*/ 10000 h 10000"/>
                  <a:gd name="connsiteX138" fmla="*/ 2236 w 10000"/>
                  <a:gd name="connsiteY138" fmla="*/ 9985 h 10000"/>
                  <a:gd name="connsiteX139" fmla="*/ 1775 w 10000"/>
                  <a:gd name="connsiteY139" fmla="*/ 9941 h 10000"/>
                  <a:gd name="connsiteX140" fmla="*/ 1286 w 10000"/>
                  <a:gd name="connsiteY140" fmla="*/ 9911 h 10000"/>
                  <a:gd name="connsiteX141" fmla="*/ 1003 w 10000"/>
                  <a:gd name="connsiteY141" fmla="*/ 9911 h 10000"/>
                  <a:gd name="connsiteX142" fmla="*/ 745 w 10000"/>
                  <a:gd name="connsiteY142" fmla="*/ 9911 h 10000"/>
                  <a:gd name="connsiteX143" fmla="*/ 463 w 10000"/>
                  <a:gd name="connsiteY143" fmla="*/ 9926 h 10000"/>
                  <a:gd name="connsiteX144" fmla="*/ 180 w 10000"/>
                  <a:gd name="connsiteY144" fmla="*/ 9970 h 10000"/>
                  <a:gd name="connsiteX145" fmla="*/ 103 w 10000"/>
                  <a:gd name="connsiteY145" fmla="*/ 9867 h 10000"/>
                  <a:gd name="connsiteX146" fmla="*/ 52 w 10000"/>
                  <a:gd name="connsiteY146" fmla="*/ 9793 h 10000"/>
                  <a:gd name="connsiteX147" fmla="*/ 0 w 10000"/>
                  <a:gd name="connsiteY147" fmla="*/ 9705 h 10000"/>
                  <a:gd name="connsiteX148" fmla="*/ 0 w 10000"/>
                  <a:gd name="connsiteY148" fmla="*/ 9601 h 10000"/>
                  <a:gd name="connsiteX149" fmla="*/ 52 w 10000"/>
                  <a:gd name="connsiteY149" fmla="*/ 9424 h 10000"/>
                  <a:gd name="connsiteX150" fmla="*/ 103 w 10000"/>
                  <a:gd name="connsiteY150" fmla="*/ 9202 h 10000"/>
                  <a:gd name="connsiteX151" fmla="*/ 153 w 10000"/>
                  <a:gd name="connsiteY151" fmla="*/ 8996 h 10000"/>
                  <a:gd name="connsiteX152" fmla="*/ 206 w 10000"/>
                  <a:gd name="connsiteY152" fmla="*/ 8759 h 10000"/>
                  <a:gd name="connsiteX153" fmla="*/ 231 w 10000"/>
                  <a:gd name="connsiteY153" fmla="*/ 8641 h 10000"/>
                  <a:gd name="connsiteX154" fmla="*/ 231 w 10000"/>
                  <a:gd name="connsiteY154" fmla="*/ 8538 h 10000"/>
                  <a:gd name="connsiteX155" fmla="*/ 206 w 10000"/>
                  <a:gd name="connsiteY155" fmla="*/ 8405 h 10000"/>
                  <a:gd name="connsiteX156" fmla="*/ 180 w 10000"/>
                  <a:gd name="connsiteY156" fmla="*/ 8287 h 10000"/>
                  <a:gd name="connsiteX157" fmla="*/ 437 w 10000"/>
                  <a:gd name="connsiteY157" fmla="*/ 8213 h 10000"/>
                  <a:gd name="connsiteX158" fmla="*/ 694 w 10000"/>
                  <a:gd name="connsiteY158" fmla="*/ 8139 h 10000"/>
                  <a:gd name="connsiteX159" fmla="*/ 951 w 10000"/>
                  <a:gd name="connsiteY159" fmla="*/ 8095 h 10000"/>
                  <a:gd name="connsiteX160" fmla="*/ 1234 w 10000"/>
                  <a:gd name="connsiteY160" fmla="*/ 8065 h 10000"/>
                  <a:gd name="connsiteX161" fmla="*/ 1747 w 10000"/>
                  <a:gd name="connsiteY161" fmla="*/ 8021 h 10000"/>
                  <a:gd name="connsiteX162" fmla="*/ 2263 w 10000"/>
                  <a:gd name="connsiteY162" fmla="*/ 7976 h 10000"/>
                  <a:gd name="connsiteX163" fmla="*/ 2494 w 10000"/>
                  <a:gd name="connsiteY163" fmla="*/ 7947 h 10000"/>
                  <a:gd name="connsiteX164" fmla="*/ 2725 w 10000"/>
                  <a:gd name="connsiteY164" fmla="*/ 7917 h 10000"/>
                  <a:gd name="connsiteX165" fmla="*/ 2929 w 10000"/>
                  <a:gd name="connsiteY165" fmla="*/ 7843 h 10000"/>
                  <a:gd name="connsiteX166" fmla="*/ 3136 w 10000"/>
                  <a:gd name="connsiteY166" fmla="*/ 7784 h 10000"/>
                  <a:gd name="connsiteX167" fmla="*/ 3316 w 10000"/>
                  <a:gd name="connsiteY167" fmla="*/ 7710 h 10000"/>
                  <a:gd name="connsiteX168" fmla="*/ 3470 w 10000"/>
                  <a:gd name="connsiteY168" fmla="*/ 7592 h 10000"/>
                  <a:gd name="connsiteX169" fmla="*/ 3625 w 10000"/>
                  <a:gd name="connsiteY169" fmla="*/ 7474 h 10000"/>
                  <a:gd name="connsiteX170" fmla="*/ 3727 w 10000"/>
                  <a:gd name="connsiteY170" fmla="*/ 7312 h 10000"/>
                  <a:gd name="connsiteX171" fmla="*/ 3522 w 10000"/>
                  <a:gd name="connsiteY171" fmla="*/ 7238 h 10000"/>
                  <a:gd name="connsiteX172" fmla="*/ 3341 w 10000"/>
                  <a:gd name="connsiteY172" fmla="*/ 7179 h 10000"/>
                  <a:gd name="connsiteX173" fmla="*/ 3187 w 10000"/>
                  <a:gd name="connsiteY173" fmla="*/ 7090 h 10000"/>
                  <a:gd name="connsiteX174" fmla="*/ 3034 w 10000"/>
                  <a:gd name="connsiteY174" fmla="*/ 6987 h 10000"/>
                  <a:gd name="connsiteX175" fmla="*/ 2929 w 10000"/>
                  <a:gd name="connsiteY175" fmla="*/ 6869 h 10000"/>
                  <a:gd name="connsiteX176" fmla="*/ 2880 w 10000"/>
                  <a:gd name="connsiteY176" fmla="*/ 6721 h 10000"/>
                  <a:gd name="connsiteX177" fmla="*/ 2853 w 10000"/>
                  <a:gd name="connsiteY177" fmla="*/ 6558 h 10000"/>
                  <a:gd name="connsiteX178" fmla="*/ 2880 w 10000"/>
                  <a:gd name="connsiteY178" fmla="*/ 6352 h 10000"/>
                  <a:gd name="connsiteX179" fmla="*/ 2751 w 10000"/>
                  <a:gd name="connsiteY179" fmla="*/ 6322 h 10000"/>
                  <a:gd name="connsiteX180" fmla="*/ 2597 w 10000"/>
                  <a:gd name="connsiteY180" fmla="*/ 6292 h 10000"/>
                  <a:gd name="connsiteX181" fmla="*/ 2417 w 10000"/>
                  <a:gd name="connsiteY181" fmla="*/ 6278 h 10000"/>
                  <a:gd name="connsiteX182" fmla="*/ 2236 w 10000"/>
                  <a:gd name="connsiteY182" fmla="*/ 6263 h 10000"/>
                  <a:gd name="connsiteX183" fmla="*/ 1877 w 10000"/>
                  <a:gd name="connsiteY183" fmla="*/ 6248 h 10000"/>
                  <a:gd name="connsiteX184" fmla="*/ 1491 w 10000"/>
                  <a:gd name="connsiteY184" fmla="*/ 6263 h 10000"/>
                  <a:gd name="connsiteX185" fmla="*/ 1158 w 10000"/>
                  <a:gd name="connsiteY185" fmla="*/ 6278 h 10000"/>
                  <a:gd name="connsiteX186" fmla="*/ 848 w 10000"/>
                  <a:gd name="connsiteY186" fmla="*/ 6278 h 10000"/>
                  <a:gd name="connsiteX187" fmla="*/ 593 w 10000"/>
                  <a:gd name="connsiteY187" fmla="*/ 6263 h 10000"/>
                  <a:gd name="connsiteX188" fmla="*/ 386 w 10000"/>
                  <a:gd name="connsiteY188" fmla="*/ 6233 h 10000"/>
                  <a:gd name="connsiteX189" fmla="*/ 641 w 10000"/>
                  <a:gd name="connsiteY189" fmla="*/ 5805 h 10000"/>
                  <a:gd name="connsiteX190" fmla="*/ 926 w 10000"/>
                  <a:gd name="connsiteY190" fmla="*/ 5391 h 10000"/>
                  <a:gd name="connsiteX191" fmla="*/ 1029 w 10000"/>
                  <a:gd name="connsiteY191" fmla="*/ 5170 h 10000"/>
                  <a:gd name="connsiteX192" fmla="*/ 1105 w 10000"/>
                  <a:gd name="connsiteY192" fmla="*/ 4963 h 10000"/>
                  <a:gd name="connsiteX193" fmla="*/ 1130 w 10000"/>
                  <a:gd name="connsiteY193" fmla="*/ 4860 h 10000"/>
                  <a:gd name="connsiteX194" fmla="*/ 1105 w 10000"/>
                  <a:gd name="connsiteY194" fmla="*/ 4756 h 10000"/>
                  <a:gd name="connsiteX195" fmla="*/ 1080 w 10000"/>
                  <a:gd name="connsiteY195" fmla="*/ 4653 h 10000"/>
                  <a:gd name="connsiteX196" fmla="*/ 1003 w 10000"/>
                  <a:gd name="connsiteY196" fmla="*/ 4549 h 10000"/>
                  <a:gd name="connsiteX197" fmla="*/ 1286 w 10000"/>
                  <a:gd name="connsiteY197" fmla="*/ 4520 h 10000"/>
                  <a:gd name="connsiteX198" fmla="*/ 1491 w 10000"/>
                  <a:gd name="connsiteY198" fmla="*/ 4505 h 10000"/>
                  <a:gd name="connsiteX199" fmla="*/ 1671 w 10000"/>
                  <a:gd name="connsiteY199" fmla="*/ 4505 h 10000"/>
                  <a:gd name="connsiteX200" fmla="*/ 1825 w 10000"/>
                  <a:gd name="connsiteY200" fmla="*/ 4520 h 10000"/>
                  <a:gd name="connsiteX201" fmla="*/ 1954 w 10000"/>
                  <a:gd name="connsiteY201" fmla="*/ 4520 h 10000"/>
                  <a:gd name="connsiteX202" fmla="*/ 2108 w 10000"/>
                  <a:gd name="connsiteY202" fmla="*/ 4520 h 10000"/>
                  <a:gd name="connsiteX203" fmla="*/ 2263 w 10000"/>
                  <a:gd name="connsiteY203" fmla="*/ 4490 h 10000"/>
                  <a:gd name="connsiteX204" fmla="*/ 2467 w 10000"/>
                  <a:gd name="connsiteY204" fmla="*/ 4446 h 10000"/>
                  <a:gd name="connsiteX205" fmla="*/ 2467 w 10000"/>
                  <a:gd name="connsiteY205" fmla="*/ 4579 h 10000"/>
                  <a:gd name="connsiteX206" fmla="*/ 2467 w 10000"/>
                  <a:gd name="connsiteY206" fmla="*/ 4742 h 10000"/>
                  <a:gd name="connsiteX207" fmla="*/ 2467 w 10000"/>
                  <a:gd name="connsiteY207" fmla="*/ 4874 h 10000"/>
                  <a:gd name="connsiteX208" fmla="*/ 2467 w 10000"/>
                  <a:gd name="connsiteY208" fmla="*/ 5037 h 10000"/>
                  <a:gd name="connsiteX209" fmla="*/ 2699 w 10000"/>
                  <a:gd name="connsiteY209" fmla="*/ 5022 h 10000"/>
                  <a:gd name="connsiteX210" fmla="*/ 2853 w 10000"/>
                  <a:gd name="connsiteY210" fmla="*/ 5037 h 10000"/>
                  <a:gd name="connsiteX211" fmla="*/ 2982 w 10000"/>
                  <a:gd name="connsiteY211" fmla="*/ 5066 h 10000"/>
                  <a:gd name="connsiteX212" fmla="*/ 3111 w 10000"/>
                  <a:gd name="connsiteY212" fmla="*/ 5096 h 10000"/>
                  <a:gd name="connsiteX213" fmla="*/ 3214 w 10000"/>
                  <a:gd name="connsiteY213" fmla="*/ 5126 h 10000"/>
                  <a:gd name="connsiteX214" fmla="*/ 3341 w 10000"/>
                  <a:gd name="connsiteY214" fmla="*/ 5155 h 10000"/>
                  <a:gd name="connsiteX215" fmla="*/ 3496 w 10000"/>
                  <a:gd name="connsiteY215" fmla="*/ 5170 h 10000"/>
                  <a:gd name="connsiteX216" fmla="*/ 3727 w 10000"/>
                  <a:gd name="connsiteY216" fmla="*/ 5155 h 10000"/>
                  <a:gd name="connsiteX217" fmla="*/ 3805 w 10000"/>
                  <a:gd name="connsiteY217" fmla="*/ 5096 h 10000"/>
                  <a:gd name="connsiteX218" fmla="*/ 3881 w 10000"/>
                  <a:gd name="connsiteY218" fmla="*/ 5022 h 10000"/>
                  <a:gd name="connsiteX219" fmla="*/ 3907 w 10000"/>
                  <a:gd name="connsiteY219" fmla="*/ 4934 h 10000"/>
                  <a:gd name="connsiteX220" fmla="*/ 3934 w 10000"/>
                  <a:gd name="connsiteY220" fmla="*/ 4860 h 10000"/>
                  <a:gd name="connsiteX221" fmla="*/ 3958 w 10000"/>
                  <a:gd name="connsiteY221" fmla="*/ 4697 h 10000"/>
                  <a:gd name="connsiteX222" fmla="*/ 3934 w 10000"/>
                  <a:gd name="connsiteY222" fmla="*/ 4520 h 10000"/>
                  <a:gd name="connsiteX223" fmla="*/ 3856 w 10000"/>
                  <a:gd name="connsiteY223" fmla="*/ 4343 h 10000"/>
                  <a:gd name="connsiteX224" fmla="*/ 3779 w 10000"/>
                  <a:gd name="connsiteY224" fmla="*/ 4195 h 10000"/>
                  <a:gd name="connsiteX225" fmla="*/ 3650 w 10000"/>
                  <a:gd name="connsiteY225" fmla="*/ 4047 h 10000"/>
                  <a:gd name="connsiteX226" fmla="*/ 3522 w 10000"/>
                  <a:gd name="connsiteY226" fmla="*/ 3959 h 10000"/>
                  <a:gd name="connsiteX227" fmla="*/ 3676 w 10000"/>
                  <a:gd name="connsiteY227" fmla="*/ 3944 h 10000"/>
                  <a:gd name="connsiteX228" fmla="*/ 3805 w 10000"/>
                  <a:gd name="connsiteY228" fmla="*/ 3914 h 10000"/>
                  <a:gd name="connsiteX229" fmla="*/ 3907 w 10000"/>
                  <a:gd name="connsiteY229" fmla="*/ 3855 h 10000"/>
                  <a:gd name="connsiteX230" fmla="*/ 4034 w 10000"/>
                  <a:gd name="connsiteY230" fmla="*/ 3752 h 10000"/>
                  <a:gd name="connsiteX231" fmla="*/ 4164 w 10000"/>
                  <a:gd name="connsiteY231" fmla="*/ 3663 h 10000"/>
                  <a:gd name="connsiteX232" fmla="*/ 4267 w 10000"/>
                  <a:gd name="connsiteY232" fmla="*/ 3560 h 10000"/>
                  <a:gd name="connsiteX233" fmla="*/ 4344 w 10000"/>
                  <a:gd name="connsiteY233" fmla="*/ 3442 h 10000"/>
                  <a:gd name="connsiteX234" fmla="*/ 4422 w 10000"/>
                  <a:gd name="connsiteY234" fmla="*/ 3323 h 10000"/>
                  <a:gd name="connsiteX235" fmla="*/ 4473 w 10000"/>
                  <a:gd name="connsiteY235" fmla="*/ 3220 h 10000"/>
                  <a:gd name="connsiteX236" fmla="*/ 4498 w 10000"/>
                  <a:gd name="connsiteY236" fmla="*/ 3102 h 10000"/>
                  <a:gd name="connsiteX237" fmla="*/ 4525 w 10000"/>
                  <a:gd name="connsiteY237" fmla="*/ 3013 h 10000"/>
                  <a:gd name="connsiteX238" fmla="*/ 4498 w 10000"/>
                  <a:gd name="connsiteY238" fmla="*/ 2939 h 10000"/>
                  <a:gd name="connsiteX239" fmla="*/ 4473 w 10000"/>
                  <a:gd name="connsiteY239" fmla="*/ 2866 h 10000"/>
                  <a:gd name="connsiteX240" fmla="*/ 4396 w 10000"/>
                  <a:gd name="connsiteY240" fmla="*/ 2836 h 10000"/>
                  <a:gd name="connsiteX241" fmla="*/ 4294 w 10000"/>
                  <a:gd name="connsiteY241" fmla="*/ 2836 h 10000"/>
                  <a:gd name="connsiteX242" fmla="*/ 4164 w 10000"/>
                  <a:gd name="connsiteY242" fmla="*/ 2866 h 10000"/>
                  <a:gd name="connsiteX243" fmla="*/ 4267 w 10000"/>
                  <a:gd name="connsiteY243" fmla="*/ 2777 h 10000"/>
                  <a:gd name="connsiteX244" fmla="*/ 4320 w 10000"/>
                  <a:gd name="connsiteY244" fmla="*/ 2674 h 10000"/>
                  <a:gd name="connsiteX245" fmla="*/ 4344 w 10000"/>
                  <a:gd name="connsiteY245" fmla="*/ 2541 h 10000"/>
                  <a:gd name="connsiteX246" fmla="*/ 4344 w 10000"/>
                  <a:gd name="connsiteY246" fmla="*/ 2393 h 10000"/>
                  <a:gd name="connsiteX247" fmla="*/ 4369 w 10000"/>
                  <a:gd name="connsiteY247" fmla="*/ 2349 h 10000"/>
                  <a:gd name="connsiteX248" fmla="*/ 4422 w 10000"/>
                  <a:gd name="connsiteY248" fmla="*/ 2304 h 10000"/>
                  <a:gd name="connsiteX249" fmla="*/ 4473 w 10000"/>
                  <a:gd name="connsiteY249" fmla="*/ 2290 h 10000"/>
                  <a:gd name="connsiteX250" fmla="*/ 4551 w 10000"/>
                  <a:gd name="connsiteY250" fmla="*/ 2275 h 10000"/>
                  <a:gd name="connsiteX251" fmla="*/ 4781 w 10000"/>
                  <a:gd name="connsiteY251" fmla="*/ 2260 h 10000"/>
                  <a:gd name="connsiteX252" fmla="*/ 4986 w 10000"/>
                  <a:gd name="connsiteY252" fmla="*/ 2275 h 10000"/>
                  <a:gd name="connsiteX253" fmla="*/ 4961 w 10000"/>
                  <a:gd name="connsiteY253" fmla="*/ 2112 h 10000"/>
                  <a:gd name="connsiteX254" fmla="*/ 4910 w 10000"/>
                  <a:gd name="connsiteY254" fmla="*/ 1950 h 10000"/>
                  <a:gd name="connsiteX255" fmla="*/ 4832 w 10000"/>
                  <a:gd name="connsiteY255" fmla="*/ 1802 h 10000"/>
                  <a:gd name="connsiteX256" fmla="*/ 4731 w 10000"/>
                  <a:gd name="connsiteY256" fmla="*/ 1640 h 10000"/>
                  <a:gd name="connsiteX257" fmla="*/ 4473 w 10000"/>
                  <a:gd name="connsiteY257" fmla="*/ 1329 h 10000"/>
                  <a:gd name="connsiteX258" fmla="*/ 4216 w 10000"/>
                  <a:gd name="connsiteY258" fmla="*/ 1034 h 10000"/>
                  <a:gd name="connsiteX259" fmla="*/ 4087 w 10000"/>
                  <a:gd name="connsiteY259" fmla="*/ 901 h 10000"/>
                  <a:gd name="connsiteX260" fmla="*/ 3986 w 10000"/>
                  <a:gd name="connsiteY260" fmla="*/ 753 h 10000"/>
                  <a:gd name="connsiteX261" fmla="*/ 3907 w 10000"/>
                  <a:gd name="connsiteY261" fmla="*/ 620 h 10000"/>
                  <a:gd name="connsiteX262" fmla="*/ 3881 w 10000"/>
                  <a:gd name="connsiteY262" fmla="*/ 487 h 10000"/>
                  <a:gd name="connsiteX263" fmla="*/ 3856 w 10000"/>
                  <a:gd name="connsiteY263" fmla="*/ 355 h 10000"/>
                  <a:gd name="connsiteX264" fmla="*/ 3907 w 10000"/>
                  <a:gd name="connsiteY264" fmla="*/ 222 h 10000"/>
                  <a:gd name="connsiteX265" fmla="*/ 3934 w 10000"/>
                  <a:gd name="connsiteY265" fmla="*/ 162 h 10000"/>
                  <a:gd name="connsiteX266" fmla="*/ 3986 w 10000"/>
                  <a:gd name="connsiteY266" fmla="*/ 103 h 10000"/>
                  <a:gd name="connsiteX267" fmla="*/ 4063 w 10000"/>
                  <a:gd name="connsiteY267" fmla="*/ 59 h 10000"/>
                  <a:gd name="connsiteX268" fmla="*/ 4164 w 10000"/>
                  <a:gd name="connsiteY268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274 w 10000"/>
                  <a:gd name="connsiteY52" fmla="*/ 4549 h 10000"/>
                  <a:gd name="connsiteX53" fmla="*/ 7095 w 10000"/>
                  <a:gd name="connsiteY53" fmla="*/ 4638 h 10000"/>
                  <a:gd name="connsiteX54" fmla="*/ 7095 w 10000"/>
                  <a:gd name="connsiteY54" fmla="*/ 4697 h 10000"/>
                  <a:gd name="connsiteX55" fmla="*/ 7069 w 10000"/>
                  <a:gd name="connsiteY55" fmla="*/ 4801 h 10000"/>
                  <a:gd name="connsiteX56" fmla="*/ 7069 w 10000"/>
                  <a:gd name="connsiteY56" fmla="*/ 4904 h 10000"/>
                  <a:gd name="connsiteX57" fmla="*/ 6941 w 10000"/>
                  <a:gd name="connsiteY57" fmla="*/ 4860 h 10000"/>
                  <a:gd name="connsiteX58" fmla="*/ 6863 w 10000"/>
                  <a:gd name="connsiteY58" fmla="*/ 4801 h 10000"/>
                  <a:gd name="connsiteX59" fmla="*/ 6786 w 10000"/>
                  <a:gd name="connsiteY59" fmla="*/ 4727 h 10000"/>
                  <a:gd name="connsiteX60" fmla="*/ 6710 w 10000"/>
                  <a:gd name="connsiteY60" fmla="*/ 4638 h 10000"/>
                  <a:gd name="connsiteX61" fmla="*/ 6582 w 10000"/>
                  <a:gd name="connsiteY61" fmla="*/ 4476 h 10000"/>
                  <a:gd name="connsiteX62" fmla="*/ 6451 w 10000"/>
                  <a:gd name="connsiteY62" fmla="*/ 4313 h 10000"/>
                  <a:gd name="connsiteX63" fmla="*/ 6607 w 10000"/>
                  <a:gd name="connsiteY63" fmla="*/ 4210 h 10000"/>
                  <a:gd name="connsiteX64" fmla="*/ 9306 w 10000"/>
                  <a:gd name="connsiteY64" fmla="*/ 3338 h 10000"/>
                  <a:gd name="connsiteX65" fmla="*/ 9536 w 10000"/>
                  <a:gd name="connsiteY65" fmla="*/ 3117 h 10000"/>
                  <a:gd name="connsiteX66" fmla="*/ 9563 w 10000"/>
                  <a:gd name="connsiteY66" fmla="*/ 3072 h 10000"/>
                  <a:gd name="connsiteX67" fmla="*/ 9588 w 10000"/>
                  <a:gd name="connsiteY67" fmla="*/ 3013 h 10000"/>
                  <a:gd name="connsiteX68" fmla="*/ 9588 w 10000"/>
                  <a:gd name="connsiteY68" fmla="*/ 2954 h 10000"/>
                  <a:gd name="connsiteX69" fmla="*/ 9563 w 10000"/>
                  <a:gd name="connsiteY69" fmla="*/ 2866 h 10000"/>
                  <a:gd name="connsiteX70" fmla="*/ 9383 w 10000"/>
                  <a:gd name="connsiteY70" fmla="*/ 2984 h 10000"/>
                  <a:gd name="connsiteX71" fmla="*/ 9178 w 10000"/>
                  <a:gd name="connsiteY71" fmla="*/ 3072 h 10000"/>
                  <a:gd name="connsiteX72" fmla="*/ 8971 w 10000"/>
                  <a:gd name="connsiteY72" fmla="*/ 3161 h 10000"/>
                  <a:gd name="connsiteX73" fmla="*/ 8766 w 10000"/>
                  <a:gd name="connsiteY73" fmla="*/ 3250 h 10000"/>
                  <a:gd name="connsiteX74" fmla="*/ 8302 w 10000"/>
                  <a:gd name="connsiteY74" fmla="*/ 3397 h 10000"/>
                  <a:gd name="connsiteX75" fmla="*/ 7815 w 10000"/>
                  <a:gd name="connsiteY75" fmla="*/ 3545 h 10000"/>
                  <a:gd name="connsiteX76" fmla="*/ 7327 w 10000"/>
                  <a:gd name="connsiteY76" fmla="*/ 3678 h 10000"/>
                  <a:gd name="connsiteX77" fmla="*/ 6863 w 10000"/>
                  <a:gd name="connsiteY77" fmla="*/ 3840 h 10000"/>
                  <a:gd name="connsiteX78" fmla="*/ 6632 w 10000"/>
                  <a:gd name="connsiteY78" fmla="*/ 3914 h 10000"/>
                  <a:gd name="connsiteX79" fmla="*/ 6427 w 10000"/>
                  <a:gd name="connsiteY79" fmla="*/ 4003 h 10000"/>
                  <a:gd name="connsiteX80" fmla="*/ 6222 w 10000"/>
                  <a:gd name="connsiteY80" fmla="*/ 4106 h 10000"/>
                  <a:gd name="connsiteX81" fmla="*/ 6014 w 10000"/>
                  <a:gd name="connsiteY81" fmla="*/ 4195 h 10000"/>
                  <a:gd name="connsiteX82" fmla="*/ 6169 w 10000"/>
                  <a:gd name="connsiteY82" fmla="*/ 4417 h 10000"/>
                  <a:gd name="connsiteX83" fmla="*/ 6273 w 10000"/>
                  <a:gd name="connsiteY83" fmla="*/ 4623 h 10000"/>
                  <a:gd name="connsiteX84" fmla="*/ 6375 w 10000"/>
                  <a:gd name="connsiteY84" fmla="*/ 4845 h 10000"/>
                  <a:gd name="connsiteX85" fmla="*/ 6451 w 10000"/>
                  <a:gd name="connsiteY85" fmla="*/ 5081 h 10000"/>
                  <a:gd name="connsiteX86" fmla="*/ 6504 w 10000"/>
                  <a:gd name="connsiteY86" fmla="*/ 5318 h 10000"/>
                  <a:gd name="connsiteX87" fmla="*/ 6530 w 10000"/>
                  <a:gd name="connsiteY87" fmla="*/ 5539 h 10000"/>
                  <a:gd name="connsiteX88" fmla="*/ 6554 w 10000"/>
                  <a:gd name="connsiteY88" fmla="*/ 5775 h 10000"/>
                  <a:gd name="connsiteX89" fmla="*/ 6554 w 10000"/>
                  <a:gd name="connsiteY89" fmla="*/ 5997 h 10000"/>
                  <a:gd name="connsiteX90" fmla="*/ 6530 w 10000"/>
                  <a:gd name="connsiteY90" fmla="*/ 6233 h 10000"/>
                  <a:gd name="connsiteX91" fmla="*/ 6478 w 10000"/>
                  <a:gd name="connsiteY91" fmla="*/ 6470 h 10000"/>
                  <a:gd name="connsiteX92" fmla="*/ 6427 w 10000"/>
                  <a:gd name="connsiteY92" fmla="*/ 6677 h 10000"/>
                  <a:gd name="connsiteX93" fmla="*/ 6350 w 10000"/>
                  <a:gd name="connsiteY93" fmla="*/ 6898 h 10000"/>
                  <a:gd name="connsiteX94" fmla="*/ 6247 w 10000"/>
                  <a:gd name="connsiteY94" fmla="*/ 7105 h 10000"/>
                  <a:gd name="connsiteX95" fmla="*/ 6119 w 10000"/>
                  <a:gd name="connsiteY95" fmla="*/ 7297 h 10000"/>
                  <a:gd name="connsiteX96" fmla="*/ 5964 w 10000"/>
                  <a:gd name="connsiteY96" fmla="*/ 7489 h 10000"/>
                  <a:gd name="connsiteX97" fmla="*/ 5809 w 10000"/>
                  <a:gd name="connsiteY97" fmla="*/ 7681 h 10000"/>
                  <a:gd name="connsiteX98" fmla="*/ 6554 w 10000"/>
                  <a:gd name="connsiteY98" fmla="*/ 7799 h 10000"/>
                  <a:gd name="connsiteX99" fmla="*/ 7327 w 10000"/>
                  <a:gd name="connsiteY99" fmla="*/ 7962 h 10000"/>
                  <a:gd name="connsiteX100" fmla="*/ 7480 w 10000"/>
                  <a:gd name="connsiteY100" fmla="*/ 8021 h 10000"/>
                  <a:gd name="connsiteX101" fmla="*/ 7609 w 10000"/>
                  <a:gd name="connsiteY101" fmla="*/ 8080 h 10000"/>
                  <a:gd name="connsiteX102" fmla="*/ 7737 w 10000"/>
                  <a:gd name="connsiteY102" fmla="*/ 8139 h 10000"/>
                  <a:gd name="connsiteX103" fmla="*/ 7815 w 10000"/>
                  <a:gd name="connsiteY103" fmla="*/ 8227 h 10000"/>
                  <a:gd name="connsiteX104" fmla="*/ 7841 w 10000"/>
                  <a:gd name="connsiteY104" fmla="*/ 8301 h 10000"/>
                  <a:gd name="connsiteX105" fmla="*/ 7841 w 10000"/>
                  <a:gd name="connsiteY105" fmla="*/ 8405 h 10000"/>
                  <a:gd name="connsiteX106" fmla="*/ 7790 w 10000"/>
                  <a:gd name="connsiteY106" fmla="*/ 8523 h 10000"/>
                  <a:gd name="connsiteX107" fmla="*/ 7712 w 10000"/>
                  <a:gd name="connsiteY107" fmla="*/ 8641 h 10000"/>
                  <a:gd name="connsiteX108" fmla="*/ 7378 w 10000"/>
                  <a:gd name="connsiteY108" fmla="*/ 8552 h 10000"/>
                  <a:gd name="connsiteX109" fmla="*/ 7069 w 10000"/>
                  <a:gd name="connsiteY109" fmla="*/ 8449 h 10000"/>
                  <a:gd name="connsiteX110" fmla="*/ 6760 w 10000"/>
                  <a:gd name="connsiteY110" fmla="*/ 8360 h 10000"/>
                  <a:gd name="connsiteX111" fmla="*/ 6451 w 10000"/>
                  <a:gd name="connsiteY111" fmla="*/ 8287 h 10000"/>
                  <a:gd name="connsiteX112" fmla="*/ 6323 w 10000"/>
                  <a:gd name="connsiteY112" fmla="*/ 8449 h 10000"/>
                  <a:gd name="connsiteX113" fmla="*/ 6222 w 10000"/>
                  <a:gd name="connsiteY113" fmla="*/ 8597 h 10000"/>
                  <a:gd name="connsiteX114" fmla="*/ 6169 w 10000"/>
                  <a:gd name="connsiteY114" fmla="*/ 8656 h 10000"/>
                  <a:gd name="connsiteX115" fmla="*/ 6066 w 10000"/>
                  <a:gd name="connsiteY115" fmla="*/ 8700 h 10000"/>
                  <a:gd name="connsiteX116" fmla="*/ 5990 w 10000"/>
                  <a:gd name="connsiteY116" fmla="*/ 8744 h 10000"/>
                  <a:gd name="connsiteX117" fmla="*/ 5913 w 10000"/>
                  <a:gd name="connsiteY117" fmla="*/ 8774 h 10000"/>
                  <a:gd name="connsiteX118" fmla="*/ 5835 w 10000"/>
                  <a:gd name="connsiteY118" fmla="*/ 8804 h 10000"/>
                  <a:gd name="connsiteX119" fmla="*/ 5733 w 10000"/>
                  <a:gd name="connsiteY119" fmla="*/ 8818 h 10000"/>
                  <a:gd name="connsiteX120" fmla="*/ 5603 w 10000"/>
                  <a:gd name="connsiteY120" fmla="*/ 8833 h 10000"/>
                  <a:gd name="connsiteX121" fmla="*/ 5476 w 10000"/>
                  <a:gd name="connsiteY121" fmla="*/ 8833 h 10000"/>
                  <a:gd name="connsiteX122" fmla="*/ 5168 w 10000"/>
                  <a:gd name="connsiteY122" fmla="*/ 8818 h 10000"/>
                  <a:gd name="connsiteX123" fmla="*/ 4781 w 10000"/>
                  <a:gd name="connsiteY123" fmla="*/ 8744 h 10000"/>
                  <a:gd name="connsiteX124" fmla="*/ 4781 w 10000"/>
                  <a:gd name="connsiteY124" fmla="*/ 8922 h 10000"/>
                  <a:gd name="connsiteX125" fmla="*/ 4755 w 10000"/>
                  <a:gd name="connsiteY125" fmla="*/ 9069 h 10000"/>
                  <a:gd name="connsiteX126" fmla="*/ 4731 w 10000"/>
                  <a:gd name="connsiteY126" fmla="*/ 9232 h 10000"/>
                  <a:gd name="connsiteX127" fmla="*/ 4704 w 10000"/>
                  <a:gd name="connsiteY127" fmla="*/ 9365 h 10000"/>
                  <a:gd name="connsiteX128" fmla="*/ 4652 w 10000"/>
                  <a:gd name="connsiteY128" fmla="*/ 9498 h 10000"/>
                  <a:gd name="connsiteX129" fmla="*/ 4551 w 10000"/>
                  <a:gd name="connsiteY129" fmla="*/ 9616 h 10000"/>
                  <a:gd name="connsiteX130" fmla="*/ 4473 w 10000"/>
                  <a:gd name="connsiteY130" fmla="*/ 9734 h 10000"/>
                  <a:gd name="connsiteX131" fmla="*/ 4344 w 10000"/>
                  <a:gd name="connsiteY131" fmla="*/ 9838 h 10000"/>
                  <a:gd name="connsiteX132" fmla="*/ 4034 w 10000"/>
                  <a:gd name="connsiteY132" fmla="*/ 9897 h 10000"/>
                  <a:gd name="connsiteX133" fmla="*/ 3779 w 10000"/>
                  <a:gd name="connsiteY133" fmla="*/ 9941 h 10000"/>
                  <a:gd name="connsiteX134" fmla="*/ 3470 w 10000"/>
                  <a:gd name="connsiteY134" fmla="*/ 9985 h 10000"/>
                  <a:gd name="connsiteX135" fmla="*/ 3239 w 10000"/>
                  <a:gd name="connsiteY135" fmla="*/ 10000 h 10000"/>
                  <a:gd name="connsiteX136" fmla="*/ 2725 w 10000"/>
                  <a:gd name="connsiteY136" fmla="*/ 10000 h 10000"/>
                  <a:gd name="connsiteX137" fmla="*/ 2236 w 10000"/>
                  <a:gd name="connsiteY137" fmla="*/ 9985 h 10000"/>
                  <a:gd name="connsiteX138" fmla="*/ 1775 w 10000"/>
                  <a:gd name="connsiteY138" fmla="*/ 9941 h 10000"/>
                  <a:gd name="connsiteX139" fmla="*/ 1286 w 10000"/>
                  <a:gd name="connsiteY139" fmla="*/ 9911 h 10000"/>
                  <a:gd name="connsiteX140" fmla="*/ 1003 w 10000"/>
                  <a:gd name="connsiteY140" fmla="*/ 9911 h 10000"/>
                  <a:gd name="connsiteX141" fmla="*/ 745 w 10000"/>
                  <a:gd name="connsiteY141" fmla="*/ 9911 h 10000"/>
                  <a:gd name="connsiteX142" fmla="*/ 463 w 10000"/>
                  <a:gd name="connsiteY142" fmla="*/ 9926 h 10000"/>
                  <a:gd name="connsiteX143" fmla="*/ 180 w 10000"/>
                  <a:gd name="connsiteY143" fmla="*/ 9970 h 10000"/>
                  <a:gd name="connsiteX144" fmla="*/ 103 w 10000"/>
                  <a:gd name="connsiteY144" fmla="*/ 9867 h 10000"/>
                  <a:gd name="connsiteX145" fmla="*/ 52 w 10000"/>
                  <a:gd name="connsiteY145" fmla="*/ 9793 h 10000"/>
                  <a:gd name="connsiteX146" fmla="*/ 0 w 10000"/>
                  <a:gd name="connsiteY146" fmla="*/ 9705 h 10000"/>
                  <a:gd name="connsiteX147" fmla="*/ 0 w 10000"/>
                  <a:gd name="connsiteY147" fmla="*/ 9601 h 10000"/>
                  <a:gd name="connsiteX148" fmla="*/ 52 w 10000"/>
                  <a:gd name="connsiteY148" fmla="*/ 9424 h 10000"/>
                  <a:gd name="connsiteX149" fmla="*/ 103 w 10000"/>
                  <a:gd name="connsiteY149" fmla="*/ 9202 h 10000"/>
                  <a:gd name="connsiteX150" fmla="*/ 153 w 10000"/>
                  <a:gd name="connsiteY150" fmla="*/ 8996 h 10000"/>
                  <a:gd name="connsiteX151" fmla="*/ 206 w 10000"/>
                  <a:gd name="connsiteY151" fmla="*/ 8759 h 10000"/>
                  <a:gd name="connsiteX152" fmla="*/ 231 w 10000"/>
                  <a:gd name="connsiteY152" fmla="*/ 8641 h 10000"/>
                  <a:gd name="connsiteX153" fmla="*/ 231 w 10000"/>
                  <a:gd name="connsiteY153" fmla="*/ 8538 h 10000"/>
                  <a:gd name="connsiteX154" fmla="*/ 206 w 10000"/>
                  <a:gd name="connsiteY154" fmla="*/ 8405 h 10000"/>
                  <a:gd name="connsiteX155" fmla="*/ 180 w 10000"/>
                  <a:gd name="connsiteY155" fmla="*/ 8287 h 10000"/>
                  <a:gd name="connsiteX156" fmla="*/ 437 w 10000"/>
                  <a:gd name="connsiteY156" fmla="*/ 8213 h 10000"/>
                  <a:gd name="connsiteX157" fmla="*/ 694 w 10000"/>
                  <a:gd name="connsiteY157" fmla="*/ 8139 h 10000"/>
                  <a:gd name="connsiteX158" fmla="*/ 951 w 10000"/>
                  <a:gd name="connsiteY158" fmla="*/ 8095 h 10000"/>
                  <a:gd name="connsiteX159" fmla="*/ 1234 w 10000"/>
                  <a:gd name="connsiteY159" fmla="*/ 8065 h 10000"/>
                  <a:gd name="connsiteX160" fmla="*/ 1747 w 10000"/>
                  <a:gd name="connsiteY160" fmla="*/ 8021 h 10000"/>
                  <a:gd name="connsiteX161" fmla="*/ 2263 w 10000"/>
                  <a:gd name="connsiteY161" fmla="*/ 7976 h 10000"/>
                  <a:gd name="connsiteX162" fmla="*/ 2494 w 10000"/>
                  <a:gd name="connsiteY162" fmla="*/ 7947 h 10000"/>
                  <a:gd name="connsiteX163" fmla="*/ 2725 w 10000"/>
                  <a:gd name="connsiteY163" fmla="*/ 7917 h 10000"/>
                  <a:gd name="connsiteX164" fmla="*/ 2929 w 10000"/>
                  <a:gd name="connsiteY164" fmla="*/ 7843 h 10000"/>
                  <a:gd name="connsiteX165" fmla="*/ 3136 w 10000"/>
                  <a:gd name="connsiteY165" fmla="*/ 7784 h 10000"/>
                  <a:gd name="connsiteX166" fmla="*/ 3316 w 10000"/>
                  <a:gd name="connsiteY166" fmla="*/ 7710 h 10000"/>
                  <a:gd name="connsiteX167" fmla="*/ 3470 w 10000"/>
                  <a:gd name="connsiteY167" fmla="*/ 7592 h 10000"/>
                  <a:gd name="connsiteX168" fmla="*/ 3625 w 10000"/>
                  <a:gd name="connsiteY168" fmla="*/ 7474 h 10000"/>
                  <a:gd name="connsiteX169" fmla="*/ 3727 w 10000"/>
                  <a:gd name="connsiteY169" fmla="*/ 7312 h 10000"/>
                  <a:gd name="connsiteX170" fmla="*/ 3522 w 10000"/>
                  <a:gd name="connsiteY170" fmla="*/ 7238 h 10000"/>
                  <a:gd name="connsiteX171" fmla="*/ 3341 w 10000"/>
                  <a:gd name="connsiteY171" fmla="*/ 7179 h 10000"/>
                  <a:gd name="connsiteX172" fmla="*/ 3187 w 10000"/>
                  <a:gd name="connsiteY172" fmla="*/ 7090 h 10000"/>
                  <a:gd name="connsiteX173" fmla="*/ 3034 w 10000"/>
                  <a:gd name="connsiteY173" fmla="*/ 6987 h 10000"/>
                  <a:gd name="connsiteX174" fmla="*/ 2929 w 10000"/>
                  <a:gd name="connsiteY174" fmla="*/ 6869 h 10000"/>
                  <a:gd name="connsiteX175" fmla="*/ 2880 w 10000"/>
                  <a:gd name="connsiteY175" fmla="*/ 6721 h 10000"/>
                  <a:gd name="connsiteX176" fmla="*/ 2853 w 10000"/>
                  <a:gd name="connsiteY176" fmla="*/ 6558 h 10000"/>
                  <a:gd name="connsiteX177" fmla="*/ 2880 w 10000"/>
                  <a:gd name="connsiteY177" fmla="*/ 6352 h 10000"/>
                  <a:gd name="connsiteX178" fmla="*/ 2751 w 10000"/>
                  <a:gd name="connsiteY178" fmla="*/ 6322 h 10000"/>
                  <a:gd name="connsiteX179" fmla="*/ 2597 w 10000"/>
                  <a:gd name="connsiteY179" fmla="*/ 6292 h 10000"/>
                  <a:gd name="connsiteX180" fmla="*/ 2417 w 10000"/>
                  <a:gd name="connsiteY180" fmla="*/ 6278 h 10000"/>
                  <a:gd name="connsiteX181" fmla="*/ 2236 w 10000"/>
                  <a:gd name="connsiteY181" fmla="*/ 6263 h 10000"/>
                  <a:gd name="connsiteX182" fmla="*/ 1877 w 10000"/>
                  <a:gd name="connsiteY182" fmla="*/ 6248 h 10000"/>
                  <a:gd name="connsiteX183" fmla="*/ 1491 w 10000"/>
                  <a:gd name="connsiteY183" fmla="*/ 6263 h 10000"/>
                  <a:gd name="connsiteX184" fmla="*/ 1158 w 10000"/>
                  <a:gd name="connsiteY184" fmla="*/ 6278 h 10000"/>
                  <a:gd name="connsiteX185" fmla="*/ 848 w 10000"/>
                  <a:gd name="connsiteY185" fmla="*/ 6278 h 10000"/>
                  <a:gd name="connsiteX186" fmla="*/ 593 w 10000"/>
                  <a:gd name="connsiteY186" fmla="*/ 6263 h 10000"/>
                  <a:gd name="connsiteX187" fmla="*/ 386 w 10000"/>
                  <a:gd name="connsiteY187" fmla="*/ 6233 h 10000"/>
                  <a:gd name="connsiteX188" fmla="*/ 641 w 10000"/>
                  <a:gd name="connsiteY188" fmla="*/ 5805 h 10000"/>
                  <a:gd name="connsiteX189" fmla="*/ 926 w 10000"/>
                  <a:gd name="connsiteY189" fmla="*/ 5391 h 10000"/>
                  <a:gd name="connsiteX190" fmla="*/ 1029 w 10000"/>
                  <a:gd name="connsiteY190" fmla="*/ 5170 h 10000"/>
                  <a:gd name="connsiteX191" fmla="*/ 1105 w 10000"/>
                  <a:gd name="connsiteY191" fmla="*/ 4963 h 10000"/>
                  <a:gd name="connsiteX192" fmla="*/ 1130 w 10000"/>
                  <a:gd name="connsiteY192" fmla="*/ 4860 h 10000"/>
                  <a:gd name="connsiteX193" fmla="*/ 1105 w 10000"/>
                  <a:gd name="connsiteY193" fmla="*/ 4756 h 10000"/>
                  <a:gd name="connsiteX194" fmla="*/ 1080 w 10000"/>
                  <a:gd name="connsiteY194" fmla="*/ 4653 h 10000"/>
                  <a:gd name="connsiteX195" fmla="*/ 1003 w 10000"/>
                  <a:gd name="connsiteY195" fmla="*/ 4549 h 10000"/>
                  <a:gd name="connsiteX196" fmla="*/ 1286 w 10000"/>
                  <a:gd name="connsiteY196" fmla="*/ 4520 h 10000"/>
                  <a:gd name="connsiteX197" fmla="*/ 1491 w 10000"/>
                  <a:gd name="connsiteY197" fmla="*/ 4505 h 10000"/>
                  <a:gd name="connsiteX198" fmla="*/ 1671 w 10000"/>
                  <a:gd name="connsiteY198" fmla="*/ 4505 h 10000"/>
                  <a:gd name="connsiteX199" fmla="*/ 1825 w 10000"/>
                  <a:gd name="connsiteY199" fmla="*/ 4520 h 10000"/>
                  <a:gd name="connsiteX200" fmla="*/ 1954 w 10000"/>
                  <a:gd name="connsiteY200" fmla="*/ 4520 h 10000"/>
                  <a:gd name="connsiteX201" fmla="*/ 2108 w 10000"/>
                  <a:gd name="connsiteY201" fmla="*/ 4520 h 10000"/>
                  <a:gd name="connsiteX202" fmla="*/ 2263 w 10000"/>
                  <a:gd name="connsiteY202" fmla="*/ 4490 h 10000"/>
                  <a:gd name="connsiteX203" fmla="*/ 2467 w 10000"/>
                  <a:gd name="connsiteY203" fmla="*/ 4446 h 10000"/>
                  <a:gd name="connsiteX204" fmla="*/ 2467 w 10000"/>
                  <a:gd name="connsiteY204" fmla="*/ 4579 h 10000"/>
                  <a:gd name="connsiteX205" fmla="*/ 2467 w 10000"/>
                  <a:gd name="connsiteY205" fmla="*/ 4742 h 10000"/>
                  <a:gd name="connsiteX206" fmla="*/ 2467 w 10000"/>
                  <a:gd name="connsiteY206" fmla="*/ 4874 h 10000"/>
                  <a:gd name="connsiteX207" fmla="*/ 2467 w 10000"/>
                  <a:gd name="connsiteY207" fmla="*/ 5037 h 10000"/>
                  <a:gd name="connsiteX208" fmla="*/ 2699 w 10000"/>
                  <a:gd name="connsiteY208" fmla="*/ 5022 h 10000"/>
                  <a:gd name="connsiteX209" fmla="*/ 2853 w 10000"/>
                  <a:gd name="connsiteY209" fmla="*/ 5037 h 10000"/>
                  <a:gd name="connsiteX210" fmla="*/ 2982 w 10000"/>
                  <a:gd name="connsiteY210" fmla="*/ 5066 h 10000"/>
                  <a:gd name="connsiteX211" fmla="*/ 3111 w 10000"/>
                  <a:gd name="connsiteY211" fmla="*/ 5096 h 10000"/>
                  <a:gd name="connsiteX212" fmla="*/ 3214 w 10000"/>
                  <a:gd name="connsiteY212" fmla="*/ 5126 h 10000"/>
                  <a:gd name="connsiteX213" fmla="*/ 3341 w 10000"/>
                  <a:gd name="connsiteY213" fmla="*/ 5155 h 10000"/>
                  <a:gd name="connsiteX214" fmla="*/ 3496 w 10000"/>
                  <a:gd name="connsiteY214" fmla="*/ 5170 h 10000"/>
                  <a:gd name="connsiteX215" fmla="*/ 3727 w 10000"/>
                  <a:gd name="connsiteY215" fmla="*/ 5155 h 10000"/>
                  <a:gd name="connsiteX216" fmla="*/ 3805 w 10000"/>
                  <a:gd name="connsiteY216" fmla="*/ 5096 h 10000"/>
                  <a:gd name="connsiteX217" fmla="*/ 3881 w 10000"/>
                  <a:gd name="connsiteY217" fmla="*/ 5022 h 10000"/>
                  <a:gd name="connsiteX218" fmla="*/ 3907 w 10000"/>
                  <a:gd name="connsiteY218" fmla="*/ 4934 h 10000"/>
                  <a:gd name="connsiteX219" fmla="*/ 3934 w 10000"/>
                  <a:gd name="connsiteY219" fmla="*/ 4860 h 10000"/>
                  <a:gd name="connsiteX220" fmla="*/ 3958 w 10000"/>
                  <a:gd name="connsiteY220" fmla="*/ 4697 h 10000"/>
                  <a:gd name="connsiteX221" fmla="*/ 3934 w 10000"/>
                  <a:gd name="connsiteY221" fmla="*/ 4520 h 10000"/>
                  <a:gd name="connsiteX222" fmla="*/ 3856 w 10000"/>
                  <a:gd name="connsiteY222" fmla="*/ 4343 h 10000"/>
                  <a:gd name="connsiteX223" fmla="*/ 3779 w 10000"/>
                  <a:gd name="connsiteY223" fmla="*/ 4195 h 10000"/>
                  <a:gd name="connsiteX224" fmla="*/ 3650 w 10000"/>
                  <a:gd name="connsiteY224" fmla="*/ 4047 h 10000"/>
                  <a:gd name="connsiteX225" fmla="*/ 3522 w 10000"/>
                  <a:gd name="connsiteY225" fmla="*/ 3959 h 10000"/>
                  <a:gd name="connsiteX226" fmla="*/ 3676 w 10000"/>
                  <a:gd name="connsiteY226" fmla="*/ 3944 h 10000"/>
                  <a:gd name="connsiteX227" fmla="*/ 3805 w 10000"/>
                  <a:gd name="connsiteY227" fmla="*/ 3914 h 10000"/>
                  <a:gd name="connsiteX228" fmla="*/ 3907 w 10000"/>
                  <a:gd name="connsiteY228" fmla="*/ 3855 h 10000"/>
                  <a:gd name="connsiteX229" fmla="*/ 4034 w 10000"/>
                  <a:gd name="connsiteY229" fmla="*/ 3752 h 10000"/>
                  <a:gd name="connsiteX230" fmla="*/ 4164 w 10000"/>
                  <a:gd name="connsiteY230" fmla="*/ 3663 h 10000"/>
                  <a:gd name="connsiteX231" fmla="*/ 4267 w 10000"/>
                  <a:gd name="connsiteY231" fmla="*/ 3560 h 10000"/>
                  <a:gd name="connsiteX232" fmla="*/ 4344 w 10000"/>
                  <a:gd name="connsiteY232" fmla="*/ 3442 h 10000"/>
                  <a:gd name="connsiteX233" fmla="*/ 4422 w 10000"/>
                  <a:gd name="connsiteY233" fmla="*/ 3323 h 10000"/>
                  <a:gd name="connsiteX234" fmla="*/ 4473 w 10000"/>
                  <a:gd name="connsiteY234" fmla="*/ 3220 h 10000"/>
                  <a:gd name="connsiteX235" fmla="*/ 4498 w 10000"/>
                  <a:gd name="connsiteY235" fmla="*/ 3102 h 10000"/>
                  <a:gd name="connsiteX236" fmla="*/ 4525 w 10000"/>
                  <a:gd name="connsiteY236" fmla="*/ 3013 h 10000"/>
                  <a:gd name="connsiteX237" fmla="*/ 4498 w 10000"/>
                  <a:gd name="connsiteY237" fmla="*/ 2939 h 10000"/>
                  <a:gd name="connsiteX238" fmla="*/ 4473 w 10000"/>
                  <a:gd name="connsiteY238" fmla="*/ 2866 h 10000"/>
                  <a:gd name="connsiteX239" fmla="*/ 4396 w 10000"/>
                  <a:gd name="connsiteY239" fmla="*/ 2836 h 10000"/>
                  <a:gd name="connsiteX240" fmla="*/ 4294 w 10000"/>
                  <a:gd name="connsiteY240" fmla="*/ 2836 h 10000"/>
                  <a:gd name="connsiteX241" fmla="*/ 4164 w 10000"/>
                  <a:gd name="connsiteY241" fmla="*/ 2866 h 10000"/>
                  <a:gd name="connsiteX242" fmla="*/ 4267 w 10000"/>
                  <a:gd name="connsiteY242" fmla="*/ 2777 h 10000"/>
                  <a:gd name="connsiteX243" fmla="*/ 4320 w 10000"/>
                  <a:gd name="connsiteY243" fmla="*/ 2674 h 10000"/>
                  <a:gd name="connsiteX244" fmla="*/ 4344 w 10000"/>
                  <a:gd name="connsiteY244" fmla="*/ 2541 h 10000"/>
                  <a:gd name="connsiteX245" fmla="*/ 4344 w 10000"/>
                  <a:gd name="connsiteY245" fmla="*/ 2393 h 10000"/>
                  <a:gd name="connsiteX246" fmla="*/ 4369 w 10000"/>
                  <a:gd name="connsiteY246" fmla="*/ 2349 h 10000"/>
                  <a:gd name="connsiteX247" fmla="*/ 4422 w 10000"/>
                  <a:gd name="connsiteY247" fmla="*/ 2304 h 10000"/>
                  <a:gd name="connsiteX248" fmla="*/ 4473 w 10000"/>
                  <a:gd name="connsiteY248" fmla="*/ 2290 h 10000"/>
                  <a:gd name="connsiteX249" fmla="*/ 4551 w 10000"/>
                  <a:gd name="connsiteY249" fmla="*/ 2275 h 10000"/>
                  <a:gd name="connsiteX250" fmla="*/ 4781 w 10000"/>
                  <a:gd name="connsiteY250" fmla="*/ 2260 h 10000"/>
                  <a:gd name="connsiteX251" fmla="*/ 4986 w 10000"/>
                  <a:gd name="connsiteY251" fmla="*/ 2275 h 10000"/>
                  <a:gd name="connsiteX252" fmla="*/ 4961 w 10000"/>
                  <a:gd name="connsiteY252" fmla="*/ 2112 h 10000"/>
                  <a:gd name="connsiteX253" fmla="*/ 4910 w 10000"/>
                  <a:gd name="connsiteY253" fmla="*/ 1950 h 10000"/>
                  <a:gd name="connsiteX254" fmla="*/ 4832 w 10000"/>
                  <a:gd name="connsiteY254" fmla="*/ 1802 h 10000"/>
                  <a:gd name="connsiteX255" fmla="*/ 4731 w 10000"/>
                  <a:gd name="connsiteY255" fmla="*/ 1640 h 10000"/>
                  <a:gd name="connsiteX256" fmla="*/ 4473 w 10000"/>
                  <a:gd name="connsiteY256" fmla="*/ 1329 h 10000"/>
                  <a:gd name="connsiteX257" fmla="*/ 4216 w 10000"/>
                  <a:gd name="connsiteY257" fmla="*/ 1034 h 10000"/>
                  <a:gd name="connsiteX258" fmla="*/ 4087 w 10000"/>
                  <a:gd name="connsiteY258" fmla="*/ 901 h 10000"/>
                  <a:gd name="connsiteX259" fmla="*/ 3986 w 10000"/>
                  <a:gd name="connsiteY259" fmla="*/ 753 h 10000"/>
                  <a:gd name="connsiteX260" fmla="*/ 3907 w 10000"/>
                  <a:gd name="connsiteY260" fmla="*/ 620 h 10000"/>
                  <a:gd name="connsiteX261" fmla="*/ 3881 w 10000"/>
                  <a:gd name="connsiteY261" fmla="*/ 487 h 10000"/>
                  <a:gd name="connsiteX262" fmla="*/ 3856 w 10000"/>
                  <a:gd name="connsiteY262" fmla="*/ 355 h 10000"/>
                  <a:gd name="connsiteX263" fmla="*/ 3907 w 10000"/>
                  <a:gd name="connsiteY263" fmla="*/ 222 h 10000"/>
                  <a:gd name="connsiteX264" fmla="*/ 3934 w 10000"/>
                  <a:gd name="connsiteY264" fmla="*/ 162 h 10000"/>
                  <a:gd name="connsiteX265" fmla="*/ 3986 w 10000"/>
                  <a:gd name="connsiteY265" fmla="*/ 103 h 10000"/>
                  <a:gd name="connsiteX266" fmla="*/ 4063 w 10000"/>
                  <a:gd name="connsiteY266" fmla="*/ 59 h 10000"/>
                  <a:gd name="connsiteX267" fmla="*/ 4164 w 10000"/>
                  <a:gd name="connsiteY267" fmla="*/ 0 h 10000"/>
                  <a:gd name="connsiteX0" fmla="*/ 4164 w 10000"/>
                  <a:gd name="connsiteY0" fmla="*/ 0 h 10000"/>
                  <a:gd name="connsiteX1" fmla="*/ 4344 w 10000"/>
                  <a:gd name="connsiteY1" fmla="*/ 0 h 10000"/>
                  <a:gd name="connsiteX2" fmla="*/ 4525 w 10000"/>
                  <a:gd name="connsiteY2" fmla="*/ 15 h 10000"/>
                  <a:gd name="connsiteX3" fmla="*/ 4704 w 10000"/>
                  <a:gd name="connsiteY3" fmla="*/ 44 h 10000"/>
                  <a:gd name="connsiteX4" fmla="*/ 4832 w 10000"/>
                  <a:gd name="connsiteY4" fmla="*/ 89 h 10000"/>
                  <a:gd name="connsiteX5" fmla="*/ 5039 w 10000"/>
                  <a:gd name="connsiteY5" fmla="*/ 192 h 10000"/>
                  <a:gd name="connsiteX6" fmla="*/ 5244 w 10000"/>
                  <a:gd name="connsiteY6" fmla="*/ 340 h 10000"/>
                  <a:gd name="connsiteX7" fmla="*/ 5398 w 10000"/>
                  <a:gd name="connsiteY7" fmla="*/ 473 h 10000"/>
                  <a:gd name="connsiteX8" fmla="*/ 5603 w 10000"/>
                  <a:gd name="connsiteY8" fmla="*/ 591 h 10000"/>
                  <a:gd name="connsiteX9" fmla="*/ 5733 w 10000"/>
                  <a:gd name="connsiteY9" fmla="*/ 650 h 10000"/>
                  <a:gd name="connsiteX10" fmla="*/ 5887 w 10000"/>
                  <a:gd name="connsiteY10" fmla="*/ 679 h 10000"/>
                  <a:gd name="connsiteX11" fmla="*/ 6042 w 10000"/>
                  <a:gd name="connsiteY11" fmla="*/ 709 h 10000"/>
                  <a:gd name="connsiteX12" fmla="*/ 6247 w 10000"/>
                  <a:gd name="connsiteY12" fmla="*/ 709 h 10000"/>
                  <a:gd name="connsiteX13" fmla="*/ 6247 w 10000"/>
                  <a:gd name="connsiteY13" fmla="*/ 768 h 10000"/>
                  <a:gd name="connsiteX14" fmla="*/ 6273 w 10000"/>
                  <a:gd name="connsiteY14" fmla="*/ 842 h 10000"/>
                  <a:gd name="connsiteX15" fmla="*/ 6323 w 10000"/>
                  <a:gd name="connsiteY15" fmla="*/ 916 h 10000"/>
                  <a:gd name="connsiteX16" fmla="*/ 6375 w 10000"/>
                  <a:gd name="connsiteY16" fmla="*/ 990 h 10000"/>
                  <a:gd name="connsiteX17" fmla="*/ 6451 w 10000"/>
                  <a:gd name="connsiteY17" fmla="*/ 1049 h 10000"/>
                  <a:gd name="connsiteX18" fmla="*/ 6554 w 10000"/>
                  <a:gd name="connsiteY18" fmla="*/ 1108 h 10000"/>
                  <a:gd name="connsiteX19" fmla="*/ 6683 w 10000"/>
                  <a:gd name="connsiteY19" fmla="*/ 1182 h 10000"/>
                  <a:gd name="connsiteX20" fmla="*/ 6786 w 10000"/>
                  <a:gd name="connsiteY20" fmla="*/ 1226 h 10000"/>
                  <a:gd name="connsiteX21" fmla="*/ 6889 w 10000"/>
                  <a:gd name="connsiteY21" fmla="*/ 1270 h 10000"/>
                  <a:gd name="connsiteX22" fmla="*/ 6992 w 10000"/>
                  <a:gd name="connsiteY22" fmla="*/ 1300 h 10000"/>
                  <a:gd name="connsiteX23" fmla="*/ 7095 w 10000"/>
                  <a:gd name="connsiteY23" fmla="*/ 1315 h 10000"/>
                  <a:gd name="connsiteX24" fmla="*/ 7224 w 10000"/>
                  <a:gd name="connsiteY24" fmla="*/ 1300 h 10000"/>
                  <a:gd name="connsiteX25" fmla="*/ 7327 w 10000"/>
                  <a:gd name="connsiteY25" fmla="*/ 1285 h 10000"/>
                  <a:gd name="connsiteX26" fmla="*/ 7403 w 10000"/>
                  <a:gd name="connsiteY26" fmla="*/ 1241 h 10000"/>
                  <a:gd name="connsiteX27" fmla="*/ 7456 w 10000"/>
                  <a:gd name="connsiteY27" fmla="*/ 1167 h 10000"/>
                  <a:gd name="connsiteX28" fmla="*/ 7480 w 10000"/>
                  <a:gd name="connsiteY28" fmla="*/ 1064 h 10000"/>
                  <a:gd name="connsiteX29" fmla="*/ 7866 w 10000"/>
                  <a:gd name="connsiteY29" fmla="*/ 1034 h 10000"/>
                  <a:gd name="connsiteX30" fmla="*/ 8225 w 10000"/>
                  <a:gd name="connsiteY30" fmla="*/ 1004 h 10000"/>
                  <a:gd name="connsiteX31" fmla="*/ 8535 w 10000"/>
                  <a:gd name="connsiteY31" fmla="*/ 990 h 10000"/>
                  <a:gd name="connsiteX32" fmla="*/ 8818 w 10000"/>
                  <a:gd name="connsiteY32" fmla="*/ 1004 h 10000"/>
                  <a:gd name="connsiteX33" fmla="*/ 8947 w 10000"/>
                  <a:gd name="connsiteY33" fmla="*/ 1019 h 10000"/>
                  <a:gd name="connsiteX34" fmla="*/ 9073 w 10000"/>
                  <a:gd name="connsiteY34" fmla="*/ 1034 h 10000"/>
                  <a:gd name="connsiteX35" fmla="*/ 9178 w 10000"/>
                  <a:gd name="connsiteY35" fmla="*/ 1064 h 10000"/>
                  <a:gd name="connsiteX36" fmla="*/ 9306 w 10000"/>
                  <a:gd name="connsiteY36" fmla="*/ 1108 h 10000"/>
                  <a:gd name="connsiteX37" fmla="*/ 9383 w 10000"/>
                  <a:gd name="connsiteY37" fmla="*/ 1182 h 10000"/>
                  <a:gd name="connsiteX38" fmla="*/ 9459 w 10000"/>
                  <a:gd name="connsiteY38" fmla="*/ 1241 h 10000"/>
                  <a:gd name="connsiteX39" fmla="*/ 9512 w 10000"/>
                  <a:gd name="connsiteY39" fmla="*/ 1329 h 10000"/>
                  <a:gd name="connsiteX40" fmla="*/ 9563 w 10000"/>
                  <a:gd name="connsiteY40" fmla="*/ 1433 h 10000"/>
                  <a:gd name="connsiteX41" fmla="*/ 9614 w 10000"/>
                  <a:gd name="connsiteY41" fmla="*/ 1551 h 10000"/>
                  <a:gd name="connsiteX42" fmla="*/ 9588 w 10000"/>
                  <a:gd name="connsiteY42" fmla="*/ 1625 h 10000"/>
                  <a:gd name="connsiteX43" fmla="*/ 9563 w 10000"/>
                  <a:gd name="connsiteY43" fmla="*/ 1684 h 10000"/>
                  <a:gd name="connsiteX44" fmla="*/ 9512 w 10000"/>
                  <a:gd name="connsiteY44" fmla="*/ 1758 h 10000"/>
                  <a:gd name="connsiteX45" fmla="*/ 9435 w 10000"/>
                  <a:gd name="connsiteY45" fmla="*/ 1802 h 10000"/>
                  <a:gd name="connsiteX46" fmla="*/ 9383 w 10000"/>
                  <a:gd name="connsiteY46" fmla="*/ 1861 h 10000"/>
                  <a:gd name="connsiteX47" fmla="*/ 9359 w 10000"/>
                  <a:gd name="connsiteY47" fmla="*/ 1935 h 10000"/>
                  <a:gd name="connsiteX48" fmla="*/ 9383 w 10000"/>
                  <a:gd name="connsiteY48" fmla="*/ 2024 h 10000"/>
                  <a:gd name="connsiteX49" fmla="*/ 9666 w 10000"/>
                  <a:gd name="connsiteY49" fmla="*/ 2157 h 10000"/>
                  <a:gd name="connsiteX50" fmla="*/ 10000 w 10000"/>
                  <a:gd name="connsiteY50" fmla="*/ 2275 h 10000"/>
                  <a:gd name="connsiteX51" fmla="*/ 7274 w 10000"/>
                  <a:gd name="connsiteY51" fmla="*/ 4431 h 10000"/>
                  <a:gd name="connsiteX52" fmla="*/ 7095 w 10000"/>
                  <a:gd name="connsiteY52" fmla="*/ 4638 h 10000"/>
                  <a:gd name="connsiteX53" fmla="*/ 7095 w 10000"/>
                  <a:gd name="connsiteY53" fmla="*/ 4697 h 10000"/>
                  <a:gd name="connsiteX54" fmla="*/ 7069 w 10000"/>
                  <a:gd name="connsiteY54" fmla="*/ 4801 h 10000"/>
                  <a:gd name="connsiteX55" fmla="*/ 7069 w 10000"/>
                  <a:gd name="connsiteY55" fmla="*/ 4904 h 10000"/>
                  <a:gd name="connsiteX56" fmla="*/ 6941 w 10000"/>
                  <a:gd name="connsiteY56" fmla="*/ 4860 h 10000"/>
                  <a:gd name="connsiteX57" fmla="*/ 6863 w 10000"/>
                  <a:gd name="connsiteY57" fmla="*/ 4801 h 10000"/>
                  <a:gd name="connsiteX58" fmla="*/ 6786 w 10000"/>
                  <a:gd name="connsiteY58" fmla="*/ 4727 h 10000"/>
                  <a:gd name="connsiteX59" fmla="*/ 6710 w 10000"/>
                  <a:gd name="connsiteY59" fmla="*/ 4638 h 10000"/>
                  <a:gd name="connsiteX60" fmla="*/ 6582 w 10000"/>
                  <a:gd name="connsiteY60" fmla="*/ 4476 h 10000"/>
                  <a:gd name="connsiteX61" fmla="*/ 6451 w 10000"/>
                  <a:gd name="connsiteY61" fmla="*/ 4313 h 10000"/>
                  <a:gd name="connsiteX62" fmla="*/ 6607 w 10000"/>
                  <a:gd name="connsiteY62" fmla="*/ 4210 h 10000"/>
                  <a:gd name="connsiteX63" fmla="*/ 9306 w 10000"/>
                  <a:gd name="connsiteY63" fmla="*/ 3338 h 10000"/>
                  <a:gd name="connsiteX64" fmla="*/ 9536 w 10000"/>
                  <a:gd name="connsiteY64" fmla="*/ 3117 h 10000"/>
                  <a:gd name="connsiteX65" fmla="*/ 9563 w 10000"/>
                  <a:gd name="connsiteY65" fmla="*/ 3072 h 10000"/>
                  <a:gd name="connsiteX66" fmla="*/ 9588 w 10000"/>
                  <a:gd name="connsiteY66" fmla="*/ 3013 h 10000"/>
                  <a:gd name="connsiteX67" fmla="*/ 9588 w 10000"/>
                  <a:gd name="connsiteY67" fmla="*/ 2954 h 10000"/>
                  <a:gd name="connsiteX68" fmla="*/ 9563 w 10000"/>
                  <a:gd name="connsiteY68" fmla="*/ 2866 h 10000"/>
                  <a:gd name="connsiteX69" fmla="*/ 9383 w 10000"/>
                  <a:gd name="connsiteY69" fmla="*/ 2984 h 10000"/>
                  <a:gd name="connsiteX70" fmla="*/ 9178 w 10000"/>
                  <a:gd name="connsiteY70" fmla="*/ 3072 h 10000"/>
                  <a:gd name="connsiteX71" fmla="*/ 8971 w 10000"/>
                  <a:gd name="connsiteY71" fmla="*/ 3161 h 10000"/>
                  <a:gd name="connsiteX72" fmla="*/ 8766 w 10000"/>
                  <a:gd name="connsiteY72" fmla="*/ 3250 h 10000"/>
                  <a:gd name="connsiteX73" fmla="*/ 8302 w 10000"/>
                  <a:gd name="connsiteY73" fmla="*/ 3397 h 10000"/>
                  <a:gd name="connsiteX74" fmla="*/ 7815 w 10000"/>
                  <a:gd name="connsiteY74" fmla="*/ 3545 h 10000"/>
                  <a:gd name="connsiteX75" fmla="*/ 7327 w 10000"/>
                  <a:gd name="connsiteY75" fmla="*/ 3678 h 10000"/>
                  <a:gd name="connsiteX76" fmla="*/ 6863 w 10000"/>
                  <a:gd name="connsiteY76" fmla="*/ 3840 h 10000"/>
                  <a:gd name="connsiteX77" fmla="*/ 6632 w 10000"/>
                  <a:gd name="connsiteY77" fmla="*/ 3914 h 10000"/>
                  <a:gd name="connsiteX78" fmla="*/ 6427 w 10000"/>
                  <a:gd name="connsiteY78" fmla="*/ 4003 h 10000"/>
                  <a:gd name="connsiteX79" fmla="*/ 6222 w 10000"/>
                  <a:gd name="connsiteY79" fmla="*/ 4106 h 10000"/>
                  <a:gd name="connsiteX80" fmla="*/ 6014 w 10000"/>
                  <a:gd name="connsiteY80" fmla="*/ 4195 h 10000"/>
                  <a:gd name="connsiteX81" fmla="*/ 6169 w 10000"/>
                  <a:gd name="connsiteY81" fmla="*/ 4417 h 10000"/>
                  <a:gd name="connsiteX82" fmla="*/ 6273 w 10000"/>
                  <a:gd name="connsiteY82" fmla="*/ 4623 h 10000"/>
                  <a:gd name="connsiteX83" fmla="*/ 6375 w 10000"/>
                  <a:gd name="connsiteY83" fmla="*/ 4845 h 10000"/>
                  <a:gd name="connsiteX84" fmla="*/ 6451 w 10000"/>
                  <a:gd name="connsiteY84" fmla="*/ 5081 h 10000"/>
                  <a:gd name="connsiteX85" fmla="*/ 6504 w 10000"/>
                  <a:gd name="connsiteY85" fmla="*/ 5318 h 10000"/>
                  <a:gd name="connsiteX86" fmla="*/ 6530 w 10000"/>
                  <a:gd name="connsiteY86" fmla="*/ 5539 h 10000"/>
                  <a:gd name="connsiteX87" fmla="*/ 6554 w 10000"/>
                  <a:gd name="connsiteY87" fmla="*/ 5775 h 10000"/>
                  <a:gd name="connsiteX88" fmla="*/ 6554 w 10000"/>
                  <a:gd name="connsiteY88" fmla="*/ 5997 h 10000"/>
                  <a:gd name="connsiteX89" fmla="*/ 6530 w 10000"/>
                  <a:gd name="connsiteY89" fmla="*/ 6233 h 10000"/>
                  <a:gd name="connsiteX90" fmla="*/ 6478 w 10000"/>
                  <a:gd name="connsiteY90" fmla="*/ 6470 h 10000"/>
                  <a:gd name="connsiteX91" fmla="*/ 6427 w 10000"/>
                  <a:gd name="connsiteY91" fmla="*/ 6677 h 10000"/>
                  <a:gd name="connsiteX92" fmla="*/ 6350 w 10000"/>
                  <a:gd name="connsiteY92" fmla="*/ 6898 h 10000"/>
                  <a:gd name="connsiteX93" fmla="*/ 6247 w 10000"/>
                  <a:gd name="connsiteY93" fmla="*/ 7105 h 10000"/>
                  <a:gd name="connsiteX94" fmla="*/ 6119 w 10000"/>
                  <a:gd name="connsiteY94" fmla="*/ 7297 h 10000"/>
                  <a:gd name="connsiteX95" fmla="*/ 5964 w 10000"/>
                  <a:gd name="connsiteY95" fmla="*/ 7489 h 10000"/>
                  <a:gd name="connsiteX96" fmla="*/ 5809 w 10000"/>
                  <a:gd name="connsiteY96" fmla="*/ 7681 h 10000"/>
                  <a:gd name="connsiteX97" fmla="*/ 6554 w 10000"/>
                  <a:gd name="connsiteY97" fmla="*/ 7799 h 10000"/>
                  <a:gd name="connsiteX98" fmla="*/ 7327 w 10000"/>
                  <a:gd name="connsiteY98" fmla="*/ 7962 h 10000"/>
                  <a:gd name="connsiteX99" fmla="*/ 7480 w 10000"/>
                  <a:gd name="connsiteY99" fmla="*/ 8021 h 10000"/>
                  <a:gd name="connsiteX100" fmla="*/ 7609 w 10000"/>
                  <a:gd name="connsiteY100" fmla="*/ 8080 h 10000"/>
                  <a:gd name="connsiteX101" fmla="*/ 7737 w 10000"/>
                  <a:gd name="connsiteY101" fmla="*/ 8139 h 10000"/>
                  <a:gd name="connsiteX102" fmla="*/ 7815 w 10000"/>
                  <a:gd name="connsiteY102" fmla="*/ 8227 h 10000"/>
                  <a:gd name="connsiteX103" fmla="*/ 7841 w 10000"/>
                  <a:gd name="connsiteY103" fmla="*/ 8301 h 10000"/>
                  <a:gd name="connsiteX104" fmla="*/ 7841 w 10000"/>
                  <a:gd name="connsiteY104" fmla="*/ 8405 h 10000"/>
                  <a:gd name="connsiteX105" fmla="*/ 7790 w 10000"/>
                  <a:gd name="connsiteY105" fmla="*/ 8523 h 10000"/>
                  <a:gd name="connsiteX106" fmla="*/ 7712 w 10000"/>
                  <a:gd name="connsiteY106" fmla="*/ 8641 h 10000"/>
                  <a:gd name="connsiteX107" fmla="*/ 7378 w 10000"/>
                  <a:gd name="connsiteY107" fmla="*/ 8552 h 10000"/>
                  <a:gd name="connsiteX108" fmla="*/ 7069 w 10000"/>
                  <a:gd name="connsiteY108" fmla="*/ 8449 h 10000"/>
                  <a:gd name="connsiteX109" fmla="*/ 6760 w 10000"/>
                  <a:gd name="connsiteY109" fmla="*/ 8360 h 10000"/>
                  <a:gd name="connsiteX110" fmla="*/ 6451 w 10000"/>
                  <a:gd name="connsiteY110" fmla="*/ 8287 h 10000"/>
                  <a:gd name="connsiteX111" fmla="*/ 6323 w 10000"/>
                  <a:gd name="connsiteY111" fmla="*/ 8449 h 10000"/>
                  <a:gd name="connsiteX112" fmla="*/ 6222 w 10000"/>
                  <a:gd name="connsiteY112" fmla="*/ 8597 h 10000"/>
                  <a:gd name="connsiteX113" fmla="*/ 6169 w 10000"/>
                  <a:gd name="connsiteY113" fmla="*/ 8656 h 10000"/>
                  <a:gd name="connsiteX114" fmla="*/ 6066 w 10000"/>
                  <a:gd name="connsiteY114" fmla="*/ 8700 h 10000"/>
                  <a:gd name="connsiteX115" fmla="*/ 5990 w 10000"/>
                  <a:gd name="connsiteY115" fmla="*/ 8744 h 10000"/>
                  <a:gd name="connsiteX116" fmla="*/ 5913 w 10000"/>
                  <a:gd name="connsiteY116" fmla="*/ 8774 h 10000"/>
                  <a:gd name="connsiteX117" fmla="*/ 5835 w 10000"/>
                  <a:gd name="connsiteY117" fmla="*/ 8804 h 10000"/>
                  <a:gd name="connsiteX118" fmla="*/ 5733 w 10000"/>
                  <a:gd name="connsiteY118" fmla="*/ 8818 h 10000"/>
                  <a:gd name="connsiteX119" fmla="*/ 5603 w 10000"/>
                  <a:gd name="connsiteY119" fmla="*/ 8833 h 10000"/>
                  <a:gd name="connsiteX120" fmla="*/ 5476 w 10000"/>
                  <a:gd name="connsiteY120" fmla="*/ 8833 h 10000"/>
                  <a:gd name="connsiteX121" fmla="*/ 5168 w 10000"/>
                  <a:gd name="connsiteY121" fmla="*/ 8818 h 10000"/>
                  <a:gd name="connsiteX122" fmla="*/ 4781 w 10000"/>
                  <a:gd name="connsiteY122" fmla="*/ 8744 h 10000"/>
                  <a:gd name="connsiteX123" fmla="*/ 4781 w 10000"/>
                  <a:gd name="connsiteY123" fmla="*/ 8922 h 10000"/>
                  <a:gd name="connsiteX124" fmla="*/ 4755 w 10000"/>
                  <a:gd name="connsiteY124" fmla="*/ 9069 h 10000"/>
                  <a:gd name="connsiteX125" fmla="*/ 4731 w 10000"/>
                  <a:gd name="connsiteY125" fmla="*/ 9232 h 10000"/>
                  <a:gd name="connsiteX126" fmla="*/ 4704 w 10000"/>
                  <a:gd name="connsiteY126" fmla="*/ 9365 h 10000"/>
                  <a:gd name="connsiteX127" fmla="*/ 4652 w 10000"/>
                  <a:gd name="connsiteY127" fmla="*/ 9498 h 10000"/>
                  <a:gd name="connsiteX128" fmla="*/ 4551 w 10000"/>
                  <a:gd name="connsiteY128" fmla="*/ 9616 h 10000"/>
                  <a:gd name="connsiteX129" fmla="*/ 4473 w 10000"/>
                  <a:gd name="connsiteY129" fmla="*/ 9734 h 10000"/>
                  <a:gd name="connsiteX130" fmla="*/ 4344 w 10000"/>
                  <a:gd name="connsiteY130" fmla="*/ 9838 h 10000"/>
                  <a:gd name="connsiteX131" fmla="*/ 4034 w 10000"/>
                  <a:gd name="connsiteY131" fmla="*/ 9897 h 10000"/>
                  <a:gd name="connsiteX132" fmla="*/ 3779 w 10000"/>
                  <a:gd name="connsiteY132" fmla="*/ 9941 h 10000"/>
                  <a:gd name="connsiteX133" fmla="*/ 3470 w 10000"/>
                  <a:gd name="connsiteY133" fmla="*/ 9985 h 10000"/>
                  <a:gd name="connsiteX134" fmla="*/ 3239 w 10000"/>
                  <a:gd name="connsiteY134" fmla="*/ 10000 h 10000"/>
                  <a:gd name="connsiteX135" fmla="*/ 2725 w 10000"/>
                  <a:gd name="connsiteY135" fmla="*/ 10000 h 10000"/>
                  <a:gd name="connsiteX136" fmla="*/ 2236 w 10000"/>
                  <a:gd name="connsiteY136" fmla="*/ 9985 h 10000"/>
                  <a:gd name="connsiteX137" fmla="*/ 1775 w 10000"/>
                  <a:gd name="connsiteY137" fmla="*/ 9941 h 10000"/>
                  <a:gd name="connsiteX138" fmla="*/ 1286 w 10000"/>
                  <a:gd name="connsiteY138" fmla="*/ 9911 h 10000"/>
                  <a:gd name="connsiteX139" fmla="*/ 1003 w 10000"/>
                  <a:gd name="connsiteY139" fmla="*/ 9911 h 10000"/>
                  <a:gd name="connsiteX140" fmla="*/ 745 w 10000"/>
                  <a:gd name="connsiteY140" fmla="*/ 9911 h 10000"/>
                  <a:gd name="connsiteX141" fmla="*/ 463 w 10000"/>
                  <a:gd name="connsiteY141" fmla="*/ 9926 h 10000"/>
                  <a:gd name="connsiteX142" fmla="*/ 180 w 10000"/>
                  <a:gd name="connsiteY142" fmla="*/ 9970 h 10000"/>
                  <a:gd name="connsiteX143" fmla="*/ 103 w 10000"/>
                  <a:gd name="connsiteY143" fmla="*/ 9867 h 10000"/>
                  <a:gd name="connsiteX144" fmla="*/ 52 w 10000"/>
                  <a:gd name="connsiteY144" fmla="*/ 9793 h 10000"/>
                  <a:gd name="connsiteX145" fmla="*/ 0 w 10000"/>
                  <a:gd name="connsiteY145" fmla="*/ 9705 h 10000"/>
                  <a:gd name="connsiteX146" fmla="*/ 0 w 10000"/>
                  <a:gd name="connsiteY146" fmla="*/ 9601 h 10000"/>
                  <a:gd name="connsiteX147" fmla="*/ 52 w 10000"/>
                  <a:gd name="connsiteY147" fmla="*/ 9424 h 10000"/>
                  <a:gd name="connsiteX148" fmla="*/ 103 w 10000"/>
                  <a:gd name="connsiteY148" fmla="*/ 9202 h 10000"/>
                  <a:gd name="connsiteX149" fmla="*/ 153 w 10000"/>
                  <a:gd name="connsiteY149" fmla="*/ 8996 h 10000"/>
                  <a:gd name="connsiteX150" fmla="*/ 206 w 10000"/>
                  <a:gd name="connsiteY150" fmla="*/ 8759 h 10000"/>
                  <a:gd name="connsiteX151" fmla="*/ 231 w 10000"/>
                  <a:gd name="connsiteY151" fmla="*/ 8641 h 10000"/>
                  <a:gd name="connsiteX152" fmla="*/ 231 w 10000"/>
                  <a:gd name="connsiteY152" fmla="*/ 8538 h 10000"/>
                  <a:gd name="connsiteX153" fmla="*/ 206 w 10000"/>
                  <a:gd name="connsiteY153" fmla="*/ 8405 h 10000"/>
                  <a:gd name="connsiteX154" fmla="*/ 180 w 10000"/>
                  <a:gd name="connsiteY154" fmla="*/ 8287 h 10000"/>
                  <a:gd name="connsiteX155" fmla="*/ 437 w 10000"/>
                  <a:gd name="connsiteY155" fmla="*/ 8213 h 10000"/>
                  <a:gd name="connsiteX156" fmla="*/ 694 w 10000"/>
                  <a:gd name="connsiteY156" fmla="*/ 8139 h 10000"/>
                  <a:gd name="connsiteX157" fmla="*/ 951 w 10000"/>
                  <a:gd name="connsiteY157" fmla="*/ 8095 h 10000"/>
                  <a:gd name="connsiteX158" fmla="*/ 1234 w 10000"/>
                  <a:gd name="connsiteY158" fmla="*/ 8065 h 10000"/>
                  <a:gd name="connsiteX159" fmla="*/ 1747 w 10000"/>
                  <a:gd name="connsiteY159" fmla="*/ 8021 h 10000"/>
                  <a:gd name="connsiteX160" fmla="*/ 2263 w 10000"/>
                  <a:gd name="connsiteY160" fmla="*/ 7976 h 10000"/>
                  <a:gd name="connsiteX161" fmla="*/ 2494 w 10000"/>
                  <a:gd name="connsiteY161" fmla="*/ 7947 h 10000"/>
                  <a:gd name="connsiteX162" fmla="*/ 2725 w 10000"/>
                  <a:gd name="connsiteY162" fmla="*/ 7917 h 10000"/>
                  <a:gd name="connsiteX163" fmla="*/ 2929 w 10000"/>
                  <a:gd name="connsiteY163" fmla="*/ 7843 h 10000"/>
                  <a:gd name="connsiteX164" fmla="*/ 3136 w 10000"/>
                  <a:gd name="connsiteY164" fmla="*/ 7784 h 10000"/>
                  <a:gd name="connsiteX165" fmla="*/ 3316 w 10000"/>
                  <a:gd name="connsiteY165" fmla="*/ 7710 h 10000"/>
                  <a:gd name="connsiteX166" fmla="*/ 3470 w 10000"/>
                  <a:gd name="connsiteY166" fmla="*/ 7592 h 10000"/>
                  <a:gd name="connsiteX167" fmla="*/ 3625 w 10000"/>
                  <a:gd name="connsiteY167" fmla="*/ 7474 h 10000"/>
                  <a:gd name="connsiteX168" fmla="*/ 3727 w 10000"/>
                  <a:gd name="connsiteY168" fmla="*/ 7312 h 10000"/>
                  <a:gd name="connsiteX169" fmla="*/ 3522 w 10000"/>
                  <a:gd name="connsiteY169" fmla="*/ 7238 h 10000"/>
                  <a:gd name="connsiteX170" fmla="*/ 3341 w 10000"/>
                  <a:gd name="connsiteY170" fmla="*/ 7179 h 10000"/>
                  <a:gd name="connsiteX171" fmla="*/ 3187 w 10000"/>
                  <a:gd name="connsiteY171" fmla="*/ 7090 h 10000"/>
                  <a:gd name="connsiteX172" fmla="*/ 3034 w 10000"/>
                  <a:gd name="connsiteY172" fmla="*/ 6987 h 10000"/>
                  <a:gd name="connsiteX173" fmla="*/ 2929 w 10000"/>
                  <a:gd name="connsiteY173" fmla="*/ 6869 h 10000"/>
                  <a:gd name="connsiteX174" fmla="*/ 2880 w 10000"/>
                  <a:gd name="connsiteY174" fmla="*/ 6721 h 10000"/>
                  <a:gd name="connsiteX175" fmla="*/ 2853 w 10000"/>
                  <a:gd name="connsiteY175" fmla="*/ 6558 h 10000"/>
                  <a:gd name="connsiteX176" fmla="*/ 2880 w 10000"/>
                  <a:gd name="connsiteY176" fmla="*/ 6352 h 10000"/>
                  <a:gd name="connsiteX177" fmla="*/ 2751 w 10000"/>
                  <a:gd name="connsiteY177" fmla="*/ 6322 h 10000"/>
                  <a:gd name="connsiteX178" fmla="*/ 2597 w 10000"/>
                  <a:gd name="connsiteY178" fmla="*/ 6292 h 10000"/>
                  <a:gd name="connsiteX179" fmla="*/ 2417 w 10000"/>
                  <a:gd name="connsiteY179" fmla="*/ 6278 h 10000"/>
                  <a:gd name="connsiteX180" fmla="*/ 2236 w 10000"/>
                  <a:gd name="connsiteY180" fmla="*/ 6263 h 10000"/>
                  <a:gd name="connsiteX181" fmla="*/ 1877 w 10000"/>
                  <a:gd name="connsiteY181" fmla="*/ 6248 h 10000"/>
                  <a:gd name="connsiteX182" fmla="*/ 1491 w 10000"/>
                  <a:gd name="connsiteY182" fmla="*/ 6263 h 10000"/>
                  <a:gd name="connsiteX183" fmla="*/ 1158 w 10000"/>
                  <a:gd name="connsiteY183" fmla="*/ 6278 h 10000"/>
                  <a:gd name="connsiteX184" fmla="*/ 848 w 10000"/>
                  <a:gd name="connsiteY184" fmla="*/ 6278 h 10000"/>
                  <a:gd name="connsiteX185" fmla="*/ 593 w 10000"/>
                  <a:gd name="connsiteY185" fmla="*/ 6263 h 10000"/>
                  <a:gd name="connsiteX186" fmla="*/ 386 w 10000"/>
                  <a:gd name="connsiteY186" fmla="*/ 6233 h 10000"/>
                  <a:gd name="connsiteX187" fmla="*/ 641 w 10000"/>
                  <a:gd name="connsiteY187" fmla="*/ 5805 h 10000"/>
                  <a:gd name="connsiteX188" fmla="*/ 926 w 10000"/>
                  <a:gd name="connsiteY188" fmla="*/ 5391 h 10000"/>
                  <a:gd name="connsiteX189" fmla="*/ 1029 w 10000"/>
                  <a:gd name="connsiteY189" fmla="*/ 5170 h 10000"/>
                  <a:gd name="connsiteX190" fmla="*/ 1105 w 10000"/>
                  <a:gd name="connsiteY190" fmla="*/ 4963 h 10000"/>
                  <a:gd name="connsiteX191" fmla="*/ 1130 w 10000"/>
                  <a:gd name="connsiteY191" fmla="*/ 4860 h 10000"/>
                  <a:gd name="connsiteX192" fmla="*/ 1105 w 10000"/>
                  <a:gd name="connsiteY192" fmla="*/ 4756 h 10000"/>
                  <a:gd name="connsiteX193" fmla="*/ 1080 w 10000"/>
                  <a:gd name="connsiteY193" fmla="*/ 4653 h 10000"/>
                  <a:gd name="connsiteX194" fmla="*/ 1003 w 10000"/>
                  <a:gd name="connsiteY194" fmla="*/ 4549 h 10000"/>
                  <a:gd name="connsiteX195" fmla="*/ 1286 w 10000"/>
                  <a:gd name="connsiteY195" fmla="*/ 4520 h 10000"/>
                  <a:gd name="connsiteX196" fmla="*/ 1491 w 10000"/>
                  <a:gd name="connsiteY196" fmla="*/ 4505 h 10000"/>
                  <a:gd name="connsiteX197" fmla="*/ 1671 w 10000"/>
                  <a:gd name="connsiteY197" fmla="*/ 4505 h 10000"/>
                  <a:gd name="connsiteX198" fmla="*/ 1825 w 10000"/>
                  <a:gd name="connsiteY198" fmla="*/ 4520 h 10000"/>
                  <a:gd name="connsiteX199" fmla="*/ 1954 w 10000"/>
                  <a:gd name="connsiteY199" fmla="*/ 4520 h 10000"/>
                  <a:gd name="connsiteX200" fmla="*/ 2108 w 10000"/>
                  <a:gd name="connsiteY200" fmla="*/ 4520 h 10000"/>
                  <a:gd name="connsiteX201" fmla="*/ 2263 w 10000"/>
                  <a:gd name="connsiteY201" fmla="*/ 4490 h 10000"/>
                  <a:gd name="connsiteX202" fmla="*/ 2467 w 10000"/>
                  <a:gd name="connsiteY202" fmla="*/ 4446 h 10000"/>
                  <a:gd name="connsiteX203" fmla="*/ 2467 w 10000"/>
                  <a:gd name="connsiteY203" fmla="*/ 4579 h 10000"/>
                  <a:gd name="connsiteX204" fmla="*/ 2467 w 10000"/>
                  <a:gd name="connsiteY204" fmla="*/ 4742 h 10000"/>
                  <a:gd name="connsiteX205" fmla="*/ 2467 w 10000"/>
                  <a:gd name="connsiteY205" fmla="*/ 4874 h 10000"/>
                  <a:gd name="connsiteX206" fmla="*/ 2467 w 10000"/>
                  <a:gd name="connsiteY206" fmla="*/ 5037 h 10000"/>
                  <a:gd name="connsiteX207" fmla="*/ 2699 w 10000"/>
                  <a:gd name="connsiteY207" fmla="*/ 5022 h 10000"/>
                  <a:gd name="connsiteX208" fmla="*/ 2853 w 10000"/>
                  <a:gd name="connsiteY208" fmla="*/ 5037 h 10000"/>
                  <a:gd name="connsiteX209" fmla="*/ 2982 w 10000"/>
                  <a:gd name="connsiteY209" fmla="*/ 5066 h 10000"/>
                  <a:gd name="connsiteX210" fmla="*/ 3111 w 10000"/>
                  <a:gd name="connsiteY210" fmla="*/ 5096 h 10000"/>
                  <a:gd name="connsiteX211" fmla="*/ 3214 w 10000"/>
                  <a:gd name="connsiteY211" fmla="*/ 5126 h 10000"/>
                  <a:gd name="connsiteX212" fmla="*/ 3341 w 10000"/>
                  <a:gd name="connsiteY212" fmla="*/ 5155 h 10000"/>
                  <a:gd name="connsiteX213" fmla="*/ 3496 w 10000"/>
                  <a:gd name="connsiteY213" fmla="*/ 5170 h 10000"/>
                  <a:gd name="connsiteX214" fmla="*/ 3727 w 10000"/>
                  <a:gd name="connsiteY214" fmla="*/ 5155 h 10000"/>
                  <a:gd name="connsiteX215" fmla="*/ 3805 w 10000"/>
                  <a:gd name="connsiteY215" fmla="*/ 5096 h 10000"/>
                  <a:gd name="connsiteX216" fmla="*/ 3881 w 10000"/>
                  <a:gd name="connsiteY216" fmla="*/ 5022 h 10000"/>
                  <a:gd name="connsiteX217" fmla="*/ 3907 w 10000"/>
                  <a:gd name="connsiteY217" fmla="*/ 4934 h 10000"/>
                  <a:gd name="connsiteX218" fmla="*/ 3934 w 10000"/>
                  <a:gd name="connsiteY218" fmla="*/ 4860 h 10000"/>
                  <a:gd name="connsiteX219" fmla="*/ 3958 w 10000"/>
                  <a:gd name="connsiteY219" fmla="*/ 4697 h 10000"/>
                  <a:gd name="connsiteX220" fmla="*/ 3934 w 10000"/>
                  <a:gd name="connsiteY220" fmla="*/ 4520 h 10000"/>
                  <a:gd name="connsiteX221" fmla="*/ 3856 w 10000"/>
                  <a:gd name="connsiteY221" fmla="*/ 4343 h 10000"/>
                  <a:gd name="connsiteX222" fmla="*/ 3779 w 10000"/>
                  <a:gd name="connsiteY222" fmla="*/ 4195 h 10000"/>
                  <a:gd name="connsiteX223" fmla="*/ 3650 w 10000"/>
                  <a:gd name="connsiteY223" fmla="*/ 4047 h 10000"/>
                  <a:gd name="connsiteX224" fmla="*/ 3522 w 10000"/>
                  <a:gd name="connsiteY224" fmla="*/ 3959 h 10000"/>
                  <a:gd name="connsiteX225" fmla="*/ 3676 w 10000"/>
                  <a:gd name="connsiteY225" fmla="*/ 3944 h 10000"/>
                  <a:gd name="connsiteX226" fmla="*/ 3805 w 10000"/>
                  <a:gd name="connsiteY226" fmla="*/ 3914 h 10000"/>
                  <a:gd name="connsiteX227" fmla="*/ 3907 w 10000"/>
                  <a:gd name="connsiteY227" fmla="*/ 3855 h 10000"/>
                  <a:gd name="connsiteX228" fmla="*/ 4034 w 10000"/>
                  <a:gd name="connsiteY228" fmla="*/ 3752 h 10000"/>
                  <a:gd name="connsiteX229" fmla="*/ 4164 w 10000"/>
                  <a:gd name="connsiteY229" fmla="*/ 3663 h 10000"/>
                  <a:gd name="connsiteX230" fmla="*/ 4267 w 10000"/>
                  <a:gd name="connsiteY230" fmla="*/ 3560 h 10000"/>
                  <a:gd name="connsiteX231" fmla="*/ 4344 w 10000"/>
                  <a:gd name="connsiteY231" fmla="*/ 3442 h 10000"/>
                  <a:gd name="connsiteX232" fmla="*/ 4422 w 10000"/>
                  <a:gd name="connsiteY232" fmla="*/ 3323 h 10000"/>
                  <a:gd name="connsiteX233" fmla="*/ 4473 w 10000"/>
                  <a:gd name="connsiteY233" fmla="*/ 3220 h 10000"/>
                  <a:gd name="connsiteX234" fmla="*/ 4498 w 10000"/>
                  <a:gd name="connsiteY234" fmla="*/ 3102 h 10000"/>
                  <a:gd name="connsiteX235" fmla="*/ 4525 w 10000"/>
                  <a:gd name="connsiteY235" fmla="*/ 3013 h 10000"/>
                  <a:gd name="connsiteX236" fmla="*/ 4498 w 10000"/>
                  <a:gd name="connsiteY236" fmla="*/ 2939 h 10000"/>
                  <a:gd name="connsiteX237" fmla="*/ 4473 w 10000"/>
                  <a:gd name="connsiteY237" fmla="*/ 2866 h 10000"/>
                  <a:gd name="connsiteX238" fmla="*/ 4396 w 10000"/>
                  <a:gd name="connsiteY238" fmla="*/ 2836 h 10000"/>
                  <a:gd name="connsiteX239" fmla="*/ 4294 w 10000"/>
                  <a:gd name="connsiteY239" fmla="*/ 2836 h 10000"/>
                  <a:gd name="connsiteX240" fmla="*/ 4164 w 10000"/>
                  <a:gd name="connsiteY240" fmla="*/ 2866 h 10000"/>
                  <a:gd name="connsiteX241" fmla="*/ 4267 w 10000"/>
                  <a:gd name="connsiteY241" fmla="*/ 2777 h 10000"/>
                  <a:gd name="connsiteX242" fmla="*/ 4320 w 10000"/>
                  <a:gd name="connsiteY242" fmla="*/ 2674 h 10000"/>
                  <a:gd name="connsiteX243" fmla="*/ 4344 w 10000"/>
                  <a:gd name="connsiteY243" fmla="*/ 2541 h 10000"/>
                  <a:gd name="connsiteX244" fmla="*/ 4344 w 10000"/>
                  <a:gd name="connsiteY244" fmla="*/ 2393 h 10000"/>
                  <a:gd name="connsiteX245" fmla="*/ 4369 w 10000"/>
                  <a:gd name="connsiteY245" fmla="*/ 2349 h 10000"/>
                  <a:gd name="connsiteX246" fmla="*/ 4422 w 10000"/>
                  <a:gd name="connsiteY246" fmla="*/ 2304 h 10000"/>
                  <a:gd name="connsiteX247" fmla="*/ 4473 w 10000"/>
                  <a:gd name="connsiteY247" fmla="*/ 2290 h 10000"/>
                  <a:gd name="connsiteX248" fmla="*/ 4551 w 10000"/>
                  <a:gd name="connsiteY248" fmla="*/ 2275 h 10000"/>
                  <a:gd name="connsiteX249" fmla="*/ 4781 w 10000"/>
                  <a:gd name="connsiteY249" fmla="*/ 2260 h 10000"/>
                  <a:gd name="connsiteX250" fmla="*/ 4986 w 10000"/>
                  <a:gd name="connsiteY250" fmla="*/ 2275 h 10000"/>
                  <a:gd name="connsiteX251" fmla="*/ 4961 w 10000"/>
                  <a:gd name="connsiteY251" fmla="*/ 2112 h 10000"/>
                  <a:gd name="connsiteX252" fmla="*/ 4910 w 10000"/>
                  <a:gd name="connsiteY252" fmla="*/ 1950 h 10000"/>
                  <a:gd name="connsiteX253" fmla="*/ 4832 w 10000"/>
                  <a:gd name="connsiteY253" fmla="*/ 1802 h 10000"/>
                  <a:gd name="connsiteX254" fmla="*/ 4731 w 10000"/>
                  <a:gd name="connsiteY254" fmla="*/ 1640 h 10000"/>
                  <a:gd name="connsiteX255" fmla="*/ 4473 w 10000"/>
                  <a:gd name="connsiteY255" fmla="*/ 1329 h 10000"/>
                  <a:gd name="connsiteX256" fmla="*/ 4216 w 10000"/>
                  <a:gd name="connsiteY256" fmla="*/ 1034 h 10000"/>
                  <a:gd name="connsiteX257" fmla="*/ 4087 w 10000"/>
                  <a:gd name="connsiteY257" fmla="*/ 901 h 10000"/>
                  <a:gd name="connsiteX258" fmla="*/ 3986 w 10000"/>
                  <a:gd name="connsiteY258" fmla="*/ 753 h 10000"/>
                  <a:gd name="connsiteX259" fmla="*/ 3907 w 10000"/>
                  <a:gd name="connsiteY259" fmla="*/ 620 h 10000"/>
                  <a:gd name="connsiteX260" fmla="*/ 3881 w 10000"/>
                  <a:gd name="connsiteY260" fmla="*/ 487 h 10000"/>
                  <a:gd name="connsiteX261" fmla="*/ 3856 w 10000"/>
                  <a:gd name="connsiteY261" fmla="*/ 355 h 10000"/>
                  <a:gd name="connsiteX262" fmla="*/ 3907 w 10000"/>
                  <a:gd name="connsiteY262" fmla="*/ 222 h 10000"/>
                  <a:gd name="connsiteX263" fmla="*/ 3934 w 10000"/>
                  <a:gd name="connsiteY263" fmla="*/ 162 h 10000"/>
                  <a:gd name="connsiteX264" fmla="*/ 3986 w 10000"/>
                  <a:gd name="connsiteY264" fmla="*/ 103 h 10000"/>
                  <a:gd name="connsiteX265" fmla="*/ 4063 w 10000"/>
                  <a:gd name="connsiteY265" fmla="*/ 59 h 10000"/>
                  <a:gd name="connsiteX266" fmla="*/ 4164 w 10000"/>
                  <a:gd name="connsiteY266" fmla="*/ 0 h 10000"/>
                  <a:gd name="connsiteX0" fmla="*/ 7274 w 14464"/>
                  <a:gd name="connsiteY0" fmla="*/ 4431 h 10000"/>
                  <a:gd name="connsiteX1" fmla="*/ 7095 w 14464"/>
                  <a:gd name="connsiteY1" fmla="*/ 4638 h 10000"/>
                  <a:gd name="connsiteX2" fmla="*/ 7095 w 14464"/>
                  <a:gd name="connsiteY2" fmla="*/ 4697 h 10000"/>
                  <a:gd name="connsiteX3" fmla="*/ 7069 w 14464"/>
                  <a:gd name="connsiteY3" fmla="*/ 4801 h 10000"/>
                  <a:gd name="connsiteX4" fmla="*/ 7069 w 14464"/>
                  <a:gd name="connsiteY4" fmla="*/ 4904 h 10000"/>
                  <a:gd name="connsiteX5" fmla="*/ 6941 w 14464"/>
                  <a:gd name="connsiteY5" fmla="*/ 4860 h 10000"/>
                  <a:gd name="connsiteX6" fmla="*/ 6863 w 14464"/>
                  <a:gd name="connsiteY6" fmla="*/ 4801 h 10000"/>
                  <a:gd name="connsiteX7" fmla="*/ 6786 w 14464"/>
                  <a:gd name="connsiteY7" fmla="*/ 4727 h 10000"/>
                  <a:gd name="connsiteX8" fmla="*/ 6710 w 14464"/>
                  <a:gd name="connsiteY8" fmla="*/ 4638 h 10000"/>
                  <a:gd name="connsiteX9" fmla="*/ 6582 w 14464"/>
                  <a:gd name="connsiteY9" fmla="*/ 4476 h 10000"/>
                  <a:gd name="connsiteX10" fmla="*/ 6451 w 14464"/>
                  <a:gd name="connsiteY10" fmla="*/ 4313 h 10000"/>
                  <a:gd name="connsiteX11" fmla="*/ 6607 w 14464"/>
                  <a:gd name="connsiteY11" fmla="*/ 4210 h 10000"/>
                  <a:gd name="connsiteX12" fmla="*/ 9306 w 14464"/>
                  <a:gd name="connsiteY12" fmla="*/ 3338 h 10000"/>
                  <a:gd name="connsiteX13" fmla="*/ 9536 w 14464"/>
                  <a:gd name="connsiteY13" fmla="*/ 3117 h 10000"/>
                  <a:gd name="connsiteX14" fmla="*/ 9563 w 14464"/>
                  <a:gd name="connsiteY14" fmla="*/ 3072 h 10000"/>
                  <a:gd name="connsiteX15" fmla="*/ 9588 w 14464"/>
                  <a:gd name="connsiteY15" fmla="*/ 3013 h 10000"/>
                  <a:gd name="connsiteX16" fmla="*/ 9588 w 14464"/>
                  <a:gd name="connsiteY16" fmla="*/ 2954 h 10000"/>
                  <a:gd name="connsiteX17" fmla="*/ 9563 w 14464"/>
                  <a:gd name="connsiteY17" fmla="*/ 2866 h 10000"/>
                  <a:gd name="connsiteX18" fmla="*/ 9383 w 14464"/>
                  <a:gd name="connsiteY18" fmla="*/ 2984 h 10000"/>
                  <a:gd name="connsiteX19" fmla="*/ 9178 w 14464"/>
                  <a:gd name="connsiteY19" fmla="*/ 3072 h 10000"/>
                  <a:gd name="connsiteX20" fmla="*/ 8971 w 14464"/>
                  <a:gd name="connsiteY20" fmla="*/ 3161 h 10000"/>
                  <a:gd name="connsiteX21" fmla="*/ 8766 w 14464"/>
                  <a:gd name="connsiteY21" fmla="*/ 3250 h 10000"/>
                  <a:gd name="connsiteX22" fmla="*/ 8302 w 14464"/>
                  <a:gd name="connsiteY22" fmla="*/ 3397 h 10000"/>
                  <a:gd name="connsiteX23" fmla="*/ 7815 w 14464"/>
                  <a:gd name="connsiteY23" fmla="*/ 3545 h 10000"/>
                  <a:gd name="connsiteX24" fmla="*/ 7327 w 14464"/>
                  <a:gd name="connsiteY24" fmla="*/ 3678 h 10000"/>
                  <a:gd name="connsiteX25" fmla="*/ 6863 w 14464"/>
                  <a:gd name="connsiteY25" fmla="*/ 3840 h 10000"/>
                  <a:gd name="connsiteX26" fmla="*/ 6632 w 14464"/>
                  <a:gd name="connsiteY26" fmla="*/ 3914 h 10000"/>
                  <a:gd name="connsiteX27" fmla="*/ 6427 w 14464"/>
                  <a:gd name="connsiteY27" fmla="*/ 4003 h 10000"/>
                  <a:gd name="connsiteX28" fmla="*/ 6222 w 14464"/>
                  <a:gd name="connsiteY28" fmla="*/ 4106 h 10000"/>
                  <a:gd name="connsiteX29" fmla="*/ 6014 w 14464"/>
                  <a:gd name="connsiteY29" fmla="*/ 4195 h 10000"/>
                  <a:gd name="connsiteX30" fmla="*/ 6169 w 14464"/>
                  <a:gd name="connsiteY30" fmla="*/ 4417 h 10000"/>
                  <a:gd name="connsiteX31" fmla="*/ 6273 w 14464"/>
                  <a:gd name="connsiteY31" fmla="*/ 4623 h 10000"/>
                  <a:gd name="connsiteX32" fmla="*/ 6375 w 14464"/>
                  <a:gd name="connsiteY32" fmla="*/ 4845 h 10000"/>
                  <a:gd name="connsiteX33" fmla="*/ 6451 w 14464"/>
                  <a:gd name="connsiteY33" fmla="*/ 5081 h 10000"/>
                  <a:gd name="connsiteX34" fmla="*/ 6504 w 14464"/>
                  <a:gd name="connsiteY34" fmla="*/ 5318 h 10000"/>
                  <a:gd name="connsiteX35" fmla="*/ 6530 w 14464"/>
                  <a:gd name="connsiteY35" fmla="*/ 5539 h 10000"/>
                  <a:gd name="connsiteX36" fmla="*/ 6554 w 14464"/>
                  <a:gd name="connsiteY36" fmla="*/ 5775 h 10000"/>
                  <a:gd name="connsiteX37" fmla="*/ 6554 w 14464"/>
                  <a:gd name="connsiteY37" fmla="*/ 5997 h 10000"/>
                  <a:gd name="connsiteX38" fmla="*/ 6530 w 14464"/>
                  <a:gd name="connsiteY38" fmla="*/ 6233 h 10000"/>
                  <a:gd name="connsiteX39" fmla="*/ 6478 w 14464"/>
                  <a:gd name="connsiteY39" fmla="*/ 6470 h 10000"/>
                  <a:gd name="connsiteX40" fmla="*/ 6427 w 14464"/>
                  <a:gd name="connsiteY40" fmla="*/ 6677 h 10000"/>
                  <a:gd name="connsiteX41" fmla="*/ 6350 w 14464"/>
                  <a:gd name="connsiteY41" fmla="*/ 6898 h 10000"/>
                  <a:gd name="connsiteX42" fmla="*/ 6247 w 14464"/>
                  <a:gd name="connsiteY42" fmla="*/ 7105 h 10000"/>
                  <a:gd name="connsiteX43" fmla="*/ 6119 w 14464"/>
                  <a:gd name="connsiteY43" fmla="*/ 7297 h 10000"/>
                  <a:gd name="connsiteX44" fmla="*/ 5964 w 14464"/>
                  <a:gd name="connsiteY44" fmla="*/ 7489 h 10000"/>
                  <a:gd name="connsiteX45" fmla="*/ 5809 w 14464"/>
                  <a:gd name="connsiteY45" fmla="*/ 7681 h 10000"/>
                  <a:gd name="connsiteX46" fmla="*/ 6554 w 14464"/>
                  <a:gd name="connsiteY46" fmla="*/ 7799 h 10000"/>
                  <a:gd name="connsiteX47" fmla="*/ 7327 w 14464"/>
                  <a:gd name="connsiteY47" fmla="*/ 7962 h 10000"/>
                  <a:gd name="connsiteX48" fmla="*/ 7480 w 14464"/>
                  <a:gd name="connsiteY48" fmla="*/ 8021 h 10000"/>
                  <a:gd name="connsiteX49" fmla="*/ 7609 w 14464"/>
                  <a:gd name="connsiteY49" fmla="*/ 8080 h 10000"/>
                  <a:gd name="connsiteX50" fmla="*/ 7737 w 14464"/>
                  <a:gd name="connsiteY50" fmla="*/ 8139 h 10000"/>
                  <a:gd name="connsiteX51" fmla="*/ 7815 w 14464"/>
                  <a:gd name="connsiteY51" fmla="*/ 8227 h 10000"/>
                  <a:gd name="connsiteX52" fmla="*/ 7841 w 14464"/>
                  <a:gd name="connsiteY52" fmla="*/ 8301 h 10000"/>
                  <a:gd name="connsiteX53" fmla="*/ 7841 w 14464"/>
                  <a:gd name="connsiteY53" fmla="*/ 8405 h 10000"/>
                  <a:gd name="connsiteX54" fmla="*/ 7790 w 14464"/>
                  <a:gd name="connsiteY54" fmla="*/ 8523 h 10000"/>
                  <a:gd name="connsiteX55" fmla="*/ 7712 w 14464"/>
                  <a:gd name="connsiteY55" fmla="*/ 8641 h 10000"/>
                  <a:gd name="connsiteX56" fmla="*/ 7378 w 14464"/>
                  <a:gd name="connsiteY56" fmla="*/ 8552 h 10000"/>
                  <a:gd name="connsiteX57" fmla="*/ 7069 w 14464"/>
                  <a:gd name="connsiteY57" fmla="*/ 8449 h 10000"/>
                  <a:gd name="connsiteX58" fmla="*/ 6760 w 14464"/>
                  <a:gd name="connsiteY58" fmla="*/ 8360 h 10000"/>
                  <a:gd name="connsiteX59" fmla="*/ 6451 w 14464"/>
                  <a:gd name="connsiteY59" fmla="*/ 8287 h 10000"/>
                  <a:gd name="connsiteX60" fmla="*/ 6323 w 14464"/>
                  <a:gd name="connsiteY60" fmla="*/ 8449 h 10000"/>
                  <a:gd name="connsiteX61" fmla="*/ 6222 w 14464"/>
                  <a:gd name="connsiteY61" fmla="*/ 8597 h 10000"/>
                  <a:gd name="connsiteX62" fmla="*/ 6169 w 14464"/>
                  <a:gd name="connsiteY62" fmla="*/ 8656 h 10000"/>
                  <a:gd name="connsiteX63" fmla="*/ 6066 w 14464"/>
                  <a:gd name="connsiteY63" fmla="*/ 8700 h 10000"/>
                  <a:gd name="connsiteX64" fmla="*/ 5990 w 14464"/>
                  <a:gd name="connsiteY64" fmla="*/ 8744 h 10000"/>
                  <a:gd name="connsiteX65" fmla="*/ 5913 w 14464"/>
                  <a:gd name="connsiteY65" fmla="*/ 8774 h 10000"/>
                  <a:gd name="connsiteX66" fmla="*/ 5835 w 14464"/>
                  <a:gd name="connsiteY66" fmla="*/ 8804 h 10000"/>
                  <a:gd name="connsiteX67" fmla="*/ 5733 w 14464"/>
                  <a:gd name="connsiteY67" fmla="*/ 8818 h 10000"/>
                  <a:gd name="connsiteX68" fmla="*/ 5603 w 14464"/>
                  <a:gd name="connsiteY68" fmla="*/ 8833 h 10000"/>
                  <a:gd name="connsiteX69" fmla="*/ 5476 w 14464"/>
                  <a:gd name="connsiteY69" fmla="*/ 8833 h 10000"/>
                  <a:gd name="connsiteX70" fmla="*/ 5168 w 14464"/>
                  <a:gd name="connsiteY70" fmla="*/ 8818 h 10000"/>
                  <a:gd name="connsiteX71" fmla="*/ 4781 w 14464"/>
                  <a:gd name="connsiteY71" fmla="*/ 8744 h 10000"/>
                  <a:gd name="connsiteX72" fmla="*/ 4781 w 14464"/>
                  <a:gd name="connsiteY72" fmla="*/ 8922 h 10000"/>
                  <a:gd name="connsiteX73" fmla="*/ 4755 w 14464"/>
                  <a:gd name="connsiteY73" fmla="*/ 9069 h 10000"/>
                  <a:gd name="connsiteX74" fmla="*/ 4731 w 14464"/>
                  <a:gd name="connsiteY74" fmla="*/ 9232 h 10000"/>
                  <a:gd name="connsiteX75" fmla="*/ 4704 w 14464"/>
                  <a:gd name="connsiteY75" fmla="*/ 9365 h 10000"/>
                  <a:gd name="connsiteX76" fmla="*/ 4652 w 14464"/>
                  <a:gd name="connsiteY76" fmla="*/ 9498 h 10000"/>
                  <a:gd name="connsiteX77" fmla="*/ 4551 w 14464"/>
                  <a:gd name="connsiteY77" fmla="*/ 9616 h 10000"/>
                  <a:gd name="connsiteX78" fmla="*/ 4473 w 14464"/>
                  <a:gd name="connsiteY78" fmla="*/ 9734 h 10000"/>
                  <a:gd name="connsiteX79" fmla="*/ 4344 w 14464"/>
                  <a:gd name="connsiteY79" fmla="*/ 9838 h 10000"/>
                  <a:gd name="connsiteX80" fmla="*/ 4034 w 14464"/>
                  <a:gd name="connsiteY80" fmla="*/ 9897 h 10000"/>
                  <a:gd name="connsiteX81" fmla="*/ 3779 w 14464"/>
                  <a:gd name="connsiteY81" fmla="*/ 9941 h 10000"/>
                  <a:gd name="connsiteX82" fmla="*/ 3470 w 14464"/>
                  <a:gd name="connsiteY82" fmla="*/ 9985 h 10000"/>
                  <a:gd name="connsiteX83" fmla="*/ 3239 w 14464"/>
                  <a:gd name="connsiteY83" fmla="*/ 10000 h 10000"/>
                  <a:gd name="connsiteX84" fmla="*/ 2725 w 14464"/>
                  <a:gd name="connsiteY84" fmla="*/ 10000 h 10000"/>
                  <a:gd name="connsiteX85" fmla="*/ 2236 w 14464"/>
                  <a:gd name="connsiteY85" fmla="*/ 9985 h 10000"/>
                  <a:gd name="connsiteX86" fmla="*/ 1775 w 14464"/>
                  <a:gd name="connsiteY86" fmla="*/ 9941 h 10000"/>
                  <a:gd name="connsiteX87" fmla="*/ 1286 w 14464"/>
                  <a:gd name="connsiteY87" fmla="*/ 9911 h 10000"/>
                  <a:gd name="connsiteX88" fmla="*/ 1003 w 14464"/>
                  <a:gd name="connsiteY88" fmla="*/ 9911 h 10000"/>
                  <a:gd name="connsiteX89" fmla="*/ 745 w 14464"/>
                  <a:gd name="connsiteY89" fmla="*/ 9911 h 10000"/>
                  <a:gd name="connsiteX90" fmla="*/ 463 w 14464"/>
                  <a:gd name="connsiteY90" fmla="*/ 9926 h 10000"/>
                  <a:gd name="connsiteX91" fmla="*/ 180 w 14464"/>
                  <a:gd name="connsiteY91" fmla="*/ 9970 h 10000"/>
                  <a:gd name="connsiteX92" fmla="*/ 103 w 14464"/>
                  <a:gd name="connsiteY92" fmla="*/ 9867 h 10000"/>
                  <a:gd name="connsiteX93" fmla="*/ 52 w 14464"/>
                  <a:gd name="connsiteY93" fmla="*/ 9793 h 10000"/>
                  <a:gd name="connsiteX94" fmla="*/ 0 w 14464"/>
                  <a:gd name="connsiteY94" fmla="*/ 9705 h 10000"/>
                  <a:gd name="connsiteX95" fmla="*/ 0 w 14464"/>
                  <a:gd name="connsiteY95" fmla="*/ 9601 h 10000"/>
                  <a:gd name="connsiteX96" fmla="*/ 52 w 14464"/>
                  <a:gd name="connsiteY96" fmla="*/ 9424 h 10000"/>
                  <a:gd name="connsiteX97" fmla="*/ 103 w 14464"/>
                  <a:gd name="connsiteY97" fmla="*/ 9202 h 10000"/>
                  <a:gd name="connsiteX98" fmla="*/ 153 w 14464"/>
                  <a:gd name="connsiteY98" fmla="*/ 8996 h 10000"/>
                  <a:gd name="connsiteX99" fmla="*/ 206 w 14464"/>
                  <a:gd name="connsiteY99" fmla="*/ 8759 h 10000"/>
                  <a:gd name="connsiteX100" fmla="*/ 231 w 14464"/>
                  <a:gd name="connsiteY100" fmla="*/ 8641 h 10000"/>
                  <a:gd name="connsiteX101" fmla="*/ 231 w 14464"/>
                  <a:gd name="connsiteY101" fmla="*/ 8538 h 10000"/>
                  <a:gd name="connsiteX102" fmla="*/ 206 w 14464"/>
                  <a:gd name="connsiteY102" fmla="*/ 8405 h 10000"/>
                  <a:gd name="connsiteX103" fmla="*/ 180 w 14464"/>
                  <a:gd name="connsiteY103" fmla="*/ 8287 h 10000"/>
                  <a:gd name="connsiteX104" fmla="*/ 437 w 14464"/>
                  <a:gd name="connsiteY104" fmla="*/ 8213 h 10000"/>
                  <a:gd name="connsiteX105" fmla="*/ 694 w 14464"/>
                  <a:gd name="connsiteY105" fmla="*/ 8139 h 10000"/>
                  <a:gd name="connsiteX106" fmla="*/ 951 w 14464"/>
                  <a:gd name="connsiteY106" fmla="*/ 8095 h 10000"/>
                  <a:gd name="connsiteX107" fmla="*/ 1234 w 14464"/>
                  <a:gd name="connsiteY107" fmla="*/ 8065 h 10000"/>
                  <a:gd name="connsiteX108" fmla="*/ 1747 w 14464"/>
                  <a:gd name="connsiteY108" fmla="*/ 8021 h 10000"/>
                  <a:gd name="connsiteX109" fmla="*/ 2263 w 14464"/>
                  <a:gd name="connsiteY109" fmla="*/ 7976 h 10000"/>
                  <a:gd name="connsiteX110" fmla="*/ 2494 w 14464"/>
                  <a:gd name="connsiteY110" fmla="*/ 7947 h 10000"/>
                  <a:gd name="connsiteX111" fmla="*/ 2725 w 14464"/>
                  <a:gd name="connsiteY111" fmla="*/ 7917 h 10000"/>
                  <a:gd name="connsiteX112" fmla="*/ 2929 w 14464"/>
                  <a:gd name="connsiteY112" fmla="*/ 7843 h 10000"/>
                  <a:gd name="connsiteX113" fmla="*/ 3136 w 14464"/>
                  <a:gd name="connsiteY113" fmla="*/ 7784 h 10000"/>
                  <a:gd name="connsiteX114" fmla="*/ 3316 w 14464"/>
                  <a:gd name="connsiteY114" fmla="*/ 7710 h 10000"/>
                  <a:gd name="connsiteX115" fmla="*/ 3470 w 14464"/>
                  <a:gd name="connsiteY115" fmla="*/ 7592 h 10000"/>
                  <a:gd name="connsiteX116" fmla="*/ 3625 w 14464"/>
                  <a:gd name="connsiteY116" fmla="*/ 7474 h 10000"/>
                  <a:gd name="connsiteX117" fmla="*/ 3727 w 14464"/>
                  <a:gd name="connsiteY117" fmla="*/ 7312 h 10000"/>
                  <a:gd name="connsiteX118" fmla="*/ 3522 w 14464"/>
                  <a:gd name="connsiteY118" fmla="*/ 7238 h 10000"/>
                  <a:gd name="connsiteX119" fmla="*/ 3341 w 14464"/>
                  <a:gd name="connsiteY119" fmla="*/ 7179 h 10000"/>
                  <a:gd name="connsiteX120" fmla="*/ 3187 w 14464"/>
                  <a:gd name="connsiteY120" fmla="*/ 7090 h 10000"/>
                  <a:gd name="connsiteX121" fmla="*/ 3034 w 14464"/>
                  <a:gd name="connsiteY121" fmla="*/ 6987 h 10000"/>
                  <a:gd name="connsiteX122" fmla="*/ 2929 w 14464"/>
                  <a:gd name="connsiteY122" fmla="*/ 6869 h 10000"/>
                  <a:gd name="connsiteX123" fmla="*/ 2880 w 14464"/>
                  <a:gd name="connsiteY123" fmla="*/ 6721 h 10000"/>
                  <a:gd name="connsiteX124" fmla="*/ 2853 w 14464"/>
                  <a:gd name="connsiteY124" fmla="*/ 6558 h 10000"/>
                  <a:gd name="connsiteX125" fmla="*/ 2880 w 14464"/>
                  <a:gd name="connsiteY125" fmla="*/ 6352 h 10000"/>
                  <a:gd name="connsiteX126" fmla="*/ 2751 w 14464"/>
                  <a:gd name="connsiteY126" fmla="*/ 6322 h 10000"/>
                  <a:gd name="connsiteX127" fmla="*/ 2597 w 14464"/>
                  <a:gd name="connsiteY127" fmla="*/ 6292 h 10000"/>
                  <a:gd name="connsiteX128" fmla="*/ 2417 w 14464"/>
                  <a:gd name="connsiteY128" fmla="*/ 6278 h 10000"/>
                  <a:gd name="connsiteX129" fmla="*/ 2236 w 14464"/>
                  <a:gd name="connsiteY129" fmla="*/ 6263 h 10000"/>
                  <a:gd name="connsiteX130" fmla="*/ 1877 w 14464"/>
                  <a:gd name="connsiteY130" fmla="*/ 6248 h 10000"/>
                  <a:gd name="connsiteX131" fmla="*/ 1491 w 14464"/>
                  <a:gd name="connsiteY131" fmla="*/ 6263 h 10000"/>
                  <a:gd name="connsiteX132" fmla="*/ 1158 w 14464"/>
                  <a:gd name="connsiteY132" fmla="*/ 6278 h 10000"/>
                  <a:gd name="connsiteX133" fmla="*/ 848 w 14464"/>
                  <a:gd name="connsiteY133" fmla="*/ 6278 h 10000"/>
                  <a:gd name="connsiteX134" fmla="*/ 593 w 14464"/>
                  <a:gd name="connsiteY134" fmla="*/ 6263 h 10000"/>
                  <a:gd name="connsiteX135" fmla="*/ 386 w 14464"/>
                  <a:gd name="connsiteY135" fmla="*/ 6233 h 10000"/>
                  <a:gd name="connsiteX136" fmla="*/ 641 w 14464"/>
                  <a:gd name="connsiteY136" fmla="*/ 5805 h 10000"/>
                  <a:gd name="connsiteX137" fmla="*/ 926 w 14464"/>
                  <a:gd name="connsiteY137" fmla="*/ 5391 h 10000"/>
                  <a:gd name="connsiteX138" fmla="*/ 1029 w 14464"/>
                  <a:gd name="connsiteY138" fmla="*/ 5170 h 10000"/>
                  <a:gd name="connsiteX139" fmla="*/ 1105 w 14464"/>
                  <a:gd name="connsiteY139" fmla="*/ 4963 h 10000"/>
                  <a:gd name="connsiteX140" fmla="*/ 1130 w 14464"/>
                  <a:gd name="connsiteY140" fmla="*/ 4860 h 10000"/>
                  <a:gd name="connsiteX141" fmla="*/ 1105 w 14464"/>
                  <a:gd name="connsiteY141" fmla="*/ 4756 h 10000"/>
                  <a:gd name="connsiteX142" fmla="*/ 1080 w 14464"/>
                  <a:gd name="connsiteY142" fmla="*/ 4653 h 10000"/>
                  <a:gd name="connsiteX143" fmla="*/ 1003 w 14464"/>
                  <a:gd name="connsiteY143" fmla="*/ 4549 h 10000"/>
                  <a:gd name="connsiteX144" fmla="*/ 1286 w 14464"/>
                  <a:gd name="connsiteY144" fmla="*/ 4520 h 10000"/>
                  <a:gd name="connsiteX145" fmla="*/ 1491 w 14464"/>
                  <a:gd name="connsiteY145" fmla="*/ 4505 h 10000"/>
                  <a:gd name="connsiteX146" fmla="*/ 1671 w 14464"/>
                  <a:gd name="connsiteY146" fmla="*/ 4505 h 10000"/>
                  <a:gd name="connsiteX147" fmla="*/ 1825 w 14464"/>
                  <a:gd name="connsiteY147" fmla="*/ 4520 h 10000"/>
                  <a:gd name="connsiteX148" fmla="*/ 1954 w 14464"/>
                  <a:gd name="connsiteY148" fmla="*/ 4520 h 10000"/>
                  <a:gd name="connsiteX149" fmla="*/ 2108 w 14464"/>
                  <a:gd name="connsiteY149" fmla="*/ 4520 h 10000"/>
                  <a:gd name="connsiteX150" fmla="*/ 2263 w 14464"/>
                  <a:gd name="connsiteY150" fmla="*/ 4490 h 10000"/>
                  <a:gd name="connsiteX151" fmla="*/ 2467 w 14464"/>
                  <a:gd name="connsiteY151" fmla="*/ 4446 h 10000"/>
                  <a:gd name="connsiteX152" fmla="*/ 2467 w 14464"/>
                  <a:gd name="connsiteY152" fmla="*/ 4579 h 10000"/>
                  <a:gd name="connsiteX153" fmla="*/ 2467 w 14464"/>
                  <a:gd name="connsiteY153" fmla="*/ 4742 h 10000"/>
                  <a:gd name="connsiteX154" fmla="*/ 2467 w 14464"/>
                  <a:gd name="connsiteY154" fmla="*/ 4874 h 10000"/>
                  <a:gd name="connsiteX155" fmla="*/ 2467 w 14464"/>
                  <a:gd name="connsiteY155" fmla="*/ 5037 h 10000"/>
                  <a:gd name="connsiteX156" fmla="*/ 2699 w 14464"/>
                  <a:gd name="connsiteY156" fmla="*/ 5022 h 10000"/>
                  <a:gd name="connsiteX157" fmla="*/ 2853 w 14464"/>
                  <a:gd name="connsiteY157" fmla="*/ 5037 h 10000"/>
                  <a:gd name="connsiteX158" fmla="*/ 2982 w 14464"/>
                  <a:gd name="connsiteY158" fmla="*/ 5066 h 10000"/>
                  <a:gd name="connsiteX159" fmla="*/ 3111 w 14464"/>
                  <a:gd name="connsiteY159" fmla="*/ 5096 h 10000"/>
                  <a:gd name="connsiteX160" fmla="*/ 3214 w 14464"/>
                  <a:gd name="connsiteY160" fmla="*/ 5126 h 10000"/>
                  <a:gd name="connsiteX161" fmla="*/ 3341 w 14464"/>
                  <a:gd name="connsiteY161" fmla="*/ 5155 h 10000"/>
                  <a:gd name="connsiteX162" fmla="*/ 3496 w 14464"/>
                  <a:gd name="connsiteY162" fmla="*/ 5170 h 10000"/>
                  <a:gd name="connsiteX163" fmla="*/ 3727 w 14464"/>
                  <a:gd name="connsiteY163" fmla="*/ 5155 h 10000"/>
                  <a:gd name="connsiteX164" fmla="*/ 3805 w 14464"/>
                  <a:gd name="connsiteY164" fmla="*/ 5096 h 10000"/>
                  <a:gd name="connsiteX165" fmla="*/ 3881 w 14464"/>
                  <a:gd name="connsiteY165" fmla="*/ 5022 h 10000"/>
                  <a:gd name="connsiteX166" fmla="*/ 3907 w 14464"/>
                  <a:gd name="connsiteY166" fmla="*/ 4934 h 10000"/>
                  <a:gd name="connsiteX167" fmla="*/ 3934 w 14464"/>
                  <a:gd name="connsiteY167" fmla="*/ 4860 h 10000"/>
                  <a:gd name="connsiteX168" fmla="*/ 3958 w 14464"/>
                  <a:gd name="connsiteY168" fmla="*/ 4697 h 10000"/>
                  <a:gd name="connsiteX169" fmla="*/ 3934 w 14464"/>
                  <a:gd name="connsiteY169" fmla="*/ 4520 h 10000"/>
                  <a:gd name="connsiteX170" fmla="*/ 3856 w 14464"/>
                  <a:gd name="connsiteY170" fmla="*/ 4343 h 10000"/>
                  <a:gd name="connsiteX171" fmla="*/ 3779 w 14464"/>
                  <a:gd name="connsiteY171" fmla="*/ 4195 h 10000"/>
                  <a:gd name="connsiteX172" fmla="*/ 3650 w 14464"/>
                  <a:gd name="connsiteY172" fmla="*/ 4047 h 10000"/>
                  <a:gd name="connsiteX173" fmla="*/ 3522 w 14464"/>
                  <a:gd name="connsiteY173" fmla="*/ 3959 h 10000"/>
                  <a:gd name="connsiteX174" fmla="*/ 3676 w 14464"/>
                  <a:gd name="connsiteY174" fmla="*/ 3944 h 10000"/>
                  <a:gd name="connsiteX175" fmla="*/ 3805 w 14464"/>
                  <a:gd name="connsiteY175" fmla="*/ 3914 h 10000"/>
                  <a:gd name="connsiteX176" fmla="*/ 3907 w 14464"/>
                  <a:gd name="connsiteY176" fmla="*/ 3855 h 10000"/>
                  <a:gd name="connsiteX177" fmla="*/ 4034 w 14464"/>
                  <a:gd name="connsiteY177" fmla="*/ 3752 h 10000"/>
                  <a:gd name="connsiteX178" fmla="*/ 4164 w 14464"/>
                  <a:gd name="connsiteY178" fmla="*/ 3663 h 10000"/>
                  <a:gd name="connsiteX179" fmla="*/ 4267 w 14464"/>
                  <a:gd name="connsiteY179" fmla="*/ 3560 h 10000"/>
                  <a:gd name="connsiteX180" fmla="*/ 4344 w 14464"/>
                  <a:gd name="connsiteY180" fmla="*/ 3442 h 10000"/>
                  <a:gd name="connsiteX181" fmla="*/ 4422 w 14464"/>
                  <a:gd name="connsiteY181" fmla="*/ 3323 h 10000"/>
                  <a:gd name="connsiteX182" fmla="*/ 4473 w 14464"/>
                  <a:gd name="connsiteY182" fmla="*/ 3220 h 10000"/>
                  <a:gd name="connsiteX183" fmla="*/ 4498 w 14464"/>
                  <a:gd name="connsiteY183" fmla="*/ 3102 h 10000"/>
                  <a:gd name="connsiteX184" fmla="*/ 4525 w 14464"/>
                  <a:gd name="connsiteY184" fmla="*/ 3013 h 10000"/>
                  <a:gd name="connsiteX185" fmla="*/ 4498 w 14464"/>
                  <a:gd name="connsiteY185" fmla="*/ 2939 h 10000"/>
                  <a:gd name="connsiteX186" fmla="*/ 4473 w 14464"/>
                  <a:gd name="connsiteY186" fmla="*/ 2866 h 10000"/>
                  <a:gd name="connsiteX187" fmla="*/ 4396 w 14464"/>
                  <a:gd name="connsiteY187" fmla="*/ 2836 h 10000"/>
                  <a:gd name="connsiteX188" fmla="*/ 4294 w 14464"/>
                  <a:gd name="connsiteY188" fmla="*/ 2836 h 10000"/>
                  <a:gd name="connsiteX189" fmla="*/ 4164 w 14464"/>
                  <a:gd name="connsiteY189" fmla="*/ 2866 h 10000"/>
                  <a:gd name="connsiteX190" fmla="*/ 4267 w 14464"/>
                  <a:gd name="connsiteY190" fmla="*/ 2777 h 10000"/>
                  <a:gd name="connsiteX191" fmla="*/ 4320 w 14464"/>
                  <a:gd name="connsiteY191" fmla="*/ 2674 h 10000"/>
                  <a:gd name="connsiteX192" fmla="*/ 4344 w 14464"/>
                  <a:gd name="connsiteY192" fmla="*/ 2541 h 10000"/>
                  <a:gd name="connsiteX193" fmla="*/ 4344 w 14464"/>
                  <a:gd name="connsiteY193" fmla="*/ 2393 h 10000"/>
                  <a:gd name="connsiteX194" fmla="*/ 4369 w 14464"/>
                  <a:gd name="connsiteY194" fmla="*/ 2349 h 10000"/>
                  <a:gd name="connsiteX195" fmla="*/ 4422 w 14464"/>
                  <a:gd name="connsiteY195" fmla="*/ 2304 h 10000"/>
                  <a:gd name="connsiteX196" fmla="*/ 4473 w 14464"/>
                  <a:gd name="connsiteY196" fmla="*/ 2290 h 10000"/>
                  <a:gd name="connsiteX197" fmla="*/ 4551 w 14464"/>
                  <a:gd name="connsiteY197" fmla="*/ 2275 h 10000"/>
                  <a:gd name="connsiteX198" fmla="*/ 4781 w 14464"/>
                  <a:gd name="connsiteY198" fmla="*/ 2260 h 10000"/>
                  <a:gd name="connsiteX199" fmla="*/ 4986 w 14464"/>
                  <a:gd name="connsiteY199" fmla="*/ 2275 h 10000"/>
                  <a:gd name="connsiteX200" fmla="*/ 4961 w 14464"/>
                  <a:gd name="connsiteY200" fmla="*/ 2112 h 10000"/>
                  <a:gd name="connsiteX201" fmla="*/ 4910 w 14464"/>
                  <a:gd name="connsiteY201" fmla="*/ 1950 h 10000"/>
                  <a:gd name="connsiteX202" fmla="*/ 4832 w 14464"/>
                  <a:gd name="connsiteY202" fmla="*/ 1802 h 10000"/>
                  <a:gd name="connsiteX203" fmla="*/ 4731 w 14464"/>
                  <a:gd name="connsiteY203" fmla="*/ 1640 h 10000"/>
                  <a:gd name="connsiteX204" fmla="*/ 4473 w 14464"/>
                  <a:gd name="connsiteY204" fmla="*/ 1329 h 10000"/>
                  <a:gd name="connsiteX205" fmla="*/ 4216 w 14464"/>
                  <a:gd name="connsiteY205" fmla="*/ 1034 h 10000"/>
                  <a:gd name="connsiteX206" fmla="*/ 4087 w 14464"/>
                  <a:gd name="connsiteY206" fmla="*/ 901 h 10000"/>
                  <a:gd name="connsiteX207" fmla="*/ 3986 w 14464"/>
                  <a:gd name="connsiteY207" fmla="*/ 753 h 10000"/>
                  <a:gd name="connsiteX208" fmla="*/ 3907 w 14464"/>
                  <a:gd name="connsiteY208" fmla="*/ 620 h 10000"/>
                  <a:gd name="connsiteX209" fmla="*/ 3881 w 14464"/>
                  <a:gd name="connsiteY209" fmla="*/ 487 h 10000"/>
                  <a:gd name="connsiteX210" fmla="*/ 3856 w 14464"/>
                  <a:gd name="connsiteY210" fmla="*/ 355 h 10000"/>
                  <a:gd name="connsiteX211" fmla="*/ 3907 w 14464"/>
                  <a:gd name="connsiteY211" fmla="*/ 222 h 10000"/>
                  <a:gd name="connsiteX212" fmla="*/ 3934 w 14464"/>
                  <a:gd name="connsiteY212" fmla="*/ 162 h 10000"/>
                  <a:gd name="connsiteX213" fmla="*/ 3986 w 14464"/>
                  <a:gd name="connsiteY213" fmla="*/ 103 h 10000"/>
                  <a:gd name="connsiteX214" fmla="*/ 4063 w 14464"/>
                  <a:gd name="connsiteY214" fmla="*/ 59 h 10000"/>
                  <a:gd name="connsiteX215" fmla="*/ 4164 w 14464"/>
                  <a:gd name="connsiteY215" fmla="*/ 0 h 10000"/>
                  <a:gd name="connsiteX216" fmla="*/ 4344 w 14464"/>
                  <a:gd name="connsiteY216" fmla="*/ 0 h 10000"/>
                  <a:gd name="connsiteX217" fmla="*/ 4525 w 14464"/>
                  <a:gd name="connsiteY217" fmla="*/ 15 h 10000"/>
                  <a:gd name="connsiteX218" fmla="*/ 4704 w 14464"/>
                  <a:gd name="connsiteY218" fmla="*/ 44 h 10000"/>
                  <a:gd name="connsiteX219" fmla="*/ 4832 w 14464"/>
                  <a:gd name="connsiteY219" fmla="*/ 89 h 10000"/>
                  <a:gd name="connsiteX220" fmla="*/ 5039 w 14464"/>
                  <a:gd name="connsiteY220" fmla="*/ 192 h 10000"/>
                  <a:gd name="connsiteX221" fmla="*/ 5244 w 14464"/>
                  <a:gd name="connsiteY221" fmla="*/ 340 h 10000"/>
                  <a:gd name="connsiteX222" fmla="*/ 5398 w 14464"/>
                  <a:gd name="connsiteY222" fmla="*/ 473 h 10000"/>
                  <a:gd name="connsiteX223" fmla="*/ 5603 w 14464"/>
                  <a:gd name="connsiteY223" fmla="*/ 591 h 10000"/>
                  <a:gd name="connsiteX224" fmla="*/ 5733 w 14464"/>
                  <a:gd name="connsiteY224" fmla="*/ 650 h 10000"/>
                  <a:gd name="connsiteX225" fmla="*/ 5887 w 14464"/>
                  <a:gd name="connsiteY225" fmla="*/ 679 h 10000"/>
                  <a:gd name="connsiteX226" fmla="*/ 6042 w 14464"/>
                  <a:gd name="connsiteY226" fmla="*/ 709 h 10000"/>
                  <a:gd name="connsiteX227" fmla="*/ 6247 w 14464"/>
                  <a:gd name="connsiteY227" fmla="*/ 709 h 10000"/>
                  <a:gd name="connsiteX228" fmla="*/ 6247 w 14464"/>
                  <a:gd name="connsiteY228" fmla="*/ 768 h 10000"/>
                  <a:gd name="connsiteX229" fmla="*/ 6273 w 14464"/>
                  <a:gd name="connsiteY229" fmla="*/ 842 h 10000"/>
                  <a:gd name="connsiteX230" fmla="*/ 6323 w 14464"/>
                  <a:gd name="connsiteY230" fmla="*/ 916 h 10000"/>
                  <a:gd name="connsiteX231" fmla="*/ 6375 w 14464"/>
                  <a:gd name="connsiteY231" fmla="*/ 990 h 10000"/>
                  <a:gd name="connsiteX232" fmla="*/ 6451 w 14464"/>
                  <a:gd name="connsiteY232" fmla="*/ 1049 h 10000"/>
                  <a:gd name="connsiteX233" fmla="*/ 6554 w 14464"/>
                  <a:gd name="connsiteY233" fmla="*/ 1108 h 10000"/>
                  <a:gd name="connsiteX234" fmla="*/ 6683 w 14464"/>
                  <a:gd name="connsiteY234" fmla="*/ 1182 h 10000"/>
                  <a:gd name="connsiteX235" fmla="*/ 6786 w 14464"/>
                  <a:gd name="connsiteY235" fmla="*/ 1226 h 10000"/>
                  <a:gd name="connsiteX236" fmla="*/ 6889 w 14464"/>
                  <a:gd name="connsiteY236" fmla="*/ 1270 h 10000"/>
                  <a:gd name="connsiteX237" fmla="*/ 6992 w 14464"/>
                  <a:gd name="connsiteY237" fmla="*/ 1300 h 10000"/>
                  <a:gd name="connsiteX238" fmla="*/ 7095 w 14464"/>
                  <a:gd name="connsiteY238" fmla="*/ 1315 h 10000"/>
                  <a:gd name="connsiteX239" fmla="*/ 7224 w 14464"/>
                  <a:gd name="connsiteY239" fmla="*/ 1300 h 10000"/>
                  <a:gd name="connsiteX240" fmla="*/ 7327 w 14464"/>
                  <a:gd name="connsiteY240" fmla="*/ 1285 h 10000"/>
                  <a:gd name="connsiteX241" fmla="*/ 7403 w 14464"/>
                  <a:gd name="connsiteY241" fmla="*/ 1241 h 10000"/>
                  <a:gd name="connsiteX242" fmla="*/ 7456 w 14464"/>
                  <a:gd name="connsiteY242" fmla="*/ 1167 h 10000"/>
                  <a:gd name="connsiteX243" fmla="*/ 7480 w 14464"/>
                  <a:gd name="connsiteY243" fmla="*/ 1064 h 10000"/>
                  <a:gd name="connsiteX244" fmla="*/ 7866 w 14464"/>
                  <a:gd name="connsiteY244" fmla="*/ 1034 h 10000"/>
                  <a:gd name="connsiteX245" fmla="*/ 8225 w 14464"/>
                  <a:gd name="connsiteY245" fmla="*/ 1004 h 10000"/>
                  <a:gd name="connsiteX246" fmla="*/ 8535 w 14464"/>
                  <a:gd name="connsiteY246" fmla="*/ 990 h 10000"/>
                  <a:gd name="connsiteX247" fmla="*/ 8818 w 14464"/>
                  <a:gd name="connsiteY247" fmla="*/ 1004 h 10000"/>
                  <a:gd name="connsiteX248" fmla="*/ 8947 w 14464"/>
                  <a:gd name="connsiteY248" fmla="*/ 1019 h 10000"/>
                  <a:gd name="connsiteX249" fmla="*/ 9073 w 14464"/>
                  <a:gd name="connsiteY249" fmla="*/ 1034 h 10000"/>
                  <a:gd name="connsiteX250" fmla="*/ 9178 w 14464"/>
                  <a:gd name="connsiteY250" fmla="*/ 1064 h 10000"/>
                  <a:gd name="connsiteX251" fmla="*/ 9306 w 14464"/>
                  <a:gd name="connsiteY251" fmla="*/ 1108 h 10000"/>
                  <a:gd name="connsiteX252" fmla="*/ 9383 w 14464"/>
                  <a:gd name="connsiteY252" fmla="*/ 1182 h 10000"/>
                  <a:gd name="connsiteX253" fmla="*/ 9459 w 14464"/>
                  <a:gd name="connsiteY253" fmla="*/ 1241 h 10000"/>
                  <a:gd name="connsiteX254" fmla="*/ 9512 w 14464"/>
                  <a:gd name="connsiteY254" fmla="*/ 1329 h 10000"/>
                  <a:gd name="connsiteX255" fmla="*/ 9563 w 14464"/>
                  <a:gd name="connsiteY255" fmla="*/ 1433 h 10000"/>
                  <a:gd name="connsiteX256" fmla="*/ 9614 w 14464"/>
                  <a:gd name="connsiteY256" fmla="*/ 1551 h 10000"/>
                  <a:gd name="connsiteX257" fmla="*/ 9588 w 14464"/>
                  <a:gd name="connsiteY257" fmla="*/ 1625 h 10000"/>
                  <a:gd name="connsiteX258" fmla="*/ 9563 w 14464"/>
                  <a:gd name="connsiteY258" fmla="*/ 1684 h 10000"/>
                  <a:gd name="connsiteX259" fmla="*/ 9512 w 14464"/>
                  <a:gd name="connsiteY259" fmla="*/ 1758 h 10000"/>
                  <a:gd name="connsiteX260" fmla="*/ 9435 w 14464"/>
                  <a:gd name="connsiteY260" fmla="*/ 1802 h 10000"/>
                  <a:gd name="connsiteX261" fmla="*/ 9383 w 14464"/>
                  <a:gd name="connsiteY261" fmla="*/ 1861 h 10000"/>
                  <a:gd name="connsiteX262" fmla="*/ 9359 w 14464"/>
                  <a:gd name="connsiteY262" fmla="*/ 1935 h 10000"/>
                  <a:gd name="connsiteX263" fmla="*/ 9383 w 14464"/>
                  <a:gd name="connsiteY263" fmla="*/ 2024 h 10000"/>
                  <a:gd name="connsiteX264" fmla="*/ 9666 w 14464"/>
                  <a:gd name="connsiteY264" fmla="*/ 2157 h 10000"/>
                  <a:gd name="connsiteX265" fmla="*/ 14464 w 14464"/>
                  <a:gd name="connsiteY265" fmla="*/ 4824 h 10000"/>
                  <a:gd name="connsiteX0" fmla="*/ 7274 w 9666"/>
                  <a:gd name="connsiteY0" fmla="*/ 4431 h 10000"/>
                  <a:gd name="connsiteX1" fmla="*/ 7095 w 9666"/>
                  <a:gd name="connsiteY1" fmla="*/ 4638 h 10000"/>
                  <a:gd name="connsiteX2" fmla="*/ 7095 w 9666"/>
                  <a:gd name="connsiteY2" fmla="*/ 4697 h 10000"/>
                  <a:gd name="connsiteX3" fmla="*/ 7069 w 9666"/>
                  <a:gd name="connsiteY3" fmla="*/ 4801 h 10000"/>
                  <a:gd name="connsiteX4" fmla="*/ 7069 w 9666"/>
                  <a:gd name="connsiteY4" fmla="*/ 4904 h 10000"/>
                  <a:gd name="connsiteX5" fmla="*/ 6941 w 9666"/>
                  <a:gd name="connsiteY5" fmla="*/ 4860 h 10000"/>
                  <a:gd name="connsiteX6" fmla="*/ 6863 w 9666"/>
                  <a:gd name="connsiteY6" fmla="*/ 4801 h 10000"/>
                  <a:gd name="connsiteX7" fmla="*/ 6786 w 9666"/>
                  <a:gd name="connsiteY7" fmla="*/ 4727 h 10000"/>
                  <a:gd name="connsiteX8" fmla="*/ 6710 w 9666"/>
                  <a:gd name="connsiteY8" fmla="*/ 4638 h 10000"/>
                  <a:gd name="connsiteX9" fmla="*/ 6582 w 9666"/>
                  <a:gd name="connsiteY9" fmla="*/ 4476 h 10000"/>
                  <a:gd name="connsiteX10" fmla="*/ 6451 w 9666"/>
                  <a:gd name="connsiteY10" fmla="*/ 4313 h 10000"/>
                  <a:gd name="connsiteX11" fmla="*/ 6607 w 9666"/>
                  <a:gd name="connsiteY11" fmla="*/ 4210 h 10000"/>
                  <a:gd name="connsiteX12" fmla="*/ 9306 w 9666"/>
                  <a:gd name="connsiteY12" fmla="*/ 3338 h 10000"/>
                  <a:gd name="connsiteX13" fmla="*/ 9536 w 9666"/>
                  <a:gd name="connsiteY13" fmla="*/ 3117 h 10000"/>
                  <a:gd name="connsiteX14" fmla="*/ 9563 w 9666"/>
                  <a:gd name="connsiteY14" fmla="*/ 3072 h 10000"/>
                  <a:gd name="connsiteX15" fmla="*/ 9588 w 9666"/>
                  <a:gd name="connsiteY15" fmla="*/ 3013 h 10000"/>
                  <a:gd name="connsiteX16" fmla="*/ 9588 w 9666"/>
                  <a:gd name="connsiteY16" fmla="*/ 2954 h 10000"/>
                  <a:gd name="connsiteX17" fmla="*/ 9563 w 9666"/>
                  <a:gd name="connsiteY17" fmla="*/ 2866 h 10000"/>
                  <a:gd name="connsiteX18" fmla="*/ 9383 w 9666"/>
                  <a:gd name="connsiteY18" fmla="*/ 2984 h 10000"/>
                  <a:gd name="connsiteX19" fmla="*/ 9178 w 9666"/>
                  <a:gd name="connsiteY19" fmla="*/ 3072 h 10000"/>
                  <a:gd name="connsiteX20" fmla="*/ 8971 w 9666"/>
                  <a:gd name="connsiteY20" fmla="*/ 3161 h 10000"/>
                  <a:gd name="connsiteX21" fmla="*/ 8766 w 9666"/>
                  <a:gd name="connsiteY21" fmla="*/ 3250 h 10000"/>
                  <a:gd name="connsiteX22" fmla="*/ 8302 w 9666"/>
                  <a:gd name="connsiteY22" fmla="*/ 3397 h 10000"/>
                  <a:gd name="connsiteX23" fmla="*/ 7815 w 9666"/>
                  <a:gd name="connsiteY23" fmla="*/ 3545 h 10000"/>
                  <a:gd name="connsiteX24" fmla="*/ 7327 w 9666"/>
                  <a:gd name="connsiteY24" fmla="*/ 3678 h 10000"/>
                  <a:gd name="connsiteX25" fmla="*/ 6863 w 9666"/>
                  <a:gd name="connsiteY25" fmla="*/ 3840 h 10000"/>
                  <a:gd name="connsiteX26" fmla="*/ 6632 w 9666"/>
                  <a:gd name="connsiteY26" fmla="*/ 3914 h 10000"/>
                  <a:gd name="connsiteX27" fmla="*/ 6427 w 9666"/>
                  <a:gd name="connsiteY27" fmla="*/ 4003 h 10000"/>
                  <a:gd name="connsiteX28" fmla="*/ 6222 w 9666"/>
                  <a:gd name="connsiteY28" fmla="*/ 4106 h 10000"/>
                  <a:gd name="connsiteX29" fmla="*/ 6014 w 9666"/>
                  <a:gd name="connsiteY29" fmla="*/ 4195 h 10000"/>
                  <a:gd name="connsiteX30" fmla="*/ 6169 w 9666"/>
                  <a:gd name="connsiteY30" fmla="*/ 4417 h 10000"/>
                  <a:gd name="connsiteX31" fmla="*/ 6273 w 9666"/>
                  <a:gd name="connsiteY31" fmla="*/ 4623 h 10000"/>
                  <a:gd name="connsiteX32" fmla="*/ 6375 w 9666"/>
                  <a:gd name="connsiteY32" fmla="*/ 4845 h 10000"/>
                  <a:gd name="connsiteX33" fmla="*/ 6451 w 9666"/>
                  <a:gd name="connsiteY33" fmla="*/ 5081 h 10000"/>
                  <a:gd name="connsiteX34" fmla="*/ 6504 w 9666"/>
                  <a:gd name="connsiteY34" fmla="*/ 5318 h 10000"/>
                  <a:gd name="connsiteX35" fmla="*/ 6530 w 9666"/>
                  <a:gd name="connsiteY35" fmla="*/ 5539 h 10000"/>
                  <a:gd name="connsiteX36" fmla="*/ 6554 w 9666"/>
                  <a:gd name="connsiteY36" fmla="*/ 5775 h 10000"/>
                  <a:gd name="connsiteX37" fmla="*/ 6554 w 9666"/>
                  <a:gd name="connsiteY37" fmla="*/ 5997 h 10000"/>
                  <a:gd name="connsiteX38" fmla="*/ 6530 w 9666"/>
                  <a:gd name="connsiteY38" fmla="*/ 6233 h 10000"/>
                  <a:gd name="connsiteX39" fmla="*/ 6478 w 9666"/>
                  <a:gd name="connsiteY39" fmla="*/ 6470 h 10000"/>
                  <a:gd name="connsiteX40" fmla="*/ 6427 w 9666"/>
                  <a:gd name="connsiteY40" fmla="*/ 6677 h 10000"/>
                  <a:gd name="connsiteX41" fmla="*/ 6350 w 9666"/>
                  <a:gd name="connsiteY41" fmla="*/ 6898 h 10000"/>
                  <a:gd name="connsiteX42" fmla="*/ 6247 w 9666"/>
                  <a:gd name="connsiteY42" fmla="*/ 7105 h 10000"/>
                  <a:gd name="connsiteX43" fmla="*/ 6119 w 9666"/>
                  <a:gd name="connsiteY43" fmla="*/ 7297 h 10000"/>
                  <a:gd name="connsiteX44" fmla="*/ 5964 w 9666"/>
                  <a:gd name="connsiteY44" fmla="*/ 7489 h 10000"/>
                  <a:gd name="connsiteX45" fmla="*/ 5809 w 9666"/>
                  <a:gd name="connsiteY45" fmla="*/ 7681 h 10000"/>
                  <a:gd name="connsiteX46" fmla="*/ 6554 w 9666"/>
                  <a:gd name="connsiteY46" fmla="*/ 7799 h 10000"/>
                  <a:gd name="connsiteX47" fmla="*/ 7327 w 9666"/>
                  <a:gd name="connsiteY47" fmla="*/ 7962 h 10000"/>
                  <a:gd name="connsiteX48" fmla="*/ 7480 w 9666"/>
                  <a:gd name="connsiteY48" fmla="*/ 8021 h 10000"/>
                  <a:gd name="connsiteX49" fmla="*/ 7609 w 9666"/>
                  <a:gd name="connsiteY49" fmla="*/ 8080 h 10000"/>
                  <a:gd name="connsiteX50" fmla="*/ 7737 w 9666"/>
                  <a:gd name="connsiteY50" fmla="*/ 8139 h 10000"/>
                  <a:gd name="connsiteX51" fmla="*/ 7815 w 9666"/>
                  <a:gd name="connsiteY51" fmla="*/ 8227 h 10000"/>
                  <a:gd name="connsiteX52" fmla="*/ 7841 w 9666"/>
                  <a:gd name="connsiteY52" fmla="*/ 8301 h 10000"/>
                  <a:gd name="connsiteX53" fmla="*/ 7841 w 9666"/>
                  <a:gd name="connsiteY53" fmla="*/ 8405 h 10000"/>
                  <a:gd name="connsiteX54" fmla="*/ 7790 w 9666"/>
                  <a:gd name="connsiteY54" fmla="*/ 8523 h 10000"/>
                  <a:gd name="connsiteX55" fmla="*/ 7712 w 9666"/>
                  <a:gd name="connsiteY55" fmla="*/ 8641 h 10000"/>
                  <a:gd name="connsiteX56" fmla="*/ 7378 w 9666"/>
                  <a:gd name="connsiteY56" fmla="*/ 8552 h 10000"/>
                  <a:gd name="connsiteX57" fmla="*/ 7069 w 9666"/>
                  <a:gd name="connsiteY57" fmla="*/ 8449 h 10000"/>
                  <a:gd name="connsiteX58" fmla="*/ 6760 w 9666"/>
                  <a:gd name="connsiteY58" fmla="*/ 8360 h 10000"/>
                  <a:gd name="connsiteX59" fmla="*/ 6451 w 9666"/>
                  <a:gd name="connsiteY59" fmla="*/ 8287 h 10000"/>
                  <a:gd name="connsiteX60" fmla="*/ 6323 w 9666"/>
                  <a:gd name="connsiteY60" fmla="*/ 8449 h 10000"/>
                  <a:gd name="connsiteX61" fmla="*/ 6222 w 9666"/>
                  <a:gd name="connsiteY61" fmla="*/ 8597 h 10000"/>
                  <a:gd name="connsiteX62" fmla="*/ 6169 w 9666"/>
                  <a:gd name="connsiteY62" fmla="*/ 8656 h 10000"/>
                  <a:gd name="connsiteX63" fmla="*/ 6066 w 9666"/>
                  <a:gd name="connsiteY63" fmla="*/ 8700 h 10000"/>
                  <a:gd name="connsiteX64" fmla="*/ 5990 w 9666"/>
                  <a:gd name="connsiteY64" fmla="*/ 8744 h 10000"/>
                  <a:gd name="connsiteX65" fmla="*/ 5913 w 9666"/>
                  <a:gd name="connsiteY65" fmla="*/ 8774 h 10000"/>
                  <a:gd name="connsiteX66" fmla="*/ 5835 w 9666"/>
                  <a:gd name="connsiteY66" fmla="*/ 8804 h 10000"/>
                  <a:gd name="connsiteX67" fmla="*/ 5733 w 9666"/>
                  <a:gd name="connsiteY67" fmla="*/ 8818 h 10000"/>
                  <a:gd name="connsiteX68" fmla="*/ 5603 w 9666"/>
                  <a:gd name="connsiteY68" fmla="*/ 8833 h 10000"/>
                  <a:gd name="connsiteX69" fmla="*/ 5476 w 9666"/>
                  <a:gd name="connsiteY69" fmla="*/ 8833 h 10000"/>
                  <a:gd name="connsiteX70" fmla="*/ 5168 w 9666"/>
                  <a:gd name="connsiteY70" fmla="*/ 8818 h 10000"/>
                  <a:gd name="connsiteX71" fmla="*/ 4781 w 9666"/>
                  <a:gd name="connsiteY71" fmla="*/ 8744 h 10000"/>
                  <a:gd name="connsiteX72" fmla="*/ 4781 w 9666"/>
                  <a:gd name="connsiteY72" fmla="*/ 8922 h 10000"/>
                  <a:gd name="connsiteX73" fmla="*/ 4755 w 9666"/>
                  <a:gd name="connsiteY73" fmla="*/ 9069 h 10000"/>
                  <a:gd name="connsiteX74" fmla="*/ 4731 w 9666"/>
                  <a:gd name="connsiteY74" fmla="*/ 9232 h 10000"/>
                  <a:gd name="connsiteX75" fmla="*/ 4704 w 9666"/>
                  <a:gd name="connsiteY75" fmla="*/ 9365 h 10000"/>
                  <a:gd name="connsiteX76" fmla="*/ 4652 w 9666"/>
                  <a:gd name="connsiteY76" fmla="*/ 9498 h 10000"/>
                  <a:gd name="connsiteX77" fmla="*/ 4551 w 9666"/>
                  <a:gd name="connsiteY77" fmla="*/ 9616 h 10000"/>
                  <a:gd name="connsiteX78" fmla="*/ 4473 w 9666"/>
                  <a:gd name="connsiteY78" fmla="*/ 9734 h 10000"/>
                  <a:gd name="connsiteX79" fmla="*/ 4344 w 9666"/>
                  <a:gd name="connsiteY79" fmla="*/ 9838 h 10000"/>
                  <a:gd name="connsiteX80" fmla="*/ 4034 w 9666"/>
                  <a:gd name="connsiteY80" fmla="*/ 9897 h 10000"/>
                  <a:gd name="connsiteX81" fmla="*/ 3779 w 9666"/>
                  <a:gd name="connsiteY81" fmla="*/ 9941 h 10000"/>
                  <a:gd name="connsiteX82" fmla="*/ 3470 w 9666"/>
                  <a:gd name="connsiteY82" fmla="*/ 9985 h 10000"/>
                  <a:gd name="connsiteX83" fmla="*/ 3239 w 9666"/>
                  <a:gd name="connsiteY83" fmla="*/ 10000 h 10000"/>
                  <a:gd name="connsiteX84" fmla="*/ 2725 w 9666"/>
                  <a:gd name="connsiteY84" fmla="*/ 10000 h 10000"/>
                  <a:gd name="connsiteX85" fmla="*/ 2236 w 9666"/>
                  <a:gd name="connsiteY85" fmla="*/ 9985 h 10000"/>
                  <a:gd name="connsiteX86" fmla="*/ 1775 w 9666"/>
                  <a:gd name="connsiteY86" fmla="*/ 9941 h 10000"/>
                  <a:gd name="connsiteX87" fmla="*/ 1286 w 9666"/>
                  <a:gd name="connsiteY87" fmla="*/ 9911 h 10000"/>
                  <a:gd name="connsiteX88" fmla="*/ 1003 w 9666"/>
                  <a:gd name="connsiteY88" fmla="*/ 9911 h 10000"/>
                  <a:gd name="connsiteX89" fmla="*/ 745 w 9666"/>
                  <a:gd name="connsiteY89" fmla="*/ 9911 h 10000"/>
                  <a:gd name="connsiteX90" fmla="*/ 463 w 9666"/>
                  <a:gd name="connsiteY90" fmla="*/ 9926 h 10000"/>
                  <a:gd name="connsiteX91" fmla="*/ 180 w 9666"/>
                  <a:gd name="connsiteY91" fmla="*/ 9970 h 10000"/>
                  <a:gd name="connsiteX92" fmla="*/ 103 w 9666"/>
                  <a:gd name="connsiteY92" fmla="*/ 9867 h 10000"/>
                  <a:gd name="connsiteX93" fmla="*/ 52 w 9666"/>
                  <a:gd name="connsiteY93" fmla="*/ 9793 h 10000"/>
                  <a:gd name="connsiteX94" fmla="*/ 0 w 9666"/>
                  <a:gd name="connsiteY94" fmla="*/ 9705 h 10000"/>
                  <a:gd name="connsiteX95" fmla="*/ 0 w 9666"/>
                  <a:gd name="connsiteY95" fmla="*/ 9601 h 10000"/>
                  <a:gd name="connsiteX96" fmla="*/ 52 w 9666"/>
                  <a:gd name="connsiteY96" fmla="*/ 9424 h 10000"/>
                  <a:gd name="connsiteX97" fmla="*/ 103 w 9666"/>
                  <a:gd name="connsiteY97" fmla="*/ 9202 h 10000"/>
                  <a:gd name="connsiteX98" fmla="*/ 153 w 9666"/>
                  <a:gd name="connsiteY98" fmla="*/ 8996 h 10000"/>
                  <a:gd name="connsiteX99" fmla="*/ 206 w 9666"/>
                  <a:gd name="connsiteY99" fmla="*/ 8759 h 10000"/>
                  <a:gd name="connsiteX100" fmla="*/ 231 w 9666"/>
                  <a:gd name="connsiteY100" fmla="*/ 8641 h 10000"/>
                  <a:gd name="connsiteX101" fmla="*/ 231 w 9666"/>
                  <a:gd name="connsiteY101" fmla="*/ 8538 h 10000"/>
                  <a:gd name="connsiteX102" fmla="*/ 206 w 9666"/>
                  <a:gd name="connsiteY102" fmla="*/ 8405 h 10000"/>
                  <a:gd name="connsiteX103" fmla="*/ 180 w 9666"/>
                  <a:gd name="connsiteY103" fmla="*/ 8287 h 10000"/>
                  <a:gd name="connsiteX104" fmla="*/ 437 w 9666"/>
                  <a:gd name="connsiteY104" fmla="*/ 8213 h 10000"/>
                  <a:gd name="connsiteX105" fmla="*/ 694 w 9666"/>
                  <a:gd name="connsiteY105" fmla="*/ 8139 h 10000"/>
                  <a:gd name="connsiteX106" fmla="*/ 951 w 9666"/>
                  <a:gd name="connsiteY106" fmla="*/ 8095 h 10000"/>
                  <a:gd name="connsiteX107" fmla="*/ 1234 w 9666"/>
                  <a:gd name="connsiteY107" fmla="*/ 8065 h 10000"/>
                  <a:gd name="connsiteX108" fmla="*/ 1747 w 9666"/>
                  <a:gd name="connsiteY108" fmla="*/ 8021 h 10000"/>
                  <a:gd name="connsiteX109" fmla="*/ 2263 w 9666"/>
                  <a:gd name="connsiteY109" fmla="*/ 7976 h 10000"/>
                  <a:gd name="connsiteX110" fmla="*/ 2494 w 9666"/>
                  <a:gd name="connsiteY110" fmla="*/ 7947 h 10000"/>
                  <a:gd name="connsiteX111" fmla="*/ 2725 w 9666"/>
                  <a:gd name="connsiteY111" fmla="*/ 7917 h 10000"/>
                  <a:gd name="connsiteX112" fmla="*/ 2929 w 9666"/>
                  <a:gd name="connsiteY112" fmla="*/ 7843 h 10000"/>
                  <a:gd name="connsiteX113" fmla="*/ 3136 w 9666"/>
                  <a:gd name="connsiteY113" fmla="*/ 7784 h 10000"/>
                  <a:gd name="connsiteX114" fmla="*/ 3316 w 9666"/>
                  <a:gd name="connsiteY114" fmla="*/ 7710 h 10000"/>
                  <a:gd name="connsiteX115" fmla="*/ 3470 w 9666"/>
                  <a:gd name="connsiteY115" fmla="*/ 7592 h 10000"/>
                  <a:gd name="connsiteX116" fmla="*/ 3625 w 9666"/>
                  <a:gd name="connsiteY116" fmla="*/ 7474 h 10000"/>
                  <a:gd name="connsiteX117" fmla="*/ 3727 w 9666"/>
                  <a:gd name="connsiteY117" fmla="*/ 7312 h 10000"/>
                  <a:gd name="connsiteX118" fmla="*/ 3522 w 9666"/>
                  <a:gd name="connsiteY118" fmla="*/ 7238 h 10000"/>
                  <a:gd name="connsiteX119" fmla="*/ 3341 w 9666"/>
                  <a:gd name="connsiteY119" fmla="*/ 7179 h 10000"/>
                  <a:gd name="connsiteX120" fmla="*/ 3187 w 9666"/>
                  <a:gd name="connsiteY120" fmla="*/ 7090 h 10000"/>
                  <a:gd name="connsiteX121" fmla="*/ 3034 w 9666"/>
                  <a:gd name="connsiteY121" fmla="*/ 6987 h 10000"/>
                  <a:gd name="connsiteX122" fmla="*/ 2929 w 9666"/>
                  <a:gd name="connsiteY122" fmla="*/ 6869 h 10000"/>
                  <a:gd name="connsiteX123" fmla="*/ 2880 w 9666"/>
                  <a:gd name="connsiteY123" fmla="*/ 6721 h 10000"/>
                  <a:gd name="connsiteX124" fmla="*/ 2853 w 9666"/>
                  <a:gd name="connsiteY124" fmla="*/ 6558 h 10000"/>
                  <a:gd name="connsiteX125" fmla="*/ 2880 w 9666"/>
                  <a:gd name="connsiteY125" fmla="*/ 6352 h 10000"/>
                  <a:gd name="connsiteX126" fmla="*/ 2751 w 9666"/>
                  <a:gd name="connsiteY126" fmla="*/ 6322 h 10000"/>
                  <a:gd name="connsiteX127" fmla="*/ 2597 w 9666"/>
                  <a:gd name="connsiteY127" fmla="*/ 6292 h 10000"/>
                  <a:gd name="connsiteX128" fmla="*/ 2417 w 9666"/>
                  <a:gd name="connsiteY128" fmla="*/ 6278 h 10000"/>
                  <a:gd name="connsiteX129" fmla="*/ 2236 w 9666"/>
                  <a:gd name="connsiteY129" fmla="*/ 6263 h 10000"/>
                  <a:gd name="connsiteX130" fmla="*/ 1877 w 9666"/>
                  <a:gd name="connsiteY130" fmla="*/ 6248 h 10000"/>
                  <a:gd name="connsiteX131" fmla="*/ 1491 w 9666"/>
                  <a:gd name="connsiteY131" fmla="*/ 6263 h 10000"/>
                  <a:gd name="connsiteX132" fmla="*/ 1158 w 9666"/>
                  <a:gd name="connsiteY132" fmla="*/ 6278 h 10000"/>
                  <a:gd name="connsiteX133" fmla="*/ 848 w 9666"/>
                  <a:gd name="connsiteY133" fmla="*/ 6278 h 10000"/>
                  <a:gd name="connsiteX134" fmla="*/ 593 w 9666"/>
                  <a:gd name="connsiteY134" fmla="*/ 6263 h 10000"/>
                  <a:gd name="connsiteX135" fmla="*/ 386 w 9666"/>
                  <a:gd name="connsiteY135" fmla="*/ 6233 h 10000"/>
                  <a:gd name="connsiteX136" fmla="*/ 641 w 9666"/>
                  <a:gd name="connsiteY136" fmla="*/ 5805 h 10000"/>
                  <a:gd name="connsiteX137" fmla="*/ 926 w 9666"/>
                  <a:gd name="connsiteY137" fmla="*/ 5391 h 10000"/>
                  <a:gd name="connsiteX138" fmla="*/ 1029 w 9666"/>
                  <a:gd name="connsiteY138" fmla="*/ 5170 h 10000"/>
                  <a:gd name="connsiteX139" fmla="*/ 1105 w 9666"/>
                  <a:gd name="connsiteY139" fmla="*/ 4963 h 10000"/>
                  <a:gd name="connsiteX140" fmla="*/ 1130 w 9666"/>
                  <a:gd name="connsiteY140" fmla="*/ 4860 h 10000"/>
                  <a:gd name="connsiteX141" fmla="*/ 1105 w 9666"/>
                  <a:gd name="connsiteY141" fmla="*/ 4756 h 10000"/>
                  <a:gd name="connsiteX142" fmla="*/ 1080 w 9666"/>
                  <a:gd name="connsiteY142" fmla="*/ 4653 h 10000"/>
                  <a:gd name="connsiteX143" fmla="*/ 1003 w 9666"/>
                  <a:gd name="connsiteY143" fmla="*/ 4549 h 10000"/>
                  <a:gd name="connsiteX144" fmla="*/ 1286 w 9666"/>
                  <a:gd name="connsiteY144" fmla="*/ 4520 h 10000"/>
                  <a:gd name="connsiteX145" fmla="*/ 1491 w 9666"/>
                  <a:gd name="connsiteY145" fmla="*/ 4505 h 10000"/>
                  <a:gd name="connsiteX146" fmla="*/ 1671 w 9666"/>
                  <a:gd name="connsiteY146" fmla="*/ 4505 h 10000"/>
                  <a:gd name="connsiteX147" fmla="*/ 1825 w 9666"/>
                  <a:gd name="connsiteY147" fmla="*/ 4520 h 10000"/>
                  <a:gd name="connsiteX148" fmla="*/ 1954 w 9666"/>
                  <a:gd name="connsiteY148" fmla="*/ 4520 h 10000"/>
                  <a:gd name="connsiteX149" fmla="*/ 2108 w 9666"/>
                  <a:gd name="connsiteY149" fmla="*/ 4520 h 10000"/>
                  <a:gd name="connsiteX150" fmla="*/ 2263 w 9666"/>
                  <a:gd name="connsiteY150" fmla="*/ 4490 h 10000"/>
                  <a:gd name="connsiteX151" fmla="*/ 2467 w 9666"/>
                  <a:gd name="connsiteY151" fmla="*/ 4446 h 10000"/>
                  <a:gd name="connsiteX152" fmla="*/ 2467 w 9666"/>
                  <a:gd name="connsiteY152" fmla="*/ 4579 h 10000"/>
                  <a:gd name="connsiteX153" fmla="*/ 2467 w 9666"/>
                  <a:gd name="connsiteY153" fmla="*/ 4742 h 10000"/>
                  <a:gd name="connsiteX154" fmla="*/ 2467 w 9666"/>
                  <a:gd name="connsiteY154" fmla="*/ 4874 h 10000"/>
                  <a:gd name="connsiteX155" fmla="*/ 2467 w 9666"/>
                  <a:gd name="connsiteY155" fmla="*/ 5037 h 10000"/>
                  <a:gd name="connsiteX156" fmla="*/ 2699 w 9666"/>
                  <a:gd name="connsiteY156" fmla="*/ 5022 h 10000"/>
                  <a:gd name="connsiteX157" fmla="*/ 2853 w 9666"/>
                  <a:gd name="connsiteY157" fmla="*/ 5037 h 10000"/>
                  <a:gd name="connsiteX158" fmla="*/ 2982 w 9666"/>
                  <a:gd name="connsiteY158" fmla="*/ 5066 h 10000"/>
                  <a:gd name="connsiteX159" fmla="*/ 3111 w 9666"/>
                  <a:gd name="connsiteY159" fmla="*/ 5096 h 10000"/>
                  <a:gd name="connsiteX160" fmla="*/ 3214 w 9666"/>
                  <a:gd name="connsiteY160" fmla="*/ 5126 h 10000"/>
                  <a:gd name="connsiteX161" fmla="*/ 3341 w 9666"/>
                  <a:gd name="connsiteY161" fmla="*/ 5155 h 10000"/>
                  <a:gd name="connsiteX162" fmla="*/ 3496 w 9666"/>
                  <a:gd name="connsiteY162" fmla="*/ 5170 h 10000"/>
                  <a:gd name="connsiteX163" fmla="*/ 3727 w 9666"/>
                  <a:gd name="connsiteY163" fmla="*/ 5155 h 10000"/>
                  <a:gd name="connsiteX164" fmla="*/ 3805 w 9666"/>
                  <a:gd name="connsiteY164" fmla="*/ 5096 h 10000"/>
                  <a:gd name="connsiteX165" fmla="*/ 3881 w 9666"/>
                  <a:gd name="connsiteY165" fmla="*/ 5022 h 10000"/>
                  <a:gd name="connsiteX166" fmla="*/ 3907 w 9666"/>
                  <a:gd name="connsiteY166" fmla="*/ 4934 h 10000"/>
                  <a:gd name="connsiteX167" fmla="*/ 3934 w 9666"/>
                  <a:gd name="connsiteY167" fmla="*/ 4860 h 10000"/>
                  <a:gd name="connsiteX168" fmla="*/ 3958 w 9666"/>
                  <a:gd name="connsiteY168" fmla="*/ 4697 h 10000"/>
                  <a:gd name="connsiteX169" fmla="*/ 3934 w 9666"/>
                  <a:gd name="connsiteY169" fmla="*/ 4520 h 10000"/>
                  <a:gd name="connsiteX170" fmla="*/ 3856 w 9666"/>
                  <a:gd name="connsiteY170" fmla="*/ 4343 h 10000"/>
                  <a:gd name="connsiteX171" fmla="*/ 3779 w 9666"/>
                  <a:gd name="connsiteY171" fmla="*/ 4195 h 10000"/>
                  <a:gd name="connsiteX172" fmla="*/ 3650 w 9666"/>
                  <a:gd name="connsiteY172" fmla="*/ 4047 h 10000"/>
                  <a:gd name="connsiteX173" fmla="*/ 3522 w 9666"/>
                  <a:gd name="connsiteY173" fmla="*/ 3959 h 10000"/>
                  <a:gd name="connsiteX174" fmla="*/ 3676 w 9666"/>
                  <a:gd name="connsiteY174" fmla="*/ 3944 h 10000"/>
                  <a:gd name="connsiteX175" fmla="*/ 3805 w 9666"/>
                  <a:gd name="connsiteY175" fmla="*/ 3914 h 10000"/>
                  <a:gd name="connsiteX176" fmla="*/ 3907 w 9666"/>
                  <a:gd name="connsiteY176" fmla="*/ 3855 h 10000"/>
                  <a:gd name="connsiteX177" fmla="*/ 4034 w 9666"/>
                  <a:gd name="connsiteY177" fmla="*/ 3752 h 10000"/>
                  <a:gd name="connsiteX178" fmla="*/ 4164 w 9666"/>
                  <a:gd name="connsiteY178" fmla="*/ 3663 h 10000"/>
                  <a:gd name="connsiteX179" fmla="*/ 4267 w 9666"/>
                  <a:gd name="connsiteY179" fmla="*/ 3560 h 10000"/>
                  <a:gd name="connsiteX180" fmla="*/ 4344 w 9666"/>
                  <a:gd name="connsiteY180" fmla="*/ 3442 h 10000"/>
                  <a:gd name="connsiteX181" fmla="*/ 4422 w 9666"/>
                  <a:gd name="connsiteY181" fmla="*/ 3323 h 10000"/>
                  <a:gd name="connsiteX182" fmla="*/ 4473 w 9666"/>
                  <a:gd name="connsiteY182" fmla="*/ 3220 h 10000"/>
                  <a:gd name="connsiteX183" fmla="*/ 4498 w 9666"/>
                  <a:gd name="connsiteY183" fmla="*/ 3102 h 10000"/>
                  <a:gd name="connsiteX184" fmla="*/ 4525 w 9666"/>
                  <a:gd name="connsiteY184" fmla="*/ 3013 h 10000"/>
                  <a:gd name="connsiteX185" fmla="*/ 4498 w 9666"/>
                  <a:gd name="connsiteY185" fmla="*/ 2939 h 10000"/>
                  <a:gd name="connsiteX186" fmla="*/ 4473 w 9666"/>
                  <a:gd name="connsiteY186" fmla="*/ 2866 h 10000"/>
                  <a:gd name="connsiteX187" fmla="*/ 4396 w 9666"/>
                  <a:gd name="connsiteY187" fmla="*/ 2836 h 10000"/>
                  <a:gd name="connsiteX188" fmla="*/ 4294 w 9666"/>
                  <a:gd name="connsiteY188" fmla="*/ 2836 h 10000"/>
                  <a:gd name="connsiteX189" fmla="*/ 4164 w 9666"/>
                  <a:gd name="connsiteY189" fmla="*/ 2866 h 10000"/>
                  <a:gd name="connsiteX190" fmla="*/ 4267 w 9666"/>
                  <a:gd name="connsiteY190" fmla="*/ 2777 h 10000"/>
                  <a:gd name="connsiteX191" fmla="*/ 4320 w 9666"/>
                  <a:gd name="connsiteY191" fmla="*/ 2674 h 10000"/>
                  <a:gd name="connsiteX192" fmla="*/ 4344 w 9666"/>
                  <a:gd name="connsiteY192" fmla="*/ 2541 h 10000"/>
                  <a:gd name="connsiteX193" fmla="*/ 4344 w 9666"/>
                  <a:gd name="connsiteY193" fmla="*/ 2393 h 10000"/>
                  <a:gd name="connsiteX194" fmla="*/ 4369 w 9666"/>
                  <a:gd name="connsiteY194" fmla="*/ 2349 h 10000"/>
                  <a:gd name="connsiteX195" fmla="*/ 4422 w 9666"/>
                  <a:gd name="connsiteY195" fmla="*/ 2304 h 10000"/>
                  <a:gd name="connsiteX196" fmla="*/ 4473 w 9666"/>
                  <a:gd name="connsiteY196" fmla="*/ 2290 h 10000"/>
                  <a:gd name="connsiteX197" fmla="*/ 4551 w 9666"/>
                  <a:gd name="connsiteY197" fmla="*/ 2275 h 10000"/>
                  <a:gd name="connsiteX198" fmla="*/ 4781 w 9666"/>
                  <a:gd name="connsiteY198" fmla="*/ 2260 h 10000"/>
                  <a:gd name="connsiteX199" fmla="*/ 4986 w 9666"/>
                  <a:gd name="connsiteY199" fmla="*/ 2275 h 10000"/>
                  <a:gd name="connsiteX200" fmla="*/ 4961 w 9666"/>
                  <a:gd name="connsiteY200" fmla="*/ 2112 h 10000"/>
                  <a:gd name="connsiteX201" fmla="*/ 4910 w 9666"/>
                  <a:gd name="connsiteY201" fmla="*/ 1950 h 10000"/>
                  <a:gd name="connsiteX202" fmla="*/ 4832 w 9666"/>
                  <a:gd name="connsiteY202" fmla="*/ 1802 h 10000"/>
                  <a:gd name="connsiteX203" fmla="*/ 4731 w 9666"/>
                  <a:gd name="connsiteY203" fmla="*/ 1640 h 10000"/>
                  <a:gd name="connsiteX204" fmla="*/ 4473 w 9666"/>
                  <a:gd name="connsiteY204" fmla="*/ 1329 h 10000"/>
                  <a:gd name="connsiteX205" fmla="*/ 4216 w 9666"/>
                  <a:gd name="connsiteY205" fmla="*/ 1034 h 10000"/>
                  <a:gd name="connsiteX206" fmla="*/ 4087 w 9666"/>
                  <a:gd name="connsiteY206" fmla="*/ 901 h 10000"/>
                  <a:gd name="connsiteX207" fmla="*/ 3986 w 9666"/>
                  <a:gd name="connsiteY207" fmla="*/ 753 h 10000"/>
                  <a:gd name="connsiteX208" fmla="*/ 3907 w 9666"/>
                  <a:gd name="connsiteY208" fmla="*/ 620 h 10000"/>
                  <a:gd name="connsiteX209" fmla="*/ 3881 w 9666"/>
                  <a:gd name="connsiteY209" fmla="*/ 487 h 10000"/>
                  <a:gd name="connsiteX210" fmla="*/ 3856 w 9666"/>
                  <a:gd name="connsiteY210" fmla="*/ 355 h 10000"/>
                  <a:gd name="connsiteX211" fmla="*/ 3907 w 9666"/>
                  <a:gd name="connsiteY211" fmla="*/ 222 h 10000"/>
                  <a:gd name="connsiteX212" fmla="*/ 3934 w 9666"/>
                  <a:gd name="connsiteY212" fmla="*/ 162 h 10000"/>
                  <a:gd name="connsiteX213" fmla="*/ 3986 w 9666"/>
                  <a:gd name="connsiteY213" fmla="*/ 103 h 10000"/>
                  <a:gd name="connsiteX214" fmla="*/ 4063 w 9666"/>
                  <a:gd name="connsiteY214" fmla="*/ 59 h 10000"/>
                  <a:gd name="connsiteX215" fmla="*/ 4164 w 9666"/>
                  <a:gd name="connsiteY215" fmla="*/ 0 h 10000"/>
                  <a:gd name="connsiteX216" fmla="*/ 4344 w 9666"/>
                  <a:gd name="connsiteY216" fmla="*/ 0 h 10000"/>
                  <a:gd name="connsiteX217" fmla="*/ 4525 w 9666"/>
                  <a:gd name="connsiteY217" fmla="*/ 15 h 10000"/>
                  <a:gd name="connsiteX218" fmla="*/ 4704 w 9666"/>
                  <a:gd name="connsiteY218" fmla="*/ 44 h 10000"/>
                  <a:gd name="connsiteX219" fmla="*/ 4832 w 9666"/>
                  <a:gd name="connsiteY219" fmla="*/ 89 h 10000"/>
                  <a:gd name="connsiteX220" fmla="*/ 5039 w 9666"/>
                  <a:gd name="connsiteY220" fmla="*/ 192 h 10000"/>
                  <a:gd name="connsiteX221" fmla="*/ 5244 w 9666"/>
                  <a:gd name="connsiteY221" fmla="*/ 340 h 10000"/>
                  <a:gd name="connsiteX222" fmla="*/ 5398 w 9666"/>
                  <a:gd name="connsiteY222" fmla="*/ 473 h 10000"/>
                  <a:gd name="connsiteX223" fmla="*/ 5603 w 9666"/>
                  <a:gd name="connsiteY223" fmla="*/ 591 h 10000"/>
                  <a:gd name="connsiteX224" fmla="*/ 5733 w 9666"/>
                  <a:gd name="connsiteY224" fmla="*/ 650 h 10000"/>
                  <a:gd name="connsiteX225" fmla="*/ 5887 w 9666"/>
                  <a:gd name="connsiteY225" fmla="*/ 679 h 10000"/>
                  <a:gd name="connsiteX226" fmla="*/ 6042 w 9666"/>
                  <a:gd name="connsiteY226" fmla="*/ 709 h 10000"/>
                  <a:gd name="connsiteX227" fmla="*/ 6247 w 9666"/>
                  <a:gd name="connsiteY227" fmla="*/ 709 h 10000"/>
                  <a:gd name="connsiteX228" fmla="*/ 6247 w 9666"/>
                  <a:gd name="connsiteY228" fmla="*/ 768 h 10000"/>
                  <a:gd name="connsiteX229" fmla="*/ 6273 w 9666"/>
                  <a:gd name="connsiteY229" fmla="*/ 842 h 10000"/>
                  <a:gd name="connsiteX230" fmla="*/ 6323 w 9666"/>
                  <a:gd name="connsiteY230" fmla="*/ 916 h 10000"/>
                  <a:gd name="connsiteX231" fmla="*/ 6375 w 9666"/>
                  <a:gd name="connsiteY231" fmla="*/ 990 h 10000"/>
                  <a:gd name="connsiteX232" fmla="*/ 6451 w 9666"/>
                  <a:gd name="connsiteY232" fmla="*/ 1049 h 10000"/>
                  <a:gd name="connsiteX233" fmla="*/ 6554 w 9666"/>
                  <a:gd name="connsiteY233" fmla="*/ 1108 h 10000"/>
                  <a:gd name="connsiteX234" fmla="*/ 6683 w 9666"/>
                  <a:gd name="connsiteY234" fmla="*/ 1182 h 10000"/>
                  <a:gd name="connsiteX235" fmla="*/ 6786 w 9666"/>
                  <a:gd name="connsiteY235" fmla="*/ 1226 h 10000"/>
                  <a:gd name="connsiteX236" fmla="*/ 6889 w 9666"/>
                  <a:gd name="connsiteY236" fmla="*/ 1270 h 10000"/>
                  <a:gd name="connsiteX237" fmla="*/ 6992 w 9666"/>
                  <a:gd name="connsiteY237" fmla="*/ 1300 h 10000"/>
                  <a:gd name="connsiteX238" fmla="*/ 7095 w 9666"/>
                  <a:gd name="connsiteY238" fmla="*/ 1315 h 10000"/>
                  <a:gd name="connsiteX239" fmla="*/ 7224 w 9666"/>
                  <a:gd name="connsiteY239" fmla="*/ 1300 h 10000"/>
                  <a:gd name="connsiteX240" fmla="*/ 7327 w 9666"/>
                  <a:gd name="connsiteY240" fmla="*/ 1285 h 10000"/>
                  <a:gd name="connsiteX241" fmla="*/ 7403 w 9666"/>
                  <a:gd name="connsiteY241" fmla="*/ 1241 h 10000"/>
                  <a:gd name="connsiteX242" fmla="*/ 7456 w 9666"/>
                  <a:gd name="connsiteY242" fmla="*/ 1167 h 10000"/>
                  <a:gd name="connsiteX243" fmla="*/ 7480 w 9666"/>
                  <a:gd name="connsiteY243" fmla="*/ 1064 h 10000"/>
                  <a:gd name="connsiteX244" fmla="*/ 7866 w 9666"/>
                  <a:gd name="connsiteY244" fmla="*/ 1034 h 10000"/>
                  <a:gd name="connsiteX245" fmla="*/ 8225 w 9666"/>
                  <a:gd name="connsiteY245" fmla="*/ 1004 h 10000"/>
                  <a:gd name="connsiteX246" fmla="*/ 8535 w 9666"/>
                  <a:gd name="connsiteY246" fmla="*/ 990 h 10000"/>
                  <a:gd name="connsiteX247" fmla="*/ 8818 w 9666"/>
                  <a:gd name="connsiteY247" fmla="*/ 1004 h 10000"/>
                  <a:gd name="connsiteX248" fmla="*/ 8947 w 9666"/>
                  <a:gd name="connsiteY248" fmla="*/ 1019 h 10000"/>
                  <a:gd name="connsiteX249" fmla="*/ 9073 w 9666"/>
                  <a:gd name="connsiteY249" fmla="*/ 1034 h 10000"/>
                  <a:gd name="connsiteX250" fmla="*/ 9178 w 9666"/>
                  <a:gd name="connsiteY250" fmla="*/ 1064 h 10000"/>
                  <a:gd name="connsiteX251" fmla="*/ 9306 w 9666"/>
                  <a:gd name="connsiteY251" fmla="*/ 1108 h 10000"/>
                  <a:gd name="connsiteX252" fmla="*/ 9383 w 9666"/>
                  <a:gd name="connsiteY252" fmla="*/ 1182 h 10000"/>
                  <a:gd name="connsiteX253" fmla="*/ 9459 w 9666"/>
                  <a:gd name="connsiteY253" fmla="*/ 1241 h 10000"/>
                  <a:gd name="connsiteX254" fmla="*/ 9512 w 9666"/>
                  <a:gd name="connsiteY254" fmla="*/ 1329 h 10000"/>
                  <a:gd name="connsiteX255" fmla="*/ 9563 w 9666"/>
                  <a:gd name="connsiteY255" fmla="*/ 1433 h 10000"/>
                  <a:gd name="connsiteX256" fmla="*/ 9614 w 9666"/>
                  <a:gd name="connsiteY256" fmla="*/ 1551 h 10000"/>
                  <a:gd name="connsiteX257" fmla="*/ 9588 w 9666"/>
                  <a:gd name="connsiteY257" fmla="*/ 1625 h 10000"/>
                  <a:gd name="connsiteX258" fmla="*/ 9563 w 9666"/>
                  <a:gd name="connsiteY258" fmla="*/ 1684 h 10000"/>
                  <a:gd name="connsiteX259" fmla="*/ 9512 w 9666"/>
                  <a:gd name="connsiteY259" fmla="*/ 1758 h 10000"/>
                  <a:gd name="connsiteX260" fmla="*/ 9435 w 9666"/>
                  <a:gd name="connsiteY260" fmla="*/ 1802 h 10000"/>
                  <a:gd name="connsiteX261" fmla="*/ 9383 w 9666"/>
                  <a:gd name="connsiteY261" fmla="*/ 1861 h 10000"/>
                  <a:gd name="connsiteX262" fmla="*/ 9359 w 9666"/>
                  <a:gd name="connsiteY262" fmla="*/ 1935 h 10000"/>
                  <a:gd name="connsiteX263" fmla="*/ 9383 w 9666"/>
                  <a:gd name="connsiteY263" fmla="*/ 2024 h 10000"/>
                  <a:gd name="connsiteX264" fmla="*/ 9666 w 9666"/>
                  <a:gd name="connsiteY264" fmla="*/ 2157 h 10000"/>
                  <a:gd name="connsiteX0" fmla="*/ 7525 w 10000"/>
                  <a:gd name="connsiteY0" fmla="*/ 4431 h 10000"/>
                  <a:gd name="connsiteX1" fmla="*/ 7340 w 10000"/>
                  <a:gd name="connsiteY1" fmla="*/ 4638 h 10000"/>
                  <a:gd name="connsiteX2" fmla="*/ 7340 w 10000"/>
                  <a:gd name="connsiteY2" fmla="*/ 4697 h 10000"/>
                  <a:gd name="connsiteX3" fmla="*/ 7313 w 10000"/>
                  <a:gd name="connsiteY3" fmla="*/ 4801 h 10000"/>
                  <a:gd name="connsiteX4" fmla="*/ 7313 w 10000"/>
                  <a:gd name="connsiteY4" fmla="*/ 4904 h 10000"/>
                  <a:gd name="connsiteX5" fmla="*/ 7181 w 10000"/>
                  <a:gd name="connsiteY5" fmla="*/ 4860 h 10000"/>
                  <a:gd name="connsiteX6" fmla="*/ 7100 w 10000"/>
                  <a:gd name="connsiteY6" fmla="*/ 4801 h 10000"/>
                  <a:gd name="connsiteX7" fmla="*/ 7020 w 10000"/>
                  <a:gd name="connsiteY7" fmla="*/ 4727 h 10000"/>
                  <a:gd name="connsiteX8" fmla="*/ 6942 w 10000"/>
                  <a:gd name="connsiteY8" fmla="*/ 4638 h 10000"/>
                  <a:gd name="connsiteX9" fmla="*/ 6674 w 10000"/>
                  <a:gd name="connsiteY9" fmla="*/ 4313 h 10000"/>
                  <a:gd name="connsiteX10" fmla="*/ 6835 w 10000"/>
                  <a:gd name="connsiteY10" fmla="*/ 4210 h 10000"/>
                  <a:gd name="connsiteX11" fmla="*/ 9628 w 10000"/>
                  <a:gd name="connsiteY11" fmla="*/ 3338 h 10000"/>
                  <a:gd name="connsiteX12" fmla="*/ 9866 w 10000"/>
                  <a:gd name="connsiteY12" fmla="*/ 3117 h 10000"/>
                  <a:gd name="connsiteX13" fmla="*/ 9893 w 10000"/>
                  <a:gd name="connsiteY13" fmla="*/ 3072 h 10000"/>
                  <a:gd name="connsiteX14" fmla="*/ 9919 w 10000"/>
                  <a:gd name="connsiteY14" fmla="*/ 3013 h 10000"/>
                  <a:gd name="connsiteX15" fmla="*/ 9919 w 10000"/>
                  <a:gd name="connsiteY15" fmla="*/ 2954 h 10000"/>
                  <a:gd name="connsiteX16" fmla="*/ 9893 w 10000"/>
                  <a:gd name="connsiteY16" fmla="*/ 2866 h 10000"/>
                  <a:gd name="connsiteX17" fmla="*/ 9707 w 10000"/>
                  <a:gd name="connsiteY17" fmla="*/ 2984 h 10000"/>
                  <a:gd name="connsiteX18" fmla="*/ 9495 w 10000"/>
                  <a:gd name="connsiteY18" fmla="*/ 3072 h 10000"/>
                  <a:gd name="connsiteX19" fmla="*/ 9281 w 10000"/>
                  <a:gd name="connsiteY19" fmla="*/ 3161 h 10000"/>
                  <a:gd name="connsiteX20" fmla="*/ 9069 w 10000"/>
                  <a:gd name="connsiteY20" fmla="*/ 3250 h 10000"/>
                  <a:gd name="connsiteX21" fmla="*/ 8589 w 10000"/>
                  <a:gd name="connsiteY21" fmla="*/ 3397 h 10000"/>
                  <a:gd name="connsiteX22" fmla="*/ 8085 w 10000"/>
                  <a:gd name="connsiteY22" fmla="*/ 3545 h 10000"/>
                  <a:gd name="connsiteX23" fmla="*/ 7580 w 10000"/>
                  <a:gd name="connsiteY23" fmla="*/ 3678 h 10000"/>
                  <a:gd name="connsiteX24" fmla="*/ 7100 w 10000"/>
                  <a:gd name="connsiteY24" fmla="*/ 3840 h 10000"/>
                  <a:gd name="connsiteX25" fmla="*/ 6861 w 10000"/>
                  <a:gd name="connsiteY25" fmla="*/ 3914 h 10000"/>
                  <a:gd name="connsiteX26" fmla="*/ 6649 w 10000"/>
                  <a:gd name="connsiteY26" fmla="*/ 4003 h 10000"/>
                  <a:gd name="connsiteX27" fmla="*/ 6437 w 10000"/>
                  <a:gd name="connsiteY27" fmla="*/ 4106 h 10000"/>
                  <a:gd name="connsiteX28" fmla="*/ 6222 w 10000"/>
                  <a:gd name="connsiteY28" fmla="*/ 4195 h 10000"/>
                  <a:gd name="connsiteX29" fmla="*/ 6382 w 10000"/>
                  <a:gd name="connsiteY29" fmla="*/ 4417 h 10000"/>
                  <a:gd name="connsiteX30" fmla="*/ 6490 w 10000"/>
                  <a:gd name="connsiteY30" fmla="*/ 4623 h 10000"/>
                  <a:gd name="connsiteX31" fmla="*/ 6595 w 10000"/>
                  <a:gd name="connsiteY31" fmla="*/ 4845 h 10000"/>
                  <a:gd name="connsiteX32" fmla="*/ 6674 w 10000"/>
                  <a:gd name="connsiteY32" fmla="*/ 5081 h 10000"/>
                  <a:gd name="connsiteX33" fmla="*/ 6729 w 10000"/>
                  <a:gd name="connsiteY33" fmla="*/ 5318 h 10000"/>
                  <a:gd name="connsiteX34" fmla="*/ 6756 w 10000"/>
                  <a:gd name="connsiteY34" fmla="*/ 5539 h 10000"/>
                  <a:gd name="connsiteX35" fmla="*/ 6780 w 10000"/>
                  <a:gd name="connsiteY35" fmla="*/ 5775 h 10000"/>
                  <a:gd name="connsiteX36" fmla="*/ 6780 w 10000"/>
                  <a:gd name="connsiteY36" fmla="*/ 5997 h 10000"/>
                  <a:gd name="connsiteX37" fmla="*/ 6756 w 10000"/>
                  <a:gd name="connsiteY37" fmla="*/ 6233 h 10000"/>
                  <a:gd name="connsiteX38" fmla="*/ 6702 w 10000"/>
                  <a:gd name="connsiteY38" fmla="*/ 6470 h 10000"/>
                  <a:gd name="connsiteX39" fmla="*/ 6649 w 10000"/>
                  <a:gd name="connsiteY39" fmla="*/ 6677 h 10000"/>
                  <a:gd name="connsiteX40" fmla="*/ 6569 w 10000"/>
                  <a:gd name="connsiteY40" fmla="*/ 6898 h 10000"/>
                  <a:gd name="connsiteX41" fmla="*/ 6463 w 10000"/>
                  <a:gd name="connsiteY41" fmla="*/ 7105 h 10000"/>
                  <a:gd name="connsiteX42" fmla="*/ 6330 w 10000"/>
                  <a:gd name="connsiteY42" fmla="*/ 7297 h 10000"/>
                  <a:gd name="connsiteX43" fmla="*/ 6170 w 10000"/>
                  <a:gd name="connsiteY43" fmla="*/ 7489 h 10000"/>
                  <a:gd name="connsiteX44" fmla="*/ 6010 w 10000"/>
                  <a:gd name="connsiteY44" fmla="*/ 7681 h 10000"/>
                  <a:gd name="connsiteX45" fmla="*/ 6780 w 10000"/>
                  <a:gd name="connsiteY45" fmla="*/ 7799 h 10000"/>
                  <a:gd name="connsiteX46" fmla="*/ 7580 w 10000"/>
                  <a:gd name="connsiteY46" fmla="*/ 7962 h 10000"/>
                  <a:gd name="connsiteX47" fmla="*/ 7738 w 10000"/>
                  <a:gd name="connsiteY47" fmla="*/ 8021 h 10000"/>
                  <a:gd name="connsiteX48" fmla="*/ 7872 w 10000"/>
                  <a:gd name="connsiteY48" fmla="*/ 8080 h 10000"/>
                  <a:gd name="connsiteX49" fmla="*/ 8004 w 10000"/>
                  <a:gd name="connsiteY49" fmla="*/ 8139 h 10000"/>
                  <a:gd name="connsiteX50" fmla="*/ 8085 w 10000"/>
                  <a:gd name="connsiteY50" fmla="*/ 8227 h 10000"/>
                  <a:gd name="connsiteX51" fmla="*/ 8112 w 10000"/>
                  <a:gd name="connsiteY51" fmla="*/ 8301 h 10000"/>
                  <a:gd name="connsiteX52" fmla="*/ 8112 w 10000"/>
                  <a:gd name="connsiteY52" fmla="*/ 8405 h 10000"/>
                  <a:gd name="connsiteX53" fmla="*/ 8059 w 10000"/>
                  <a:gd name="connsiteY53" fmla="*/ 8523 h 10000"/>
                  <a:gd name="connsiteX54" fmla="*/ 7978 w 10000"/>
                  <a:gd name="connsiteY54" fmla="*/ 8641 h 10000"/>
                  <a:gd name="connsiteX55" fmla="*/ 7633 w 10000"/>
                  <a:gd name="connsiteY55" fmla="*/ 8552 h 10000"/>
                  <a:gd name="connsiteX56" fmla="*/ 7313 w 10000"/>
                  <a:gd name="connsiteY56" fmla="*/ 8449 h 10000"/>
                  <a:gd name="connsiteX57" fmla="*/ 6994 w 10000"/>
                  <a:gd name="connsiteY57" fmla="*/ 8360 h 10000"/>
                  <a:gd name="connsiteX58" fmla="*/ 6674 w 10000"/>
                  <a:gd name="connsiteY58" fmla="*/ 8287 h 10000"/>
                  <a:gd name="connsiteX59" fmla="*/ 6541 w 10000"/>
                  <a:gd name="connsiteY59" fmla="*/ 8449 h 10000"/>
                  <a:gd name="connsiteX60" fmla="*/ 6437 w 10000"/>
                  <a:gd name="connsiteY60" fmla="*/ 8597 h 10000"/>
                  <a:gd name="connsiteX61" fmla="*/ 6382 w 10000"/>
                  <a:gd name="connsiteY61" fmla="*/ 8656 h 10000"/>
                  <a:gd name="connsiteX62" fmla="*/ 6276 w 10000"/>
                  <a:gd name="connsiteY62" fmla="*/ 8700 h 10000"/>
                  <a:gd name="connsiteX63" fmla="*/ 6197 w 10000"/>
                  <a:gd name="connsiteY63" fmla="*/ 8744 h 10000"/>
                  <a:gd name="connsiteX64" fmla="*/ 6117 w 10000"/>
                  <a:gd name="connsiteY64" fmla="*/ 8774 h 10000"/>
                  <a:gd name="connsiteX65" fmla="*/ 6037 w 10000"/>
                  <a:gd name="connsiteY65" fmla="*/ 8804 h 10000"/>
                  <a:gd name="connsiteX66" fmla="*/ 5931 w 10000"/>
                  <a:gd name="connsiteY66" fmla="*/ 8818 h 10000"/>
                  <a:gd name="connsiteX67" fmla="*/ 5797 w 10000"/>
                  <a:gd name="connsiteY67" fmla="*/ 8833 h 10000"/>
                  <a:gd name="connsiteX68" fmla="*/ 5665 w 10000"/>
                  <a:gd name="connsiteY68" fmla="*/ 8833 h 10000"/>
                  <a:gd name="connsiteX69" fmla="*/ 5347 w 10000"/>
                  <a:gd name="connsiteY69" fmla="*/ 8818 h 10000"/>
                  <a:gd name="connsiteX70" fmla="*/ 4946 w 10000"/>
                  <a:gd name="connsiteY70" fmla="*/ 8744 h 10000"/>
                  <a:gd name="connsiteX71" fmla="*/ 4946 w 10000"/>
                  <a:gd name="connsiteY71" fmla="*/ 8922 h 10000"/>
                  <a:gd name="connsiteX72" fmla="*/ 4919 w 10000"/>
                  <a:gd name="connsiteY72" fmla="*/ 9069 h 10000"/>
                  <a:gd name="connsiteX73" fmla="*/ 4894 w 10000"/>
                  <a:gd name="connsiteY73" fmla="*/ 9232 h 10000"/>
                  <a:gd name="connsiteX74" fmla="*/ 4867 w 10000"/>
                  <a:gd name="connsiteY74" fmla="*/ 9365 h 10000"/>
                  <a:gd name="connsiteX75" fmla="*/ 4813 w 10000"/>
                  <a:gd name="connsiteY75" fmla="*/ 9498 h 10000"/>
                  <a:gd name="connsiteX76" fmla="*/ 4708 w 10000"/>
                  <a:gd name="connsiteY76" fmla="*/ 9616 h 10000"/>
                  <a:gd name="connsiteX77" fmla="*/ 4628 w 10000"/>
                  <a:gd name="connsiteY77" fmla="*/ 9734 h 10000"/>
                  <a:gd name="connsiteX78" fmla="*/ 4494 w 10000"/>
                  <a:gd name="connsiteY78" fmla="*/ 9838 h 10000"/>
                  <a:gd name="connsiteX79" fmla="*/ 4173 w 10000"/>
                  <a:gd name="connsiteY79" fmla="*/ 9897 h 10000"/>
                  <a:gd name="connsiteX80" fmla="*/ 3910 w 10000"/>
                  <a:gd name="connsiteY80" fmla="*/ 9941 h 10000"/>
                  <a:gd name="connsiteX81" fmla="*/ 3590 w 10000"/>
                  <a:gd name="connsiteY81" fmla="*/ 9985 h 10000"/>
                  <a:gd name="connsiteX82" fmla="*/ 3351 w 10000"/>
                  <a:gd name="connsiteY82" fmla="*/ 10000 h 10000"/>
                  <a:gd name="connsiteX83" fmla="*/ 2819 w 10000"/>
                  <a:gd name="connsiteY83" fmla="*/ 10000 h 10000"/>
                  <a:gd name="connsiteX84" fmla="*/ 2313 w 10000"/>
                  <a:gd name="connsiteY84" fmla="*/ 9985 h 10000"/>
                  <a:gd name="connsiteX85" fmla="*/ 1836 w 10000"/>
                  <a:gd name="connsiteY85" fmla="*/ 9941 h 10000"/>
                  <a:gd name="connsiteX86" fmla="*/ 1330 w 10000"/>
                  <a:gd name="connsiteY86" fmla="*/ 9911 h 10000"/>
                  <a:gd name="connsiteX87" fmla="*/ 1038 w 10000"/>
                  <a:gd name="connsiteY87" fmla="*/ 9911 h 10000"/>
                  <a:gd name="connsiteX88" fmla="*/ 771 w 10000"/>
                  <a:gd name="connsiteY88" fmla="*/ 9911 h 10000"/>
                  <a:gd name="connsiteX89" fmla="*/ 479 w 10000"/>
                  <a:gd name="connsiteY89" fmla="*/ 9926 h 10000"/>
                  <a:gd name="connsiteX90" fmla="*/ 186 w 10000"/>
                  <a:gd name="connsiteY90" fmla="*/ 9970 h 10000"/>
                  <a:gd name="connsiteX91" fmla="*/ 107 w 10000"/>
                  <a:gd name="connsiteY91" fmla="*/ 9867 h 10000"/>
                  <a:gd name="connsiteX92" fmla="*/ 54 w 10000"/>
                  <a:gd name="connsiteY92" fmla="*/ 9793 h 10000"/>
                  <a:gd name="connsiteX93" fmla="*/ 0 w 10000"/>
                  <a:gd name="connsiteY93" fmla="*/ 9705 h 10000"/>
                  <a:gd name="connsiteX94" fmla="*/ 0 w 10000"/>
                  <a:gd name="connsiteY94" fmla="*/ 9601 h 10000"/>
                  <a:gd name="connsiteX95" fmla="*/ 54 w 10000"/>
                  <a:gd name="connsiteY95" fmla="*/ 9424 h 10000"/>
                  <a:gd name="connsiteX96" fmla="*/ 107 w 10000"/>
                  <a:gd name="connsiteY96" fmla="*/ 9202 h 10000"/>
                  <a:gd name="connsiteX97" fmla="*/ 158 w 10000"/>
                  <a:gd name="connsiteY97" fmla="*/ 8996 h 10000"/>
                  <a:gd name="connsiteX98" fmla="*/ 213 w 10000"/>
                  <a:gd name="connsiteY98" fmla="*/ 8759 h 10000"/>
                  <a:gd name="connsiteX99" fmla="*/ 239 w 10000"/>
                  <a:gd name="connsiteY99" fmla="*/ 8641 h 10000"/>
                  <a:gd name="connsiteX100" fmla="*/ 239 w 10000"/>
                  <a:gd name="connsiteY100" fmla="*/ 8538 h 10000"/>
                  <a:gd name="connsiteX101" fmla="*/ 213 w 10000"/>
                  <a:gd name="connsiteY101" fmla="*/ 8405 h 10000"/>
                  <a:gd name="connsiteX102" fmla="*/ 186 w 10000"/>
                  <a:gd name="connsiteY102" fmla="*/ 8287 h 10000"/>
                  <a:gd name="connsiteX103" fmla="*/ 452 w 10000"/>
                  <a:gd name="connsiteY103" fmla="*/ 8213 h 10000"/>
                  <a:gd name="connsiteX104" fmla="*/ 718 w 10000"/>
                  <a:gd name="connsiteY104" fmla="*/ 8139 h 10000"/>
                  <a:gd name="connsiteX105" fmla="*/ 984 w 10000"/>
                  <a:gd name="connsiteY105" fmla="*/ 8095 h 10000"/>
                  <a:gd name="connsiteX106" fmla="*/ 1277 w 10000"/>
                  <a:gd name="connsiteY106" fmla="*/ 8065 h 10000"/>
                  <a:gd name="connsiteX107" fmla="*/ 1807 w 10000"/>
                  <a:gd name="connsiteY107" fmla="*/ 8021 h 10000"/>
                  <a:gd name="connsiteX108" fmla="*/ 2341 w 10000"/>
                  <a:gd name="connsiteY108" fmla="*/ 7976 h 10000"/>
                  <a:gd name="connsiteX109" fmla="*/ 2580 w 10000"/>
                  <a:gd name="connsiteY109" fmla="*/ 7947 h 10000"/>
                  <a:gd name="connsiteX110" fmla="*/ 2819 w 10000"/>
                  <a:gd name="connsiteY110" fmla="*/ 7917 h 10000"/>
                  <a:gd name="connsiteX111" fmla="*/ 3030 w 10000"/>
                  <a:gd name="connsiteY111" fmla="*/ 7843 h 10000"/>
                  <a:gd name="connsiteX112" fmla="*/ 3244 w 10000"/>
                  <a:gd name="connsiteY112" fmla="*/ 7784 h 10000"/>
                  <a:gd name="connsiteX113" fmla="*/ 3431 w 10000"/>
                  <a:gd name="connsiteY113" fmla="*/ 7710 h 10000"/>
                  <a:gd name="connsiteX114" fmla="*/ 3590 w 10000"/>
                  <a:gd name="connsiteY114" fmla="*/ 7592 h 10000"/>
                  <a:gd name="connsiteX115" fmla="*/ 3750 w 10000"/>
                  <a:gd name="connsiteY115" fmla="*/ 7474 h 10000"/>
                  <a:gd name="connsiteX116" fmla="*/ 3856 w 10000"/>
                  <a:gd name="connsiteY116" fmla="*/ 7312 h 10000"/>
                  <a:gd name="connsiteX117" fmla="*/ 3644 w 10000"/>
                  <a:gd name="connsiteY117" fmla="*/ 7238 h 10000"/>
                  <a:gd name="connsiteX118" fmla="*/ 3456 w 10000"/>
                  <a:gd name="connsiteY118" fmla="*/ 7179 h 10000"/>
                  <a:gd name="connsiteX119" fmla="*/ 3297 w 10000"/>
                  <a:gd name="connsiteY119" fmla="*/ 7090 h 10000"/>
                  <a:gd name="connsiteX120" fmla="*/ 3139 w 10000"/>
                  <a:gd name="connsiteY120" fmla="*/ 6987 h 10000"/>
                  <a:gd name="connsiteX121" fmla="*/ 3030 w 10000"/>
                  <a:gd name="connsiteY121" fmla="*/ 6869 h 10000"/>
                  <a:gd name="connsiteX122" fmla="*/ 2980 w 10000"/>
                  <a:gd name="connsiteY122" fmla="*/ 6721 h 10000"/>
                  <a:gd name="connsiteX123" fmla="*/ 2952 w 10000"/>
                  <a:gd name="connsiteY123" fmla="*/ 6558 h 10000"/>
                  <a:gd name="connsiteX124" fmla="*/ 2980 w 10000"/>
                  <a:gd name="connsiteY124" fmla="*/ 6352 h 10000"/>
                  <a:gd name="connsiteX125" fmla="*/ 2846 w 10000"/>
                  <a:gd name="connsiteY125" fmla="*/ 6322 h 10000"/>
                  <a:gd name="connsiteX126" fmla="*/ 2687 w 10000"/>
                  <a:gd name="connsiteY126" fmla="*/ 6292 h 10000"/>
                  <a:gd name="connsiteX127" fmla="*/ 2501 w 10000"/>
                  <a:gd name="connsiteY127" fmla="*/ 6278 h 10000"/>
                  <a:gd name="connsiteX128" fmla="*/ 2313 w 10000"/>
                  <a:gd name="connsiteY128" fmla="*/ 6263 h 10000"/>
                  <a:gd name="connsiteX129" fmla="*/ 1942 w 10000"/>
                  <a:gd name="connsiteY129" fmla="*/ 6248 h 10000"/>
                  <a:gd name="connsiteX130" fmla="*/ 1543 w 10000"/>
                  <a:gd name="connsiteY130" fmla="*/ 6263 h 10000"/>
                  <a:gd name="connsiteX131" fmla="*/ 1198 w 10000"/>
                  <a:gd name="connsiteY131" fmla="*/ 6278 h 10000"/>
                  <a:gd name="connsiteX132" fmla="*/ 877 w 10000"/>
                  <a:gd name="connsiteY132" fmla="*/ 6278 h 10000"/>
                  <a:gd name="connsiteX133" fmla="*/ 613 w 10000"/>
                  <a:gd name="connsiteY133" fmla="*/ 6263 h 10000"/>
                  <a:gd name="connsiteX134" fmla="*/ 399 w 10000"/>
                  <a:gd name="connsiteY134" fmla="*/ 6233 h 10000"/>
                  <a:gd name="connsiteX135" fmla="*/ 663 w 10000"/>
                  <a:gd name="connsiteY135" fmla="*/ 5805 h 10000"/>
                  <a:gd name="connsiteX136" fmla="*/ 958 w 10000"/>
                  <a:gd name="connsiteY136" fmla="*/ 5391 h 10000"/>
                  <a:gd name="connsiteX137" fmla="*/ 1065 w 10000"/>
                  <a:gd name="connsiteY137" fmla="*/ 5170 h 10000"/>
                  <a:gd name="connsiteX138" fmla="*/ 1143 w 10000"/>
                  <a:gd name="connsiteY138" fmla="*/ 4963 h 10000"/>
                  <a:gd name="connsiteX139" fmla="*/ 1169 w 10000"/>
                  <a:gd name="connsiteY139" fmla="*/ 4860 h 10000"/>
                  <a:gd name="connsiteX140" fmla="*/ 1143 w 10000"/>
                  <a:gd name="connsiteY140" fmla="*/ 4756 h 10000"/>
                  <a:gd name="connsiteX141" fmla="*/ 1117 w 10000"/>
                  <a:gd name="connsiteY141" fmla="*/ 4653 h 10000"/>
                  <a:gd name="connsiteX142" fmla="*/ 1038 w 10000"/>
                  <a:gd name="connsiteY142" fmla="*/ 4549 h 10000"/>
                  <a:gd name="connsiteX143" fmla="*/ 1330 w 10000"/>
                  <a:gd name="connsiteY143" fmla="*/ 4520 h 10000"/>
                  <a:gd name="connsiteX144" fmla="*/ 1543 w 10000"/>
                  <a:gd name="connsiteY144" fmla="*/ 4505 h 10000"/>
                  <a:gd name="connsiteX145" fmla="*/ 1729 w 10000"/>
                  <a:gd name="connsiteY145" fmla="*/ 4505 h 10000"/>
                  <a:gd name="connsiteX146" fmla="*/ 1888 w 10000"/>
                  <a:gd name="connsiteY146" fmla="*/ 4520 h 10000"/>
                  <a:gd name="connsiteX147" fmla="*/ 2022 w 10000"/>
                  <a:gd name="connsiteY147" fmla="*/ 4520 h 10000"/>
                  <a:gd name="connsiteX148" fmla="*/ 2181 w 10000"/>
                  <a:gd name="connsiteY148" fmla="*/ 4520 h 10000"/>
                  <a:gd name="connsiteX149" fmla="*/ 2341 w 10000"/>
                  <a:gd name="connsiteY149" fmla="*/ 4490 h 10000"/>
                  <a:gd name="connsiteX150" fmla="*/ 2552 w 10000"/>
                  <a:gd name="connsiteY150" fmla="*/ 4446 h 10000"/>
                  <a:gd name="connsiteX151" fmla="*/ 2552 w 10000"/>
                  <a:gd name="connsiteY151" fmla="*/ 4579 h 10000"/>
                  <a:gd name="connsiteX152" fmla="*/ 2552 w 10000"/>
                  <a:gd name="connsiteY152" fmla="*/ 4742 h 10000"/>
                  <a:gd name="connsiteX153" fmla="*/ 2552 w 10000"/>
                  <a:gd name="connsiteY153" fmla="*/ 4874 h 10000"/>
                  <a:gd name="connsiteX154" fmla="*/ 2552 w 10000"/>
                  <a:gd name="connsiteY154" fmla="*/ 5037 h 10000"/>
                  <a:gd name="connsiteX155" fmla="*/ 2792 w 10000"/>
                  <a:gd name="connsiteY155" fmla="*/ 5022 h 10000"/>
                  <a:gd name="connsiteX156" fmla="*/ 2952 w 10000"/>
                  <a:gd name="connsiteY156" fmla="*/ 5037 h 10000"/>
                  <a:gd name="connsiteX157" fmla="*/ 3085 w 10000"/>
                  <a:gd name="connsiteY157" fmla="*/ 5066 h 10000"/>
                  <a:gd name="connsiteX158" fmla="*/ 3218 w 10000"/>
                  <a:gd name="connsiteY158" fmla="*/ 5096 h 10000"/>
                  <a:gd name="connsiteX159" fmla="*/ 3325 w 10000"/>
                  <a:gd name="connsiteY159" fmla="*/ 5126 h 10000"/>
                  <a:gd name="connsiteX160" fmla="*/ 3456 w 10000"/>
                  <a:gd name="connsiteY160" fmla="*/ 5155 h 10000"/>
                  <a:gd name="connsiteX161" fmla="*/ 3617 w 10000"/>
                  <a:gd name="connsiteY161" fmla="*/ 5170 h 10000"/>
                  <a:gd name="connsiteX162" fmla="*/ 3856 w 10000"/>
                  <a:gd name="connsiteY162" fmla="*/ 5155 h 10000"/>
                  <a:gd name="connsiteX163" fmla="*/ 3936 w 10000"/>
                  <a:gd name="connsiteY163" fmla="*/ 5096 h 10000"/>
                  <a:gd name="connsiteX164" fmla="*/ 4015 w 10000"/>
                  <a:gd name="connsiteY164" fmla="*/ 5022 h 10000"/>
                  <a:gd name="connsiteX165" fmla="*/ 4042 w 10000"/>
                  <a:gd name="connsiteY165" fmla="*/ 4934 h 10000"/>
                  <a:gd name="connsiteX166" fmla="*/ 4070 w 10000"/>
                  <a:gd name="connsiteY166" fmla="*/ 4860 h 10000"/>
                  <a:gd name="connsiteX167" fmla="*/ 4095 w 10000"/>
                  <a:gd name="connsiteY167" fmla="*/ 4697 h 10000"/>
                  <a:gd name="connsiteX168" fmla="*/ 4070 w 10000"/>
                  <a:gd name="connsiteY168" fmla="*/ 4520 h 10000"/>
                  <a:gd name="connsiteX169" fmla="*/ 3989 w 10000"/>
                  <a:gd name="connsiteY169" fmla="*/ 4343 h 10000"/>
                  <a:gd name="connsiteX170" fmla="*/ 3910 w 10000"/>
                  <a:gd name="connsiteY170" fmla="*/ 4195 h 10000"/>
                  <a:gd name="connsiteX171" fmla="*/ 3776 w 10000"/>
                  <a:gd name="connsiteY171" fmla="*/ 4047 h 10000"/>
                  <a:gd name="connsiteX172" fmla="*/ 3644 w 10000"/>
                  <a:gd name="connsiteY172" fmla="*/ 3959 h 10000"/>
                  <a:gd name="connsiteX173" fmla="*/ 3803 w 10000"/>
                  <a:gd name="connsiteY173" fmla="*/ 3944 h 10000"/>
                  <a:gd name="connsiteX174" fmla="*/ 3936 w 10000"/>
                  <a:gd name="connsiteY174" fmla="*/ 3914 h 10000"/>
                  <a:gd name="connsiteX175" fmla="*/ 4042 w 10000"/>
                  <a:gd name="connsiteY175" fmla="*/ 3855 h 10000"/>
                  <a:gd name="connsiteX176" fmla="*/ 4173 w 10000"/>
                  <a:gd name="connsiteY176" fmla="*/ 3752 h 10000"/>
                  <a:gd name="connsiteX177" fmla="*/ 4308 w 10000"/>
                  <a:gd name="connsiteY177" fmla="*/ 3663 h 10000"/>
                  <a:gd name="connsiteX178" fmla="*/ 4414 w 10000"/>
                  <a:gd name="connsiteY178" fmla="*/ 3560 h 10000"/>
                  <a:gd name="connsiteX179" fmla="*/ 4494 w 10000"/>
                  <a:gd name="connsiteY179" fmla="*/ 3442 h 10000"/>
                  <a:gd name="connsiteX180" fmla="*/ 4575 w 10000"/>
                  <a:gd name="connsiteY180" fmla="*/ 3323 h 10000"/>
                  <a:gd name="connsiteX181" fmla="*/ 4628 w 10000"/>
                  <a:gd name="connsiteY181" fmla="*/ 3220 h 10000"/>
                  <a:gd name="connsiteX182" fmla="*/ 4653 w 10000"/>
                  <a:gd name="connsiteY182" fmla="*/ 3102 h 10000"/>
                  <a:gd name="connsiteX183" fmla="*/ 4681 w 10000"/>
                  <a:gd name="connsiteY183" fmla="*/ 3013 h 10000"/>
                  <a:gd name="connsiteX184" fmla="*/ 4653 w 10000"/>
                  <a:gd name="connsiteY184" fmla="*/ 2939 h 10000"/>
                  <a:gd name="connsiteX185" fmla="*/ 4628 w 10000"/>
                  <a:gd name="connsiteY185" fmla="*/ 2866 h 10000"/>
                  <a:gd name="connsiteX186" fmla="*/ 4548 w 10000"/>
                  <a:gd name="connsiteY186" fmla="*/ 2836 h 10000"/>
                  <a:gd name="connsiteX187" fmla="*/ 4442 w 10000"/>
                  <a:gd name="connsiteY187" fmla="*/ 2836 h 10000"/>
                  <a:gd name="connsiteX188" fmla="*/ 4308 w 10000"/>
                  <a:gd name="connsiteY188" fmla="*/ 2866 h 10000"/>
                  <a:gd name="connsiteX189" fmla="*/ 4414 w 10000"/>
                  <a:gd name="connsiteY189" fmla="*/ 2777 h 10000"/>
                  <a:gd name="connsiteX190" fmla="*/ 4469 w 10000"/>
                  <a:gd name="connsiteY190" fmla="*/ 2674 h 10000"/>
                  <a:gd name="connsiteX191" fmla="*/ 4494 w 10000"/>
                  <a:gd name="connsiteY191" fmla="*/ 2541 h 10000"/>
                  <a:gd name="connsiteX192" fmla="*/ 4494 w 10000"/>
                  <a:gd name="connsiteY192" fmla="*/ 2393 h 10000"/>
                  <a:gd name="connsiteX193" fmla="*/ 4520 w 10000"/>
                  <a:gd name="connsiteY193" fmla="*/ 2349 h 10000"/>
                  <a:gd name="connsiteX194" fmla="*/ 4575 w 10000"/>
                  <a:gd name="connsiteY194" fmla="*/ 2304 h 10000"/>
                  <a:gd name="connsiteX195" fmla="*/ 4628 w 10000"/>
                  <a:gd name="connsiteY195" fmla="*/ 2290 h 10000"/>
                  <a:gd name="connsiteX196" fmla="*/ 4708 w 10000"/>
                  <a:gd name="connsiteY196" fmla="*/ 2275 h 10000"/>
                  <a:gd name="connsiteX197" fmla="*/ 4946 w 10000"/>
                  <a:gd name="connsiteY197" fmla="*/ 2260 h 10000"/>
                  <a:gd name="connsiteX198" fmla="*/ 5158 w 10000"/>
                  <a:gd name="connsiteY198" fmla="*/ 2275 h 10000"/>
                  <a:gd name="connsiteX199" fmla="*/ 5132 w 10000"/>
                  <a:gd name="connsiteY199" fmla="*/ 2112 h 10000"/>
                  <a:gd name="connsiteX200" fmla="*/ 5080 w 10000"/>
                  <a:gd name="connsiteY200" fmla="*/ 1950 h 10000"/>
                  <a:gd name="connsiteX201" fmla="*/ 4999 w 10000"/>
                  <a:gd name="connsiteY201" fmla="*/ 1802 h 10000"/>
                  <a:gd name="connsiteX202" fmla="*/ 4894 w 10000"/>
                  <a:gd name="connsiteY202" fmla="*/ 1640 h 10000"/>
                  <a:gd name="connsiteX203" fmla="*/ 4628 w 10000"/>
                  <a:gd name="connsiteY203" fmla="*/ 1329 h 10000"/>
                  <a:gd name="connsiteX204" fmla="*/ 4362 w 10000"/>
                  <a:gd name="connsiteY204" fmla="*/ 1034 h 10000"/>
                  <a:gd name="connsiteX205" fmla="*/ 4228 w 10000"/>
                  <a:gd name="connsiteY205" fmla="*/ 901 h 10000"/>
                  <a:gd name="connsiteX206" fmla="*/ 4124 w 10000"/>
                  <a:gd name="connsiteY206" fmla="*/ 753 h 10000"/>
                  <a:gd name="connsiteX207" fmla="*/ 4042 w 10000"/>
                  <a:gd name="connsiteY207" fmla="*/ 620 h 10000"/>
                  <a:gd name="connsiteX208" fmla="*/ 4015 w 10000"/>
                  <a:gd name="connsiteY208" fmla="*/ 487 h 10000"/>
                  <a:gd name="connsiteX209" fmla="*/ 3989 w 10000"/>
                  <a:gd name="connsiteY209" fmla="*/ 355 h 10000"/>
                  <a:gd name="connsiteX210" fmla="*/ 4042 w 10000"/>
                  <a:gd name="connsiteY210" fmla="*/ 222 h 10000"/>
                  <a:gd name="connsiteX211" fmla="*/ 4070 w 10000"/>
                  <a:gd name="connsiteY211" fmla="*/ 162 h 10000"/>
                  <a:gd name="connsiteX212" fmla="*/ 4124 w 10000"/>
                  <a:gd name="connsiteY212" fmla="*/ 103 h 10000"/>
                  <a:gd name="connsiteX213" fmla="*/ 4203 w 10000"/>
                  <a:gd name="connsiteY213" fmla="*/ 59 h 10000"/>
                  <a:gd name="connsiteX214" fmla="*/ 4308 w 10000"/>
                  <a:gd name="connsiteY214" fmla="*/ 0 h 10000"/>
                  <a:gd name="connsiteX215" fmla="*/ 4494 w 10000"/>
                  <a:gd name="connsiteY215" fmla="*/ 0 h 10000"/>
                  <a:gd name="connsiteX216" fmla="*/ 4681 w 10000"/>
                  <a:gd name="connsiteY216" fmla="*/ 15 h 10000"/>
                  <a:gd name="connsiteX217" fmla="*/ 4867 w 10000"/>
                  <a:gd name="connsiteY217" fmla="*/ 44 h 10000"/>
                  <a:gd name="connsiteX218" fmla="*/ 4999 w 10000"/>
                  <a:gd name="connsiteY218" fmla="*/ 89 h 10000"/>
                  <a:gd name="connsiteX219" fmla="*/ 5213 w 10000"/>
                  <a:gd name="connsiteY219" fmla="*/ 192 h 10000"/>
                  <a:gd name="connsiteX220" fmla="*/ 5425 w 10000"/>
                  <a:gd name="connsiteY220" fmla="*/ 340 h 10000"/>
                  <a:gd name="connsiteX221" fmla="*/ 5585 w 10000"/>
                  <a:gd name="connsiteY221" fmla="*/ 473 h 10000"/>
                  <a:gd name="connsiteX222" fmla="*/ 5797 w 10000"/>
                  <a:gd name="connsiteY222" fmla="*/ 591 h 10000"/>
                  <a:gd name="connsiteX223" fmla="*/ 5931 w 10000"/>
                  <a:gd name="connsiteY223" fmla="*/ 650 h 10000"/>
                  <a:gd name="connsiteX224" fmla="*/ 6090 w 10000"/>
                  <a:gd name="connsiteY224" fmla="*/ 679 h 10000"/>
                  <a:gd name="connsiteX225" fmla="*/ 6251 w 10000"/>
                  <a:gd name="connsiteY225" fmla="*/ 709 h 10000"/>
                  <a:gd name="connsiteX226" fmla="*/ 6463 w 10000"/>
                  <a:gd name="connsiteY226" fmla="*/ 709 h 10000"/>
                  <a:gd name="connsiteX227" fmla="*/ 6463 w 10000"/>
                  <a:gd name="connsiteY227" fmla="*/ 768 h 10000"/>
                  <a:gd name="connsiteX228" fmla="*/ 6490 w 10000"/>
                  <a:gd name="connsiteY228" fmla="*/ 842 h 10000"/>
                  <a:gd name="connsiteX229" fmla="*/ 6541 w 10000"/>
                  <a:gd name="connsiteY229" fmla="*/ 916 h 10000"/>
                  <a:gd name="connsiteX230" fmla="*/ 6595 w 10000"/>
                  <a:gd name="connsiteY230" fmla="*/ 990 h 10000"/>
                  <a:gd name="connsiteX231" fmla="*/ 6674 w 10000"/>
                  <a:gd name="connsiteY231" fmla="*/ 1049 h 10000"/>
                  <a:gd name="connsiteX232" fmla="*/ 6780 w 10000"/>
                  <a:gd name="connsiteY232" fmla="*/ 1108 h 10000"/>
                  <a:gd name="connsiteX233" fmla="*/ 6914 w 10000"/>
                  <a:gd name="connsiteY233" fmla="*/ 1182 h 10000"/>
                  <a:gd name="connsiteX234" fmla="*/ 7020 w 10000"/>
                  <a:gd name="connsiteY234" fmla="*/ 1226 h 10000"/>
                  <a:gd name="connsiteX235" fmla="*/ 7127 w 10000"/>
                  <a:gd name="connsiteY235" fmla="*/ 1270 h 10000"/>
                  <a:gd name="connsiteX236" fmla="*/ 7234 w 10000"/>
                  <a:gd name="connsiteY236" fmla="*/ 1300 h 10000"/>
                  <a:gd name="connsiteX237" fmla="*/ 7340 w 10000"/>
                  <a:gd name="connsiteY237" fmla="*/ 1315 h 10000"/>
                  <a:gd name="connsiteX238" fmla="*/ 7474 w 10000"/>
                  <a:gd name="connsiteY238" fmla="*/ 1300 h 10000"/>
                  <a:gd name="connsiteX239" fmla="*/ 7580 w 10000"/>
                  <a:gd name="connsiteY239" fmla="*/ 1285 h 10000"/>
                  <a:gd name="connsiteX240" fmla="*/ 7659 w 10000"/>
                  <a:gd name="connsiteY240" fmla="*/ 1241 h 10000"/>
                  <a:gd name="connsiteX241" fmla="*/ 7714 w 10000"/>
                  <a:gd name="connsiteY241" fmla="*/ 1167 h 10000"/>
                  <a:gd name="connsiteX242" fmla="*/ 7738 w 10000"/>
                  <a:gd name="connsiteY242" fmla="*/ 1064 h 10000"/>
                  <a:gd name="connsiteX243" fmla="*/ 8138 w 10000"/>
                  <a:gd name="connsiteY243" fmla="*/ 1034 h 10000"/>
                  <a:gd name="connsiteX244" fmla="*/ 8509 w 10000"/>
                  <a:gd name="connsiteY244" fmla="*/ 1004 h 10000"/>
                  <a:gd name="connsiteX245" fmla="*/ 8830 w 10000"/>
                  <a:gd name="connsiteY245" fmla="*/ 990 h 10000"/>
                  <a:gd name="connsiteX246" fmla="*/ 9123 w 10000"/>
                  <a:gd name="connsiteY246" fmla="*/ 1004 h 10000"/>
                  <a:gd name="connsiteX247" fmla="*/ 9256 w 10000"/>
                  <a:gd name="connsiteY247" fmla="*/ 1019 h 10000"/>
                  <a:gd name="connsiteX248" fmla="*/ 9387 w 10000"/>
                  <a:gd name="connsiteY248" fmla="*/ 1034 h 10000"/>
                  <a:gd name="connsiteX249" fmla="*/ 9495 w 10000"/>
                  <a:gd name="connsiteY249" fmla="*/ 1064 h 10000"/>
                  <a:gd name="connsiteX250" fmla="*/ 9628 w 10000"/>
                  <a:gd name="connsiteY250" fmla="*/ 1108 h 10000"/>
                  <a:gd name="connsiteX251" fmla="*/ 9707 w 10000"/>
                  <a:gd name="connsiteY251" fmla="*/ 1182 h 10000"/>
                  <a:gd name="connsiteX252" fmla="*/ 9786 w 10000"/>
                  <a:gd name="connsiteY252" fmla="*/ 1241 h 10000"/>
                  <a:gd name="connsiteX253" fmla="*/ 9841 w 10000"/>
                  <a:gd name="connsiteY253" fmla="*/ 1329 h 10000"/>
                  <a:gd name="connsiteX254" fmla="*/ 9893 w 10000"/>
                  <a:gd name="connsiteY254" fmla="*/ 1433 h 10000"/>
                  <a:gd name="connsiteX255" fmla="*/ 9946 w 10000"/>
                  <a:gd name="connsiteY255" fmla="*/ 1551 h 10000"/>
                  <a:gd name="connsiteX256" fmla="*/ 9919 w 10000"/>
                  <a:gd name="connsiteY256" fmla="*/ 1625 h 10000"/>
                  <a:gd name="connsiteX257" fmla="*/ 9893 w 10000"/>
                  <a:gd name="connsiteY257" fmla="*/ 1684 h 10000"/>
                  <a:gd name="connsiteX258" fmla="*/ 9841 w 10000"/>
                  <a:gd name="connsiteY258" fmla="*/ 1758 h 10000"/>
                  <a:gd name="connsiteX259" fmla="*/ 9761 w 10000"/>
                  <a:gd name="connsiteY259" fmla="*/ 1802 h 10000"/>
                  <a:gd name="connsiteX260" fmla="*/ 9707 w 10000"/>
                  <a:gd name="connsiteY260" fmla="*/ 1861 h 10000"/>
                  <a:gd name="connsiteX261" fmla="*/ 9682 w 10000"/>
                  <a:gd name="connsiteY261" fmla="*/ 1935 h 10000"/>
                  <a:gd name="connsiteX262" fmla="*/ 9707 w 10000"/>
                  <a:gd name="connsiteY262" fmla="*/ 2024 h 10000"/>
                  <a:gd name="connsiteX263" fmla="*/ 10000 w 10000"/>
                  <a:gd name="connsiteY263" fmla="*/ 2157 h 10000"/>
                  <a:gd name="connsiteX0" fmla="*/ 7525 w 10000"/>
                  <a:gd name="connsiteY0" fmla="*/ 4431 h 10000"/>
                  <a:gd name="connsiteX1" fmla="*/ 7340 w 10000"/>
                  <a:gd name="connsiteY1" fmla="*/ 4697 h 10000"/>
                  <a:gd name="connsiteX2" fmla="*/ 7313 w 10000"/>
                  <a:gd name="connsiteY2" fmla="*/ 4801 h 10000"/>
                  <a:gd name="connsiteX3" fmla="*/ 7313 w 10000"/>
                  <a:gd name="connsiteY3" fmla="*/ 4904 h 10000"/>
                  <a:gd name="connsiteX4" fmla="*/ 7181 w 10000"/>
                  <a:gd name="connsiteY4" fmla="*/ 4860 h 10000"/>
                  <a:gd name="connsiteX5" fmla="*/ 7100 w 10000"/>
                  <a:gd name="connsiteY5" fmla="*/ 4801 h 10000"/>
                  <a:gd name="connsiteX6" fmla="*/ 7020 w 10000"/>
                  <a:gd name="connsiteY6" fmla="*/ 4727 h 10000"/>
                  <a:gd name="connsiteX7" fmla="*/ 6942 w 10000"/>
                  <a:gd name="connsiteY7" fmla="*/ 4638 h 10000"/>
                  <a:gd name="connsiteX8" fmla="*/ 6674 w 10000"/>
                  <a:gd name="connsiteY8" fmla="*/ 4313 h 10000"/>
                  <a:gd name="connsiteX9" fmla="*/ 6835 w 10000"/>
                  <a:gd name="connsiteY9" fmla="*/ 4210 h 10000"/>
                  <a:gd name="connsiteX10" fmla="*/ 9628 w 10000"/>
                  <a:gd name="connsiteY10" fmla="*/ 3338 h 10000"/>
                  <a:gd name="connsiteX11" fmla="*/ 9866 w 10000"/>
                  <a:gd name="connsiteY11" fmla="*/ 3117 h 10000"/>
                  <a:gd name="connsiteX12" fmla="*/ 9893 w 10000"/>
                  <a:gd name="connsiteY12" fmla="*/ 3072 h 10000"/>
                  <a:gd name="connsiteX13" fmla="*/ 9919 w 10000"/>
                  <a:gd name="connsiteY13" fmla="*/ 3013 h 10000"/>
                  <a:gd name="connsiteX14" fmla="*/ 9919 w 10000"/>
                  <a:gd name="connsiteY14" fmla="*/ 2954 h 10000"/>
                  <a:gd name="connsiteX15" fmla="*/ 9893 w 10000"/>
                  <a:gd name="connsiteY15" fmla="*/ 2866 h 10000"/>
                  <a:gd name="connsiteX16" fmla="*/ 9707 w 10000"/>
                  <a:gd name="connsiteY16" fmla="*/ 2984 h 10000"/>
                  <a:gd name="connsiteX17" fmla="*/ 9495 w 10000"/>
                  <a:gd name="connsiteY17" fmla="*/ 3072 h 10000"/>
                  <a:gd name="connsiteX18" fmla="*/ 9281 w 10000"/>
                  <a:gd name="connsiteY18" fmla="*/ 3161 h 10000"/>
                  <a:gd name="connsiteX19" fmla="*/ 9069 w 10000"/>
                  <a:gd name="connsiteY19" fmla="*/ 3250 h 10000"/>
                  <a:gd name="connsiteX20" fmla="*/ 8589 w 10000"/>
                  <a:gd name="connsiteY20" fmla="*/ 3397 h 10000"/>
                  <a:gd name="connsiteX21" fmla="*/ 8085 w 10000"/>
                  <a:gd name="connsiteY21" fmla="*/ 3545 h 10000"/>
                  <a:gd name="connsiteX22" fmla="*/ 7580 w 10000"/>
                  <a:gd name="connsiteY22" fmla="*/ 3678 h 10000"/>
                  <a:gd name="connsiteX23" fmla="*/ 7100 w 10000"/>
                  <a:gd name="connsiteY23" fmla="*/ 3840 h 10000"/>
                  <a:gd name="connsiteX24" fmla="*/ 6861 w 10000"/>
                  <a:gd name="connsiteY24" fmla="*/ 3914 h 10000"/>
                  <a:gd name="connsiteX25" fmla="*/ 6649 w 10000"/>
                  <a:gd name="connsiteY25" fmla="*/ 4003 h 10000"/>
                  <a:gd name="connsiteX26" fmla="*/ 6437 w 10000"/>
                  <a:gd name="connsiteY26" fmla="*/ 4106 h 10000"/>
                  <a:gd name="connsiteX27" fmla="*/ 6222 w 10000"/>
                  <a:gd name="connsiteY27" fmla="*/ 4195 h 10000"/>
                  <a:gd name="connsiteX28" fmla="*/ 6382 w 10000"/>
                  <a:gd name="connsiteY28" fmla="*/ 4417 h 10000"/>
                  <a:gd name="connsiteX29" fmla="*/ 6490 w 10000"/>
                  <a:gd name="connsiteY29" fmla="*/ 4623 h 10000"/>
                  <a:gd name="connsiteX30" fmla="*/ 6595 w 10000"/>
                  <a:gd name="connsiteY30" fmla="*/ 4845 h 10000"/>
                  <a:gd name="connsiteX31" fmla="*/ 6674 w 10000"/>
                  <a:gd name="connsiteY31" fmla="*/ 5081 h 10000"/>
                  <a:gd name="connsiteX32" fmla="*/ 6729 w 10000"/>
                  <a:gd name="connsiteY32" fmla="*/ 5318 h 10000"/>
                  <a:gd name="connsiteX33" fmla="*/ 6756 w 10000"/>
                  <a:gd name="connsiteY33" fmla="*/ 5539 h 10000"/>
                  <a:gd name="connsiteX34" fmla="*/ 6780 w 10000"/>
                  <a:gd name="connsiteY34" fmla="*/ 5775 h 10000"/>
                  <a:gd name="connsiteX35" fmla="*/ 6780 w 10000"/>
                  <a:gd name="connsiteY35" fmla="*/ 5997 h 10000"/>
                  <a:gd name="connsiteX36" fmla="*/ 6756 w 10000"/>
                  <a:gd name="connsiteY36" fmla="*/ 6233 h 10000"/>
                  <a:gd name="connsiteX37" fmla="*/ 6702 w 10000"/>
                  <a:gd name="connsiteY37" fmla="*/ 6470 h 10000"/>
                  <a:gd name="connsiteX38" fmla="*/ 6649 w 10000"/>
                  <a:gd name="connsiteY38" fmla="*/ 6677 h 10000"/>
                  <a:gd name="connsiteX39" fmla="*/ 6569 w 10000"/>
                  <a:gd name="connsiteY39" fmla="*/ 6898 h 10000"/>
                  <a:gd name="connsiteX40" fmla="*/ 6463 w 10000"/>
                  <a:gd name="connsiteY40" fmla="*/ 7105 h 10000"/>
                  <a:gd name="connsiteX41" fmla="*/ 6330 w 10000"/>
                  <a:gd name="connsiteY41" fmla="*/ 7297 h 10000"/>
                  <a:gd name="connsiteX42" fmla="*/ 6170 w 10000"/>
                  <a:gd name="connsiteY42" fmla="*/ 7489 h 10000"/>
                  <a:gd name="connsiteX43" fmla="*/ 6010 w 10000"/>
                  <a:gd name="connsiteY43" fmla="*/ 7681 h 10000"/>
                  <a:gd name="connsiteX44" fmla="*/ 6780 w 10000"/>
                  <a:gd name="connsiteY44" fmla="*/ 7799 h 10000"/>
                  <a:gd name="connsiteX45" fmla="*/ 7580 w 10000"/>
                  <a:gd name="connsiteY45" fmla="*/ 7962 h 10000"/>
                  <a:gd name="connsiteX46" fmla="*/ 7738 w 10000"/>
                  <a:gd name="connsiteY46" fmla="*/ 8021 h 10000"/>
                  <a:gd name="connsiteX47" fmla="*/ 7872 w 10000"/>
                  <a:gd name="connsiteY47" fmla="*/ 8080 h 10000"/>
                  <a:gd name="connsiteX48" fmla="*/ 8004 w 10000"/>
                  <a:gd name="connsiteY48" fmla="*/ 8139 h 10000"/>
                  <a:gd name="connsiteX49" fmla="*/ 8085 w 10000"/>
                  <a:gd name="connsiteY49" fmla="*/ 8227 h 10000"/>
                  <a:gd name="connsiteX50" fmla="*/ 8112 w 10000"/>
                  <a:gd name="connsiteY50" fmla="*/ 8301 h 10000"/>
                  <a:gd name="connsiteX51" fmla="*/ 8112 w 10000"/>
                  <a:gd name="connsiteY51" fmla="*/ 8405 h 10000"/>
                  <a:gd name="connsiteX52" fmla="*/ 8059 w 10000"/>
                  <a:gd name="connsiteY52" fmla="*/ 8523 h 10000"/>
                  <a:gd name="connsiteX53" fmla="*/ 7978 w 10000"/>
                  <a:gd name="connsiteY53" fmla="*/ 8641 h 10000"/>
                  <a:gd name="connsiteX54" fmla="*/ 7633 w 10000"/>
                  <a:gd name="connsiteY54" fmla="*/ 8552 h 10000"/>
                  <a:gd name="connsiteX55" fmla="*/ 7313 w 10000"/>
                  <a:gd name="connsiteY55" fmla="*/ 8449 h 10000"/>
                  <a:gd name="connsiteX56" fmla="*/ 6994 w 10000"/>
                  <a:gd name="connsiteY56" fmla="*/ 8360 h 10000"/>
                  <a:gd name="connsiteX57" fmla="*/ 6674 w 10000"/>
                  <a:gd name="connsiteY57" fmla="*/ 8287 h 10000"/>
                  <a:gd name="connsiteX58" fmla="*/ 6541 w 10000"/>
                  <a:gd name="connsiteY58" fmla="*/ 8449 h 10000"/>
                  <a:gd name="connsiteX59" fmla="*/ 6437 w 10000"/>
                  <a:gd name="connsiteY59" fmla="*/ 8597 h 10000"/>
                  <a:gd name="connsiteX60" fmla="*/ 6382 w 10000"/>
                  <a:gd name="connsiteY60" fmla="*/ 8656 h 10000"/>
                  <a:gd name="connsiteX61" fmla="*/ 6276 w 10000"/>
                  <a:gd name="connsiteY61" fmla="*/ 8700 h 10000"/>
                  <a:gd name="connsiteX62" fmla="*/ 6197 w 10000"/>
                  <a:gd name="connsiteY62" fmla="*/ 8744 h 10000"/>
                  <a:gd name="connsiteX63" fmla="*/ 6117 w 10000"/>
                  <a:gd name="connsiteY63" fmla="*/ 8774 h 10000"/>
                  <a:gd name="connsiteX64" fmla="*/ 6037 w 10000"/>
                  <a:gd name="connsiteY64" fmla="*/ 8804 h 10000"/>
                  <a:gd name="connsiteX65" fmla="*/ 5931 w 10000"/>
                  <a:gd name="connsiteY65" fmla="*/ 8818 h 10000"/>
                  <a:gd name="connsiteX66" fmla="*/ 5797 w 10000"/>
                  <a:gd name="connsiteY66" fmla="*/ 8833 h 10000"/>
                  <a:gd name="connsiteX67" fmla="*/ 5665 w 10000"/>
                  <a:gd name="connsiteY67" fmla="*/ 8833 h 10000"/>
                  <a:gd name="connsiteX68" fmla="*/ 5347 w 10000"/>
                  <a:gd name="connsiteY68" fmla="*/ 8818 h 10000"/>
                  <a:gd name="connsiteX69" fmla="*/ 4946 w 10000"/>
                  <a:gd name="connsiteY69" fmla="*/ 8744 h 10000"/>
                  <a:gd name="connsiteX70" fmla="*/ 4946 w 10000"/>
                  <a:gd name="connsiteY70" fmla="*/ 8922 h 10000"/>
                  <a:gd name="connsiteX71" fmla="*/ 4919 w 10000"/>
                  <a:gd name="connsiteY71" fmla="*/ 9069 h 10000"/>
                  <a:gd name="connsiteX72" fmla="*/ 4894 w 10000"/>
                  <a:gd name="connsiteY72" fmla="*/ 9232 h 10000"/>
                  <a:gd name="connsiteX73" fmla="*/ 4867 w 10000"/>
                  <a:gd name="connsiteY73" fmla="*/ 9365 h 10000"/>
                  <a:gd name="connsiteX74" fmla="*/ 4813 w 10000"/>
                  <a:gd name="connsiteY74" fmla="*/ 9498 h 10000"/>
                  <a:gd name="connsiteX75" fmla="*/ 4708 w 10000"/>
                  <a:gd name="connsiteY75" fmla="*/ 9616 h 10000"/>
                  <a:gd name="connsiteX76" fmla="*/ 4628 w 10000"/>
                  <a:gd name="connsiteY76" fmla="*/ 9734 h 10000"/>
                  <a:gd name="connsiteX77" fmla="*/ 4494 w 10000"/>
                  <a:gd name="connsiteY77" fmla="*/ 9838 h 10000"/>
                  <a:gd name="connsiteX78" fmla="*/ 4173 w 10000"/>
                  <a:gd name="connsiteY78" fmla="*/ 9897 h 10000"/>
                  <a:gd name="connsiteX79" fmla="*/ 3910 w 10000"/>
                  <a:gd name="connsiteY79" fmla="*/ 9941 h 10000"/>
                  <a:gd name="connsiteX80" fmla="*/ 3590 w 10000"/>
                  <a:gd name="connsiteY80" fmla="*/ 9985 h 10000"/>
                  <a:gd name="connsiteX81" fmla="*/ 3351 w 10000"/>
                  <a:gd name="connsiteY81" fmla="*/ 10000 h 10000"/>
                  <a:gd name="connsiteX82" fmla="*/ 2819 w 10000"/>
                  <a:gd name="connsiteY82" fmla="*/ 10000 h 10000"/>
                  <a:gd name="connsiteX83" fmla="*/ 2313 w 10000"/>
                  <a:gd name="connsiteY83" fmla="*/ 9985 h 10000"/>
                  <a:gd name="connsiteX84" fmla="*/ 1836 w 10000"/>
                  <a:gd name="connsiteY84" fmla="*/ 9941 h 10000"/>
                  <a:gd name="connsiteX85" fmla="*/ 1330 w 10000"/>
                  <a:gd name="connsiteY85" fmla="*/ 9911 h 10000"/>
                  <a:gd name="connsiteX86" fmla="*/ 1038 w 10000"/>
                  <a:gd name="connsiteY86" fmla="*/ 9911 h 10000"/>
                  <a:gd name="connsiteX87" fmla="*/ 771 w 10000"/>
                  <a:gd name="connsiteY87" fmla="*/ 9911 h 10000"/>
                  <a:gd name="connsiteX88" fmla="*/ 479 w 10000"/>
                  <a:gd name="connsiteY88" fmla="*/ 9926 h 10000"/>
                  <a:gd name="connsiteX89" fmla="*/ 186 w 10000"/>
                  <a:gd name="connsiteY89" fmla="*/ 9970 h 10000"/>
                  <a:gd name="connsiteX90" fmla="*/ 107 w 10000"/>
                  <a:gd name="connsiteY90" fmla="*/ 9867 h 10000"/>
                  <a:gd name="connsiteX91" fmla="*/ 54 w 10000"/>
                  <a:gd name="connsiteY91" fmla="*/ 9793 h 10000"/>
                  <a:gd name="connsiteX92" fmla="*/ 0 w 10000"/>
                  <a:gd name="connsiteY92" fmla="*/ 9705 h 10000"/>
                  <a:gd name="connsiteX93" fmla="*/ 0 w 10000"/>
                  <a:gd name="connsiteY93" fmla="*/ 9601 h 10000"/>
                  <a:gd name="connsiteX94" fmla="*/ 54 w 10000"/>
                  <a:gd name="connsiteY94" fmla="*/ 9424 h 10000"/>
                  <a:gd name="connsiteX95" fmla="*/ 107 w 10000"/>
                  <a:gd name="connsiteY95" fmla="*/ 9202 h 10000"/>
                  <a:gd name="connsiteX96" fmla="*/ 158 w 10000"/>
                  <a:gd name="connsiteY96" fmla="*/ 8996 h 10000"/>
                  <a:gd name="connsiteX97" fmla="*/ 213 w 10000"/>
                  <a:gd name="connsiteY97" fmla="*/ 8759 h 10000"/>
                  <a:gd name="connsiteX98" fmla="*/ 239 w 10000"/>
                  <a:gd name="connsiteY98" fmla="*/ 8641 h 10000"/>
                  <a:gd name="connsiteX99" fmla="*/ 239 w 10000"/>
                  <a:gd name="connsiteY99" fmla="*/ 8538 h 10000"/>
                  <a:gd name="connsiteX100" fmla="*/ 213 w 10000"/>
                  <a:gd name="connsiteY100" fmla="*/ 8405 h 10000"/>
                  <a:gd name="connsiteX101" fmla="*/ 186 w 10000"/>
                  <a:gd name="connsiteY101" fmla="*/ 8287 h 10000"/>
                  <a:gd name="connsiteX102" fmla="*/ 452 w 10000"/>
                  <a:gd name="connsiteY102" fmla="*/ 8213 h 10000"/>
                  <a:gd name="connsiteX103" fmla="*/ 718 w 10000"/>
                  <a:gd name="connsiteY103" fmla="*/ 8139 h 10000"/>
                  <a:gd name="connsiteX104" fmla="*/ 984 w 10000"/>
                  <a:gd name="connsiteY104" fmla="*/ 8095 h 10000"/>
                  <a:gd name="connsiteX105" fmla="*/ 1277 w 10000"/>
                  <a:gd name="connsiteY105" fmla="*/ 8065 h 10000"/>
                  <a:gd name="connsiteX106" fmla="*/ 1807 w 10000"/>
                  <a:gd name="connsiteY106" fmla="*/ 8021 h 10000"/>
                  <a:gd name="connsiteX107" fmla="*/ 2341 w 10000"/>
                  <a:gd name="connsiteY107" fmla="*/ 7976 h 10000"/>
                  <a:gd name="connsiteX108" fmla="*/ 2580 w 10000"/>
                  <a:gd name="connsiteY108" fmla="*/ 7947 h 10000"/>
                  <a:gd name="connsiteX109" fmla="*/ 2819 w 10000"/>
                  <a:gd name="connsiteY109" fmla="*/ 7917 h 10000"/>
                  <a:gd name="connsiteX110" fmla="*/ 3030 w 10000"/>
                  <a:gd name="connsiteY110" fmla="*/ 7843 h 10000"/>
                  <a:gd name="connsiteX111" fmla="*/ 3244 w 10000"/>
                  <a:gd name="connsiteY111" fmla="*/ 7784 h 10000"/>
                  <a:gd name="connsiteX112" fmla="*/ 3431 w 10000"/>
                  <a:gd name="connsiteY112" fmla="*/ 7710 h 10000"/>
                  <a:gd name="connsiteX113" fmla="*/ 3590 w 10000"/>
                  <a:gd name="connsiteY113" fmla="*/ 7592 h 10000"/>
                  <a:gd name="connsiteX114" fmla="*/ 3750 w 10000"/>
                  <a:gd name="connsiteY114" fmla="*/ 7474 h 10000"/>
                  <a:gd name="connsiteX115" fmla="*/ 3856 w 10000"/>
                  <a:gd name="connsiteY115" fmla="*/ 7312 h 10000"/>
                  <a:gd name="connsiteX116" fmla="*/ 3644 w 10000"/>
                  <a:gd name="connsiteY116" fmla="*/ 7238 h 10000"/>
                  <a:gd name="connsiteX117" fmla="*/ 3456 w 10000"/>
                  <a:gd name="connsiteY117" fmla="*/ 7179 h 10000"/>
                  <a:gd name="connsiteX118" fmla="*/ 3297 w 10000"/>
                  <a:gd name="connsiteY118" fmla="*/ 7090 h 10000"/>
                  <a:gd name="connsiteX119" fmla="*/ 3139 w 10000"/>
                  <a:gd name="connsiteY119" fmla="*/ 6987 h 10000"/>
                  <a:gd name="connsiteX120" fmla="*/ 3030 w 10000"/>
                  <a:gd name="connsiteY120" fmla="*/ 6869 h 10000"/>
                  <a:gd name="connsiteX121" fmla="*/ 2980 w 10000"/>
                  <a:gd name="connsiteY121" fmla="*/ 6721 h 10000"/>
                  <a:gd name="connsiteX122" fmla="*/ 2952 w 10000"/>
                  <a:gd name="connsiteY122" fmla="*/ 6558 h 10000"/>
                  <a:gd name="connsiteX123" fmla="*/ 2980 w 10000"/>
                  <a:gd name="connsiteY123" fmla="*/ 6352 h 10000"/>
                  <a:gd name="connsiteX124" fmla="*/ 2846 w 10000"/>
                  <a:gd name="connsiteY124" fmla="*/ 6322 h 10000"/>
                  <a:gd name="connsiteX125" fmla="*/ 2687 w 10000"/>
                  <a:gd name="connsiteY125" fmla="*/ 6292 h 10000"/>
                  <a:gd name="connsiteX126" fmla="*/ 2501 w 10000"/>
                  <a:gd name="connsiteY126" fmla="*/ 6278 h 10000"/>
                  <a:gd name="connsiteX127" fmla="*/ 2313 w 10000"/>
                  <a:gd name="connsiteY127" fmla="*/ 6263 h 10000"/>
                  <a:gd name="connsiteX128" fmla="*/ 1942 w 10000"/>
                  <a:gd name="connsiteY128" fmla="*/ 6248 h 10000"/>
                  <a:gd name="connsiteX129" fmla="*/ 1543 w 10000"/>
                  <a:gd name="connsiteY129" fmla="*/ 6263 h 10000"/>
                  <a:gd name="connsiteX130" fmla="*/ 1198 w 10000"/>
                  <a:gd name="connsiteY130" fmla="*/ 6278 h 10000"/>
                  <a:gd name="connsiteX131" fmla="*/ 877 w 10000"/>
                  <a:gd name="connsiteY131" fmla="*/ 6278 h 10000"/>
                  <a:gd name="connsiteX132" fmla="*/ 613 w 10000"/>
                  <a:gd name="connsiteY132" fmla="*/ 6263 h 10000"/>
                  <a:gd name="connsiteX133" fmla="*/ 399 w 10000"/>
                  <a:gd name="connsiteY133" fmla="*/ 6233 h 10000"/>
                  <a:gd name="connsiteX134" fmla="*/ 663 w 10000"/>
                  <a:gd name="connsiteY134" fmla="*/ 5805 h 10000"/>
                  <a:gd name="connsiteX135" fmla="*/ 958 w 10000"/>
                  <a:gd name="connsiteY135" fmla="*/ 5391 h 10000"/>
                  <a:gd name="connsiteX136" fmla="*/ 1065 w 10000"/>
                  <a:gd name="connsiteY136" fmla="*/ 5170 h 10000"/>
                  <a:gd name="connsiteX137" fmla="*/ 1143 w 10000"/>
                  <a:gd name="connsiteY137" fmla="*/ 4963 h 10000"/>
                  <a:gd name="connsiteX138" fmla="*/ 1169 w 10000"/>
                  <a:gd name="connsiteY138" fmla="*/ 4860 h 10000"/>
                  <a:gd name="connsiteX139" fmla="*/ 1143 w 10000"/>
                  <a:gd name="connsiteY139" fmla="*/ 4756 h 10000"/>
                  <a:gd name="connsiteX140" fmla="*/ 1117 w 10000"/>
                  <a:gd name="connsiteY140" fmla="*/ 4653 h 10000"/>
                  <a:gd name="connsiteX141" fmla="*/ 1038 w 10000"/>
                  <a:gd name="connsiteY141" fmla="*/ 4549 h 10000"/>
                  <a:gd name="connsiteX142" fmla="*/ 1330 w 10000"/>
                  <a:gd name="connsiteY142" fmla="*/ 4520 h 10000"/>
                  <a:gd name="connsiteX143" fmla="*/ 1543 w 10000"/>
                  <a:gd name="connsiteY143" fmla="*/ 4505 h 10000"/>
                  <a:gd name="connsiteX144" fmla="*/ 1729 w 10000"/>
                  <a:gd name="connsiteY144" fmla="*/ 4505 h 10000"/>
                  <a:gd name="connsiteX145" fmla="*/ 1888 w 10000"/>
                  <a:gd name="connsiteY145" fmla="*/ 4520 h 10000"/>
                  <a:gd name="connsiteX146" fmla="*/ 2022 w 10000"/>
                  <a:gd name="connsiteY146" fmla="*/ 4520 h 10000"/>
                  <a:gd name="connsiteX147" fmla="*/ 2181 w 10000"/>
                  <a:gd name="connsiteY147" fmla="*/ 4520 h 10000"/>
                  <a:gd name="connsiteX148" fmla="*/ 2341 w 10000"/>
                  <a:gd name="connsiteY148" fmla="*/ 4490 h 10000"/>
                  <a:gd name="connsiteX149" fmla="*/ 2552 w 10000"/>
                  <a:gd name="connsiteY149" fmla="*/ 4446 h 10000"/>
                  <a:gd name="connsiteX150" fmla="*/ 2552 w 10000"/>
                  <a:gd name="connsiteY150" fmla="*/ 4579 h 10000"/>
                  <a:gd name="connsiteX151" fmla="*/ 2552 w 10000"/>
                  <a:gd name="connsiteY151" fmla="*/ 4742 h 10000"/>
                  <a:gd name="connsiteX152" fmla="*/ 2552 w 10000"/>
                  <a:gd name="connsiteY152" fmla="*/ 4874 h 10000"/>
                  <a:gd name="connsiteX153" fmla="*/ 2552 w 10000"/>
                  <a:gd name="connsiteY153" fmla="*/ 5037 h 10000"/>
                  <a:gd name="connsiteX154" fmla="*/ 2792 w 10000"/>
                  <a:gd name="connsiteY154" fmla="*/ 5022 h 10000"/>
                  <a:gd name="connsiteX155" fmla="*/ 2952 w 10000"/>
                  <a:gd name="connsiteY155" fmla="*/ 5037 h 10000"/>
                  <a:gd name="connsiteX156" fmla="*/ 3085 w 10000"/>
                  <a:gd name="connsiteY156" fmla="*/ 5066 h 10000"/>
                  <a:gd name="connsiteX157" fmla="*/ 3218 w 10000"/>
                  <a:gd name="connsiteY157" fmla="*/ 5096 h 10000"/>
                  <a:gd name="connsiteX158" fmla="*/ 3325 w 10000"/>
                  <a:gd name="connsiteY158" fmla="*/ 5126 h 10000"/>
                  <a:gd name="connsiteX159" fmla="*/ 3456 w 10000"/>
                  <a:gd name="connsiteY159" fmla="*/ 5155 h 10000"/>
                  <a:gd name="connsiteX160" fmla="*/ 3617 w 10000"/>
                  <a:gd name="connsiteY160" fmla="*/ 5170 h 10000"/>
                  <a:gd name="connsiteX161" fmla="*/ 3856 w 10000"/>
                  <a:gd name="connsiteY161" fmla="*/ 5155 h 10000"/>
                  <a:gd name="connsiteX162" fmla="*/ 3936 w 10000"/>
                  <a:gd name="connsiteY162" fmla="*/ 5096 h 10000"/>
                  <a:gd name="connsiteX163" fmla="*/ 4015 w 10000"/>
                  <a:gd name="connsiteY163" fmla="*/ 5022 h 10000"/>
                  <a:gd name="connsiteX164" fmla="*/ 4042 w 10000"/>
                  <a:gd name="connsiteY164" fmla="*/ 4934 h 10000"/>
                  <a:gd name="connsiteX165" fmla="*/ 4070 w 10000"/>
                  <a:gd name="connsiteY165" fmla="*/ 4860 h 10000"/>
                  <a:gd name="connsiteX166" fmla="*/ 4095 w 10000"/>
                  <a:gd name="connsiteY166" fmla="*/ 4697 h 10000"/>
                  <a:gd name="connsiteX167" fmla="*/ 4070 w 10000"/>
                  <a:gd name="connsiteY167" fmla="*/ 4520 h 10000"/>
                  <a:gd name="connsiteX168" fmla="*/ 3989 w 10000"/>
                  <a:gd name="connsiteY168" fmla="*/ 4343 h 10000"/>
                  <a:gd name="connsiteX169" fmla="*/ 3910 w 10000"/>
                  <a:gd name="connsiteY169" fmla="*/ 4195 h 10000"/>
                  <a:gd name="connsiteX170" fmla="*/ 3776 w 10000"/>
                  <a:gd name="connsiteY170" fmla="*/ 4047 h 10000"/>
                  <a:gd name="connsiteX171" fmla="*/ 3644 w 10000"/>
                  <a:gd name="connsiteY171" fmla="*/ 3959 h 10000"/>
                  <a:gd name="connsiteX172" fmla="*/ 3803 w 10000"/>
                  <a:gd name="connsiteY172" fmla="*/ 3944 h 10000"/>
                  <a:gd name="connsiteX173" fmla="*/ 3936 w 10000"/>
                  <a:gd name="connsiteY173" fmla="*/ 3914 h 10000"/>
                  <a:gd name="connsiteX174" fmla="*/ 4042 w 10000"/>
                  <a:gd name="connsiteY174" fmla="*/ 3855 h 10000"/>
                  <a:gd name="connsiteX175" fmla="*/ 4173 w 10000"/>
                  <a:gd name="connsiteY175" fmla="*/ 3752 h 10000"/>
                  <a:gd name="connsiteX176" fmla="*/ 4308 w 10000"/>
                  <a:gd name="connsiteY176" fmla="*/ 3663 h 10000"/>
                  <a:gd name="connsiteX177" fmla="*/ 4414 w 10000"/>
                  <a:gd name="connsiteY177" fmla="*/ 3560 h 10000"/>
                  <a:gd name="connsiteX178" fmla="*/ 4494 w 10000"/>
                  <a:gd name="connsiteY178" fmla="*/ 3442 h 10000"/>
                  <a:gd name="connsiteX179" fmla="*/ 4575 w 10000"/>
                  <a:gd name="connsiteY179" fmla="*/ 3323 h 10000"/>
                  <a:gd name="connsiteX180" fmla="*/ 4628 w 10000"/>
                  <a:gd name="connsiteY180" fmla="*/ 3220 h 10000"/>
                  <a:gd name="connsiteX181" fmla="*/ 4653 w 10000"/>
                  <a:gd name="connsiteY181" fmla="*/ 3102 h 10000"/>
                  <a:gd name="connsiteX182" fmla="*/ 4681 w 10000"/>
                  <a:gd name="connsiteY182" fmla="*/ 3013 h 10000"/>
                  <a:gd name="connsiteX183" fmla="*/ 4653 w 10000"/>
                  <a:gd name="connsiteY183" fmla="*/ 2939 h 10000"/>
                  <a:gd name="connsiteX184" fmla="*/ 4628 w 10000"/>
                  <a:gd name="connsiteY184" fmla="*/ 2866 h 10000"/>
                  <a:gd name="connsiteX185" fmla="*/ 4548 w 10000"/>
                  <a:gd name="connsiteY185" fmla="*/ 2836 h 10000"/>
                  <a:gd name="connsiteX186" fmla="*/ 4442 w 10000"/>
                  <a:gd name="connsiteY186" fmla="*/ 2836 h 10000"/>
                  <a:gd name="connsiteX187" fmla="*/ 4308 w 10000"/>
                  <a:gd name="connsiteY187" fmla="*/ 2866 h 10000"/>
                  <a:gd name="connsiteX188" fmla="*/ 4414 w 10000"/>
                  <a:gd name="connsiteY188" fmla="*/ 2777 h 10000"/>
                  <a:gd name="connsiteX189" fmla="*/ 4469 w 10000"/>
                  <a:gd name="connsiteY189" fmla="*/ 2674 h 10000"/>
                  <a:gd name="connsiteX190" fmla="*/ 4494 w 10000"/>
                  <a:gd name="connsiteY190" fmla="*/ 2541 h 10000"/>
                  <a:gd name="connsiteX191" fmla="*/ 4494 w 10000"/>
                  <a:gd name="connsiteY191" fmla="*/ 2393 h 10000"/>
                  <a:gd name="connsiteX192" fmla="*/ 4520 w 10000"/>
                  <a:gd name="connsiteY192" fmla="*/ 2349 h 10000"/>
                  <a:gd name="connsiteX193" fmla="*/ 4575 w 10000"/>
                  <a:gd name="connsiteY193" fmla="*/ 2304 h 10000"/>
                  <a:gd name="connsiteX194" fmla="*/ 4628 w 10000"/>
                  <a:gd name="connsiteY194" fmla="*/ 2290 h 10000"/>
                  <a:gd name="connsiteX195" fmla="*/ 4708 w 10000"/>
                  <a:gd name="connsiteY195" fmla="*/ 2275 h 10000"/>
                  <a:gd name="connsiteX196" fmla="*/ 4946 w 10000"/>
                  <a:gd name="connsiteY196" fmla="*/ 2260 h 10000"/>
                  <a:gd name="connsiteX197" fmla="*/ 5158 w 10000"/>
                  <a:gd name="connsiteY197" fmla="*/ 2275 h 10000"/>
                  <a:gd name="connsiteX198" fmla="*/ 5132 w 10000"/>
                  <a:gd name="connsiteY198" fmla="*/ 2112 h 10000"/>
                  <a:gd name="connsiteX199" fmla="*/ 5080 w 10000"/>
                  <a:gd name="connsiteY199" fmla="*/ 1950 h 10000"/>
                  <a:gd name="connsiteX200" fmla="*/ 4999 w 10000"/>
                  <a:gd name="connsiteY200" fmla="*/ 1802 h 10000"/>
                  <a:gd name="connsiteX201" fmla="*/ 4894 w 10000"/>
                  <a:gd name="connsiteY201" fmla="*/ 1640 h 10000"/>
                  <a:gd name="connsiteX202" fmla="*/ 4628 w 10000"/>
                  <a:gd name="connsiteY202" fmla="*/ 1329 h 10000"/>
                  <a:gd name="connsiteX203" fmla="*/ 4362 w 10000"/>
                  <a:gd name="connsiteY203" fmla="*/ 1034 h 10000"/>
                  <a:gd name="connsiteX204" fmla="*/ 4228 w 10000"/>
                  <a:gd name="connsiteY204" fmla="*/ 901 h 10000"/>
                  <a:gd name="connsiteX205" fmla="*/ 4124 w 10000"/>
                  <a:gd name="connsiteY205" fmla="*/ 753 h 10000"/>
                  <a:gd name="connsiteX206" fmla="*/ 4042 w 10000"/>
                  <a:gd name="connsiteY206" fmla="*/ 620 h 10000"/>
                  <a:gd name="connsiteX207" fmla="*/ 4015 w 10000"/>
                  <a:gd name="connsiteY207" fmla="*/ 487 h 10000"/>
                  <a:gd name="connsiteX208" fmla="*/ 3989 w 10000"/>
                  <a:gd name="connsiteY208" fmla="*/ 355 h 10000"/>
                  <a:gd name="connsiteX209" fmla="*/ 4042 w 10000"/>
                  <a:gd name="connsiteY209" fmla="*/ 222 h 10000"/>
                  <a:gd name="connsiteX210" fmla="*/ 4070 w 10000"/>
                  <a:gd name="connsiteY210" fmla="*/ 162 h 10000"/>
                  <a:gd name="connsiteX211" fmla="*/ 4124 w 10000"/>
                  <a:gd name="connsiteY211" fmla="*/ 103 h 10000"/>
                  <a:gd name="connsiteX212" fmla="*/ 4203 w 10000"/>
                  <a:gd name="connsiteY212" fmla="*/ 59 h 10000"/>
                  <a:gd name="connsiteX213" fmla="*/ 4308 w 10000"/>
                  <a:gd name="connsiteY213" fmla="*/ 0 h 10000"/>
                  <a:gd name="connsiteX214" fmla="*/ 4494 w 10000"/>
                  <a:gd name="connsiteY214" fmla="*/ 0 h 10000"/>
                  <a:gd name="connsiteX215" fmla="*/ 4681 w 10000"/>
                  <a:gd name="connsiteY215" fmla="*/ 15 h 10000"/>
                  <a:gd name="connsiteX216" fmla="*/ 4867 w 10000"/>
                  <a:gd name="connsiteY216" fmla="*/ 44 h 10000"/>
                  <a:gd name="connsiteX217" fmla="*/ 4999 w 10000"/>
                  <a:gd name="connsiteY217" fmla="*/ 89 h 10000"/>
                  <a:gd name="connsiteX218" fmla="*/ 5213 w 10000"/>
                  <a:gd name="connsiteY218" fmla="*/ 192 h 10000"/>
                  <a:gd name="connsiteX219" fmla="*/ 5425 w 10000"/>
                  <a:gd name="connsiteY219" fmla="*/ 340 h 10000"/>
                  <a:gd name="connsiteX220" fmla="*/ 5585 w 10000"/>
                  <a:gd name="connsiteY220" fmla="*/ 473 h 10000"/>
                  <a:gd name="connsiteX221" fmla="*/ 5797 w 10000"/>
                  <a:gd name="connsiteY221" fmla="*/ 591 h 10000"/>
                  <a:gd name="connsiteX222" fmla="*/ 5931 w 10000"/>
                  <a:gd name="connsiteY222" fmla="*/ 650 h 10000"/>
                  <a:gd name="connsiteX223" fmla="*/ 6090 w 10000"/>
                  <a:gd name="connsiteY223" fmla="*/ 679 h 10000"/>
                  <a:gd name="connsiteX224" fmla="*/ 6251 w 10000"/>
                  <a:gd name="connsiteY224" fmla="*/ 709 h 10000"/>
                  <a:gd name="connsiteX225" fmla="*/ 6463 w 10000"/>
                  <a:gd name="connsiteY225" fmla="*/ 709 h 10000"/>
                  <a:gd name="connsiteX226" fmla="*/ 6463 w 10000"/>
                  <a:gd name="connsiteY226" fmla="*/ 768 h 10000"/>
                  <a:gd name="connsiteX227" fmla="*/ 6490 w 10000"/>
                  <a:gd name="connsiteY227" fmla="*/ 842 h 10000"/>
                  <a:gd name="connsiteX228" fmla="*/ 6541 w 10000"/>
                  <a:gd name="connsiteY228" fmla="*/ 916 h 10000"/>
                  <a:gd name="connsiteX229" fmla="*/ 6595 w 10000"/>
                  <a:gd name="connsiteY229" fmla="*/ 990 h 10000"/>
                  <a:gd name="connsiteX230" fmla="*/ 6674 w 10000"/>
                  <a:gd name="connsiteY230" fmla="*/ 1049 h 10000"/>
                  <a:gd name="connsiteX231" fmla="*/ 6780 w 10000"/>
                  <a:gd name="connsiteY231" fmla="*/ 1108 h 10000"/>
                  <a:gd name="connsiteX232" fmla="*/ 6914 w 10000"/>
                  <a:gd name="connsiteY232" fmla="*/ 1182 h 10000"/>
                  <a:gd name="connsiteX233" fmla="*/ 7020 w 10000"/>
                  <a:gd name="connsiteY233" fmla="*/ 1226 h 10000"/>
                  <a:gd name="connsiteX234" fmla="*/ 7127 w 10000"/>
                  <a:gd name="connsiteY234" fmla="*/ 1270 h 10000"/>
                  <a:gd name="connsiteX235" fmla="*/ 7234 w 10000"/>
                  <a:gd name="connsiteY235" fmla="*/ 1300 h 10000"/>
                  <a:gd name="connsiteX236" fmla="*/ 7340 w 10000"/>
                  <a:gd name="connsiteY236" fmla="*/ 1315 h 10000"/>
                  <a:gd name="connsiteX237" fmla="*/ 7474 w 10000"/>
                  <a:gd name="connsiteY237" fmla="*/ 1300 h 10000"/>
                  <a:gd name="connsiteX238" fmla="*/ 7580 w 10000"/>
                  <a:gd name="connsiteY238" fmla="*/ 1285 h 10000"/>
                  <a:gd name="connsiteX239" fmla="*/ 7659 w 10000"/>
                  <a:gd name="connsiteY239" fmla="*/ 1241 h 10000"/>
                  <a:gd name="connsiteX240" fmla="*/ 7714 w 10000"/>
                  <a:gd name="connsiteY240" fmla="*/ 1167 h 10000"/>
                  <a:gd name="connsiteX241" fmla="*/ 7738 w 10000"/>
                  <a:gd name="connsiteY241" fmla="*/ 1064 h 10000"/>
                  <a:gd name="connsiteX242" fmla="*/ 8138 w 10000"/>
                  <a:gd name="connsiteY242" fmla="*/ 1034 h 10000"/>
                  <a:gd name="connsiteX243" fmla="*/ 8509 w 10000"/>
                  <a:gd name="connsiteY243" fmla="*/ 1004 h 10000"/>
                  <a:gd name="connsiteX244" fmla="*/ 8830 w 10000"/>
                  <a:gd name="connsiteY244" fmla="*/ 990 h 10000"/>
                  <a:gd name="connsiteX245" fmla="*/ 9123 w 10000"/>
                  <a:gd name="connsiteY245" fmla="*/ 1004 h 10000"/>
                  <a:gd name="connsiteX246" fmla="*/ 9256 w 10000"/>
                  <a:gd name="connsiteY246" fmla="*/ 1019 h 10000"/>
                  <a:gd name="connsiteX247" fmla="*/ 9387 w 10000"/>
                  <a:gd name="connsiteY247" fmla="*/ 1034 h 10000"/>
                  <a:gd name="connsiteX248" fmla="*/ 9495 w 10000"/>
                  <a:gd name="connsiteY248" fmla="*/ 1064 h 10000"/>
                  <a:gd name="connsiteX249" fmla="*/ 9628 w 10000"/>
                  <a:gd name="connsiteY249" fmla="*/ 1108 h 10000"/>
                  <a:gd name="connsiteX250" fmla="*/ 9707 w 10000"/>
                  <a:gd name="connsiteY250" fmla="*/ 1182 h 10000"/>
                  <a:gd name="connsiteX251" fmla="*/ 9786 w 10000"/>
                  <a:gd name="connsiteY251" fmla="*/ 1241 h 10000"/>
                  <a:gd name="connsiteX252" fmla="*/ 9841 w 10000"/>
                  <a:gd name="connsiteY252" fmla="*/ 1329 h 10000"/>
                  <a:gd name="connsiteX253" fmla="*/ 9893 w 10000"/>
                  <a:gd name="connsiteY253" fmla="*/ 1433 h 10000"/>
                  <a:gd name="connsiteX254" fmla="*/ 9946 w 10000"/>
                  <a:gd name="connsiteY254" fmla="*/ 1551 h 10000"/>
                  <a:gd name="connsiteX255" fmla="*/ 9919 w 10000"/>
                  <a:gd name="connsiteY255" fmla="*/ 1625 h 10000"/>
                  <a:gd name="connsiteX256" fmla="*/ 9893 w 10000"/>
                  <a:gd name="connsiteY256" fmla="*/ 1684 h 10000"/>
                  <a:gd name="connsiteX257" fmla="*/ 9841 w 10000"/>
                  <a:gd name="connsiteY257" fmla="*/ 1758 h 10000"/>
                  <a:gd name="connsiteX258" fmla="*/ 9761 w 10000"/>
                  <a:gd name="connsiteY258" fmla="*/ 1802 h 10000"/>
                  <a:gd name="connsiteX259" fmla="*/ 9707 w 10000"/>
                  <a:gd name="connsiteY259" fmla="*/ 1861 h 10000"/>
                  <a:gd name="connsiteX260" fmla="*/ 9682 w 10000"/>
                  <a:gd name="connsiteY260" fmla="*/ 1935 h 10000"/>
                  <a:gd name="connsiteX261" fmla="*/ 9707 w 10000"/>
                  <a:gd name="connsiteY261" fmla="*/ 2024 h 10000"/>
                  <a:gd name="connsiteX262" fmla="*/ 10000 w 10000"/>
                  <a:gd name="connsiteY262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7100 w 10000"/>
                  <a:gd name="connsiteY4" fmla="*/ 4801 h 10000"/>
                  <a:gd name="connsiteX5" fmla="*/ 7020 w 10000"/>
                  <a:gd name="connsiteY5" fmla="*/ 4727 h 10000"/>
                  <a:gd name="connsiteX6" fmla="*/ 6942 w 10000"/>
                  <a:gd name="connsiteY6" fmla="*/ 4638 h 10000"/>
                  <a:gd name="connsiteX7" fmla="*/ 6674 w 10000"/>
                  <a:gd name="connsiteY7" fmla="*/ 4313 h 10000"/>
                  <a:gd name="connsiteX8" fmla="*/ 6835 w 10000"/>
                  <a:gd name="connsiteY8" fmla="*/ 4210 h 10000"/>
                  <a:gd name="connsiteX9" fmla="*/ 9628 w 10000"/>
                  <a:gd name="connsiteY9" fmla="*/ 3338 h 10000"/>
                  <a:gd name="connsiteX10" fmla="*/ 9866 w 10000"/>
                  <a:gd name="connsiteY10" fmla="*/ 3117 h 10000"/>
                  <a:gd name="connsiteX11" fmla="*/ 9893 w 10000"/>
                  <a:gd name="connsiteY11" fmla="*/ 3072 h 10000"/>
                  <a:gd name="connsiteX12" fmla="*/ 9919 w 10000"/>
                  <a:gd name="connsiteY12" fmla="*/ 3013 h 10000"/>
                  <a:gd name="connsiteX13" fmla="*/ 9919 w 10000"/>
                  <a:gd name="connsiteY13" fmla="*/ 2954 h 10000"/>
                  <a:gd name="connsiteX14" fmla="*/ 9893 w 10000"/>
                  <a:gd name="connsiteY14" fmla="*/ 2866 h 10000"/>
                  <a:gd name="connsiteX15" fmla="*/ 9707 w 10000"/>
                  <a:gd name="connsiteY15" fmla="*/ 2984 h 10000"/>
                  <a:gd name="connsiteX16" fmla="*/ 9495 w 10000"/>
                  <a:gd name="connsiteY16" fmla="*/ 3072 h 10000"/>
                  <a:gd name="connsiteX17" fmla="*/ 9281 w 10000"/>
                  <a:gd name="connsiteY17" fmla="*/ 3161 h 10000"/>
                  <a:gd name="connsiteX18" fmla="*/ 9069 w 10000"/>
                  <a:gd name="connsiteY18" fmla="*/ 3250 h 10000"/>
                  <a:gd name="connsiteX19" fmla="*/ 8589 w 10000"/>
                  <a:gd name="connsiteY19" fmla="*/ 3397 h 10000"/>
                  <a:gd name="connsiteX20" fmla="*/ 8085 w 10000"/>
                  <a:gd name="connsiteY20" fmla="*/ 3545 h 10000"/>
                  <a:gd name="connsiteX21" fmla="*/ 7580 w 10000"/>
                  <a:gd name="connsiteY21" fmla="*/ 3678 h 10000"/>
                  <a:gd name="connsiteX22" fmla="*/ 7100 w 10000"/>
                  <a:gd name="connsiteY22" fmla="*/ 3840 h 10000"/>
                  <a:gd name="connsiteX23" fmla="*/ 6861 w 10000"/>
                  <a:gd name="connsiteY23" fmla="*/ 3914 h 10000"/>
                  <a:gd name="connsiteX24" fmla="*/ 6649 w 10000"/>
                  <a:gd name="connsiteY24" fmla="*/ 4003 h 10000"/>
                  <a:gd name="connsiteX25" fmla="*/ 6437 w 10000"/>
                  <a:gd name="connsiteY25" fmla="*/ 4106 h 10000"/>
                  <a:gd name="connsiteX26" fmla="*/ 6222 w 10000"/>
                  <a:gd name="connsiteY26" fmla="*/ 4195 h 10000"/>
                  <a:gd name="connsiteX27" fmla="*/ 6382 w 10000"/>
                  <a:gd name="connsiteY27" fmla="*/ 4417 h 10000"/>
                  <a:gd name="connsiteX28" fmla="*/ 6490 w 10000"/>
                  <a:gd name="connsiteY28" fmla="*/ 4623 h 10000"/>
                  <a:gd name="connsiteX29" fmla="*/ 6595 w 10000"/>
                  <a:gd name="connsiteY29" fmla="*/ 4845 h 10000"/>
                  <a:gd name="connsiteX30" fmla="*/ 6674 w 10000"/>
                  <a:gd name="connsiteY30" fmla="*/ 5081 h 10000"/>
                  <a:gd name="connsiteX31" fmla="*/ 6729 w 10000"/>
                  <a:gd name="connsiteY31" fmla="*/ 5318 h 10000"/>
                  <a:gd name="connsiteX32" fmla="*/ 6756 w 10000"/>
                  <a:gd name="connsiteY32" fmla="*/ 5539 h 10000"/>
                  <a:gd name="connsiteX33" fmla="*/ 6780 w 10000"/>
                  <a:gd name="connsiteY33" fmla="*/ 5775 h 10000"/>
                  <a:gd name="connsiteX34" fmla="*/ 6780 w 10000"/>
                  <a:gd name="connsiteY34" fmla="*/ 5997 h 10000"/>
                  <a:gd name="connsiteX35" fmla="*/ 6756 w 10000"/>
                  <a:gd name="connsiteY35" fmla="*/ 6233 h 10000"/>
                  <a:gd name="connsiteX36" fmla="*/ 6702 w 10000"/>
                  <a:gd name="connsiteY36" fmla="*/ 6470 h 10000"/>
                  <a:gd name="connsiteX37" fmla="*/ 6649 w 10000"/>
                  <a:gd name="connsiteY37" fmla="*/ 6677 h 10000"/>
                  <a:gd name="connsiteX38" fmla="*/ 6569 w 10000"/>
                  <a:gd name="connsiteY38" fmla="*/ 6898 h 10000"/>
                  <a:gd name="connsiteX39" fmla="*/ 6463 w 10000"/>
                  <a:gd name="connsiteY39" fmla="*/ 7105 h 10000"/>
                  <a:gd name="connsiteX40" fmla="*/ 6330 w 10000"/>
                  <a:gd name="connsiteY40" fmla="*/ 7297 h 10000"/>
                  <a:gd name="connsiteX41" fmla="*/ 6170 w 10000"/>
                  <a:gd name="connsiteY41" fmla="*/ 7489 h 10000"/>
                  <a:gd name="connsiteX42" fmla="*/ 6010 w 10000"/>
                  <a:gd name="connsiteY42" fmla="*/ 7681 h 10000"/>
                  <a:gd name="connsiteX43" fmla="*/ 6780 w 10000"/>
                  <a:gd name="connsiteY43" fmla="*/ 7799 h 10000"/>
                  <a:gd name="connsiteX44" fmla="*/ 7580 w 10000"/>
                  <a:gd name="connsiteY44" fmla="*/ 7962 h 10000"/>
                  <a:gd name="connsiteX45" fmla="*/ 7738 w 10000"/>
                  <a:gd name="connsiteY45" fmla="*/ 8021 h 10000"/>
                  <a:gd name="connsiteX46" fmla="*/ 7872 w 10000"/>
                  <a:gd name="connsiteY46" fmla="*/ 8080 h 10000"/>
                  <a:gd name="connsiteX47" fmla="*/ 8004 w 10000"/>
                  <a:gd name="connsiteY47" fmla="*/ 8139 h 10000"/>
                  <a:gd name="connsiteX48" fmla="*/ 8085 w 10000"/>
                  <a:gd name="connsiteY48" fmla="*/ 8227 h 10000"/>
                  <a:gd name="connsiteX49" fmla="*/ 8112 w 10000"/>
                  <a:gd name="connsiteY49" fmla="*/ 8301 h 10000"/>
                  <a:gd name="connsiteX50" fmla="*/ 8112 w 10000"/>
                  <a:gd name="connsiteY50" fmla="*/ 8405 h 10000"/>
                  <a:gd name="connsiteX51" fmla="*/ 8059 w 10000"/>
                  <a:gd name="connsiteY51" fmla="*/ 8523 h 10000"/>
                  <a:gd name="connsiteX52" fmla="*/ 7978 w 10000"/>
                  <a:gd name="connsiteY52" fmla="*/ 8641 h 10000"/>
                  <a:gd name="connsiteX53" fmla="*/ 7633 w 10000"/>
                  <a:gd name="connsiteY53" fmla="*/ 8552 h 10000"/>
                  <a:gd name="connsiteX54" fmla="*/ 7313 w 10000"/>
                  <a:gd name="connsiteY54" fmla="*/ 8449 h 10000"/>
                  <a:gd name="connsiteX55" fmla="*/ 6994 w 10000"/>
                  <a:gd name="connsiteY55" fmla="*/ 8360 h 10000"/>
                  <a:gd name="connsiteX56" fmla="*/ 6674 w 10000"/>
                  <a:gd name="connsiteY56" fmla="*/ 8287 h 10000"/>
                  <a:gd name="connsiteX57" fmla="*/ 6541 w 10000"/>
                  <a:gd name="connsiteY57" fmla="*/ 8449 h 10000"/>
                  <a:gd name="connsiteX58" fmla="*/ 6437 w 10000"/>
                  <a:gd name="connsiteY58" fmla="*/ 8597 h 10000"/>
                  <a:gd name="connsiteX59" fmla="*/ 6382 w 10000"/>
                  <a:gd name="connsiteY59" fmla="*/ 8656 h 10000"/>
                  <a:gd name="connsiteX60" fmla="*/ 6276 w 10000"/>
                  <a:gd name="connsiteY60" fmla="*/ 8700 h 10000"/>
                  <a:gd name="connsiteX61" fmla="*/ 6197 w 10000"/>
                  <a:gd name="connsiteY61" fmla="*/ 8744 h 10000"/>
                  <a:gd name="connsiteX62" fmla="*/ 6117 w 10000"/>
                  <a:gd name="connsiteY62" fmla="*/ 8774 h 10000"/>
                  <a:gd name="connsiteX63" fmla="*/ 6037 w 10000"/>
                  <a:gd name="connsiteY63" fmla="*/ 8804 h 10000"/>
                  <a:gd name="connsiteX64" fmla="*/ 5931 w 10000"/>
                  <a:gd name="connsiteY64" fmla="*/ 8818 h 10000"/>
                  <a:gd name="connsiteX65" fmla="*/ 5797 w 10000"/>
                  <a:gd name="connsiteY65" fmla="*/ 8833 h 10000"/>
                  <a:gd name="connsiteX66" fmla="*/ 5665 w 10000"/>
                  <a:gd name="connsiteY66" fmla="*/ 8833 h 10000"/>
                  <a:gd name="connsiteX67" fmla="*/ 5347 w 10000"/>
                  <a:gd name="connsiteY67" fmla="*/ 8818 h 10000"/>
                  <a:gd name="connsiteX68" fmla="*/ 4946 w 10000"/>
                  <a:gd name="connsiteY68" fmla="*/ 8744 h 10000"/>
                  <a:gd name="connsiteX69" fmla="*/ 4946 w 10000"/>
                  <a:gd name="connsiteY69" fmla="*/ 8922 h 10000"/>
                  <a:gd name="connsiteX70" fmla="*/ 4919 w 10000"/>
                  <a:gd name="connsiteY70" fmla="*/ 9069 h 10000"/>
                  <a:gd name="connsiteX71" fmla="*/ 4894 w 10000"/>
                  <a:gd name="connsiteY71" fmla="*/ 9232 h 10000"/>
                  <a:gd name="connsiteX72" fmla="*/ 4867 w 10000"/>
                  <a:gd name="connsiteY72" fmla="*/ 9365 h 10000"/>
                  <a:gd name="connsiteX73" fmla="*/ 4813 w 10000"/>
                  <a:gd name="connsiteY73" fmla="*/ 9498 h 10000"/>
                  <a:gd name="connsiteX74" fmla="*/ 4708 w 10000"/>
                  <a:gd name="connsiteY74" fmla="*/ 9616 h 10000"/>
                  <a:gd name="connsiteX75" fmla="*/ 4628 w 10000"/>
                  <a:gd name="connsiteY75" fmla="*/ 9734 h 10000"/>
                  <a:gd name="connsiteX76" fmla="*/ 4494 w 10000"/>
                  <a:gd name="connsiteY76" fmla="*/ 9838 h 10000"/>
                  <a:gd name="connsiteX77" fmla="*/ 4173 w 10000"/>
                  <a:gd name="connsiteY77" fmla="*/ 9897 h 10000"/>
                  <a:gd name="connsiteX78" fmla="*/ 3910 w 10000"/>
                  <a:gd name="connsiteY78" fmla="*/ 9941 h 10000"/>
                  <a:gd name="connsiteX79" fmla="*/ 3590 w 10000"/>
                  <a:gd name="connsiteY79" fmla="*/ 9985 h 10000"/>
                  <a:gd name="connsiteX80" fmla="*/ 3351 w 10000"/>
                  <a:gd name="connsiteY80" fmla="*/ 10000 h 10000"/>
                  <a:gd name="connsiteX81" fmla="*/ 2819 w 10000"/>
                  <a:gd name="connsiteY81" fmla="*/ 10000 h 10000"/>
                  <a:gd name="connsiteX82" fmla="*/ 2313 w 10000"/>
                  <a:gd name="connsiteY82" fmla="*/ 9985 h 10000"/>
                  <a:gd name="connsiteX83" fmla="*/ 1836 w 10000"/>
                  <a:gd name="connsiteY83" fmla="*/ 9941 h 10000"/>
                  <a:gd name="connsiteX84" fmla="*/ 1330 w 10000"/>
                  <a:gd name="connsiteY84" fmla="*/ 9911 h 10000"/>
                  <a:gd name="connsiteX85" fmla="*/ 1038 w 10000"/>
                  <a:gd name="connsiteY85" fmla="*/ 9911 h 10000"/>
                  <a:gd name="connsiteX86" fmla="*/ 771 w 10000"/>
                  <a:gd name="connsiteY86" fmla="*/ 9911 h 10000"/>
                  <a:gd name="connsiteX87" fmla="*/ 479 w 10000"/>
                  <a:gd name="connsiteY87" fmla="*/ 9926 h 10000"/>
                  <a:gd name="connsiteX88" fmla="*/ 186 w 10000"/>
                  <a:gd name="connsiteY88" fmla="*/ 9970 h 10000"/>
                  <a:gd name="connsiteX89" fmla="*/ 107 w 10000"/>
                  <a:gd name="connsiteY89" fmla="*/ 9867 h 10000"/>
                  <a:gd name="connsiteX90" fmla="*/ 54 w 10000"/>
                  <a:gd name="connsiteY90" fmla="*/ 9793 h 10000"/>
                  <a:gd name="connsiteX91" fmla="*/ 0 w 10000"/>
                  <a:gd name="connsiteY91" fmla="*/ 9705 h 10000"/>
                  <a:gd name="connsiteX92" fmla="*/ 0 w 10000"/>
                  <a:gd name="connsiteY92" fmla="*/ 9601 h 10000"/>
                  <a:gd name="connsiteX93" fmla="*/ 54 w 10000"/>
                  <a:gd name="connsiteY93" fmla="*/ 9424 h 10000"/>
                  <a:gd name="connsiteX94" fmla="*/ 107 w 10000"/>
                  <a:gd name="connsiteY94" fmla="*/ 9202 h 10000"/>
                  <a:gd name="connsiteX95" fmla="*/ 158 w 10000"/>
                  <a:gd name="connsiteY95" fmla="*/ 8996 h 10000"/>
                  <a:gd name="connsiteX96" fmla="*/ 213 w 10000"/>
                  <a:gd name="connsiteY96" fmla="*/ 8759 h 10000"/>
                  <a:gd name="connsiteX97" fmla="*/ 239 w 10000"/>
                  <a:gd name="connsiteY97" fmla="*/ 8641 h 10000"/>
                  <a:gd name="connsiteX98" fmla="*/ 239 w 10000"/>
                  <a:gd name="connsiteY98" fmla="*/ 8538 h 10000"/>
                  <a:gd name="connsiteX99" fmla="*/ 213 w 10000"/>
                  <a:gd name="connsiteY99" fmla="*/ 8405 h 10000"/>
                  <a:gd name="connsiteX100" fmla="*/ 186 w 10000"/>
                  <a:gd name="connsiteY100" fmla="*/ 8287 h 10000"/>
                  <a:gd name="connsiteX101" fmla="*/ 452 w 10000"/>
                  <a:gd name="connsiteY101" fmla="*/ 8213 h 10000"/>
                  <a:gd name="connsiteX102" fmla="*/ 718 w 10000"/>
                  <a:gd name="connsiteY102" fmla="*/ 8139 h 10000"/>
                  <a:gd name="connsiteX103" fmla="*/ 984 w 10000"/>
                  <a:gd name="connsiteY103" fmla="*/ 8095 h 10000"/>
                  <a:gd name="connsiteX104" fmla="*/ 1277 w 10000"/>
                  <a:gd name="connsiteY104" fmla="*/ 8065 h 10000"/>
                  <a:gd name="connsiteX105" fmla="*/ 1807 w 10000"/>
                  <a:gd name="connsiteY105" fmla="*/ 8021 h 10000"/>
                  <a:gd name="connsiteX106" fmla="*/ 2341 w 10000"/>
                  <a:gd name="connsiteY106" fmla="*/ 7976 h 10000"/>
                  <a:gd name="connsiteX107" fmla="*/ 2580 w 10000"/>
                  <a:gd name="connsiteY107" fmla="*/ 7947 h 10000"/>
                  <a:gd name="connsiteX108" fmla="*/ 2819 w 10000"/>
                  <a:gd name="connsiteY108" fmla="*/ 7917 h 10000"/>
                  <a:gd name="connsiteX109" fmla="*/ 3030 w 10000"/>
                  <a:gd name="connsiteY109" fmla="*/ 7843 h 10000"/>
                  <a:gd name="connsiteX110" fmla="*/ 3244 w 10000"/>
                  <a:gd name="connsiteY110" fmla="*/ 7784 h 10000"/>
                  <a:gd name="connsiteX111" fmla="*/ 3431 w 10000"/>
                  <a:gd name="connsiteY111" fmla="*/ 7710 h 10000"/>
                  <a:gd name="connsiteX112" fmla="*/ 3590 w 10000"/>
                  <a:gd name="connsiteY112" fmla="*/ 7592 h 10000"/>
                  <a:gd name="connsiteX113" fmla="*/ 3750 w 10000"/>
                  <a:gd name="connsiteY113" fmla="*/ 7474 h 10000"/>
                  <a:gd name="connsiteX114" fmla="*/ 3856 w 10000"/>
                  <a:gd name="connsiteY114" fmla="*/ 7312 h 10000"/>
                  <a:gd name="connsiteX115" fmla="*/ 3644 w 10000"/>
                  <a:gd name="connsiteY115" fmla="*/ 7238 h 10000"/>
                  <a:gd name="connsiteX116" fmla="*/ 3456 w 10000"/>
                  <a:gd name="connsiteY116" fmla="*/ 7179 h 10000"/>
                  <a:gd name="connsiteX117" fmla="*/ 3297 w 10000"/>
                  <a:gd name="connsiteY117" fmla="*/ 7090 h 10000"/>
                  <a:gd name="connsiteX118" fmla="*/ 3139 w 10000"/>
                  <a:gd name="connsiteY118" fmla="*/ 6987 h 10000"/>
                  <a:gd name="connsiteX119" fmla="*/ 3030 w 10000"/>
                  <a:gd name="connsiteY119" fmla="*/ 6869 h 10000"/>
                  <a:gd name="connsiteX120" fmla="*/ 2980 w 10000"/>
                  <a:gd name="connsiteY120" fmla="*/ 6721 h 10000"/>
                  <a:gd name="connsiteX121" fmla="*/ 2952 w 10000"/>
                  <a:gd name="connsiteY121" fmla="*/ 6558 h 10000"/>
                  <a:gd name="connsiteX122" fmla="*/ 2980 w 10000"/>
                  <a:gd name="connsiteY122" fmla="*/ 6352 h 10000"/>
                  <a:gd name="connsiteX123" fmla="*/ 2846 w 10000"/>
                  <a:gd name="connsiteY123" fmla="*/ 6322 h 10000"/>
                  <a:gd name="connsiteX124" fmla="*/ 2687 w 10000"/>
                  <a:gd name="connsiteY124" fmla="*/ 6292 h 10000"/>
                  <a:gd name="connsiteX125" fmla="*/ 2501 w 10000"/>
                  <a:gd name="connsiteY125" fmla="*/ 6278 h 10000"/>
                  <a:gd name="connsiteX126" fmla="*/ 2313 w 10000"/>
                  <a:gd name="connsiteY126" fmla="*/ 6263 h 10000"/>
                  <a:gd name="connsiteX127" fmla="*/ 1942 w 10000"/>
                  <a:gd name="connsiteY127" fmla="*/ 6248 h 10000"/>
                  <a:gd name="connsiteX128" fmla="*/ 1543 w 10000"/>
                  <a:gd name="connsiteY128" fmla="*/ 6263 h 10000"/>
                  <a:gd name="connsiteX129" fmla="*/ 1198 w 10000"/>
                  <a:gd name="connsiteY129" fmla="*/ 6278 h 10000"/>
                  <a:gd name="connsiteX130" fmla="*/ 877 w 10000"/>
                  <a:gd name="connsiteY130" fmla="*/ 6278 h 10000"/>
                  <a:gd name="connsiteX131" fmla="*/ 613 w 10000"/>
                  <a:gd name="connsiteY131" fmla="*/ 6263 h 10000"/>
                  <a:gd name="connsiteX132" fmla="*/ 399 w 10000"/>
                  <a:gd name="connsiteY132" fmla="*/ 6233 h 10000"/>
                  <a:gd name="connsiteX133" fmla="*/ 663 w 10000"/>
                  <a:gd name="connsiteY133" fmla="*/ 5805 h 10000"/>
                  <a:gd name="connsiteX134" fmla="*/ 958 w 10000"/>
                  <a:gd name="connsiteY134" fmla="*/ 5391 h 10000"/>
                  <a:gd name="connsiteX135" fmla="*/ 1065 w 10000"/>
                  <a:gd name="connsiteY135" fmla="*/ 5170 h 10000"/>
                  <a:gd name="connsiteX136" fmla="*/ 1143 w 10000"/>
                  <a:gd name="connsiteY136" fmla="*/ 4963 h 10000"/>
                  <a:gd name="connsiteX137" fmla="*/ 1169 w 10000"/>
                  <a:gd name="connsiteY137" fmla="*/ 4860 h 10000"/>
                  <a:gd name="connsiteX138" fmla="*/ 1143 w 10000"/>
                  <a:gd name="connsiteY138" fmla="*/ 4756 h 10000"/>
                  <a:gd name="connsiteX139" fmla="*/ 1117 w 10000"/>
                  <a:gd name="connsiteY139" fmla="*/ 4653 h 10000"/>
                  <a:gd name="connsiteX140" fmla="*/ 1038 w 10000"/>
                  <a:gd name="connsiteY140" fmla="*/ 4549 h 10000"/>
                  <a:gd name="connsiteX141" fmla="*/ 1330 w 10000"/>
                  <a:gd name="connsiteY141" fmla="*/ 4520 h 10000"/>
                  <a:gd name="connsiteX142" fmla="*/ 1543 w 10000"/>
                  <a:gd name="connsiteY142" fmla="*/ 4505 h 10000"/>
                  <a:gd name="connsiteX143" fmla="*/ 1729 w 10000"/>
                  <a:gd name="connsiteY143" fmla="*/ 4505 h 10000"/>
                  <a:gd name="connsiteX144" fmla="*/ 1888 w 10000"/>
                  <a:gd name="connsiteY144" fmla="*/ 4520 h 10000"/>
                  <a:gd name="connsiteX145" fmla="*/ 2022 w 10000"/>
                  <a:gd name="connsiteY145" fmla="*/ 4520 h 10000"/>
                  <a:gd name="connsiteX146" fmla="*/ 2181 w 10000"/>
                  <a:gd name="connsiteY146" fmla="*/ 4520 h 10000"/>
                  <a:gd name="connsiteX147" fmla="*/ 2341 w 10000"/>
                  <a:gd name="connsiteY147" fmla="*/ 4490 h 10000"/>
                  <a:gd name="connsiteX148" fmla="*/ 2552 w 10000"/>
                  <a:gd name="connsiteY148" fmla="*/ 4446 h 10000"/>
                  <a:gd name="connsiteX149" fmla="*/ 2552 w 10000"/>
                  <a:gd name="connsiteY149" fmla="*/ 4579 h 10000"/>
                  <a:gd name="connsiteX150" fmla="*/ 2552 w 10000"/>
                  <a:gd name="connsiteY150" fmla="*/ 4742 h 10000"/>
                  <a:gd name="connsiteX151" fmla="*/ 2552 w 10000"/>
                  <a:gd name="connsiteY151" fmla="*/ 4874 h 10000"/>
                  <a:gd name="connsiteX152" fmla="*/ 2552 w 10000"/>
                  <a:gd name="connsiteY152" fmla="*/ 5037 h 10000"/>
                  <a:gd name="connsiteX153" fmla="*/ 2792 w 10000"/>
                  <a:gd name="connsiteY153" fmla="*/ 5022 h 10000"/>
                  <a:gd name="connsiteX154" fmla="*/ 2952 w 10000"/>
                  <a:gd name="connsiteY154" fmla="*/ 5037 h 10000"/>
                  <a:gd name="connsiteX155" fmla="*/ 3085 w 10000"/>
                  <a:gd name="connsiteY155" fmla="*/ 5066 h 10000"/>
                  <a:gd name="connsiteX156" fmla="*/ 3218 w 10000"/>
                  <a:gd name="connsiteY156" fmla="*/ 5096 h 10000"/>
                  <a:gd name="connsiteX157" fmla="*/ 3325 w 10000"/>
                  <a:gd name="connsiteY157" fmla="*/ 5126 h 10000"/>
                  <a:gd name="connsiteX158" fmla="*/ 3456 w 10000"/>
                  <a:gd name="connsiteY158" fmla="*/ 5155 h 10000"/>
                  <a:gd name="connsiteX159" fmla="*/ 3617 w 10000"/>
                  <a:gd name="connsiteY159" fmla="*/ 5170 h 10000"/>
                  <a:gd name="connsiteX160" fmla="*/ 3856 w 10000"/>
                  <a:gd name="connsiteY160" fmla="*/ 5155 h 10000"/>
                  <a:gd name="connsiteX161" fmla="*/ 3936 w 10000"/>
                  <a:gd name="connsiteY161" fmla="*/ 5096 h 10000"/>
                  <a:gd name="connsiteX162" fmla="*/ 4015 w 10000"/>
                  <a:gd name="connsiteY162" fmla="*/ 5022 h 10000"/>
                  <a:gd name="connsiteX163" fmla="*/ 4042 w 10000"/>
                  <a:gd name="connsiteY163" fmla="*/ 4934 h 10000"/>
                  <a:gd name="connsiteX164" fmla="*/ 4070 w 10000"/>
                  <a:gd name="connsiteY164" fmla="*/ 4860 h 10000"/>
                  <a:gd name="connsiteX165" fmla="*/ 4095 w 10000"/>
                  <a:gd name="connsiteY165" fmla="*/ 4697 h 10000"/>
                  <a:gd name="connsiteX166" fmla="*/ 4070 w 10000"/>
                  <a:gd name="connsiteY166" fmla="*/ 4520 h 10000"/>
                  <a:gd name="connsiteX167" fmla="*/ 3989 w 10000"/>
                  <a:gd name="connsiteY167" fmla="*/ 4343 h 10000"/>
                  <a:gd name="connsiteX168" fmla="*/ 3910 w 10000"/>
                  <a:gd name="connsiteY168" fmla="*/ 4195 h 10000"/>
                  <a:gd name="connsiteX169" fmla="*/ 3776 w 10000"/>
                  <a:gd name="connsiteY169" fmla="*/ 4047 h 10000"/>
                  <a:gd name="connsiteX170" fmla="*/ 3644 w 10000"/>
                  <a:gd name="connsiteY170" fmla="*/ 3959 h 10000"/>
                  <a:gd name="connsiteX171" fmla="*/ 3803 w 10000"/>
                  <a:gd name="connsiteY171" fmla="*/ 3944 h 10000"/>
                  <a:gd name="connsiteX172" fmla="*/ 3936 w 10000"/>
                  <a:gd name="connsiteY172" fmla="*/ 3914 h 10000"/>
                  <a:gd name="connsiteX173" fmla="*/ 4042 w 10000"/>
                  <a:gd name="connsiteY173" fmla="*/ 3855 h 10000"/>
                  <a:gd name="connsiteX174" fmla="*/ 4173 w 10000"/>
                  <a:gd name="connsiteY174" fmla="*/ 3752 h 10000"/>
                  <a:gd name="connsiteX175" fmla="*/ 4308 w 10000"/>
                  <a:gd name="connsiteY175" fmla="*/ 3663 h 10000"/>
                  <a:gd name="connsiteX176" fmla="*/ 4414 w 10000"/>
                  <a:gd name="connsiteY176" fmla="*/ 3560 h 10000"/>
                  <a:gd name="connsiteX177" fmla="*/ 4494 w 10000"/>
                  <a:gd name="connsiteY177" fmla="*/ 3442 h 10000"/>
                  <a:gd name="connsiteX178" fmla="*/ 4575 w 10000"/>
                  <a:gd name="connsiteY178" fmla="*/ 3323 h 10000"/>
                  <a:gd name="connsiteX179" fmla="*/ 4628 w 10000"/>
                  <a:gd name="connsiteY179" fmla="*/ 3220 h 10000"/>
                  <a:gd name="connsiteX180" fmla="*/ 4653 w 10000"/>
                  <a:gd name="connsiteY180" fmla="*/ 3102 h 10000"/>
                  <a:gd name="connsiteX181" fmla="*/ 4681 w 10000"/>
                  <a:gd name="connsiteY181" fmla="*/ 3013 h 10000"/>
                  <a:gd name="connsiteX182" fmla="*/ 4653 w 10000"/>
                  <a:gd name="connsiteY182" fmla="*/ 2939 h 10000"/>
                  <a:gd name="connsiteX183" fmla="*/ 4628 w 10000"/>
                  <a:gd name="connsiteY183" fmla="*/ 2866 h 10000"/>
                  <a:gd name="connsiteX184" fmla="*/ 4548 w 10000"/>
                  <a:gd name="connsiteY184" fmla="*/ 2836 h 10000"/>
                  <a:gd name="connsiteX185" fmla="*/ 4442 w 10000"/>
                  <a:gd name="connsiteY185" fmla="*/ 2836 h 10000"/>
                  <a:gd name="connsiteX186" fmla="*/ 4308 w 10000"/>
                  <a:gd name="connsiteY186" fmla="*/ 2866 h 10000"/>
                  <a:gd name="connsiteX187" fmla="*/ 4414 w 10000"/>
                  <a:gd name="connsiteY187" fmla="*/ 2777 h 10000"/>
                  <a:gd name="connsiteX188" fmla="*/ 4469 w 10000"/>
                  <a:gd name="connsiteY188" fmla="*/ 2674 h 10000"/>
                  <a:gd name="connsiteX189" fmla="*/ 4494 w 10000"/>
                  <a:gd name="connsiteY189" fmla="*/ 2541 h 10000"/>
                  <a:gd name="connsiteX190" fmla="*/ 4494 w 10000"/>
                  <a:gd name="connsiteY190" fmla="*/ 2393 h 10000"/>
                  <a:gd name="connsiteX191" fmla="*/ 4520 w 10000"/>
                  <a:gd name="connsiteY191" fmla="*/ 2349 h 10000"/>
                  <a:gd name="connsiteX192" fmla="*/ 4575 w 10000"/>
                  <a:gd name="connsiteY192" fmla="*/ 2304 h 10000"/>
                  <a:gd name="connsiteX193" fmla="*/ 4628 w 10000"/>
                  <a:gd name="connsiteY193" fmla="*/ 2290 h 10000"/>
                  <a:gd name="connsiteX194" fmla="*/ 4708 w 10000"/>
                  <a:gd name="connsiteY194" fmla="*/ 2275 h 10000"/>
                  <a:gd name="connsiteX195" fmla="*/ 4946 w 10000"/>
                  <a:gd name="connsiteY195" fmla="*/ 2260 h 10000"/>
                  <a:gd name="connsiteX196" fmla="*/ 5158 w 10000"/>
                  <a:gd name="connsiteY196" fmla="*/ 2275 h 10000"/>
                  <a:gd name="connsiteX197" fmla="*/ 5132 w 10000"/>
                  <a:gd name="connsiteY197" fmla="*/ 2112 h 10000"/>
                  <a:gd name="connsiteX198" fmla="*/ 5080 w 10000"/>
                  <a:gd name="connsiteY198" fmla="*/ 1950 h 10000"/>
                  <a:gd name="connsiteX199" fmla="*/ 4999 w 10000"/>
                  <a:gd name="connsiteY199" fmla="*/ 1802 h 10000"/>
                  <a:gd name="connsiteX200" fmla="*/ 4894 w 10000"/>
                  <a:gd name="connsiteY200" fmla="*/ 1640 h 10000"/>
                  <a:gd name="connsiteX201" fmla="*/ 4628 w 10000"/>
                  <a:gd name="connsiteY201" fmla="*/ 1329 h 10000"/>
                  <a:gd name="connsiteX202" fmla="*/ 4362 w 10000"/>
                  <a:gd name="connsiteY202" fmla="*/ 1034 h 10000"/>
                  <a:gd name="connsiteX203" fmla="*/ 4228 w 10000"/>
                  <a:gd name="connsiteY203" fmla="*/ 901 h 10000"/>
                  <a:gd name="connsiteX204" fmla="*/ 4124 w 10000"/>
                  <a:gd name="connsiteY204" fmla="*/ 753 h 10000"/>
                  <a:gd name="connsiteX205" fmla="*/ 4042 w 10000"/>
                  <a:gd name="connsiteY205" fmla="*/ 620 h 10000"/>
                  <a:gd name="connsiteX206" fmla="*/ 4015 w 10000"/>
                  <a:gd name="connsiteY206" fmla="*/ 487 h 10000"/>
                  <a:gd name="connsiteX207" fmla="*/ 3989 w 10000"/>
                  <a:gd name="connsiteY207" fmla="*/ 355 h 10000"/>
                  <a:gd name="connsiteX208" fmla="*/ 4042 w 10000"/>
                  <a:gd name="connsiteY208" fmla="*/ 222 h 10000"/>
                  <a:gd name="connsiteX209" fmla="*/ 4070 w 10000"/>
                  <a:gd name="connsiteY209" fmla="*/ 162 h 10000"/>
                  <a:gd name="connsiteX210" fmla="*/ 4124 w 10000"/>
                  <a:gd name="connsiteY210" fmla="*/ 103 h 10000"/>
                  <a:gd name="connsiteX211" fmla="*/ 4203 w 10000"/>
                  <a:gd name="connsiteY211" fmla="*/ 59 h 10000"/>
                  <a:gd name="connsiteX212" fmla="*/ 4308 w 10000"/>
                  <a:gd name="connsiteY212" fmla="*/ 0 h 10000"/>
                  <a:gd name="connsiteX213" fmla="*/ 4494 w 10000"/>
                  <a:gd name="connsiteY213" fmla="*/ 0 h 10000"/>
                  <a:gd name="connsiteX214" fmla="*/ 4681 w 10000"/>
                  <a:gd name="connsiteY214" fmla="*/ 15 h 10000"/>
                  <a:gd name="connsiteX215" fmla="*/ 4867 w 10000"/>
                  <a:gd name="connsiteY215" fmla="*/ 44 h 10000"/>
                  <a:gd name="connsiteX216" fmla="*/ 4999 w 10000"/>
                  <a:gd name="connsiteY216" fmla="*/ 89 h 10000"/>
                  <a:gd name="connsiteX217" fmla="*/ 5213 w 10000"/>
                  <a:gd name="connsiteY217" fmla="*/ 192 h 10000"/>
                  <a:gd name="connsiteX218" fmla="*/ 5425 w 10000"/>
                  <a:gd name="connsiteY218" fmla="*/ 340 h 10000"/>
                  <a:gd name="connsiteX219" fmla="*/ 5585 w 10000"/>
                  <a:gd name="connsiteY219" fmla="*/ 473 h 10000"/>
                  <a:gd name="connsiteX220" fmla="*/ 5797 w 10000"/>
                  <a:gd name="connsiteY220" fmla="*/ 591 h 10000"/>
                  <a:gd name="connsiteX221" fmla="*/ 5931 w 10000"/>
                  <a:gd name="connsiteY221" fmla="*/ 650 h 10000"/>
                  <a:gd name="connsiteX222" fmla="*/ 6090 w 10000"/>
                  <a:gd name="connsiteY222" fmla="*/ 679 h 10000"/>
                  <a:gd name="connsiteX223" fmla="*/ 6251 w 10000"/>
                  <a:gd name="connsiteY223" fmla="*/ 709 h 10000"/>
                  <a:gd name="connsiteX224" fmla="*/ 6463 w 10000"/>
                  <a:gd name="connsiteY224" fmla="*/ 709 h 10000"/>
                  <a:gd name="connsiteX225" fmla="*/ 6463 w 10000"/>
                  <a:gd name="connsiteY225" fmla="*/ 768 h 10000"/>
                  <a:gd name="connsiteX226" fmla="*/ 6490 w 10000"/>
                  <a:gd name="connsiteY226" fmla="*/ 842 h 10000"/>
                  <a:gd name="connsiteX227" fmla="*/ 6541 w 10000"/>
                  <a:gd name="connsiteY227" fmla="*/ 916 h 10000"/>
                  <a:gd name="connsiteX228" fmla="*/ 6595 w 10000"/>
                  <a:gd name="connsiteY228" fmla="*/ 990 h 10000"/>
                  <a:gd name="connsiteX229" fmla="*/ 6674 w 10000"/>
                  <a:gd name="connsiteY229" fmla="*/ 1049 h 10000"/>
                  <a:gd name="connsiteX230" fmla="*/ 6780 w 10000"/>
                  <a:gd name="connsiteY230" fmla="*/ 1108 h 10000"/>
                  <a:gd name="connsiteX231" fmla="*/ 6914 w 10000"/>
                  <a:gd name="connsiteY231" fmla="*/ 1182 h 10000"/>
                  <a:gd name="connsiteX232" fmla="*/ 7020 w 10000"/>
                  <a:gd name="connsiteY232" fmla="*/ 1226 h 10000"/>
                  <a:gd name="connsiteX233" fmla="*/ 7127 w 10000"/>
                  <a:gd name="connsiteY233" fmla="*/ 1270 h 10000"/>
                  <a:gd name="connsiteX234" fmla="*/ 7234 w 10000"/>
                  <a:gd name="connsiteY234" fmla="*/ 1300 h 10000"/>
                  <a:gd name="connsiteX235" fmla="*/ 7340 w 10000"/>
                  <a:gd name="connsiteY235" fmla="*/ 1315 h 10000"/>
                  <a:gd name="connsiteX236" fmla="*/ 7474 w 10000"/>
                  <a:gd name="connsiteY236" fmla="*/ 1300 h 10000"/>
                  <a:gd name="connsiteX237" fmla="*/ 7580 w 10000"/>
                  <a:gd name="connsiteY237" fmla="*/ 1285 h 10000"/>
                  <a:gd name="connsiteX238" fmla="*/ 7659 w 10000"/>
                  <a:gd name="connsiteY238" fmla="*/ 1241 h 10000"/>
                  <a:gd name="connsiteX239" fmla="*/ 7714 w 10000"/>
                  <a:gd name="connsiteY239" fmla="*/ 1167 h 10000"/>
                  <a:gd name="connsiteX240" fmla="*/ 7738 w 10000"/>
                  <a:gd name="connsiteY240" fmla="*/ 1064 h 10000"/>
                  <a:gd name="connsiteX241" fmla="*/ 8138 w 10000"/>
                  <a:gd name="connsiteY241" fmla="*/ 1034 h 10000"/>
                  <a:gd name="connsiteX242" fmla="*/ 8509 w 10000"/>
                  <a:gd name="connsiteY242" fmla="*/ 1004 h 10000"/>
                  <a:gd name="connsiteX243" fmla="*/ 8830 w 10000"/>
                  <a:gd name="connsiteY243" fmla="*/ 990 h 10000"/>
                  <a:gd name="connsiteX244" fmla="*/ 9123 w 10000"/>
                  <a:gd name="connsiteY244" fmla="*/ 1004 h 10000"/>
                  <a:gd name="connsiteX245" fmla="*/ 9256 w 10000"/>
                  <a:gd name="connsiteY245" fmla="*/ 1019 h 10000"/>
                  <a:gd name="connsiteX246" fmla="*/ 9387 w 10000"/>
                  <a:gd name="connsiteY246" fmla="*/ 1034 h 10000"/>
                  <a:gd name="connsiteX247" fmla="*/ 9495 w 10000"/>
                  <a:gd name="connsiteY247" fmla="*/ 1064 h 10000"/>
                  <a:gd name="connsiteX248" fmla="*/ 9628 w 10000"/>
                  <a:gd name="connsiteY248" fmla="*/ 1108 h 10000"/>
                  <a:gd name="connsiteX249" fmla="*/ 9707 w 10000"/>
                  <a:gd name="connsiteY249" fmla="*/ 1182 h 10000"/>
                  <a:gd name="connsiteX250" fmla="*/ 9786 w 10000"/>
                  <a:gd name="connsiteY250" fmla="*/ 1241 h 10000"/>
                  <a:gd name="connsiteX251" fmla="*/ 9841 w 10000"/>
                  <a:gd name="connsiteY251" fmla="*/ 1329 h 10000"/>
                  <a:gd name="connsiteX252" fmla="*/ 9893 w 10000"/>
                  <a:gd name="connsiteY252" fmla="*/ 1433 h 10000"/>
                  <a:gd name="connsiteX253" fmla="*/ 9946 w 10000"/>
                  <a:gd name="connsiteY253" fmla="*/ 1551 h 10000"/>
                  <a:gd name="connsiteX254" fmla="*/ 9919 w 10000"/>
                  <a:gd name="connsiteY254" fmla="*/ 1625 h 10000"/>
                  <a:gd name="connsiteX255" fmla="*/ 9893 w 10000"/>
                  <a:gd name="connsiteY255" fmla="*/ 1684 h 10000"/>
                  <a:gd name="connsiteX256" fmla="*/ 9841 w 10000"/>
                  <a:gd name="connsiteY256" fmla="*/ 1758 h 10000"/>
                  <a:gd name="connsiteX257" fmla="*/ 9761 w 10000"/>
                  <a:gd name="connsiteY257" fmla="*/ 1802 h 10000"/>
                  <a:gd name="connsiteX258" fmla="*/ 9707 w 10000"/>
                  <a:gd name="connsiteY258" fmla="*/ 1861 h 10000"/>
                  <a:gd name="connsiteX259" fmla="*/ 9682 w 10000"/>
                  <a:gd name="connsiteY259" fmla="*/ 1935 h 10000"/>
                  <a:gd name="connsiteX260" fmla="*/ 9707 w 10000"/>
                  <a:gd name="connsiteY260" fmla="*/ 2024 h 10000"/>
                  <a:gd name="connsiteX261" fmla="*/ 10000 w 10000"/>
                  <a:gd name="connsiteY261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7100 w 10000"/>
                  <a:gd name="connsiteY4" fmla="*/ 4801 h 10000"/>
                  <a:gd name="connsiteX5" fmla="*/ 7020 w 10000"/>
                  <a:gd name="connsiteY5" fmla="*/ 4727 h 10000"/>
                  <a:gd name="connsiteX6" fmla="*/ 6942 w 10000"/>
                  <a:gd name="connsiteY6" fmla="*/ 4638 h 10000"/>
                  <a:gd name="connsiteX7" fmla="*/ 6674 w 10000"/>
                  <a:gd name="connsiteY7" fmla="*/ 4313 h 10000"/>
                  <a:gd name="connsiteX8" fmla="*/ 9628 w 10000"/>
                  <a:gd name="connsiteY8" fmla="*/ 3338 h 10000"/>
                  <a:gd name="connsiteX9" fmla="*/ 9866 w 10000"/>
                  <a:gd name="connsiteY9" fmla="*/ 3117 h 10000"/>
                  <a:gd name="connsiteX10" fmla="*/ 9893 w 10000"/>
                  <a:gd name="connsiteY10" fmla="*/ 3072 h 10000"/>
                  <a:gd name="connsiteX11" fmla="*/ 9919 w 10000"/>
                  <a:gd name="connsiteY11" fmla="*/ 3013 h 10000"/>
                  <a:gd name="connsiteX12" fmla="*/ 9919 w 10000"/>
                  <a:gd name="connsiteY12" fmla="*/ 2954 h 10000"/>
                  <a:gd name="connsiteX13" fmla="*/ 9893 w 10000"/>
                  <a:gd name="connsiteY13" fmla="*/ 2866 h 10000"/>
                  <a:gd name="connsiteX14" fmla="*/ 9707 w 10000"/>
                  <a:gd name="connsiteY14" fmla="*/ 2984 h 10000"/>
                  <a:gd name="connsiteX15" fmla="*/ 9495 w 10000"/>
                  <a:gd name="connsiteY15" fmla="*/ 3072 h 10000"/>
                  <a:gd name="connsiteX16" fmla="*/ 9281 w 10000"/>
                  <a:gd name="connsiteY16" fmla="*/ 3161 h 10000"/>
                  <a:gd name="connsiteX17" fmla="*/ 9069 w 10000"/>
                  <a:gd name="connsiteY17" fmla="*/ 3250 h 10000"/>
                  <a:gd name="connsiteX18" fmla="*/ 8589 w 10000"/>
                  <a:gd name="connsiteY18" fmla="*/ 3397 h 10000"/>
                  <a:gd name="connsiteX19" fmla="*/ 8085 w 10000"/>
                  <a:gd name="connsiteY19" fmla="*/ 3545 h 10000"/>
                  <a:gd name="connsiteX20" fmla="*/ 7580 w 10000"/>
                  <a:gd name="connsiteY20" fmla="*/ 3678 h 10000"/>
                  <a:gd name="connsiteX21" fmla="*/ 7100 w 10000"/>
                  <a:gd name="connsiteY21" fmla="*/ 3840 h 10000"/>
                  <a:gd name="connsiteX22" fmla="*/ 6861 w 10000"/>
                  <a:gd name="connsiteY22" fmla="*/ 3914 h 10000"/>
                  <a:gd name="connsiteX23" fmla="*/ 6649 w 10000"/>
                  <a:gd name="connsiteY23" fmla="*/ 4003 h 10000"/>
                  <a:gd name="connsiteX24" fmla="*/ 6437 w 10000"/>
                  <a:gd name="connsiteY24" fmla="*/ 4106 h 10000"/>
                  <a:gd name="connsiteX25" fmla="*/ 6222 w 10000"/>
                  <a:gd name="connsiteY25" fmla="*/ 4195 h 10000"/>
                  <a:gd name="connsiteX26" fmla="*/ 6382 w 10000"/>
                  <a:gd name="connsiteY26" fmla="*/ 4417 h 10000"/>
                  <a:gd name="connsiteX27" fmla="*/ 6490 w 10000"/>
                  <a:gd name="connsiteY27" fmla="*/ 4623 h 10000"/>
                  <a:gd name="connsiteX28" fmla="*/ 6595 w 10000"/>
                  <a:gd name="connsiteY28" fmla="*/ 4845 h 10000"/>
                  <a:gd name="connsiteX29" fmla="*/ 6674 w 10000"/>
                  <a:gd name="connsiteY29" fmla="*/ 5081 h 10000"/>
                  <a:gd name="connsiteX30" fmla="*/ 6729 w 10000"/>
                  <a:gd name="connsiteY30" fmla="*/ 5318 h 10000"/>
                  <a:gd name="connsiteX31" fmla="*/ 6756 w 10000"/>
                  <a:gd name="connsiteY31" fmla="*/ 5539 h 10000"/>
                  <a:gd name="connsiteX32" fmla="*/ 6780 w 10000"/>
                  <a:gd name="connsiteY32" fmla="*/ 5775 h 10000"/>
                  <a:gd name="connsiteX33" fmla="*/ 6780 w 10000"/>
                  <a:gd name="connsiteY33" fmla="*/ 5997 h 10000"/>
                  <a:gd name="connsiteX34" fmla="*/ 6756 w 10000"/>
                  <a:gd name="connsiteY34" fmla="*/ 6233 h 10000"/>
                  <a:gd name="connsiteX35" fmla="*/ 6702 w 10000"/>
                  <a:gd name="connsiteY35" fmla="*/ 6470 h 10000"/>
                  <a:gd name="connsiteX36" fmla="*/ 6649 w 10000"/>
                  <a:gd name="connsiteY36" fmla="*/ 6677 h 10000"/>
                  <a:gd name="connsiteX37" fmla="*/ 6569 w 10000"/>
                  <a:gd name="connsiteY37" fmla="*/ 6898 h 10000"/>
                  <a:gd name="connsiteX38" fmla="*/ 6463 w 10000"/>
                  <a:gd name="connsiteY38" fmla="*/ 7105 h 10000"/>
                  <a:gd name="connsiteX39" fmla="*/ 6330 w 10000"/>
                  <a:gd name="connsiteY39" fmla="*/ 7297 h 10000"/>
                  <a:gd name="connsiteX40" fmla="*/ 6170 w 10000"/>
                  <a:gd name="connsiteY40" fmla="*/ 7489 h 10000"/>
                  <a:gd name="connsiteX41" fmla="*/ 6010 w 10000"/>
                  <a:gd name="connsiteY41" fmla="*/ 7681 h 10000"/>
                  <a:gd name="connsiteX42" fmla="*/ 6780 w 10000"/>
                  <a:gd name="connsiteY42" fmla="*/ 7799 h 10000"/>
                  <a:gd name="connsiteX43" fmla="*/ 7580 w 10000"/>
                  <a:gd name="connsiteY43" fmla="*/ 7962 h 10000"/>
                  <a:gd name="connsiteX44" fmla="*/ 7738 w 10000"/>
                  <a:gd name="connsiteY44" fmla="*/ 8021 h 10000"/>
                  <a:gd name="connsiteX45" fmla="*/ 7872 w 10000"/>
                  <a:gd name="connsiteY45" fmla="*/ 8080 h 10000"/>
                  <a:gd name="connsiteX46" fmla="*/ 8004 w 10000"/>
                  <a:gd name="connsiteY46" fmla="*/ 8139 h 10000"/>
                  <a:gd name="connsiteX47" fmla="*/ 8085 w 10000"/>
                  <a:gd name="connsiteY47" fmla="*/ 8227 h 10000"/>
                  <a:gd name="connsiteX48" fmla="*/ 8112 w 10000"/>
                  <a:gd name="connsiteY48" fmla="*/ 8301 h 10000"/>
                  <a:gd name="connsiteX49" fmla="*/ 8112 w 10000"/>
                  <a:gd name="connsiteY49" fmla="*/ 8405 h 10000"/>
                  <a:gd name="connsiteX50" fmla="*/ 8059 w 10000"/>
                  <a:gd name="connsiteY50" fmla="*/ 8523 h 10000"/>
                  <a:gd name="connsiteX51" fmla="*/ 7978 w 10000"/>
                  <a:gd name="connsiteY51" fmla="*/ 8641 h 10000"/>
                  <a:gd name="connsiteX52" fmla="*/ 7633 w 10000"/>
                  <a:gd name="connsiteY52" fmla="*/ 8552 h 10000"/>
                  <a:gd name="connsiteX53" fmla="*/ 7313 w 10000"/>
                  <a:gd name="connsiteY53" fmla="*/ 8449 h 10000"/>
                  <a:gd name="connsiteX54" fmla="*/ 6994 w 10000"/>
                  <a:gd name="connsiteY54" fmla="*/ 8360 h 10000"/>
                  <a:gd name="connsiteX55" fmla="*/ 6674 w 10000"/>
                  <a:gd name="connsiteY55" fmla="*/ 8287 h 10000"/>
                  <a:gd name="connsiteX56" fmla="*/ 6541 w 10000"/>
                  <a:gd name="connsiteY56" fmla="*/ 8449 h 10000"/>
                  <a:gd name="connsiteX57" fmla="*/ 6437 w 10000"/>
                  <a:gd name="connsiteY57" fmla="*/ 8597 h 10000"/>
                  <a:gd name="connsiteX58" fmla="*/ 6382 w 10000"/>
                  <a:gd name="connsiteY58" fmla="*/ 8656 h 10000"/>
                  <a:gd name="connsiteX59" fmla="*/ 6276 w 10000"/>
                  <a:gd name="connsiteY59" fmla="*/ 8700 h 10000"/>
                  <a:gd name="connsiteX60" fmla="*/ 6197 w 10000"/>
                  <a:gd name="connsiteY60" fmla="*/ 8744 h 10000"/>
                  <a:gd name="connsiteX61" fmla="*/ 6117 w 10000"/>
                  <a:gd name="connsiteY61" fmla="*/ 8774 h 10000"/>
                  <a:gd name="connsiteX62" fmla="*/ 6037 w 10000"/>
                  <a:gd name="connsiteY62" fmla="*/ 8804 h 10000"/>
                  <a:gd name="connsiteX63" fmla="*/ 5931 w 10000"/>
                  <a:gd name="connsiteY63" fmla="*/ 8818 h 10000"/>
                  <a:gd name="connsiteX64" fmla="*/ 5797 w 10000"/>
                  <a:gd name="connsiteY64" fmla="*/ 8833 h 10000"/>
                  <a:gd name="connsiteX65" fmla="*/ 5665 w 10000"/>
                  <a:gd name="connsiteY65" fmla="*/ 8833 h 10000"/>
                  <a:gd name="connsiteX66" fmla="*/ 5347 w 10000"/>
                  <a:gd name="connsiteY66" fmla="*/ 8818 h 10000"/>
                  <a:gd name="connsiteX67" fmla="*/ 4946 w 10000"/>
                  <a:gd name="connsiteY67" fmla="*/ 8744 h 10000"/>
                  <a:gd name="connsiteX68" fmla="*/ 4946 w 10000"/>
                  <a:gd name="connsiteY68" fmla="*/ 8922 h 10000"/>
                  <a:gd name="connsiteX69" fmla="*/ 4919 w 10000"/>
                  <a:gd name="connsiteY69" fmla="*/ 9069 h 10000"/>
                  <a:gd name="connsiteX70" fmla="*/ 4894 w 10000"/>
                  <a:gd name="connsiteY70" fmla="*/ 9232 h 10000"/>
                  <a:gd name="connsiteX71" fmla="*/ 4867 w 10000"/>
                  <a:gd name="connsiteY71" fmla="*/ 9365 h 10000"/>
                  <a:gd name="connsiteX72" fmla="*/ 4813 w 10000"/>
                  <a:gd name="connsiteY72" fmla="*/ 9498 h 10000"/>
                  <a:gd name="connsiteX73" fmla="*/ 4708 w 10000"/>
                  <a:gd name="connsiteY73" fmla="*/ 9616 h 10000"/>
                  <a:gd name="connsiteX74" fmla="*/ 4628 w 10000"/>
                  <a:gd name="connsiteY74" fmla="*/ 9734 h 10000"/>
                  <a:gd name="connsiteX75" fmla="*/ 4494 w 10000"/>
                  <a:gd name="connsiteY75" fmla="*/ 9838 h 10000"/>
                  <a:gd name="connsiteX76" fmla="*/ 4173 w 10000"/>
                  <a:gd name="connsiteY76" fmla="*/ 9897 h 10000"/>
                  <a:gd name="connsiteX77" fmla="*/ 3910 w 10000"/>
                  <a:gd name="connsiteY77" fmla="*/ 9941 h 10000"/>
                  <a:gd name="connsiteX78" fmla="*/ 3590 w 10000"/>
                  <a:gd name="connsiteY78" fmla="*/ 9985 h 10000"/>
                  <a:gd name="connsiteX79" fmla="*/ 3351 w 10000"/>
                  <a:gd name="connsiteY79" fmla="*/ 10000 h 10000"/>
                  <a:gd name="connsiteX80" fmla="*/ 2819 w 10000"/>
                  <a:gd name="connsiteY80" fmla="*/ 10000 h 10000"/>
                  <a:gd name="connsiteX81" fmla="*/ 2313 w 10000"/>
                  <a:gd name="connsiteY81" fmla="*/ 9985 h 10000"/>
                  <a:gd name="connsiteX82" fmla="*/ 1836 w 10000"/>
                  <a:gd name="connsiteY82" fmla="*/ 9941 h 10000"/>
                  <a:gd name="connsiteX83" fmla="*/ 1330 w 10000"/>
                  <a:gd name="connsiteY83" fmla="*/ 9911 h 10000"/>
                  <a:gd name="connsiteX84" fmla="*/ 1038 w 10000"/>
                  <a:gd name="connsiteY84" fmla="*/ 9911 h 10000"/>
                  <a:gd name="connsiteX85" fmla="*/ 771 w 10000"/>
                  <a:gd name="connsiteY85" fmla="*/ 9911 h 10000"/>
                  <a:gd name="connsiteX86" fmla="*/ 479 w 10000"/>
                  <a:gd name="connsiteY86" fmla="*/ 9926 h 10000"/>
                  <a:gd name="connsiteX87" fmla="*/ 186 w 10000"/>
                  <a:gd name="connsiteY87" fmla="*/ 9970 h 10000"/>
                  <a:gd name="connsiteX88" fmla="*/ 107 w 10000"/>
                  <a:gd name="connsiteY88" fmla="*/ 9867 h 10000"/>
                  <a:gd name="connsiteX89" fmla="*/ 54 w 10000"/>
                  <a:gd name="connsiteY89" fmla="*/ 9793 h 10000"/>
                  <a:gd name="connsiteX90" fmla="*/ 0 w 10000"/>
                  <a:gd name="connsiteY90" fmla="*/ 9705 h 10000"/>
                  <a:gd name="connsiteX91" fmla="*/ 0 w 10000"/>
                  <a:gd name="connsiteY91" fmla="*/ 9601 h 10000"/>
                  <a:gd name="connsiteX92" fmla="*/ 54 w 10000"/>
                  <a:gd name="connsiteY92" fmla="*/ 9424 h 10000"/>
                  <a:gd name="connsiteX93" fmla="*/ 107 w 10000"/>
                  <a:gd name="connsiteY93" fmla="*/ 9202 h 10000"/>
                  <a:gd name="connsiteX94" fmla="*/ 158 w 10000"/>
                  <a:gd name="connsiteY94" fmla="*/ 8996 h 10000"/>
                  <a:gd name="connsiteX95" fmla="*/ 213 w 10000"/>
                  <a:gd name="connsiteY95" fmla="*/ 8759 h 10000"/>
                  <a:gd name="connsiteX96" fmla="*/ 239 w 10000"/>
                  <a:gd name="connsiteY96" fmla="*/ 8641 h 10000"/>
                  <a:gd name="connsiteX97" fmla="*/ 239 w 10000"/>
                  <a:gd name="connsiteY97" fmla="*/ 8538 h 10000"/>
                  <a:gd name="connsiteX98" fmla="*/ 213 w 10000"/>
                  <a:gd name="connsiteY98" fmla="*/ 8405 h 10000"/>
                  <a:gd name="connsiteX99" fmla="*/ 186 w 10000"/>
                  <a:gd name="connsiteY99" fmla="*/ 8287 h 10000"/>
                  <a:gd name="connsiteX100" fmla="*/ 452 w 10000"/>
                  <a:gd name="connsiteY100" fmla="*/ 8213 h 10000"/>
                  <a:gd name="connsiteX101" fmla="*/ 718 w 10000"/>
                  <a:gd name="connsiteY101" fmla="*/ 8139 h 10000"/>
                  <a:gd name="connsiteX102" fmla="*/ 984 w 10000"/>
                  <a:gd name="connsiteY102" fmla="*/ 8095 h 10000"/>
                  <a:gd name="connsiteX103" fmla="*/ 1277 w 10000"/>
                  <a:gd name="connsiteY103" fmla="*/ 8065 h 10000"/>
                  <a:gd name="connsiteX104" fmla="*/ 1807 w 10000"/>
                  <a:gd name="connsiteY104" fmla="*/ 8021 h 10000"/>
                  <a:gd name="connsiteX105" fmla="*/ 2341 w 10000"/>
                  <a:gd name="connsiteY105" fmla="*/ 7976 h 10000"/>
                  <a:gd name="connsiteX106" fmla="*/ 2580 w 10000"/>
                  <a:gd name="connsiteY106" fmla="*/ 7947 h 10000"/>
                  <a:gd name="connsiteX107" fmla="*/ 2819 w 10000"/>
                  <a:gd name="connsiteY107" fmla="*/ 7917 h 10000"/>
                  <a:gd name="connsiteX108" fmla="*/ 3030 w 10000"/>
                  <a:gd name="connsiteY108" fmla="*/ 7843 h 10000"/>
                  <a:gd name="connsiteX109" fmla="*/ 3244 w 10000"/>
                  <a:gd name="connsiteY109" fmla="*/ 7784 h 10000"/>
                  <a:gd name="connsiteX110" fmla="*/ 3431 w 10000"/>
                  <a:gd name="connsiteY110" fmla="*/ 7710 h 10000"/>
                  <a:gd name="connsiteX111" fmla="*/ 3590 w 10000"/>
                  <a:gd name="connsiteY111" fmla="*/ 7592 h 10000"/>
                  <a:gd name="connsiteX112" fmla="*/ 3750 w 10000"/>
                  <a:gd name="connsiteY112" fmla="*/ 7474 h 10000"/>
                  <a:gd name="connsiteX113" fmla="*/ 3856 w 10000"/>
                  <a:gd name="connsiteY113" fmla="*/ 7312 h 10000"/>
                  <a:gd name="connsiteX114" fmla="*/ 3644 w 10000"/>
                  <a:gd name="connsiteY114" fmla="*/ 7238 h 10000"/>
                  <a:gd name="connsiteX115" fmla="*/ 3456 w 10000"/>
                  <a:gd name="connsiteY115" fmla="*/ 7179 h 10000"/>
                  <a:gd name="connsiteX116" fmla="*/ 3297 w 10000"/>
                  <a:gd name="connsiteY116" fmla="*/ 7090 h 10000"/>
                  <a:gd name="connsiteX117" fmla="*/ 3139 w 10000"/>
                  <a:gd name="connsiteY117" fmla="*/ 6987 h 10000"/>
                  <a:gd name="connsiteX118" fmla="*/ 3030 w 10000"/>
                  <a:gd name="connsiteY118" fmla="*/ 6869 h 10000"/>
                  <a:gd name="connsiteX119" fmla="*/ 2980 w 10000"/>
                  <a:gd name="connsiteY119" fmla="*/ 6721 h 10000"/>
                  <a:gd name="connsiteX120" fmla="*/ 2952 w 10000"/>
                  <a:gd name="connsiteY120" fmla="*/ 6558 h 10000"/>
                  <a:gd name="connsiteX121" fmla="*/ 2980 w 10000"/>
                  <a:gd name="connsiteY121" fmla="*/ 6352 h 10000"/>
                  <a:gd name="connsiteX122" fmla="*/ 2846 w 10000"/>
                  <a:gd name="connsiteY122" fmla="*/ 6322 h 10000"/>
                  <a:gd name="connsiteX123" fmla="*/ 2687 w 10000"/>
                  <a:gd name="connsiteY123" fmla="*/ 6292 h 10000"/>
                  <a:gd name="connsiteX124" fmla="*/ 2501 w 10000"/>
                  <a:gd name="connsiteY124" fmla="*/ 6278 h 10000"/>
                  <a:gd name="connsiteX125" fmla="*/ 2313 w 10000"/>
                  <a:gd name="connsiteY125" fmla="*/ 6263 h 10000"/>
                  <a:gd name="connsiteX126" fmla="*/ 1942 w 10000"/>
                  <a:gd name="connsiteY126" fmla="*/ 6248 h 10000"/>
                  <a:gd name="connsiteX127" fmla="*/ 1543 w 10000"/>
                  <a:gd name="connsiteY127" fmla="*/ 6263 h 10000"/>
                  <a:gd name="connsiteX128" fmla="*/ 1198 w 10000"/>
                  <a:gd name="connsiteY128" fmla="*/ 6278 h 10000"/>
                  <a:gd name="connsiteX129" fmla="*/ 877 w 10000"/>
                  <a:gd name="connsiteY129" fmla="*/ 6278 h 10000"/>
                  <a:gd name="connsiteX130" fmla="*/ 613 w 10000"/>
                  <a:gd name="connsiteY130" fmla="*/ 6263 h 10000"/>
                  <a:gd name="connsiteX131" fmla="*/ 399 w 10000"/>
                  <a:gd name="connsiteY131" fmla="*/ 6233 h 10000"/>
                  <a:gd name="connsiteX132" fmla="*/ 663 w 10000"/>
                  <a:gd name="connsiteY132" fmla="*/ 5805 h 10000"/>
                  <a:gd name="connsiteX133" fmla="*/ 958 w 10000"/>
                  <a:gd name="connsiteY133" fmla="*/ 5391 h 10000"/>
                  <a:gd name="connsiteX134" fmla="*/ 1065 w 10000"/>
                  <a:gd name="connsiteY134" fmla="*/ 5170 h 10000"/>
                  <a:gd name="connsiteX135" fmla="*/ 1143 w 10000"/>
                  <a:gd name="connsiteY135" fmla="*/ 4963 h 10000"/>
                  <a:gd name="connsiteX136" fmla="*/ 1169 w 10000"/>
                  <a:gd name="connsiteY136" fmla="*/ 4860 h 10000"/>
                  <a:gd name="connsiteX137" fmla="*/ 1143 w 10000"/>
                  <a:gd name="connsiteY137" fmla="*/ 4756 h 10000"/>
                  <a:gd name="connsiteX138" fmla="*/ 1117 w 10000"/>
                  <a:gd name="connsiteY138" fmla="*/ 4653 h 10000"/>
                  <a:gd name="connsiteX139" fmla="*/ 1038 w 10000"/>
                  <a:gd name="connsiteY139" fmla="*/ 4549 h 10000"/>
                  <a:gd name="connsiteX140" fmla="*/ 1330 w 10000"/>
                  <a:gd name="connsiteY140" fmla="*/ 4520 h 10000"/>
                  <a:gd name="connsiteX141" fmla="*/ 1543 w 10000"/>
                  <a:gd name="connsiteY141" fmla="*/ 4505 h 10000"/>
                  <a:gd name="connsiteX142" fmla="*/ 1729 w 10000"/>
                  <a:gd name="connsiteY142" fmla="*/ 4505 h 10000"/>
                  <a:gd name="connsiteX143" fmla="*/ 1888 w 10000"/>
                  <a:gd name="connsiteY143" fmla="*/ 4520 h 10000"/>
                  <a:gd name="connsiteX144" fmla="*/ 2022 w 10000"/>
                  <a:gd name="connsiteY144" fmla="*/ 4520 h 10000"/>
                  <a:gd name="connsiteX145" fmla="*/ 2181 w 10000"/>
                  <a:gd name="connsiteY145" fmla="*/ 4520 h 10000"/>
                  <a:gd name="connsiteX146" fmla="*/ 2341 w 10000"/>
                  <a:gd name="connsiteY146" fmla="*/ 4490 h 10000"/>
                  <a:gd name="connsiteX147" fmla="*/ 2552 w 10000"/>
                  <a:gd name="connsiteY147" fmla="*/ 4446 h 10000"/>
                  <a:gd name="connsiteX148" fmla="*/ 2552 w 10000"/>
                  <a:gd name="connsiteY148" fmla="*/ 4579 h 10000"/>
                  <a:gd name="connsiteX149" fmla="*/ 2552 w 10000"/>
                  <a:gd name="connsiteY149" fmla="*/ 4742 h 10000"/>
                  <a:gd name="connsiteX150" fmla="*/ 2552 w 10000"/>
                  <a:gd name="connsiteY150" fmla="*/ 4874 h 10000"/>
                  <a:gd name="connsiteX151" fmla="*/ 2552 w 10000"/>
                  <a:gd name="connsiteY151" fmla="*/ 5037 h 10000"/>
                  <a:gd name="connsiteX152" fmla="*/ 2792 w 10000"/>
                  <a:gd name="connsiteY152" fmla="*/ 5022 h 10000"/>
                  <a:gd name="connsiteX153" fmla="*/ 2952 w 10000"/>
                  <a:gd name="connsiteY153" fmla="*/ 5037 h 10000"/>
                  <a:gd name="connsiteX154" fmla="*/ 3085 w 10000"/>
                  <a:gd name="connsiteY154" fmla="*/ 5066 h 10000"/>
                  <a:gd name="connsiteX155" fmla="*/ 3218 w 10000"/>
                  <a:gd name="connsiteY155" fmla="*/ 5096 h 10000"/>
                  <a:gd name="connsiteX156" fmla="*/ 3325 w 10000"/>
                  <a:gd name="connsiteY156" fmla="*/ 5126 h 10000"/>
                  <a:gd name="connsiteX157" fmla="*/ 3456 w 10000"/>
                  <a:gd name="connsiteY157" fmla="*/ 5155 h 10000"/>
                  <a:gd name="connsiteX158" fmla="*/ 3617 w 10000"/>
                  <a:gd name="connsiteY158" fmla="*/ 5170 h 10000"/>
                  <a:gd name="connsiteX159" fmla="*/ 3856 w 10000"/>
                  <a:gd name="connsiteY159" fmla="*/ 5155 h 10000"/>
                  <a:gd name="connsiteX160" fmla="*/ 3936 w 10000"/>
                  <a:gd name="connsiteY160" fmla="*/ 5096 h 10000"/>
                  <a:gd name="connsiteX161" fmla="*/ 4015 w 10000"/>
                  <a:gd name="connsiteY161" fmla="*/ 5022 h 10000"/>
                  <a:gd name="connsiteX162" fmla="*/ 4042 w 10000"/>
                  <a:gd name="connsiteY162" fmla="*/ 4934 h 10000"/>
                  <a:gd name="connsiteX163" fmla="*/ 4070 w 10000"/>
                  <a:gd name="connsiteY163" fmla="*/ 4860 h 10000"/>
                  <a:gd name="connsiteX164" fmla="*/ 4095 w 10000"/>
                  <a:gd name="connsiteY164" fmla="*/ 4697 h 10000"/>
                  <a:gd name="connsiteX165" fmla="*/ 4070 w 10000"/>
                  <a:gd name="connsiteY165" fmla="*/ 4520 h 10000"/>
                  <a:gd name="connsiteX166" fmla="*/ 3989 w 10000"/>
                  <a:gd name="connsiteY166" fmla="*/ 4343 h 10000"/>
                  <a:gd name="connsiteX167" fmla="*/ 3910 w 10000"/>
                  <a:gd name="connsiteY167" fmla="*/ 4195 h 10000"/>
                  <a:gd name="connsiteX168" fmla="*/ 3776 w 10000"/>
                  <a:gd name="connsiteY168" fmla="*/ 4047 h 10000"/>
                  <a:gd name="connsiteX169" fmla="*/ 3644 w 10000"/>
                  <a:gd name="connsiteY169" fmla="*/ 3959 h 10000"/>
                  <a:gd name="connsiteX170" fmla="*/ 3803 w 10000"/>
                  <a:gd name="connsiteY170" fmla="*/ 3944 h 10000"/>
                  <a:gd name="connsiteX171" fmla="*/ 3936 w 10000"/>
                  <a:gd name="connsiteY171" fmla="*/ 3914 h 10000"/>
                  <a:gd name="connsiteX172" fmla="*/ 4042 w 10000"/>
                  <a:gd name="connsiteY172" fmla="*/ 3855 h 10000"/>
                  <a:gd name="connsiteX173" fmla="*/ 4173 w 10000"/>
                  <a:gd name="connsiteY173" fmla="*/ 3752 h 10000"/>
                  <a:gd name="connsiteX174" fmla="*/ 4308 w 10000"/>
                  <a:gd name="connsiteY174" fmla="*/ 3663 h 10000"/>
                  <a:gd name="connsiteX175" fmla="*/ 4414 w 10000"/>
                  <a:gd name="connsiteY175" fmla="*/ 3560 h 10000"/>
                  <a:gd name="connsiteX176" fmla="*/ 4494 w 10000"/>
                  <a:gd name="connsiteY176" fmla="*/ 3442 h 10000"/>
                  <a:gd name="connsiteX177" fmla="*/ 4575 w 10000"/>
                  <a:gd name="connsiteY177" fmla="*/ 3323 h 10000"/>
                  <a:gd name="connsiteX178" fmla="*/ 4628 w 10000"/>
                  <a:gd name="connsiteY178" fmla="*/ 3220 h 10000"/>
                  <a:gd name="connsiteX179" fmla="*/ 4653 w 10000"/>
                  <a:gd name="connsiteY179" fmla="*/ 3102 h 10000"/>
                  <a:gd name="connsiteX180" fmla="*/ 4681 w 10000"/>
                  <a:gd name="connsiteY180" fmla="*/ 3013 h 10000"/>
                  <a:gd name="connsiteX181" fmla="*/ 4653 w 10000"/>
                  <a:gd name="connsiteY181" fmla="*/ 2939 h 10000"/>
                  <a:gd name="connsiteX182" fmla="*/ 4628 w 10000"/>
                  <a:gd name="connsiteY182" fmla="*/ 2866 h 10000"/>
                  <a:gd name="connsiteX183" fmla="*/ 4548 w 10000"/>
                  <a:gd name="connsiteY183" fmla="*/ 2836 h 10000"/>
                  <a:gd name="connsiteX184" fmla="*/ 4442 w 10000"/>
                  <a:gd name="connsiteY184" fmla="*/ 2836 h 10000"/>
                  <a:gd name="connsiteX185" fmla="*/ 4308 w 10000"/>
                  <a:gd name="connsiteY185" fmla="*/ 2866 h 10000"/>
                  <a:gd name="connsiteX186" fmla="*/ 4414 w 10000"/>
                  <a:gd name="connsiteY186" fmla="*/ 2777 h 10000"/>
                  <a:gd name="connsiteX187" fmla="*/ 4469 w 10000"/>
                  <a:gd name="connsiteY187" fmla="*/ 2674 h 10000"/>
                  <a:gd name="connsiteX188" fmla="*/ 4494 w 10000"/>
                  <a:gd name="connsiteY188" fmla="*/ 2541 h 10000"/>
                  <a:gd name="connsiteX189" fmla="*/ 4494 w 10000"/>
                  <a:gd name="connsiteY189" fmla="*/ 2393 h 10000"/>
                  <a:gd name="connsiteX190" fmla="*/ 4520 w 10000"/>
                  <a:gd name="connsiteY190" fmla="*/ 2349 h 10000"/>
                  <a:gd name="connsiteX191" fmla="*/ 4575 w 10000"/>
                  <a:gd name="connsiteY191" fmla="*/ 2304 h 10000"/>
                  <a:gd name="connsiteX192" fmla="*/ 4628 w 10000"/>
                  <a:gd name="connsiteY192" fmla="*/ 2290 h 10000"/>
                  <a:gd name="connsiteX193" fmla="*/ 4708 w 10000"/>
                  <a:gd name="connsiteY193" fmla="*/ 2275 h 10000"/>
                  <a:gd name="connsiteX194" fmla="*/ 4946 w 10000"/>
                  <a:gd name="connsiteY194" fmla="*/ 2260 h 10000"/>
                  <a:gd name="connsiteX195" fmla="*/ 5158 w 10000"/>
                  <a:gd name="connsiteY195" fmla="*/ 2275 h 10000"/>
                  <a:gd name="connsiteX196" fmla="*/ 5132 w 10000"/>
                  <a:gd name="connsiteY196" fmla="*/ 2112 h 10000"/>
                  <a:gd name="connsiteX197" fmla="*/ 5080 w 10000"/>
                  <a:gd name="connsiteY197" fmla="*/ 1950 h 10000"/>
                  <a:gd name="connsiteX198" fmla="*/ 4999 w 10000"/>
                  <a:gd name="connsiteY198" fmla="*/ 1802 h 10000"/>
                  <a:gd name="connsiteX199" fmla="*/ 4894 w 10000"/>
                  <a:gd name="connsiteY199" fmla="*/ 1640 h 10000"/>
                  <a:gd name="connsiteX200" fmla="*/ 4628 w 10000"/>
                  <a:gd name="connsiteY200" fmla="*/ 1329 h 10000"/>
                  <a:gd name="connsiteX201" fmla="*/ 4362 w 10000"/>
                  <a:gd name="connsiteY201" fmla="*/ 1034 h 10000"/>
                  <a:gd name="connsiteX202" fmla="*/ 4228 w 10000"/>
                  <a:gd name="connsiteY202" fmla="*/ 901 h 10000"/>
                  <a:gd name="connsiteX203" fmla="*/ 4124 w 10000"/>
                  <a:gd name="connsiteY203" fmla="*/ 753 h 10000"/>
                  <a:gd name="connsiteX204" fmla="*/ 4042 w 10000"/>
                  <a:gd name="connsiteY204" fmla="*/ 620 h 10000"/>
                  <a:gd name="connsiteX205" fmla="*/ 4015 w 10000"/>
                  <a:gd name="connsiteY205" fmla="*/ 487 h 10000"/>
                  <a:gd name="connsiteX206" fmla="*/ 3989 w 10000"/>
                  <a:gd name="connsiteY206" fmla="*/ 355 h 10000"/>
                  <a:gd name="connsiteX207" fmla="*/ 4042 w 10000"/>
                  <a:gd name="connsiteY207" fmla="*/ 222 h 10000"/>
                  <a:gd name="connsiteX208" fmla="*/ 4070 w 10000"/>
                  <a:gd name="connsiteY208" fmla="*/ 162 h 10000"/>
                  <a:gd name="connsiteX209" fmla="*/ 4124 w 10000"/>
                  <a:gd name="connsiteY209" fmla="*/ 103 h 10000"/>
                  <a:gd name="connsiteX210" fmla="*/ 4203 w 10000"/>
                  <a:gd name="connsiteY210" fmla="*/ 59 h 10000"/>
                  <a:gd name="connsiteX211" fmla="*/ 4308 w 10000"/>
                  <a:gd name="connsiteY211" fmla="*/ 0 h 10000"/>
                  <a:gd name="connsiteX212" fmla="*/ 4494 w 10000"/>
                  <a:gd name="connsiteY212" fmla="*/ 0 h 10000"/>
                  <a:gd name="connsiteX213" fmla="*/ 4681 w 10000"/>
                  <a:gd name="connsiteY213" fmla="*/ 15 h 10000"/>
                  <a:gd name="connsiteX214" fmla="*/ 4867 w 10000"/>
                  <a:gd name="connsiteY214" fmla="*/ 44 h 10000"/>
                  <a:gd name="connsiteX215" fmla="*/ 4999 w 10000"/>
                  <a:gd name="connsiteY215" fmla="*/ 89 h 10000"/>
                  <a:gd name="connsiteX216" fmla="*/ 5213 w 10000"/>
                  <a:gd name="connsiteY216" fmla="*/ 192 h 10000"/>
                  <a:gd name="connsiteX217" fmla="*/ 5425 w 10000"/>
                  <a:gd name="connsiteY217" fmla="*/ 340 h 10000"/>
                  <a:gd name="connsiteX218" fmla="*/ 5585 w 10000"/>
                  <a:gd name="connsiteY218" fmla="*/ 473 h 10000"/>
                  <a:gd name="connsiteX219" fmla="*/ 5797 w 10000"/>
                  <a:gd name="connsiteY219" fmla="*/ 591 h 10000"/>
                  <a:gd name="connsiteX220" fmla="*/ 5931 w 10000"/>
                  <a:gd name="connsiteY220" fmla="*/ 650 h 10000"/>
                  <a:gd name="connsiteX221" fmla="*/ 6090 w 10000"/>
                  <a:gd name="connsiteY221" fmla="*/ 679 h 10000"/>
                  <a:gd name="connsiteX222" fmla="*/ 6251 w 10000"/>
                  <a:gd name="connsiteY222" fmla="*/ 709 h 10000"/>
                  <a:gd name="connsiteX223" fmla="*/ 6463 w 10000"/>
                  <a:gd name="connsiteY223" fmla="*/ 709 h 10000"/>
                  <a:gd name="connsiteX224" fmla="*/ 6463 w 10000"/>
                  <a:gd name="connsiteY224" fmla="*/ 768 h 10000"/>
                  <a:gd name="connsiteX225" fmla="*/ 6490 w 10000"/>
                  <a:gd name="connsiteY225" fmla="*/ 842 h 10000"/>
                  <a:gd name="connsiteX226" fmla="*/ 6541 w 10000"/>
                  <a:gd name="connsiteY226" fmla="*/ 916 h 10000"/>
                  <a:gd name="connsiteX227" fmla="*/ 6595 w 10000"/>
                  <a:gd name="connsiteY227" fmla="*/ 990 h 10000"/>
                  <a:gd name="connsiteX228" fmla="*/ 6674 w 10000"/>
                  <a:gd name="connsiteY228" fmla="*/ 1049 h 10000"/>
                  <a:gd name="connsiteX229" fmla="*/ 6780 w 10000"/>
                  <a:gd name="connsiteY229" fmla="*/ 1108 h 10000"/>
                  <a:gd name="connsiteX230" fmla="*/ 6914 w 10000"/>
                  <a:gd name="connsiteY230" fmla="*/ 1182 h 10000"/>
                  <a:gd name="connsiteX231" fmla="*/ 7020 w 10000"/>
                  <a:gd name="connsiteY231" fmla="*/ 1226 h 10000"/>
                  <a:gd name="connsiteX232" fmla="*/ 7127 w 10000"/>
                  <a:gd name="connsiteY232" fmla="*/ 1270 h 10000"/>
                  <a:gd name="connsiteX233" fmla="*/ 7234 w 10000"/>
                  <a:gd name="connsiteY233" fmla="*/ 1300 h 10000"/>
                  <a:gd name="connsiteX234" fmla="*/ 7340 w 10000"/>
                  <a:gd name="connsiteY234" fmla="*/ 1315 h 10000"/>
                  <a:gd name="connsiteX235" fmla="*/ 7474 w 10000"/>
                  <a:gd name="connsiteY235" fmla="*/ 1300 h 10000"/>
                  <a:gd name="connsiteX236" fmla="*/ 7580 w 10000"/>
                  <a:gd name="connsiteY236" fmla="*/ 1285 h 10000"/>
                  <a:gd name="connsiteX237" fmla="*/ 7659 w 10000"/>
                  <a:gd name="connsiteY237" fmla="*/ 1241 h 10000"/>
                  <a:gd name="connsiteX238" fmla="*/ 7714 w 10000"/>
                  <a:gd name="connsiteY238" fmla="*/ 1167 h 10000"/>
                  <a:gd name="connsiteX239" fmla="*/ 7738 w 10000"/>
                  <a:gd name="connsiteY239" fmla="*/ 1064 h 10000"/>
                  <a:gd name="connsiteX240" fmla="*/ 8138 w 10000"/>
                  <a:gd name="connsiteY240" fmla="*/ 1034 h 10000"/>
                  <a:gd name="connsiteX241" fmla="*/ 8509 w 10000"/>
                  <a:gd name="connsiteY241" fmla="*/ 1004 h 10000"/>
                  <a:gd name="connsiteX242" fmla="*/ 8830 w 10000"/>
                  <a:gd name="connsiteY242" fmla="*/ 990 h 10000"/>
                  <a:gd name="connsiteX243" fmla="*/ 9123 w 10000"/>
                  <a:gd name="connsiteY243" fmla="*/ 1004 h 10000"/>
                  <a:gd name="connsiteX244" fmla="*/ 9256 w 10000"/>
                  <a:gd name="connsiteY244" fmla="*/ 1019 h 10000"/>
                  <a:gd name="connsiteX245" fmla="*/ 9387 w 10000"/>
                  <a:gd name="connsiteY245" fmla="*/ 1034 h 10000"/>
                  <a:gd name="connsiteX246" fmla="*/ 9495 w 10000"/>
                  <a:gd name="connsiteY246" fmla="*/ 1064 h 10000"/>
                  <a:gd name="connsiteX247" fmla="*/ 9628 w 10000"/>
                  <a:gd name="connsiteY247" fmla="*/ 1108 h 10000"/>
                  <a:gd name="connsiteX248" fmla="*/ 9707 w 10000"/>
                  <a:gd name="connsiteY248" fmla="*/ 1182 h 10000"/>
                  <a:gd name="connsiteX249" fmla="*/ 9786 w 10000"/>
                  <a:gd name="connsiteY249" fmla="*/ 1241 h 10000"/>
                  <a:gd name="connsiteX250" fmla="*/ 9841 w 10000"/>
                  <a:gd name="connsiteY250" fmla="*/ 1329 h 10000"/>
                  <a:gd name="connsiteX251" fmla="*/ 9893 w 10000"/>
                  <a:gd name="connsiteY251" fmla="*/ 1433 h 10000"/>
                  <a:gd name="connsiteX252" fmla="*/ 9946 w 10000"/>
                  <a:gd name="connsiteY252" fmla="*/ 1551 h 10000"/>
                  <a:gd name="connsiteX253" fmla="*/ 9919 w 10000"/>
                  <a:gd name="connsiteY253" fmla="*/ 1625 h 10000"/>
                  <a:gd name="connsiteX254" fmla="*/ 9893 w 10000"/>
                  <a:gd name="connsiteY254" fmla="*/ 1684 h 10000"/>
                  <a:gd name="connsiteX255" fmla="*/ 9841 w 10000"/>
                  <a:gd name="connsiteY255" fmla="*/ 1758 h 10000"/>
                  <a:gd name="connsiteX256" fmla="*/ 9761 w 10000"/>
                  <a:gd name="connsiteY256" fmla="*/ 1802 h 10000"/>
                  <a:gd name="connsiteX257" fmla="*/ 9707 w 10000"/>
                  <a:gd name="connsiteY257" fmla="*/ 1861 h 10000"/>
                  <a:gd name="connsiteX258" fmla="*/ 9682 w 10000"/>
                  <a:gd name="connsiteY258" fmla="*/ 1935 h 10000"/>
                  <a:gd name="connsiteX259" fmla="*/ 9707 w 10000"/>
                  <a:gd name="connsiteY259" fmla="*/ 2024 h 10000"/>
                  <a:gd name="connsiteX260" fmla="*/ 10000 w 10000"/>
                  <a:gd name="connsiteY260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7100 w 10000"/>
                  <a:gd name="connsiteY4" fmla="*/ 4801 h 10000"/>
                  <a:gd name="connsiteX5" fmla="*/ 7020 w 10000"/>
                  <a:gd name="connsiteY5" fmla="*/ 4727 h 10000"/>
                  <a:gd name="connsiteX6" fmla="*/ 6674 w 10000"/>
                  <a:gd name="connsiteY6" fmla="*/ 4313 h 10000"/>
                  <a:gd name="connsiteX7" fmla="*/ 9628 w 10000"/>
                  <a:gd name="connsiteY7" fmla="*/ 3338 h 10000"/>
                  <a:gd name="connsiteX8" fmla="*/ 9866 w 10000"/>
                  <a:gd name="connsiteY8" fmla="*/ 3117 h 10000"/>
                  <a:gd name="connsiteX9" fmla="*/ 9893 w 10000"/>
                  <a:gd name="connsiteY9" fmla="*/ 3072 h 10000"/>
                  <a:gd name="connsiteX10" fmla="*/ 9919 w 10000"/>
                  <a:gd name="connsiteY10" fmla="*/ 3013 h 10000"/>
                  <a:gd name="connsiteX11" fmla="*/ 9919 w 10000"/>
                  <a:gd name="connsiteY11" fmla="*/ 2954 h 10000"/>
                  <a:gd name="connsiteX12" fmla="*/ 9893 w 10000"/>
                  <a:gd name="connsiteY12" fmla="*/ 2866 h 10000"/>
                  <a:gd name="connsiteX13" fmla="*/ 9707 w 10000"/>
                  <a:gd name="connsiteY13" fmla="*/ 2984 h 10000"/>
                  <a:gd name="connsiteX14" fmla="*/ 9495 w 10000"/>
                  <a:gd name="connsiteY14" fmla="*/ 3072 h 10000"/>
                  <a:gd name="connsiteX15" fmla="*/ 9281 w 10000"/>
                  <a:gd name="connsiteY15" fmla="*/ 3161 h 10000"/>
                  <a:gd name="connsiteX16" fmla="*/ 9069 w 10000"/>
                  <a:gd name="connsiteY16" fmla="*/ 3250 h 10000"/>
                  <a:gd name="connsiteX17" fmla="*/ 8589 w 10000"/>
                  <a:gd name="connsiteY17" fmla="*/ 3397 h 10000"/>
                  <a:gd name="connsiteX18" fmla="*/ 8085 w 10000"/>
                  <a:gd name="connsiteY18" fmla="*/ 3545 h 10000"/>
                  <a:gd name="connsiteX19" fmla="*/ 7580 w 10000"/>
                  <a:gd name="connsiteY19" fmla="*/ 3678 h 10000"/>
                  <a:gd name="connsiteX20" fmla="*/ 7100 w 10000"/>
                  <a:gd name="connsiteY20" fmla="*/ 3840 h 10000"/>
                  <a:gd name="connsiteX21" fmla="*/ 6861 w 10000"/>
                  <a:gd name="connsiteY21" fmla="*/ 3914 h 10000"/>
                  <a:gd name="connsiteX22" fmla="*/ 6649 w 10000"/>
                  <a:gd name="connsiteY22" fmla="*/ 4003 h 10000"/>
                  <a:gd name="connsiteX23" fmla="*/ 6437 w 10000"/>
                  <a:gd name="connsiteY23" fmla="*/ 4106 h 10000"/>
                  <a:gd name="connsiteX24" fmla="*/ 6222 w 10000"/>
                  <a:gd name="connsiteY24" fmla="*/ 4195 h 10000"/>
                  <a:gd name="connsiteX25" fmla="*/ 6382 w 10000"/>
                  <a:gd name="connsiteY25" fmla="*/ 4417 h 10000"/>
                  <a:gd name="connsiteX26" fmla="*/ 6490 w 10000"/>
                  <a:gd name="connsiteY26" fmla="*/ 4623 h 10000"/>
                  <a:gd name="connsiteX27" fmla="*/ 6595 w 10000"/>
                  <a:gd name="connsiteY27" fmla="*/ 4845 h 10000"/>
                  <a:gd name="connsiteX28" fmla="*/ 6674 w 10000"/>
                  <a:gd name="connsiteY28" fmla="*/ 5081 h 10000"/>
                  <a:gd name="connsiteX29" fmla="*/ 6729 w 10000"/>
                  <a:gd name="connsiteY29" fmla="*/ 5318 h 10000"/>
                  <a:gd name="connsiteX30" fmla="*/ 6756 w 10000"/>
                  <a:gd name="connsiteY30" fmla="*/ 5539 h 10000"/>
                  <a:gd name="connsiteX31" fmla="*/ 6780 w 10000"/>
                  <a:gd name="connsiteY31" fmla="*/ 5775 h 10000"/>
                  <a:gd name="connsiteX32" fmla="*/ 6780 w 10000"/>
                  <a:gd name="connsiteY32" fmla="*/ 5997 h 10000"/>
                  <a:gd name="connsiteX33" fmla="*/ 6756 w 10000"/>
                  <a:gd name="connsiteY33" fmla="*/ 6233 h 10000"/>
                  <a:gd name="connsiteX34" fmla="*/ 6702 w 10000"/>
                  <a:gd name="connsiteY34" fmla="*/ 6470 h 10000"/>
                  <a:gd name="connsiteX35" fmla="*/ 6649 w 10000"/>
                  <a:gd name="connsiteY35" fmla="*/ 6677 h 10000"/>
                  <a:gd name="connsiteX36" fmla="*/ 6569 w 10000"/>
                  <a:gd name="connsiteY36" fmla="*/ 6898 h 10000"/>
                  <a:gd name="connsiteX37" fmla="*/ 6463 w 10000"/>
                  <a:gd name="connsiteY37" fmla="*/ 7105 h 10000"/>
                  <a:gd name="connsiteX38" fmla="*/ 6330 w 10000"/>
                  <a:gd name="connsiteY38" fmla="*/ 7297 h 10000"/>
                  <a:gd name="connsiteX39" fmla="*/ 6170 w 10000"/>
                  <a:gd name="connsiteY39" fmla="*/ 7489 h 10000"/>
                  <a:gd name="connsiteX40" fmla="*/ 6010 w 10000"/>
                  <a:gd name="connsiteY40" fmla="*/ 7681 h 10000"/>
                  <a:gd name="connsiteX41" fmla="*/ 6780 w 10000"/>
                  <a:gd name="connsiteY41" fmla="*/ 7799 h 10000"/>
                  <a:gd name="connsiteX42" fmla="*/ 7580 w 10000"/>
                  <a:gd name="connsiteY42" fmla="*/ 7962 h 10000"/>
                  <a:gd name="connsiteX43" fmla="*/ 7738 w 10000"/>
                  <a:gd name="connsiteY43" fmla="*/ 8021 h 10000"/>
                  <a:gd name="connsiteX44" fmla="*/ 7872 w 10000"/>
                  <a:gd name="connsiteY44" fmla="*/ 8080 h 10000"/>
                  <a:gd name="connsiteX45" fmla="*/ 8004 w 10000"/>
                  <a:gd name="connsiteY45" fmla="*/ 8139 h 10000"/>
                  <a:gd name="connsiteX46" fmla="*/ 8085 w 10000"/>
                  <a:gd name="connsiteY46" fmla="*/ 8227 h 10000"/>
                  <a:gd name="connsiteX47" fmla="*/ 8112 w 10000"/>
                  <a:gd name="connsiteY47" fmla="*/ 8301 h 10000"/>
                  <a:gd name="connsiteX48" fmla="*/ 8112 w 10000"/>
                  <a:gd name="connsiteY48" fmla="*/ 8405 h 10000"/>
                  <a:gd name="connsiteX49" fmla="*/ 8059 w 10000"/>
                  <a:gd name="connsiteY49" fmla="*/ 8523 h 10000"/>
                  <a:gd name="connsiteX50" fmla="*/ 7978 w 10000"/>
                  <a:gd name="connsiteY50" fmla="*/ 8641 h 10000"/>
                  <a:gd name="connsiteX51" fmla="*/ 7633 w 10000"/>
                  <a:gd name="connsiteY51" fmla="*/ 8552 h 10000"/>
                  <a:gd name="connsiteX52" fmla="*/ 7313 w 10000"/>
                  <a:gd name="connsiteY52" fmla="*/ 8449 h 10000"/>
                  <a:gd name="connsiteX53" fmla="*/ 6994 w 10000"/>
                  <a:gd name="connsiteY53" fmla="*/ 8360 h 10000"/>
                  <a:gd name="connsiteX54" fmla="*/ 6674 w 10000"/>
                  <a:gd name="connsiteY54" fmla="*/ 8287 h 10000"/>
                  <a:gd name="connsiteX55" fmla="*/ 6541 w 10000"/>
                  <a:gd name="connsiteY55" fmla="*/ 8449 h 10000"/>
                  <a:gd name="connsiteX56" fmla="*/ 6437 w 10000"/>
                  <a:gd name="connsiteY56" fmla="*/ 8597 h 10000"/>
                  <a:gd name="connsiteX57" fmla="*/ 6382 w 10000"/>
                  <a:gd name="connsiteY57" fmla="*/ 8656 h 10000"/>
                  <a:gd name="connsiteX58" fmla="*/ 6276 w 10000"/>
                  <a:gd name="connsiteY58" fmla="*/ 8700 h 10000"/>
                  <a:gd name="connsiteX59" fmla="*/ 6197 w 10000"/>
                  <a:gd name="connsiteY59" fmla="*/ 8744 h 10000"/>
                  <a:gd name="connsiteX60" fmla="*/ 6117 w 10000"/>
                  <a:gd name="connsiteY60" fmla="*/ 8774 h 10000"/>
                  <a:gd name="connsiteX61" fmla="*/ 6037 w 10000"/>
                  <a:gd name="connsiteY61" fmla="*/ 8804 h 10000"/>
                  <a:gd name="connsiteX62" fmla="*/ 5931 w 10000"/>
                  <a:gd name="connsiteY62" fmla="*/ 8818 h 10000"/>
                  <a:gd name="connsiteX63" fmla="*/ 5797 w 10000"/>
                  <a:gd name="connsiteY63" fmla="*/ 8833 h 10000"/>
                  <a:gd name="connsiteX64" fmla="*/ 5665 w 10000"/>
                  <a:gd name="connsiteY64" fmla="*/ 8833 h 10000"/>
                  <a:gd name="connsiteX65" fmla="*/ 5347 w 10000"/>
                  <a:gd name="connsiteY65" fmla="*/ 8818 h 10000"/>
                  <a:gd name="connsiteX66" fmla="*/ 4946 w 10000"/>
                  <a:gd name="connsiteY66" fmla="*/ 8744 h 10000"/>
                  <a:gd name="connsiteX67" fmla="*/ 4946 w 10000"/>
                  <a:gd name="connsiteY67" fmla="*/ 8922 h 10000"/>
                  <a:gd name="connsiteX68" fmla="*/ 4919 w 10000"/>
                  <a:gd name="connsiteY68" fmla="*/ 9069 h 10000"/>
                  <a:gd name="connsiteX69" fmla="*/ 4894 w 10000"/>
                  <a:gd name="connsiteY69" fmla="*/ 9232 h 10000"/>
                  <a:gd name="connsiteX70" fmla="*/ 4867 w 10000"/>
                  <a:gd name="connsiteY70" fmla="*/ 9365 h 10000"/>
                  <a:gd name="connsiteX71" fmla="*/ 4813 w 10000"/>
                  <a:gd name="connsiteY71" fmla="*/ 9498 h 10000"/>
                  <a:gd name="connsiteX72" fmla="*/ 4708 w 10000"/>
                  <a:gd name="connsiteY72" fmla="*/ 9616 h 10000"/>
                  <a:gd name="connsiteX73" fmla="*/ 4628 w 10000"/>
                  <a:gd name="connsiteY73" fmla="*/ 9734 h 10000"/>
                  <a:gd name="connsiteX74" fmla="*/ 4494 w 10000"/>
                  <a:gd name="connsiteY74" fmla="*/ 9838 h 10000"/>
                  <a:gd name="connsiteX75" fmla="*/ 4173 w 10000"/>
                  <a:gd name="connsiteY75" fmla="*/ 9897 h 10000"/>
                  <a:gd name="connsiteX76" fmla="*/ 3910 w 10000"/>
                  <a:gd name="connsiteY76" fmla="*/ 9941 h 10000"/>
                  <a:gd name="connsiteX77" fmla="*/ 3590 w 10000"/>
                  <a:gd name="connsiteY77" fmla="*/ 9985 h 10000"/>
                  <a:gd name="connsiteX78" fmla="*/ 3351 w 10000"/>
                  <a:gd name="connsiteY78" fmla="*/ 10000 h 10000"/>
                  <a:gd name="connsiteX79" fmla="*/ 2819 w 10000"/>
                  <a:gd name="connsiteY79" fmla="*/ 10000 h 10000"/>
                  <a:gd name="connsiteX80" fmla="*/ 2313 w 10000"/>
                  <a:gd name="connsiteY80" fmla="*/ 9985 h 10000"/>
                  <a:gd name="connsiteX81" fmla="*/ 1836 w 10000"/>
                  <a:gd name="connsiteY81" fmla="*/ 9941 h 10000"/>
                  <a:gd name="connsiteX82" fmla="*/ 1330 w 10000"/>
                  <a:gd name="connsiteY82" fmla="*/ 9911 h 10000"/>
                  <a:gd name="connsiteX83" fmla="*/ 1038 w 10000"/>
                  <a:gd name="connsiteY83" fmla="*/ 9911 h 10000"/>
                  <a:gd name="connsiteX84" fmla="*/ 771 w 10000"/>
                  <a:gd name="connsiteY84" fmla="*/ 9911 h 10000"/>
                  <a:gd name="connsiteX85" fmla="*/ 479 w 10000"/>
                  <a:gd name="connsiteY85" fmla="*/ 9926 h 10000"/>
                  <a:gd name="connsiteX86" fmla="*/ 186 w 10000"/>
                  <a:gd name="connsiteY86" fmla="*/ 9970 h 10000"/>
                  <a:gd name="connsiteX87" fmla="*/ 107 w 10000"/>
                  <a:gd name="connsiteY87" fmla="*/ 9867 h 10000"/>
                  <a:gd name="connsiteX88" fmla="*/ 54 w 10000"/>
                  <a:gd name="connsiteY88" fmla="*/ 9793 h 10000"/>
                  <a:gd name="connsiteX89" fmla="*/ 0 w 10000"/>
                  <a:gd name="connsiteY89" fmla="*/ 9705 h 10000"/>
                  <a:gd name="connsiteX90" fmla="*/ 0 w 10000"/>
                  <a:gd name="connsiteY90" fmla="*/ 9601 h 10000"/>
                  <a:gd name="connsiteX91" fmla="*/ 54 w 10000"/>
                  <a:gd name="connsiteY91" fmla="*/ 9424 h 10000"/>
                  <a:gd name="connsiteX92" fmla="*/ 107 w 10000"/>
                  <a:gd name="connsiteY92" fmla="*/ 9202 h 10000"/>
                  <a:gd name="connsiteX93" fmla="*/ 158 w 10000"/>
                  <a:gd name="connsiteY93" fmla="*/ 8996 h 10000"/>
                  <a:gd name="connsiteX94" fmla="*/ 213 w 10000"/>
                  <a:gd name="connsiteY94" fmla="*/ 8759 h 10000"/>
                  <a:gd name="connsiteX95" fmla="*/ 239 w 10000"/>
                  <a:gd name="connsiteY95" fmla="*/ 8641 h 10000"/>
                  <a:gd name="connsiteX96" fmla="*/ 239 w 10000"/>
                  <a:gd name="connsiteY96" fmla="*/ 8538 h 10000"/>
                  <a:gd name="connsiteX97" fmla="*/ 213 w 10000"/>
                  <a:gd name="connsiteY97" fmla="*/ 8405 h 10000"/>
                  <a:gd name="connsiteX98" fmla="*/ 186 w 10000"/>
                  <a:gd name="connsiteY98" fmla="*/ 8287 h 10000"/>
                  <a:gd name="connsiteX99" fmla="*/ 452 w 10000"/>
                  <a:gd name="connsiteY99" fmla="*/ 8213 h 10000"/>
                  <a:gd name="connsiteX100" fmla="*/ 718 w 10000"/>
                  <a:gd name="connsiteY100" fmla="*/ 8139 h 10000"/>
                  <a:gd name="connsiteX101" fmla="*/ 984 w 10000"/>
                  <a:gd name="connsiteY101" fmla="*/ 8095 h 10000"/>
                  <a:gd name="connsiteX102" fmla="*/ 1277 w 10000"/>
                  <a:gd name="connsiteY102" fmla="*/ 8065 h 10000"/>
                  <a:gd name="connsiteX103" fmla="*/ 1807 w 10000"/>
                  <a:gd name="connsiteY103" fmla="*/ 8021 h 10000"/>
                  <a:gd name="connsiteX104" fmla="*/ 2341 w 10000"/>
                  <a:gd name="connsiteY104" fmla="*/ 7976 h 10000"/>
                  <a:gd name="connsiteX105" fmla="*/ 2580 w 10000"/>
                  <a:gd name="connsiteY105" fmla="*/ 7947 h 10000"/>
                  <a:gd name="connsiteX106" fmla="*/ 2819 w 10000"/>
                  <a:gd name="connsiteY106" fmla="*/ 7917 h 10000"/>
                  <a:gd name="connsiteX107" fmla="*/ 3030 w 10000"/>
                  <a:gd name="connsiteY107" fmla="*/ 7843 h 10000"/>
                  <a:gd name="connsiteX108" fmla="*/ 3244 w 10000"/>
                  <a:gd name="connsiteY108" fmla="*/ 7784 h 10000"/>
                  <a:gd name="connsiteX109" fmla="*/ 3431 w 10000"/>
                  <a:gd name="connsiteY109" fmla="*/ 7710 h 10000"/>
                  <a:gd name="connsiteX110" fmla="*/ 3590 w 10000"/>
                  <a:gd name="connsiteY110" fmla="*/ 7592 h 10000"/>
                  <a:gd name="connsiteX111" fmla="*/ 3750 w 10000"/>
                  <a:gd name="connsiteY111" fmla="*/ 7474 h 10000"/>
                  <a:gd name="connsiteX112" fmla="*/ 3856 w 10000"/>
                  <a:gd name="connsiteY112" fmla="*/ 7312 h 10000"/>
                  <a:gd name="connsiteX113" fmla="*/ 3644 w 10000"/>
                  <a:gd name="connsiteY113" fmla="*/ 7238 h 10000"/>
                  <a:gd name="connsiteX114" fmla="*/ 3456 w 10000"/>
                  <a:gd name="connsiteY114" fmla="*/ 7179 h 10000"/>
                  <a:gd name="connsiteX115" fmla="*/ 3297 w 10000"/>
                  <a:gd name="connsiteY115" fmla="*/ 7090 h 10000"/>
                  <a:gd name="connsiteX116" fmla="*/ 3139 w 10000"/>
                  <a:gd name="connsiteY116" fmla="*/ 6987 h 10000"/>
                  <a:gd name="connsiteX117" fmla="*/ 3030 w 10000"/>
                  <a:gd name="connsiteY117" fmla="*/ 6869 h 10000"/>
                  <a:gd name="connsiteX118" fmla="*/ 2980 w 10000"/>
                  <a:gd name="connsiteY118" fmla="*/ 6721 h 10000"/>
                  <a:gd name="connsiteX119" fmla="*/ 2952 w 10000"/>
                  <a:gd name="connsiteY119" fmla="*/ 6558 h 10000"/>
                  <a:gd name="connsiteX120" fmla="*/ 2980 w 10000"/>
                  <a:gd name="connsiteY120" fmla="*/ 6352 h 10000"/>
                  <a:gd name="connsiteX121" fmla="*/ 2846 w 10000"/>
                  <a:gd name="connsiteY121" fmla="*/ 6322 h 10000"/>
                  <a:gd name="connsiteX122" fmla="*/ 2687 w 10000"/>
                  <a:gd name="connsiteY122" fmla="*/ 6292 h 10000"/>
                  <a:gd name="connsiteX123" fmla="*/ 2501 w 10000"/>
                  <a:gd name="connsiteY123" fmla="*/ 6278 h 10000"/>
                  <a:gd name="connsiteX124" fmla="*/ 2313 w 10000"/>
                  <a:gd name="connsiteY124" fmla="*/ 6263 h 10000"/>
                  <a:gd name="connsiteX125" fmla="*/ 1942 w 10000"/>
                  <a:gd name="connsiteY125" fmla="*/ 6248 h 10000"/>
                  <a:gd name="connsiteX126" fmla="*/ 1543 w 10000"/>
                  <a:gd name="connsiteY126" fmla="*/ 6263 h 10000"/>
                  <a:gd name="connsiteX127" fmla="*/ 1198 w 10000"/>
                  <a:gd name="connsiteY127" fmla="*/ 6278 h 10000"/>
                  <a:gd name="connsiteX128" fmla="*/ 877 w 10000"/>
                  <a:gd name="connsiteY128" fmla="*/ 6278 h 10000"/>
                  <a:gd name="connsiteX129" fmla="*/ 613 w 10000"/>
                  <a:gd name="connsiteY129" fmla="*/ 6263 h 10000"/>
                  <a:gd name="connsiteX130" fmla="*/ 399 w 10000"/>
                  <a:gd name="connsiteY130" fmla="*/ 6233 h 10000"/>
                  <a:gd name="connsiteX131" fmla="*/ 663 w 10000"/>
                  <a:gd name="connsiteY131" fmla="*/ 5805 h 10000"/>
                  <a:gd name="connsiteX132" fmla="*/ 958 w 10000"/>
                  <a:gd name="connsiteY132" fmla="*/ 5391 h 10000"/>
                  <a:gd name="connsiteX133" fmla="*/ 1065 w 10000"/>
                  <a:gd name="connsiteY133" fmla="*/ 5170 h 10000"/>
                  <a:gd name="connsiteX134" fmla="*/ 1143 w 10000"/>
                  <a:gd name="connsiteY134" fmla="*/ 4963 h 10000"/>
                  <a:gd name="connsiteX135" fmla="*/ 1169 w 10000"/>
                  <a:gd name="connsiteY135" fmla="*/ 4860 h 10000"/>
                  <a:gd name="connsiteX136" fmla="*/ 1143 w 10000"/>
                  <a:gd name="connsiteY136" fmla="*/ 4756 h 10000"/>
                  <a:gd name="connsiteX137" fmla="*/ 1117 w 10000"/>
                  <a:gd name="connsiteY137" fmla="*/ 4653 h 10000"/>
                  <a:gd name="connsiteX138" fmla="*/ 1038 w 10000"/>
                  <a:gd name="connsiteY138" fmla="*/ 4549 h 10000"/>
                  <a:gd name="connsiteX139" fmla="*/ 1330 w 10000"/>
                  <a:gd name="connsiteY139" fmla="*/ 4520 h 10000"/>
                  <a:gd name="connsiteX140" fmla="*/ 1543 w 10000"/>
                  <a:gd name="connsiteY140" fmla="*/ 4505 h 10000"/>
                  <a:gd name="connsiteX141" fmla="*/ 1729 w 10000"/>
                  <a:gd name="connsiteY141" fmla="*/ 4505 h 10000"/>
                  <a:gd name="connsiteX142" fmla="*/ 1888 w 10000"/>
                  <a:gd name="connsiteY142" fmla="*/ 4520 h 10000"/>
                  <a:gd name="connsiteX143" fmla="*/ 2022 w 10000"/>
                  <a:gd name="connsiteY143" fmla="*/ 4520 h 10000"/>
                  <a:gd name="connsiteX144" fmla="*/ 2181 w 10000"/>
                  <a:gd name="connsiteY144" fmla="*/ 4520 h 10000"/>
                  <a:gd name="connsiteX145" fmla="*/ 2341 w 10000"/>
                  <a:gd name="connsiteY145" fmla="*/ 4490 h 10000"/>
                  <a:gd name="connsiteX146" fmla="*/ 2552 w 10000"/>
                  <a:gd name="connsiteY146" fmla="*/ 4446 h 10000"/>
                  <a:gd name="connsiteX147" fmla="*/ 2552 w 10000"/>
                  <a:gd name="connsiteY147" fmla="*/ 4579 h 10000"/>
                  <a:gd name="connsiteX148" fmla="*/ 2552 w 10000"/>
                  <a:gd name="connsiteY148" fmla="*/ 4742 h 10000"/>
                  <a:gd name="connsiteX149" fmla="*/ 2552 w 10000"/>
                  <a:gd name="connsiteY149" fmla="*/ 4874 h 10000"/>
                  <a:gd name="connsiteX150" fmla="*/ 2552 w 10000"/>
                  <a:gd name="connsiteY150" fmla="*/ 5037 h 10000"/>
                  <a:gd name="connsiteX151" fmla="*/ 2792 w 10000"/>
                  <a:gd name="connsiteY151" fmla="*/ 5022 h 10000"/>
                  <a:gd name="connsiteX152" fmla="*/ 2952 w 10000"/>
                  <a:gd name="connsiteY152" fmla="*/ 5037 h 10000"/>
                  <a:gd name="connsiteX153" fmla="*/ 3085 w 10000"/>
                  <a:gd name="connsiteY153" fmla="*/ 5066 h 10000"/>
                  <a:gd name="connsiteX154" fmla="*/ 3218 w 10000"/>
                  <a:gd name="connsiteY154" fmla="*/ 5096 h 10000"/>
                  <a:gd name="connsiteX155" fmla="*/ 3325 w 10000"/>
                  <a:gd name="connsiteY155" fmla="*/ 5126 h 10000"/>
                  <a:gd name="connsiteX156" fmla="*/ 3456 w 10000"/>
                  <a:gd name="connsiteY156" fmla="*/ 5155 h 10000"/>
                  <a:gd name="connsiteX157" fmla="*/ 3617 w 10000"/>
                  <a:gd name="connsiteY157" fmla="*/ 5170 h 10000"/>
                  <a:gd name="connsiteX158" fmla="*/ 3856 w 10000"/>
                  <a:gd name="connsiteY158" fmla="*/ 5155 h 10000"/>
                  <a:gd name="connsiteX159" fmla="*/ 3936 w 10000"/>
                  <a:gd name="connsiteY159" fmla="*/ 5096 h 10000"/>
                  <a:gd name="connsiteX160" fmla="*/ 4015 w 10000"/>
                  <a:gd name="connsiteY160" fmla="*/ 5022 h 10000"/>
                  <a:gd name="connsiteX161" fmla="*/ 4042 w 10000"/>
                  <a:gd name="connsiteY161" fmla="*/ 4934 h 10000"/>
                  <a:gd name="connsiteX162" fmla="*/ 4070 w 10000"/>
                  <a:gd name="connsiteY162" fmla="*/ 4860 h 10000"/>
                  <a:gd name="connsiteX163" fmla="*/ 4095 w 10000"/>
                  <a:gd name="connsiteY163" fmla="*/ 4697 h 10000"/>
                  <a:gd name="connsiteX164" fmla="*/ 4070 w 10000"/>
                  <a:gd name="connsiteY164" fmla="*/ 4520 h 10000"/>
                  <a:gd name="connsiteX165" fmla="*/ 3989 w 10000"/>
                  <a:gd name="connsiteY165" fmla="*/ 4343 h 10000"/>
                  <a:gd name="connsiteX166" fmla="*/ 3910 w 10000"/>
                  <a:gd name="connsiteY166" fmla="*/ 4195 h 10000"/>
                  <a:gd name="connsiteX167" fmla="*/ 3776 w 10000"/>
                  <a:gd name="connsiteY167" fmla="*/ 4047 h 10000"/>
                  <a:gd name="connsiteX168" fmla="*/ 3644 w 10000"/>
                  <a:gd name="connsiteY168" fmla="*/ 3959 h 10000"/>
                  <a:gd name="connsiteX169" fmla="*/ 3803 w 10000"/>
                  <a:gd name="connsiteY169" fmla="*/ 3944 h 10000"/>
                  <a:gd name="connsiteX170" fmla="*/ 3936 w 10000"/>
                  <a:gd name="connsiteY170" fmla="*/ 3914 h 10000"/>
                  <a:gd name="connsiteX171" fmla="*/ 4042 w 10000"/>
                  <a:gd name="connsiteY171" fmla="*/ 3855 h 10000"/>
                  <a:gd name="connsiteX172" fmla="*/ 4173 w 10000"/>
                  <a:gd name="connsiteY172" fmla="*/ 3752 h 10000"/>
                  <a:gd name="connsiteX173" fmla="*/ 4308 w 10000"/>
                  <a:gd name="connsiteY173" fmla="*/ 3663 h 10000"/>
                  <a:gd name="connsiteX174" fmla="*/ 4414 w 10000"/>
                  <a:gd name="connsiteY174" fmla="*/ 3560 h 10000"/>
                  <a:gd name="connsiteX175" fmla="*/ 4494 w 10000"/>
                  <a:gd name="connsiteY175" fmla="*/ 3442 h 10000"/>
                  <a:gd name="connsiteX176" fmla="*/ 4575 w 10000"/>
                  <a:gd name="connsiteY176" fmla="*/ 3323 h 10000"/>
                  <a:gd name="connsiteX177" fmla="*/ 4628 w 10000"/>
                  <a:gd name="connsiteY177" fmla="*/ 3220 h 10000"/>
                  <a:gd name="connsiteX178" fmla="*/ 4653 w 10000"/>
                  <a:gd name="connsiteY178" fmla="*/ 3102 h 10000"/>
                  <a:gd name="connsiteX179" fmla="*/ 4681 w 10000"/>
                  <a:gd name="connsiteY179" fmla="*/ 3013 h 10000"/>
                  <a:gd name="connsiteX180" fmla="*/ 4653 w 10000"/>
                  <a:gd name="connsiteY180" fmla="*/ 2939 h 10000"/>
                  <a:gd name="connsiteX181" fmla="*/ 4628 w 10000"/>
                  <a:gd name="connsiteY181" fmla="*/ 2866 h 10000"/>
                  <a:gd name="connsiteX182" fmla="*/ 4548 w 10000"/>
                  <a:gd name="connsiteY182" fmla="*/ 2836 h 10000"/>
                  <a:gd name="connsiteX183" fmla="*/ 4442 w 10000"/>
                  <a:gd name="connsiteY183" fmla="*/ 2836 h 10000"/>
                  <a:gd name="connsiteX184" fmla="*/ 4308 w 10000"/>
                  <a:gd name="connsiteY184" fmla="*/ 2866 h 10000"/>
                  <a:gd name="connsiteX185" fmla="*/ 4414 w 10000"/>
                  <a:gd name="connsiteY185" fmla="*/ 2777 h 10000"/>
                  <a:gd name="connsiteX186" fmla="*/ 4469 w 10000"/>
                  <a:gd name="connsiteY186" fmla="*/ 2674 h 10000"/>
                  <a:gd name="connsiteX187" fmla="*/ 4494 w 10000"/>
                  <a:gd name="connsiteY187" fmla="*/ 2541 h 10000"/>
                  <a:gd name="connsiteX188" fmla="*/ 4494 w 10000"/>
                  <a:gd name="connsiteY188" fmla="*/ 2393 h 10000"/>
                  <a:gd name="connsiteX189" fmla="*/ 4520 w 10000"/>
                  <a:gd name="connsiteY189" fmla="*/ 2349 h 10000"/>
                  <a:gd name="connsiteX190" fmla="*/ 4575 w 10000"/>
                  <a:gd name="connsiteY190" fmla="*/ 2304 h 10000"/>
                  <a:gd name="connsiteX191" fmla="*/ 4628 w 10000"/>
                  <a:gd name="connsiteY191" fmla="*/ 2290 h 10000"/>
                  <a:gd name="connsiteX192" fmla="*/ 4708 w 10000"/>
                  <a:gd name="connsiteY192" fmla="*/ 2275 h 10000"/>
                  <a:gd name="connsiteX193" fmla="*/ 4946 w 10000"/>
                  <a:gd name="connsiteY193" fmla="*/ 2260 h 10000"/>
                  <a:gd name="connsiteX194" fmla="*/ 5158 w 10000"/>
                  <a:gd name="connsiteY194" fmla="*/ 2275 h 10000"/>
                  <a:gd name="connsiteX195" fmla="*/ 5132 w 10000"/>
                  <a:gd name="connsiteY195" fmla="*/ 2112 h 10000"/>
                  <a:gd name="connsiteX196" fmla="*/ 5080 w 10000"/>
                  <a:gd name="connsiteY196" fmla="*/ 1950 h 10000"/>
                  <a:gd name="connsiteX197" fmla="*/ 4999 w 10000"/>
                  <a:gd name="connsiteY197" fmla="*/ 1802 h 10000"/>
                  <a:gd name="connsiteX198" fmla="*/ 4894 w 10000"/>
                  <a:gd name="connsiteY198" fmla="*/ 1640 h 10000"/>
                  <a:gd name="connsiteX199" fmla="*/ 4628 w 10000"/>
                  <a:gd name="connsiteY199" fmla="*/ 1329 h 10000"/>
                  <a:gd name="connsiteX200" fmla="*/ 4362 w 10000"/>
                  <a:gd name="connsiteY200" fmla="*/ 1034 h 10000"/>
                  <a:gd name="connsiteX201" fmla="*/ 4228 w 10000"/>
                  <a:gd name="connsiteY201" fmla="*/ 901 h 10000"/>
                  <a:gd name="connsiteX202" fmla="*/ 4124 w 10000"/>
                  <a:gd name="connsiteY202" fmla="*/ 753 h 10000"/>
                  <a:gd name="connsiteX203" fmla="*/ 4042 w 10000"/>
                  <a:gd name="connsiteY203" fmla="*/ 620 h 10000"/>
                  <a:gd name="connsiteX204" fmla="*/ 4015 w 10000"/>
                  <a:gd name="connsiteY204" fmla="*/ 487 h 10000"/>
                  <a:gd name="connsiteX205" fmla="*/ 3989 w 10000"/>
                  <a:gd name="connsiteY205" fmla="*/ 355 h 10000"/>
                  <a:gd name="connsiteX206" fmla="*/ 4042 w 10000"/>
                  <a:gd name="connsiteY206" fmla="*/ 222 h 10000"/>
                  <a:gd name="connsiteX207" fmla="*/ 4070 w 10000"/>
                  <a:gd name="connsiteY207" fmla="*/ 162 h 10000"/>
                  <a:gd name="connsiteX208" fmla="*/ 4124 w 10000"/>
                  <a:gd name="connsiteY208" fmla="*/ 103 h 10000"/>
                  <a:gd name="connsiteX209" fmla="*/ 4203 w 10000"/>
                  <a:gd name="connsiteY209" fmla="*/ 59 h 10000"/>
                  <a:gd name="connsiteX210" fmla="*/ 4308 w 10000"/>
                  <a:gd name="connsiteY210" fmla="*/ 0 h 10000"/>
                  <a:gd name="connsiteX211" fmla="*/ 4494 w 10000"/>
                  <a:gd name="connsiteY211" fmla="*/ 0 h 10000"/>
                  <a:gd name="connsiteX212" fmla="*/ 4681 w 10000"/>
                  <a:gd name="connsiteY212" fmla="*/ 15 h 10000"/>
                  <a:gd name="connsiteX213" fmla="*/ 4867 w 10000"/>
                  <a:gd name="connsiteY213" fmla="*/ 44 h 10000"/>
                  <a:gd name="connsiteX214" fmla="*/ 4999 w 10000"/>
                  <a:gd name="connsiteY214" fmla="*/ 89 h 10000"/>
                  <a:gd name="connsiteX215" fmla="*/ 5213 w 10000"/>
                  <a:gd name="connsiteY215" fmla="*/ 192 h 10000"/>
                  <a:gd name="connsiteX216" fmla="*/ 5425 w 10000"/>
                  <a:gd name="connsiteY216" fmla="*/ 340 h 10000"/>
                  <a:gd name="connsiteX217" fmla="*/ 5585 w 10000"/>
                  <a:gd name="connsiteY217" fmla="*/ 473 h 10000"/>
                  <a:gd name="connsiteX218" fmla="*/ 5797 w 10000"/>
                  <a:gd name="connsiteY218" fmla="*/ 591 h 10000"/>
                  <a:gd name="connsiteX219" fmla="*/ 5931 w 10000"/>
                  <a:gd name="connsiteY219" fmla="*/ 650 h 10000"/>
                  <a:gd name="connsiteX220" fmla="*/ 6090 w 10000"/>
                  <a:gd name="connsiteY220" fmla="*/ 679 h 10000"/>
                  <a:gd name="connsiteX221" fmla="*/ 6251 w 10000"/>
                  <a:gd name="connsiteY221" fmla="*/ 709 h 10000"/>
                  <a:gd name="connsiteX222" fmla="*/ 6463 w 10000"/>
                  <a:gd name="connsiteY222" fmla="*/ 709 h 10000"/>
                  <a:gd name="connsiteX223" fmla="*/ 6463 w 10000"/>
                  <a:gd name="connsiteY223" fmla="*/ 768 h 10000"/>
                  <a:gd name="connsiteX224" fmla="*/ 6490 w 10000"/>
                  <a:gd name="connsiteY224" fmla="*/ 842 h 10000"/>
                  <a:gd name="connsiteX225" fmla="*/ 6541 w 10000"/>
                  <a:gd name="connsiteY225" fmla="*/ 916 h 10000"/>
                  <a:gd name="connsiteX226" fmla="*/ 6595 w 10000"/>
                  <a:gd name="connsiteY226" fmla="*/ 990 h 10000"/>
                  <a:gd name="connsiteX227" fmla="*/ 6674 w 10000"/>
                  <a:gd name="connsiteY227" fmla="*/ 1049 h 10000"/>
                  <a:gd name="connsiteX228" fmla="*/ 6780 w 10000"/>
                  <a:gd name="connsiteY228" fmla="*/ 1108 h 10000"/>
                  <a:gd name="connsiteX229" fmla="*/ 6914 w 10000"/>
                  <a:gd name="connsiteY229" fmla="*/ 1182 h 10000"/>
                  <a:gd name="connsiteX230" fmla="*/ 7020 w 10000"/>
                  <a:gd name="connsiteY230" fmla="*/ 1226 h 10000"/>
                  <a:gd name="connsiteX231" fmla="*/ 7127 w 10000"/>
                  <a:gd name="connsiteY231" fmla="*/ 1270 h 10000"/>
                  <a:gd name="connsiteX232" fmla="*/ 7234 w 10000"/>
                  <a:gd name="connsiteY232" fmla="*/ 1300 h 10000"/>
                  <a:gd name="connsiteX233" fmla="*/ 7340 w 10000"/>
                  <a:gd name="connsiteY233" fmla="*/ 1315 h 10000"/>
                  <a:gd name="connsiteX234" fmla="*/ 7474 w 10000"/>
                  <a:gd name="connsiteY234" fmla="*/ 1300 h 10000"/>
                  <a:gd name="connsiteX235" fmla="*/ 7580 w 10000"/>
                  <a:gd name="connsiteY235" fmla="*/ 1285 h 10000"/>
                  <a:gd name="connsiteX236" fmla="*/ 7659 w 10000"/>
                  <a:gd name="connsiteY236" fmla="*/ 1241 h 10000"/>
                  <a:gd name="connsiteX237" fmla="*/ 7714 w 10000"/>
                  <a:gd name="connsiteY237" fmla="*/ 1167 h 10000"/>
                  <a:gd name="connsiteX238" fmla="*/ 7738 w 10000"/>
                  <a:gd name="connsiteY238" fmla="*/ 1064 h 10000"/>
                  <a:gd name="connsiteX239" fmla="*/ 8138 w 10000"/>
                  <a:gd name="connsiteY239" fmla="*/ 1034 h 10000"/>
                  <a:gd name="connsiteX240" fmla="*/ 8509 w 10000"/>
                  <a:gd name="connsiteY240" fmla="*/ 1004 h 10000"/>
                  <a:gd name="connsiteX241" fmla="*/ 8830 w 10000"/>
                  <a:gd name="connsiteY241" fmla="*/ 990 h 10000"/>
                  <a:gd name="connsiteX242" fmla="*/ 9123 w 10000"/>
                  <a:gd name="connsiteY242" fmla="*/ 1004 h 10000"/>
                  <a:gd name="connsiteX243" fmla="*/ 9256 w 10000"/>
                  <a:gd name="connsiteY243" fmla="*/ 1019 h 10000"/>
                  <a:gd name="connsiteX244" fmla="*/ 9387 w 10000"/>
                  <a:gd name="connsiteY244" fmla="*/ 1034 h 10000"/>
                  <a:gd name="connsiteX245" fmla="*/ 9495 w 10000"/>
                  <a:gd name="connsiteY245" fmla="*/ 1064 h 10000"/>
                  <a:gd name="connsiteX246" fmla="*/ 9628 w 10000"/>
                  <a:gd name="connsiteY246" fmla="*/ 1108 h 10000"/>
                  <a:gd name="connsiteX247" fmla="*/ 9707 w 10000"/>
                  <a:gd name="connsiteY247" fmla="*/ 1182 h 10000"/>
                  <a:gd name="connsiteX248" fmla="*/ 9786 w 10000"/>
                  <a:gd name="connsiteY248" fmla="*/ 1241 h 10000"/>
                  <a:gd name="connsiteX249" fmla="*/ 9841 w 10000"/>
                  <a:gd name="connsiteY249" fmla="*/ 1329 h 10000"/>
                  <a:gd name="connsiteX250" fmla="*/ 9893 w 10000"/>
                  <a:gd name="connsiteY250" fmla="*/ 1433 h 10000"/>
                  <a:gd name="connsiteX251" fmla="*/ 9946 w 10000"/>
                  <a:gd name="connsiteY251" fmla="*/ 1551 h 10000"/>
                  <a:gd name="connsiteX252" fmla="*/ 9919 w 10000"/>
                  <a:gd name="connsiteY252" fmla="*/ 1625 h 10000"/>
                  <a:gd name="connsiteX253" fmla="*/ 9893 w 10000"/>
                  <a:gd name="connsiteY253" fmla="*/ 1684 h 10000"/>
                  <a:gd name="connsiteX254" fmla="*/ 9841 w 10000"/>
                  <a:gd name="connsiteY254" fmla="*/ 1758 h 10000"/>
                  <a:gd name="connsiteX255" fmla="*/ 9761 w 10000"/>
                  <a:gd name="connsiteY255" fmla="*/ 1802 h 10000"/>
                  <a:gd name="connsiteX256" fmla="*/ 9707 w 10000"/>
                  <a:gd name="connsiteY256" fmla="*/ 1861 h 10000"/>
                  <a:gd name="connsiteX257" fmla="*/ 9682 w 10000"/>
                  <a:gd name="connsiteY257" fmla="*/ 1935 h 10000"/>
                  <a:gd name="connsiteX258" fmla="*/ 9707 w 10000"/>
                  <a:gd name="connsiteY258" fmla="*/ 2024 h 10000"/>
                  <a:gd name="connsiteX259" fmla="*/ 10000 w 10000"/>
                  <a:gd name="connsiteY259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7100 w 10000"/>
                  <a:gd name="connsiteY4" fmla="*/ 4801 h 10000"/>
                  <a:gd name="connsiteX5" fmla="*/ 7020 w 10000"/>
                  <a:gd name="connsiteY5" fmla="*/ 4727 h 10000"/>
                  <a:gd name="connsiteX6" fmla="*/ 6674 w 10000"/>
                  <a:gd name="connsiteY6" fmla="*/ 4313 h 10000"/>
                  <a:gd name="connsiteX7" fmla="*/ 9628 w 10000"/>
                  <a:gd name="connsiteY7" fmla="*/ 3338 h 10000"/>
                  <a:gd name="connsiteX8" fmla="*/ 9866 w 10000"/>
                  <a:gd name="connsiteY8" fmla="*/ 3117 h 10000"/>
                  <a:gd name="connsiteX9" fmla="*/ 9893 w 10000"/>
                  <a:gd name="connsiteY9" fmla="*/ 3072 h 10000"/>
                  <a:gd name="connsiteX10" fmla="*/ 9919 w 10000"/>
                  <a:gd name="connsiteY10" fmla="*/ 3013 h 10000"/>
                  <a:gd name="connsiteX11" fmla="*/ 9919 w 10000"/>
                  <a:gd name="connsiteY11" fmla="*/ 2954 h 10000"/>
                  <a:gd name="connsiteX12" fmla="*/ 9893 w 10000"/>
                  <a:gd name="connsiteY12" fmla="*/ 2866 h 10000"/>
                  <a:gd name="connsiteX13" fmla="*/ 9707 w 10000"/>
                  <a:gd name="connsiteY13" fmla="*/ 2984 h 10000"/>
                  <a:gd name="connsiteX14" fmla="*/ 9495 w 10000"/>
                  <a:gd name="connsiteY14" fmla="*/ 3072 h 10000"/>
                  <a:gd name="connsiteX15" fmla="*/ 9281 w 10000"/>
                  <a:gd name="connsiteY15" fmla="*/ 3161 h 10000"/>
                  <a:gd name="connsiteX16" fmla="*/ 9069 w 10000"/>
                  <a:gd name="connsiteY16" fmla="*/ 3250 h 10000"/>
                  <a:gd name="connsiteX17" fmla="*/ 8589 w 10000"/>
                  <a:gd name="connsiteY17" fmla="*/ 3397 h 10000"/>
                  <a:gd name="connsiteX18" fmla="*/ 8085 w 10000"/>
                  <a:gd name="connsiteY18" fmla="*/ 3545 h 10000"/>
                  <a:gd name="connsiteX19" fmla="*/ 7580 w 10000"/>
                  <a:gd name="connsiteY19" fmla="*/ 3678 h 10000"/>
                  <a:gd name="connsiteX20" fmla="*/ 7100 w 10000"/>
                  <a:gd name="connsiteY20" fmla="*/ 3840 h 10000"/>
                  <a:gd name="connsiteX21" fmla="*/ 6861 w 10000"/>
                  <a:gd name="connsiteY21" fmla="*/ 3914 h 10000"/>
                  <a:gd name="connsiteX22" fmla="*/ 6649 w 10000"/>
                  <a:gd name="connsiteY22" fmla="*/ 4003 h 10000"/>
                  <a:gd name="connsiteX23" fmla="*/ 6437 w 10000"/>
                  <a:gd name="connsiteY23" fmla="*/ 4106 h 10000"/>
                  <a:gd name="connsiteX24" fmla="*/ 6222 w 10000"/>
                  <a:gd name="connsiteY24" fmla="*/ 4195 h 10000"/>
                  <a:gd name="connsiteX25" fmla="*/ 6382 w 10000"/>
                  <a:gd name="connsiteY25" fmla="*/ 4417 h 10000"/>
                  <a:gd name="connsiteX26" fmla="*/ 6490 w 10000"/>
                  <a:gd name="connsiteY26" fmla="*/ 4623 h 10000"/>
                  <a:gd name="connsiteX27" fmla="*/ 6475 w 10000"/>
                  <a:gd name="connsiteY27" fmla="*/ 4845 h 10000"/>
                  <a:gd name="connsiteX28" fmla="*/ 6674 w 10000"/>
                  <a:gd name="connsiteY28" fmla="*/ 5081 h 10000"/>
                  <a:gd name="connsiteX29" fmla="*/ 6729 w 10000"/>
                  <a:gd name="connsiteY29" fmla="*/ 5318 h 10000"/>
                  <a:gd name="connsiteX30" fmla="*/ 6756 w 10000"/>
                  <a:gd name="connsiteY30" fmla="*/ 5539 h 10000"/>
                  <a:gd name="connsiteX31" fmla="*/ 6780 w 10000"/>
                  <a:gd name="connsiteY31" fmla="*/ 5775 h 10000"/>
                  <a:gd name="connsiteX32" fmla="*/ 6780 w 10000"/>
                  <a:gd name="connsiteY32" fmla="*/ 5997 h 10000"/>
                  <a:gd name="connsiteX33" fmla="*/ 6756 w 10000"/>
                  <a:gd name="connsiteY33" fmla="*/ 6233 h 10000"/>
                  <a:gd name="connsiteX34" fmla="*/ 6702 w 10000"/>
                  <a:gd name="connsiteY34" fmla="*/ 6470 h 10000"/>
                  <a:gd name="connsiteX35" fmla="*/ 6649 w 10000"/>
                  <a:gd name="connsiteY35" fmla="*/ 6677 h 10000"/>
                  <a:gd name="connsiteX36" fmla="*/ 6569 w 10000"/>
                  <a:gd name="connsiteY36" fmla="*/ 6898 h 10000"/>
                  <a:gd name="connsiteX37" fmla="*/ 6463 w 10000"/>
                  <a:gd name="connsiteY37" fmla="*/ 7105 h 10000"/>
                  <a:gd name="connsiteX38" fmla="*/ 6330 w 10000"/>
                  <a:gd name="connsiteY38" fmla="*/ 7297 h 10000"/>
                  <a:gd name="connsiteX39" fmla="*/ 6170 w 10000"/>
                  <a:gd name="connsiteY39" fmla="*/ 7489 h 10000"/>
                  <a:gd name="connsiteX40" fmla="*/ 6010 w 10000"/>
                  <a:gd name="connsiteY40" fmla="*/ 7681 h 10000"/>
                  <a:gd name="connsiteX41" fmla="*/ 6780 w 10000"/>
                  <a:gd name="connsiteY41" fmla="*/ 7799 h 10000"/>
                  <a:gd name="connsiteX42" fmla="*/ 7580 w 10000"/>
                  <a:gd name="connsiteY42" fmla="*/ 7962 h 10000"/>
                  <a:gd name="connsiteX43" fmla="*/ 7738 w 10000"/>
                  <a:gd name="connsiteY43" fmla="*/ 8021 h 10000"/>
                  <a:gd name="connsiteX44" fmla="*/ 7872 w 10000"/>
                  <a:gd name="connsiteY44" fmla="*/ 8080 h 10000"/>
                  <a:gd name="connsiteX45" fmla="*/ 8004 w 10000"/>
                  <a:gd name="connsiteY45" fmla="*/ 8139 h 10000"/>
                  <a:gd name="connsiteX46" fmla="*/ 8085 w 10000"/>
                  <a:gd name="connsiteY46" fmla="*/ 8227 h 10000"/>
                  <a:gd name="connsiteX47" fmla="*/ 8112 w 10000"/>
                  <a:gd name="connsiteY47" fmla="*/ 8301 h 10000"/>
                  <a:gd name="connsiteX48" fmla="*/ 8112 w 10000"/>
                  <a:gd name="connsiteY48" fmla="*/ 8405 h 10000"/>
                  <a:gd name="connsiteX49" fmla="*/ 8059 w 10000"/>
                  <a:gd name="connsiteY49" fmla="*/ 8523 h 10000"/>
                  <a:gd name="connsiteX50" fmla="*/ 7978 w 10000"/>
                  <a:gd name="connsiteY50" fmla="*/ 8641 h 10000"/>
                  <a:gd name="connsiteX51" fmla="*/ 7633 w 10000"/>
                  <a:gd name="connsiteY51" fmla="*/ 8552 h 10000"/>
                  <a:gd name="connsiteX52" fmla="*/ 7313 w 10000"/>
                  <a:gd name="connsiteY52" fmla="*/ 8449 h 10000"/>
                  <a:gd name="connsiteX53" fmla="*/ 6994 w 10000"/>
                  <a:gd name="connsiteY53" fmla="*/ 8360 h 10000"/>
                  <a:gd name="connsiteX54" fmla="*/ 6674 w 10000"/>
                  <a:gd name="connsiteY54" fmla="*/ 8287 h 10000"/>
                  <a:gd name="connsiteX55" fmla="*/ 6541 w 10000"/>
                  <a:gd name="connsiteY55" fmla="*/ 8449 h 10000"/>
                  <a:gd name="connsiteX56" fmla="*/ 6437 w 10000"/>
                  <a:gd name="connsiteY56" fmla="*/ 8597 h 10000"/>
                  <a:gd name="connsiteX57" fmla="*/ 6382 w 10000"/>
                  <a:gd name="connsiteY57" fmla="*/ 8656 h 10000"/>
                  <a:gd name="connsiteX58" fmla="*/ 6276 w 10000"/>
                  <a:gd name="connsiteY58" fmla="*/ 8700 h 10000"/>
                  <a:gd name="connsiteX59" fmla="*/ 6197 w 10000"/>
                  <a:gd name="connsiteY59" fmla="*/ 8744 h 10000"/>
                  <a:gd name="connsiteX60" fmla="*/ 6117 w 10000"/>
                  <a:gd name="connsiteY60" fmla="*/ 8774 h 10000"/>
                  <a:gd name="connsiteX61" fmla="*/ 6037 w 10000"/>
                  <a:gd name="connsiteY61" fmla="*/ 8804 h 10000"/>
                  <a:gd name="connsiteX62" fmla="*/ 5931 w 10000"/>
                  <a:gd name="connsiteY62" fmla="*/ 8818 h 10000"/>
                  <a:gd name="connsiteX63" fmla="*/ 5797 w 10000"/>
                  <a:gd name="connsiteY63" fmla="*/ 8833 h 10000"/>
                  <a:gd name="connsiteX64" fmla="*/ 5665 w 10000"/>
                  <a:gd name="connsiteY64" fmla="*/ 8833 h 10000"/>
                  <a:gd name="connsiteX65" fmla="*/ 5347 w 10000"/>
                  <a:gd name="connsiteY65" fmla="*/ 8818 h 10000"/>
                  <a:gd name="connsiteX66" fmla="*/ 4946 w 10000"/>
                  <a:gd name="connsiteY66" fmla="*/ 8744 h 10000"/>
                  <a:gd name="connsiteX67" fmla="*/ 4946 w 10000"/>
                  <a:gd name="connsiteY67" fmla="*/ 8922 h 10000"/>
                  <a:gd name="connsiteX68" fmla="*/ 4919 w 10000"/>
                  <a:gd name="connsiteY68" fmla="*/ 9069 h 10000"/>
                  <a:gd name="connsiteX69" fmla="*/ 4894 w 10000"/>
                  <a:gd name="connsiteY69" fmla="*/ 9232 h 10000"/>
                  <a:gd name="connsiteX70" fmla="*/ 4867 w 10000"/>
                  <a:gd name="connsiteY70" fmla="*/ 9365 h 10000"/>
                  <a:gd name="connsiteX71" fmla="*/ 4813 w 10000"/>
                  <a:gd name="connsiteY71" fmla="*/ 9498 h 10000"/>
                  <a:gd name="connsiteX72" fmla="*/ 4708 w 10000"/>
                  <a:gd name="connsiteY72" fmla="*/ 9616 h 10000"/>
                  <a:gd name="connsiteX73" fmla="*/ 4628 w 10000"/>
                  <a:gd name="connsiteY73" fmla="*/ 9734 h 10000"/>
                  <a:gd name="connsiteX74" fmla="*/ 4494 w 10000"/>
                  <a:gd name="connsiteY74" fmla="*/ 9838 h 10000"/>
                  <a:gd name="connsiteX75" fmla="*/ 4173 w 10000"/>
                  <a:gd name="connsiteY75" fmla="*/ 9897 h 10000"/>
                  <a:gd name="connsiteX76" fmla="*/ 3910 w 10000"/>
                  <a:gd name="connsiteY76" fmla="*/ 9941 h 10000"/>
                  <a:gd name="connsiteX77" fmla="*/ 3590 w 10000"/>
                  <a:gd name="connsiteY77" fmla="*/ 9985 h 10000"/>
                  <a:gd name="connsiteX78" fmla="*/ 3351 w 10000"/>
                  <a:gd name="connsiteY78" fmla="*/ 10000 h 10000"/>
                  <a:gd name="connsiteX79" fmla="*/ 2819 w 10000"/>
                  <a:gd name="connsiteY79" fmla="*/ 10000 h 10000"/>
                  <a:gd name="connsiteX80" fmla="*/ 2313 w 10000"/>
                  <a:gd name="connsiteY80" fmla="*/ 9985 h 10000"/>
                  <a:gd name="connsiteX81" fmla="*/ 1836 w 10000"/>
                  <a:gd name="connsiteY81" fmla="*/ 9941 h 10000"/>
                  <a:gd name="connsiteX82" fmla="*/ 1330 w 10000"/>
                  <a:gd name="connsiteY82" fmla="*/ 9911 h 10000"/>
                  <a:gd name="connsiteX83" fmla="*/ 1038 w 10000"/>
                  <a:gd name="connsiteY83" fmla="*/ 9911 h 10000"/>
                  <a:gd name="connsiteX84" fmla="*/ 771 w 10000"/>
                  <a:gd name="connsiteY84" fmla="*/ 9911 h 10000"/>
                  <a:gd name="connsiteX85" fmla="*/ 479 w 10000"/>
                  <a:gd name="connsiteY85" fmla="*/ 9926 h 10000"/>
                  <a:gd name="connsiteX86" fmla="*/ 186 w 10000"/>
                  <a:gd name="connsiteY86" fmla="*/ 9970 h 10000"/>
                  <a:gd name="connsiteX87" fmla="*/ 107 w 10000"/>
                  <a:gd name="connsiteY87" fmla="*/ 9867 h 10000"/>
                  <a:gd name="connsiteX88" fmla="*/ 54 w 10000"/>
                  <a:gd name="connsiteY88" fmla="*/ 9793 h 10000"/>
                  <a:gd name="connsiteX89" fmla="*/ 0 w 10000"/>
                  <a:gd name="connsiteY89" fmla="*/ 9705 h 10000"/>
                  <a:gd name="connsiteX90" fmla="*/ 0 w 10000"/>
                  <a:gd name="connsiteY90" fmla="*/ 9601 h 10000"/>
                  <a:gd name="connsiteX91" fmla="*/ 54 w 10000"/>
                  <a:gd name="connsiteY91" fmla="*/ 9424 h 10000"/>
                  <a:gd name="connsiteX92" fmla="*/ 107 w 10000"/>
                  <a:gd name="connsiteY92" fmla="*/ 9202 h 10000"/>
                  <a:gd name="connsiteX93" fmla="*/ 158 w 10000"/>
                  <a:gd name="connsiteY93" fmla="*/ 8996 h 10000"/>
                  <a:gd name="connsiteX94" fmla="*/ 213 w 10000"/>
                  <a:gd name="connsiteY94" fmla="*/ 8759 h 10000"/>
                  <a:gd name="connsiteX95" fmla="*/ 239 w 10000"/>
                  <a:gd name="connsiteY95" fmla="*/ 8641 h 10000"/>
                  <a:gd name="connsiteX96" fmla="*/ 239 w 10000"/>
                  <a:gd name="connsiteY96" fmla="*/ 8538 h 10000"/>
                  <a:gd name="connsiteX97" fmla="*/ 213 w 10000"/>
                  <a:gd name="connsiteY97" fmla="*/ 8405 h 10000"/>
                  <a:gd name="connsiteX98" fmla="*/ 186 w 10000"/>
                  <a:gd name="connsiteY98" fmla="*/ 8287 h 10000"/>
                  <a:gd name="connsiteX99" fmla="*/ 452 w 10000"/>
                  <a:gd name="connsiteY99" fmla="*/ 8213 h 10000"/>
                  <a:gd name="connsiteX100" fmla="*/ 718 w 10000"/>
                  <a:gd name="connsiteY100" fmla="*/ 8139 h 10000"/>
                  <a:gd name="connsiteX101" fmla="*/ 984 w 10000"/>
                  <a:gd name="connsiteY101" fmla="*/ 8095 h 10000"/>
                  <a:gd name="connsiteX102" fmla="*/ 1277 w 10000"/>
                  <a:gd name="connsiteY102" fmla="*/ 8065 h 10000"/>
                  <a:gd name="connsiteX103" fmla="*/ 1807 w 10000"/>
                  <a:gd name="connsiteY103" fmla="*/ 8021 h 10000"/>
                  <a:gd name="connsiteX104" fmla="*/ 2341 w 10000"/>
                  <a:gd name="connsiteY104" fmla="*/ 7976 h 10000"/>
                  <a:gd name="connsiteX105" fmla="*/ 2580 w 10000"/>
                  <a:gd name="connsiteY105" fmla="*/ 7947 h 10000"/>
                  <a:gd name="connsiteX106" fmla="*/ 2819 w 10000"/>
                  <a:gd name="connsiteY106" fmla="*/ 7917 h 10000"/>
                  <a:gd name="connsiteX107" fmla="*/ 3030 w 10000"/>
                  <a:gd name="connsiteY107" fmla="*/ 7843 h 10000"/>
                  <a:gd name="connsiteX108" fmla="*/ 3244 w 10000"/>
                  <a:gd name="connsiteY108" fmla="*/ 7784 h 10000"/>
                  <a:gd name="connsiteX109" fmla="*/ 3431 w 10000"/>
                  <a:gd name="connsiteY109" fmla="*/ 7710 h 10000"/>
                  <a:gd name="connsiteX110" fmla="*/ 3590 w 10000"/>
                  <a:gd name="connsiteY110" fmla="*/ 7592 h 10000"/>
                  <a:gd name="connsiteX111" fmla="*/ 3750 w 10000"/>
                  <a:gd name="connsiteY111" fmla="*/ 7474 h 10000"/>
                  <a:gd name="connsiteX112" fmla="*/ 3856 w 10000"/>
                  <a:gd name="connsiteY112" fmla="*/ 7312 h 10000"/>
                  <a:gd name="connsiteX113" fmla="*/ 3644 w 10000"/>
                  <a:gd name="connsiteY113" fmla="*/ 7238 h 10000"/>
                  <a:gd name="connsiteX114" fmla="*/ 3456 w 10000"/>
                  <a:gd name="connsiteY114" fmla="*/ 7179 h 10000"/>
                  <a:gd name="connsiteX115" fmla="*/ 3297 w 10000"/>
                  <a:gd name="connsiteY115" fmla="*/ 7090 h 10000"/>
                  <a:gd name="connsiteX116" fmla="*/ 3139 w 10000"/>
                  <a:gd name="connsiteY116" fmla="*/ 6987 h 10000"/>
                  <a:gd name="connsiteX117" fmla="*/ 3030 w 10000"/>
                  <a:gd name="connsiteY117" fmla="*/ 6869 h 10000"/>
                  <a:gd name="connsiteX118" fmla="*/ 2980 w 10000"/>
                  <a:gd name="connsiteY118" fmla="*/ 6721 h 10000"/>
                  <a:gd name="connsiteX119" fmla="*/ 2952 w 10000"/>
                  <a:gd name="connsiteY119" fmla="*/ 6558 h 10000"/>
                  <a:gd name="connsiteX120" fmla="*/ 2980 w 10000"/>
                  <a:gd name="connsiteY120" fmla="*/ 6352 h 10000"/>
                  <a:gd name="connsiteX121" fmla="*/ 2846 w 10000"/>
                  <a:gd name="connsiteY121" fmla="*/ 6322 h 10000"/>
                  <a:gd name="connsiteX122" fmla="*/ 2687 w 10000"/>
                  <a:gd name="connsiteY122" fmla="*/ 6292 h 10000"/>
                  <a:gd name="connsiteX123" fmla="*/ 2501 w 10000"/>
                  <a:gd name="connsiteY123" fmla="*/ 6278 h 10000"/>
                  <a:gd name="connsiteX124" fmla="*/ 2313 w 10000"/>
                  <a:gd name="connsiteY124" fmla="*/ 6263 h 10000"/>
                  <a:gd name="connsiteX125" fmla="*/ 1942 w 10000"/>
                  <a:gd name="connsiteY125" fmla="*/ 6248 h 10000"/>
                  <a:gd name="connsiteX126" fmla="*/ 1543 w 10000"/>
                  <a:gd name="connsiteY126" fmla="*/ 6263 h 10000"/>
                  <a:gd name="connsiteX127" fmla="*/ 1198 w 10000"/>
                  <a:gd name="connsiteY127" fmla="*/ 6278 h 10000"/>
                  <a:gd name="connsiteX128" fmla="*/ 877 w 10000"/>
                  <a:gd name="connsiteY128" fmla="*/ 6278 h 10000"/>
                  <a:gd name="connsiteX129" fmla="*/ 613 w 10000"/>
                  <a:gd name="connsiteY129" fmla="*/ 6263 h 10000"/>
                  <a:gd name="connsiteX130" fmla="*/ 399 w 10000"/>
                  <a:gd name="connsiteY130" fmla="*/ 6233 h 10000"/>
                  <a:gd name="connsiteX131" fmla="*/ 663 w 10000"/>
                  <a:gd name="connsiteY131" fmla="*/ 5805 h 10000"/>
                  <a:gd name="connsiteX132" fmla="*/ 958 w 10000"/>
                  <a:gd name="connsiteY132" fmla="*/ 5391 h 10000"/>
                  <a:gd name="connsiteX133" fmla="*/ 1065 w 10000"/>
                  <a:gd name="connsiteY133" fmla="*/ 5170 h 10000"/>
                  <a:gd name="connsiteX134" fmla="*/ 1143 w 10000"/>
                  <a:gd name="connsiteY134" fmla="*/ 4963 h 10000"/>
                  <a:gd name="connsiteX135" fmla="*/ 1169 w 10000"/>
                  <a:gd name="connsiteY135" fmla="*/ 4860 h 10000"/>
                  <a:gd name="connsiteX136" fmla="*/ 1143 w 10000"/>
                  <a:gd name="connsiteY136" fmla="*/ 4756 h 10000"/>
                  <a:gd name="connsiteX137" fmla="*/ 1117 w 10000"/>
                  <a:gd name="connsiteY137" fmla="*/ 4653 h 10000"/>
                  <a:gd name="connsiteX138" fmla="*/ 1038 w 10000"/>
                  <a:gd name="connsiteY138" fmla="*/ 4549 h 10000"/>
                  <a:gd name="connsiteX139" fmla="*/ 1330 w 10000"/>
                  <a:gd name="connsiteY139" fmla="*/ 4520 h 10000"/>
                  <a:gd name="connsiteX140" fmla="*/ 1543 w 10000"/>
                  <a:gd name="connsiteY140" fmla="*/ 4505 h 10000"/>
                  <a:gd name="connsiteX141" fmla="*/ 1729 w 10000"/>
                  <a:gd name="connsiteY141" fmla="*/ 4505 h 10000"/>
                  <a:gd name="connsiteX142" fmla="*/ 1888 w 10000"/>
                  <a:gd name="connsiteY142" fmla="*/ 4520 h 10000"/>
                  <a:gd name="connsiteX143" fmla="*/ 2022 w 10000"/>
                  <a:gd name="connsiteY143" fmla="*/ 4520 h 10000"/>
                  <a:gd name="connsiteX144" fmla="*/ 2181 w 10000"/>
                  <a:gd name="connsiteY144" fmla="*/ 4520 h 10000"/>
                  <a:gd name="connsiteX145" fmla="*/ 2341 w 10000"/>
                  <a:gd name="connsiteY145" fmla="*/ 4490 h 10000"/>
                  <a:gd name="connsiteX146" fmla="*/ 2552 w 10000"/>
                  <a:gd name="connsiteY146" fmla="*/ 4446 h 10000"/>
                  <a:gd name="connsiteX147" fmla="*/ 2552 w 10000"/>
                  <a:gd name="connsiteY147" fmla="*/ 4579 h 10000"/>
                  <a:gd name="connsiteX148" fmla="*/ 2552 w 10000"/>
                  <a:gd name="connsiteY148" fmla="*/ 4742 h 10000"/>
                  <a:gd name="connsiteX149" fmla="*/ 2552 w 10000"/>
                  <a:gd name="connsiteY149" fmla="*/ 4874 h 10000"/>
                  <a:gd name="connsiteX150" fmla="*/ 2552 w 10000"/>
                  <a:gd name="connsiteY150" fmla="*/ 5037 h 10000"/>
                  <a:gd name="connsiteX151" fmla="*/ 2792 w 10000"/>
                  <a:gd name="connsiteY151" fmla="*/ 5022 h 10000"/>
                  <a:gd name="connsiteX152" fmla="*/ 2952 w 10000"/>
                  <a:gd name="connsiteY152" fmla="*/ 5037 h 10000"/>
                  <a:gd name="connsiteX153" fmla="*/ 3085 w 10000"/>
                  <a:gd name="connsiteY153" fmla="*/ 5066 h 10000"/>
                  <a:gd name="connsiteX154" fmla="*/ 3218 w 10000"/>
                  <a:gd name="connsiteY154" fmla="*/ 5096 h 10000"/>
                  <a:gd name="connsiteX155" fmla="*/ 3325 w 10000"/>
                  <a:gd name="connsiteY155" fmla="*/ 5126 h 10000"/>
                  <a:gd name="connsiteX156" fmla="*/ 3456 w 10000"/>
                  <a:gd name="connsiteY156" fmla="*/ 5155 h 10000"/>
                  <a:gd name="connsiteX157" fmla="*/ 3617 w 10000"/>
                  <a:gd name="connsiteY157" fmla="*/ 5170 h 10000"/>
                  <a:gd name="connsiteX158" fmla="*/ 3856 w 10000"/>
                  <a:gd name="connsiteY158" fmla="*/ 5155 h 10000"/>
                  <a:gd name="connsiteX159" fmla="*/ 3936 w 10000"/>
                  <a:gd name="connsiteY159" fmla="*/ 5096 h 10000"/>
                  <a:gd name="connsiteX160" fmla="*/ 4015 w 10000"/>
                  <a:gd name="connsiteY160" fmla="*/ 5022 h 10000"/>
                  <a:gd name="connsiteX161" fmla="*/ 4042 w 10000"/>
                  <a:gd name="connsiteY161" fmla="*/ 4934 h 10000"/>
                  <a:gd name="connsiteX162" fmla="*/ 4070 w 10000"/>
                  <a:gd name="connsiteY162" fmla="*/ 4860 h 10000"/>
                  <a:gd name="connsiteX163" fmla="*/ 4095 w 10000"/>
                  <a:gd name="connsiteY163" fmla="*/ 4697 h 10000"/>
                  <a:gd name="connsiteX164" fmla="*/ 4070 w 10000"/>
                  <a:gd name="connsiteY164" fmla="*/ 4520 h 10000"/>
                  <a:gd name="connsiteX165" fmla="*/ 3989 w 10000"/>
                  <a:gd name="connsiteY165" fmla="*/ 4343 h 10000"/>
                  <a:gd name="connsiteX166" fmla="*/ 3910 w 10000"/>
                  <a:gd name="connsiteY166" fmla="*/ 4195 h 10000"/>
                  <a:gd name="connsiteX167" fmla="*/ 3776 w 10000"/>
                  <a:gd name="connsiteY167" fmla="*/ 4047 h 10000"/>
                  <a:gd name="connsiteX168" fmla="*/ 3644 w 10000"/>
                  <a:gd name="connsiteY168" fmla="*/ 3959 h 10000"/>
                  <a:gd name="connsiteX169" fmla="*/ 3803 w 10000"/>
                  <a:gd name="connsiteY169" fmla="*/ 3944 h 10000"/>
                  <a:gd name="connsiteX170" fmla="*/ 3936 w 10000"/>
                  <a:gd name="connsiteY170" fmla="*/ 3914 h 10000"/>
                  <a:gd name="connsiteX171" fmla="*/ 4042 w 10000"/>
                  <a:gd name="connsiteY171" fmla="*/ 3855 h 10000"/>
                  <a:gd name="connsiteX172" fmla="*/ 4173 w 10000"/>
                  <a:gd name="connsiteY172" fmla="*/ 3752 h 10000"/>
                  <a:gd name="connsiteX173" fmla="*/ 4308 w 10000"/>
                  <a:gd name="connsiteY173" fmla="*/ 3663 h 10000"/>
                  <a:gd name="connsiteX174" fmla="*/ 4414 w 10000"/>
                  <a:gd name="connsiteY174" fmla="*/ 3560 h 10000"/>
                  <a:gd name="connsiteX175" fmla="*/ 4494 w 10000"/>
                  <a:gd name="connsiteY175" fmla="*/ 3442 h 10000"/>
                  <a:gd name="connsiteX176" fmla="*/ 4575 w 10000"/>
                  <a:gd name="connsiteY176" fmla="*/ 3323 h 10000"/>
                  <a:gd name="connsiteX177" fmla="*/ 4628 w 10000"/>
                  <a:gd name="connsiteY177" fmla="*/ 3220 h 10000"/>
                  <a:gd name="connsiteX178" fmla="*/ 4653 w 10000"/>
                  <a:gd name="connsiteY178" fmla="*/ 3102 h 10000"/>
                  <a:gd name="connsiteX179" fmla="*/ 4681 w 10000"/>
                  <a:gd name="connsiteY179" fmla="*/ 3013 h 10000"/>
                  <a:gd name="connsiteX180" fmla="*/ 4653 w 10000"/>
                  <a:gd name="connsiteY180" fmla="*/ 2939 h 10000"/>
                  <a:gd name="connsiteX181" fmla="*/ 4628 w 10000"/>
                  <a:gd name="connsiteY181" fmla="*/ 2866 h 10000"/>
                  <a:gd name="connsiteX182" fmla="*/ 4548 w 10000"/>
                  <a:gd name="connsiteY182" fmla="*/ 2836 h 10000"/>
                  <a:gd name="connsiteX183" fmla="*/ 4442 w 10000"/>
                  <a:gd name="connsiteY183" fmla="*/ 2836 h 10000"/>
                  <a:gd name="connsiteX184" fmla="*/ 4308 w 10000"/>
                  <a:gd name="connsiteY184" fmla="*/ 2866 h 10000"/>
                  <a:gd name="connsiteX185" fmla="*/ 4414 w 10000"/>
                  <a:gd name="connsiteY185" fmla="*/ 2777 h 10000"/>
                  <a:gd name="connsiteX186" fmla="*/ 4469 w 10000"/>
                  <a:gd name="connsiteY186" fmla="*/ 2674 h 10000"/>
                  <a:gd name="connsiteX187" fmla="*/ 4494 w 10000"/>
                  <a:gd name="connsiteY187" fmla="*/ 2541 h 10000"/>
                  <a:gd name="connsiteX188" fmla="*/ 4494 w 10000"/>
                  <a:gd name="connsiteY188" fmla="*/ 2393 h 10000"/>
                  <a:gd name="connsiteX189" fmla="*/ 4520 w 10000"/>
                  <a:gd name="connsiteY189" fmla="*/ 2349 h 10000"/>
                  <a:gd name="connsiteX190" fmla="*/ 4575 w 10000"/>
                  <a:gd name="connsiteY190" fmla="*/ 2304 h 10000"/>
                  <a:gd name="connsiteX191" fmla="*/ 4628 w 10000"/>
                  <a:gd name="connsiteY191" fmla="*/ 2290 h 10000"/>
                  <a:gd name="connsiteX192" fmla="*/ 4708 w 10000"/>
                  <a:gd name="connsiteY192" fmla="*/ 2275 h 10000"/>
                  <a:gd name="connsiteX193" fmla="*/ 4946 w 10000"/>
                  <a:gd name="connsiteY193" fmla="*/ 2260 h 10000"/>
                  <a:gd name="connsiteX194" fmla="*/ 5158 w 10000"/>
                  <a:gd name="connsiteY194" fmla="*/ 2275 h 10000"/>
                  <a:gd name="connsiteX195" fmla="*/ 5132 w 10000"/>
                  <a:gd name="connsiteY195" fmla="*/ 2112 h 10000"/>
                  <a:gd name="connsiteX196" fmla="*/ 5080 w 10000"/>
                  <a:gd name="connsiteY196" fmla="*/ 1950 h 10000"/>
                  <a:gd name="connsiteX197" fmla="*/ 4999 w 10000"/>
                  <a:gd name="connsiteY197" fmla="*/ 1802 h 10000"/>
                  <a:gd name="connsiteX198" fmla="*/ 4894 w 10000"/>
                  <a:gd name="connsiteY198" fmla="*/ 1640 h 10000"/>
                  <a:gd name="connsiteX199" fmla="*/ 4628 w 10000"/>
                  <a:gd name="connsiteY199" fmla="*/ 1329 h 10000"/>
                  <a:gd name="connsiteX200" fmla="*/ 4362 w 10000"/>
                  <a:gd name="connsiteY200" fmla="*/ 1034 h 10000"/>
                  <a:gd name="connsiteX201" fmla="*/ 4228 w 10000"/>
                  <a:gd name="connsiteY201" fmla="*/ 901 h 10000"/>
                  <a:gd name="connsiteX202" fmla="*/ 4124 w 10000"/>
                  <a:gd name="connsiteY202" fmla="*/ 753 h 10000"/>
                  <a:gd name="connsiteX203" fmla="*/ 4042 w 10000"/>
                  <a:gd name="connsiteY203" fmla="*/ 620 h 10000"/>
                  <a:gd name="connsiteX204" fmla="*/ 4015 w 10000"/>
                  <a:gd name="connsiteY204" fmla="*/ 487 h 10000"/>
                  <a:gd name="connsiteX205" fmla="*/ 3989 w 10000"/>
                  <a:gd name="connsiteY205" fmla="*/ 355 h 10000"/>
                  <a:gd name="connsiteX206" fmla="*/ 4042 w 10000"/>
                  <a:gd name="connsiteY206" fmla="*/ 222 h 10000"/>
                  <a:gd name="connsiteX207" fmla="*/ 4070 w 10000"/>
                  <a:gd name="connsiteY207" fmla="*/ 162 h 10000"/>
                  <a:gd name="connsiteX208" fmla="*/ 4124 w 10000"/>
                  <a:gd name="connsiteY208" fmla="*/ 103 h 10000"/>
                  <a:gd name="connsiteX209" fmla="*/ 4203 w 10000"/>
                  <a:gd name="connsiteY209" fmla="*/ 59 h 10000"/>
                  <a:gd name="connsiteX210" fmla="*/ 4308 w 10000"/>
                  <a:gd name="connsiteY210" fmla="*/ 0 h 10000"/>
                  <a:gd name="connsiteX211" fmla="*/ 4494 w 10000"/>
                  <a:gd name="connsiteY211" fmla="*/ 0 h 10000"/>
                  <a:gd name="connsiteX212" fmla="*/ 4681 w 10000"/>
                  <a:gd name="connsiteY212" fmla="*/ 15 h 10000"/>
                  <a:gd name="connsiteX213" fmla="*/ 4867 w 10000"/>
                  <a:gd name="connsiteY213" fmla="*/ 44 h 10000"/>
                  <a:gd name="connsiteX214" fmla="*/ 4999 w 10000"/>
                  <a:gd name="connsiteY214" fmla="*/ 89 h 10000"/>
                  <a:gd name="connsiteX215" fmla="*/ 5213 w 10000"/>
                  <a:gd name="connsiteY215" fmla="*/ 192 h 10000"/>
                  <a:gd name="connsiteX216" fmla="*/ 5425 w 10000"/>
                  <a:gd name="connsiteY216" fmla="*/ 340 h 10000"/>
                  <a:gd name="connsiteX217" fmla="*/ 5585 w 10000"/>
                  <a:gd name="connsiteY217" fmla="*/ 473 h 10000"/>
                  <a:gd name="connsiteX218" fmla="*/ 5797 w 10000"/>
                  <a:gd name="connsiteY218" fmla="*/ 591 h 10000"/>
                  <a:gd name="connsiteX219" fmla="*/ 5931 w 10000"/>
                  <a:gd name="connsiteY219" fmla="*/ 650 h 10000"/>
                  <a:gd name="connsiteX220" fmla="*/ 6090 w 10000"/>
                  <a:gd name="connsiteY220" fmla="*/ 679 h 10000"/>
                  <a:gd name="connsiteX221" fmla="*/ 6251 w 10000"/>
                  <a:gd name="connsiteY221" fmla="*/ 709 h 10000"/>
                  <a:gd name="connsiteX222" fmla="*/ 6463 w 10000"/>
                  <a:gd name="connsiteY222" fmla="*/ 709 h 10000"/>
                  <a:gd name="connsiteX223" fmla="*/ 6463 w 10000"/>
                  <a:gd name="connsiteY223" fmla="*/ 768 h 10000"/>
                  <a:gd name="connsiteX224" fmla="*/ 6490 w 10000"/>
                  <a:gd name="connsiteY224" fmla="*/ 842 h 10000"/>
                  <a:gd name="connsiteX225" fmla="*/ 6541 w 10000"/>
                  <a:gd name="connsiteY225" fmla="*/ 916 h 10000"/>
                  <a:gd name="connsiteX226" fmla="*/ 6595 w 10000"/>
                  <a:gd name="connsiteY226" fmla="*/ 990 h 10000"/>
                  <a:gd name="connsiteX227" fmla="*/ 6674 w 10000"/>
                  <a:gd name="connsiteY227" fmla="*/ 1049 h 10000"/>
                  <a:gd name="connsiteX228" fmla="*/ 6780 w 10000"/>
                  <a:gd name="connsiteY228" fmla="*/ 1108 h 10000"/>
                  <a:gd name="connsiteX229" fmla="*/ 6914 w 10000"/>
                  <a:gd name="connsiteY229" fmla="*/ 1182 h 10000"/>
                  <a:gd name="connsiteX230" fmla="*/ 7020 w 10000"/>
                  <a:gd name="connsiteY230" fmla="*/ 1226 h 10000"/>
                  <a:gd name="connsiteX231" fmla="*/ 7127 w 10000"/>
                  <a:gd name="connsiteY231" fmla="*/ 1270 h 10000"/>
                  <a:gd name="connsiteX232" fmla="*/ 7234 w 10000"/>
                  <a:gd name="connsiteY232" fmla="*/ 1300 h 10000"/>
                  <a:gd name="connsiteX233" fmla="*/ 7340 w 10000"/>
                  <a:gd name="connsiteY233" fmla="*/ 1315 h 10000"/>
                  <a:gd name="connsiteX234" fmla="*/ 7474 w 10000"/>
                  <a:gd name="connsiteY234" fmla="*/ 1300 h 10000"/>
                  <a:gd name="connsiteX235" fmla="*/ 7580 w 10000"/>
                  <a:gd name="connsiteY235" fmla="*/ 1285 h 10000"/>
                  <a:gd name="connsiteX236" fmla="*/ 7659 w 10000"/>
                  <a:gd name="connsiteY236" fmla="*/ 1241 h 10000"/>
                  <a:gd name="connsiteX237" fmla="*/ 7714 w 10000"/>
                  <a:gd name="connsiteY237" fmla="*/ 1167 h 10000"/>
                  <a:gd name="connsiteX238" fmla="*/ 7738 w 10000"/>
                  <a:gd name="connsiteY238" fmla="*/ 1064 h 10000"/>
                  <a:gd name="connsiteX239" fmla="*/ 8138 w 10000"/>
                  <a:gd name="connsiteY239" fmla="*/ 1034 h 10000"/>
                  <a:gd name="connsiteX240" fmla="*/ 8509 w 10000"/>
                  <a:gd name="connsiteY240" fmla="*/ 1004 h 10000"/>
                  <a:gd name="connsiteX241" fmla="*/ 8830 w 10000"/>
                  <a:gd name="connsiteY241" fmla="*/ 990 h 10000"/>
                  <a:gd name="connsiteX242" fmla="*/ 9123 w 10000"/>
                  <a:gd name="connsiteY242" fmla="*/ 1004 h 10000"/>
                  <a:gd name="connsiteX243" fmla="*/ 9256 w 10000"/>
                  <a:gd name="connsiteY243" fmla="*/ 1019 h 10000"/>
                  <a:gd name="connsiteX244" fmla="*/ 9387 w 10000"/>
                  <a:gd name="connsiteY244" fmla="*/ 1034 h 10000"/>
                  <a:gd name="connsiteX245" fmla="*/ 9495 w 10000"/>
                  <a:gd name="connsiteY245" fmla="*/ 1064 h 10000"/>
                  <a:gd name="connsiteX246" fmla="*/ 9628 w 10000"/>
                  <a:gd name="connsiteY246" fmla="*/ 1108 h 10000"/>
                  <a:gd name="connsiteX247" fmla="*/ 9707 w 10000"/>
                  <a:gd name="connsiteY247" fmla="*/ 1182 h 10000"/>
                  <a:gd name="connsiteX248" fmla="*/ 9786 w 10000"/>
                  <a:gd name="connsiteY248" fmla="*/ 1241 h 10000"/>
                  <a:gd name="connsiteX249" fmla="*/ 9841 w 10000"/>
                  <a:gd name="connsiteY249" fmla="*/ 1329 h 10000"/>
                  <a:gd name="connsiteX250" fmla="*/ 9893 w 10000"/>
                  <a:gd name="connsiteY250" fmla="*/ 1433 h 10000"/>
                  <a:gd name="connsiteX251" fmla="*/ 9946 w 10000"/>
                  <a:gd name="connsiteY251" fmla="*/ 1551 h 10000"/>
                  <a:gd name="connsiteX252" fmla="*/ 9919 w 10000"/>
                  <a:gd name="connsiteY252" fmla="*/ 1625 h 10000"/>
                  <a:gd name="connsiteX253" fmla="*/ 9893 w 10000"/>
                  <a:gd name="connsiteY253" fmla="*/ 1684 h 10000"/>
                  <a:gd name="connsiteX254" fmla="*/ 9841 w 10000"/>
                  <a:gd name="connsiteY254" fmla="*/ 1758 h 10000"/>
                  <a:gd name="connsiteX255" fmla="*/ 9761 w 10000"/>
                  <a:gd name="connsiteY255" fmla="*/ 1802 h 10000"/>
                  <a:gd name="connsiteX256" fmla="*/ 9707 w 10000"/>
                  <a:gd name="connsiteY256" fmla="*/ 1861 h 10000"/>
                  <a:gd name="connsiteX257" fmla="*/ 9682 w 10000"/>
                  <a:gd name="connsiteY257" fmla="*/ 1935 h 10000"/>
                  <a:gd name="connsiteX258" fmla="*/ 9707 w 10000"/>
                  <a:gd name="connsiteY258" fmla="*/ 2024 h 10000"/>
                  <a:gd name="connsiteX259" fmla="*/ 10000 w 10000"/>
                  <a:gd name="connsiteY259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7100 w 10000"/>
                  <a:gd name="connsiteY4" fmla="*/ 4801 h 10000"/>
                  <a:gd name="connsiteX5" fmla="*/ 6674 w 10000"/>
                  <a:gd name="connsiteY5" fmla="*/ 4313 h 10000"/>
                  <a:gd name="connsiteX6" fmla="*/ 9628 w 10000"/>
                  <a:gd name="connsiteY6" fmla="*/ 3338 h 10000"/>
                  <a:gd name="connsiteX7" fmla="*/ 9866 w 10000"/>
                  <a:gd name="connsiteY7" fmla="*/ 3117 h 10000"/>
                  <a:gd name="connsiteX8" fmla="*/ 9893 w 10000"/>
                  <a:gd name="connsiteY8" fmla="*/ 3072 h 10000"/>
                  <a:gd name="connsiteX9" fmla="*/ 9919 w 10000"/>
                  <a:gd name="connsiteY9" fmla="*/ 3013 h 10000"/>
                  <a:gd name="connsiteX10" fmla="*/ 9919 w 10000"/>
                  <a:gd name="connsiteY10" fmla="*/ 2954 h 10000"/>
                  <a:gd name="connsiteX11" fmla="*/ 9893 w 10000"/>
                  <a:gd name="connsiteY11" fmla="*/ 2866 h 10000"/>
                  <a:gd name="connsiteX12" fmla="*/ 9707 w 10000"/>
                  <a:gd name="connsiteY12" fmla="*/ 2984 h 10000"/>
                  <a:gd name="connsiteX13" fmla="*/ 9495 w 10000"/>
                  <a:gd name="connsiteY13" fmla="*/ 3072 h 10000"/>
                  <a:gd name="connsiteX14" fmla="*/ 9281 w 10000"/>
                  <a:gd name="connsiteY14" fmla="*/ 3161 h 10000"/>
                  <a:gd name="connsiteX15" fmla="*/ 9069 w 10000"/>
                  <a:gd name="connsiteY15" fmla="*/ 3250 h 10000"/>
                  <a:gd name="connsiteX16" fmla="*/ 8589 w 10000"/>
                  <a:gd name="connsiteY16" fmla="*/ 3397 h 10000"/>
                  <a:gd name="connsiteX17" fmla="*/ 8085 w 10000"/>
                  <a:gd name="connsiteY17" fmla="*/ 3545 h 10000"/>
                  <a:gd name="connsiteX18" fmla="*/ 7580 w 10000"/>
                  <a:gd name="connsiteY18" fmla="*/ 3678 h 10000"/>
                  <a:gd name="connsiteX19" fmla="*/ 7100 w 10000"/>
                  <a:gd name="connsiteY19" fmla="*/ 3840 h 10000"/>
                  <a:gd name="connsiteX20" fmla="*/ 6861 w 10000"/>
                  <a:gd name="connsiteY20" fmla="*/ 3914 h 10000"/>
                  <a:gd name="connsiteX21" fmla="*/ 6649 w 10000"/>
                  <a:gd name="connsiteY21" fmla="*/ 4003 h 10000"/>
                  <a:gd name="connsiteX22" fmla="*/ 6437 w 10000"/>
                  <a:gd name="connsiteY22" fmla="*/ 4106 h 10000"/>
                  <a:gd name="connsiteX23" fmla="*/ 6222 w 10000"/>
                  <a:gd name="connsiteY23" fmla="*/ 4195 h 10000"/>
                  <a:gd name="connsiteX24" fmla="*/ 6382 w 10000"/>
                  <a:gd name="connsiteY24" fmla="*/ 4417 h 10000"/>
                  <a:gd name="connsiteX25" fmla="*/ 6490 w 10000"/>
                  <a:gd name="connsiteY25" fmla="*/ 4623 h 10000"/>
                  <a:gd name="connsiteX26" fmla="*/ 6475 w 10000"/>
                  <a:gd name="connsiteY26" fmla="*/ 4845 h 10000"/>
                  <a:gd name="connsiteX27" fmla="*/ 6674 w 10000"/>
                  <a:gd name="connsiteY27" fmla="*/ 5081 h 10000"/>
                  <a:gd name="connsiteX28" fmla="*/ 6729 w 10000"/>
                  <a:gd name="connsiteY28" fmla="*/ 5318 h 10000"/>
                  <a:gd name="connsiteX29" fmla="*/ 6756 w 10000"/>
                  <a:gd name="connsiteY29" fmla="*/ 5539 h 10000"/>
                  <a:gd name="connsiteX30" fmla="*/ 6780 w 10000"/>
                  <a:gd name="connsiteY30" fmla="*/ 5775 h 10000"/>
                  <a:gd name="connsiteX31" fmla="*/ 6780 w 10000"/>
                  <a:gd name="connsiteY31" fmla="*/ 5997 h 10000"/>
                  <a:gd name="connsiteX32" fmla="*/ 6756 w 10000"/>
                  <a:gd name="connsiteY32" fmla="*/ 6233 h 10000"/>
                  <a:gd name="connsiteX33" fmla="*/ 6702 w 10000"/>
                  <a:gd name="connsiteY33" fmla="*/ 6470 h 10000"/>
                  <a:gd name="connsiteX34" fmla="*/ 6649 w 10000"/>
                  <a:gd name="connsiteY34" fmla="*/ 6677 h 10000"/>
                  <a:gd name="connsiteX35" fmla="*/ 6569 w 10000"/>
                  <a:gd name="connsiteY35" fmla="*/ 6898 h 10000"/>
                  <a:gd name="connsiteX36" fmla="*/ 6463 w 10000"/>
                  <a:gd name="connsiteY36" fmla="*/ 7105 h 10000"/>
                  <a:gd name="connsiteX37" fmla="*/ 6330 w 10000"/>
                  <a:gd name="connsiteY37" fmla="*/ 7297 h 10000"/>
                  <a:gd name="connsiteX38" fmla="*/ 6170 w 10000"/>
                  <a:gd name="connsiteY38" fmla="*/ 7489 h 10000"/>
                  <a:gd name="connsiteX39" fmla="*/ 6010 w 10000"/>
                  <a:gd name="connsiteY39" fmla="*/ 7681 h 10000"/>
                  <a:gd name="connsiteX40" fmla="*/ 6780 w 10000"/>
                  <a:gd name="connsiteY40" fmla="*/ 7799 h 10000"/>
                  <a:gd name="connsiteX41" fmla="*/ 7580 w 10000"/>
                  <a:gd name="connsiteY41" fmla="*/ 7962 h 10000"/>
                  <a:gd name="connsiteX42" fmla="*/ 7738 w 10000"/>
                  <a:gd name="connsiteY42" fmla="*/ 8021 h 10000"/>
                  <a:gd name="connsiteX43" fmla="*/ 7872 w 10000"/>
                  <a:gd name="connsiteY43" fmla="*/ 8080 h 10000"/>
                  <a:gd name="connsiteX44" fmla="*/ 8004 w 10000"/>
                  <a:gd name="connsiteY44" fmla="*/ 8139 h 10000"/>
                  <a:gd name="connsiteX45" fmla="*/ 8085 w 10000"/>
                  <a:gd name="connsiteY45" fmla="*/ 8227 h 10000"/>
                  <a:gd name="connsiteX46" fmla="*/ 8112 w 10000"/>
                  <a:gd name="connsiteY46" fmla="*/ 8301 h 10000"/>
                  <a:gd name="connsiteX47" fmla="*/ 8112 w 10000"/>
                  <a:gd name="connsiteY47" fmla="*/ 8405 h 10000"/>
                  <a:gd name="connsiteX48" fmla="*/ 8059 w 10000"/>
                  <a:gd name="connsiteY48" fmla="*/ 8523 h 10000"/>
                  <a:gd name="connsiteX49" fmla="*/ 7978 w 10000"/>
                  <a:gd name="connsiteY49" fmla="*/ 8641 h 10000"/>
                  <a:gd name="connsiteX50" fmla="*/ 7633 w 10000"/>
                  <a:gd name="connsiteY50" fmla="*/ 8552 h 10000"/>
                  <a:gd name="connsiteX51" fmla="*/ 7313 w 10000"/>
                  <a:gd name="connsiteY51" fmla="*/ 8449 h 10000"/>
                  <a:gd name="connsiteX52" fmla="*/ 6994 w 10000"/>
                  <a:gd name="connsiteY52" fmla="*/ 8360 h 10000"/>
                  <a:gd name="connsiteX53" fmla="*/ 6674 w 10000"/>
                  <a:gd name="connsiteY53" fmla="*/ 8287 h 10000"/>
                  <a:gd name="connsiteX54" fmla="*/ 6541 w 10000"/>
                  <a:gd name="connsiteY54" fmla="*/ 8449 h 10000"/>
                  <a:gd name="connsiteX55" fmla="*/ 6437 w 10000"/>
                  <a:gd name="connsiteY55" fmla="*/ 8597 h 10000"/>
                  <a:gd name="connsiteX56" fmla="*/ 6382 w 10000"/>
                  <a:gd name="connsiteY56" fmla="*/ 8656 h 10000"/>
                  <a:gd name="connsiteX57" fmla="*/ 6276 w 10000"/>
                  <a:gd name="connsiteY57" fmla="*/ 8700 h 10000"/>
                  <a:gd name="connsiteX58" fmla="*/ 6197 w 10000"/>
                  <a:gd name="connsiteY58" fmla="*/ 8744 h 10000"/>
                  <a:gd name="connsiteX59" fmla="*/ 6117 w 10000"/>
                  <a:gd name="connsiteY59" fmla="*/ 8774 h 10000"/>
                  <a:gd name="connsiteX60" fmla="*/ 6037 w 10000"/>
                  <a:gd name="connsiteY60" fmla="*/ 8804 h 10000"/>
                  <a:gd name="connsiteX61" fmla="*/ 5931 w 10000"/>
                  <a:gd name="connsiteY61" fmla="*/ 8818 h 10000"/>
                  <a:gd name="connsiteX62" fmla="*/ 5797 w 10000"/>
                  <a:gd name="connsiteY62" fmla="*/ 8833 h 10000"/>
                  <a:gd name="connsiteX63" fmla="*/ 5665 w 10000"/>
                  <a:gd name="connsiteY63" fmla="*/ 8833 h 10000"/>
                  <a:gd name="connsiteX64" fmla="*/ 5347 w 10000"/>
                  <a:gd name="connsiteY64" fmla="*/ 8818 h 10000"/>
                  <a:gd name="connsiteX65" fmla="*/ 4946 w 10000"/>
                  <a:gd name="connsiteY65" fmla="*/ 8744 h 10000"/>
                  <a:gd name="connsiteX66" fmla="*/ 4946 w 10000"/>
                  <a:gd name="connsiteY66" fmla="*/ 8922 h 10000"/>
                  <a:gd name="connsiteX67" fmla="*/ 4919 w 10000"/>
                  <a:gd name="connsiteY67" fmla="*/ 9069 h 10000"/>
                  <a:gd name="connsiteX68" fmla="*/ 4894 w 10000"/>
                  <a:gd name="connsiteY68" fmla="*/ 9232 h 10000"/>
                  <a:gd name="connsiteX69" fmla="*/ 4867 w 10000"/>
                  <a:gd name="connsiteY69" fmla="*/ 9365 h 10000"/>
                  <a:gd name="connsiteX70" fmla="*/ 4813 w 10000"/>
                  <a:gd name="connsiteY70" fmla="*/ 9498 h 10000"/>
                  <a:gd name="connsiteX71" fmla="*/ 4708 w 10000"/>
                  <a:gd name="connsiteY71" fmla="*/ 9616 h 10000"/>
                  <a:gd name="connsiteX72" fmla="*/ 4628 w 10000"/>
                  <a:gd name="connsiteY72" fmla="*/ 9734 h 10000"/>
                  <a:gd name="connsiteX73" fmla="*/ 4494 w 10000"/>
                  <a:gd name="connsiteY73" fmla="*/ 9838 h 10000"/>
                  <a:gd name="connsiteX74" fmla="*/ 4173 w 10000"/>
                  <a:gd name="connsiteY74" fmla="*/ 9897 h 10000"/>
                  <a:gd name="connsiteX75" fmla="*/ 3910 w 10000"/>
                  <a:gd name="connsiteY75" fmla="*/ 9941 h 10000"/>
                  <a:gd name="connsiteX76" fmla="*/ 3590 w 10000"/>
                  <a:gd name="connsiteY76" fmla="*/ 9985 h 10000"/>
                  <a:gd name="connsiteX77" fmla="*/ 3351 w 10000"/>
                  <a:gd name="connsiteY77" fmla="*/ 10000 h 10000"/>
                  <a:gd name="connsiteX78" fmla="*/ 2819 w 10000"/>
                  <a:gd name="connsiteY78" fmla="*/ 10000 h 10000"/>
                  <a:gd name="connsiteX79" fmla="*/ 2313 w 10000"/>
                  <a:gd name="connsiteY79" fmla="*/ 9985 h 10000"/>
                  <a:gd name="connsiteX80" fmla="*/ 1836 w 10000"/>
                  <a:gd name="connsiteY80" fmla="*/ 9941 h 10000"/>
                  <a:gd name="connsiteX81" fmla="*/ 1330 w 10000"/>
                  <a:gd name="connsiteY81" fmla="*/ 9911 h 10000"/>
                  <a:gd name="connsiteX82" fmla="*/ 1038 w 10000"/>
                  <a:gd name="connsiteY82" fmla="*/ 9911 h 10000"/>
                  <a:gd name="connsiteX83" fmla="*/ 771 w 10000"/>
                  <a:gd name="connsiteY83" fmla="*/ 9911 h 10000"/>
                  <a:gd name="connsiteX84" fmla="*/ 479 w 10000"/>
                  <a:gd name="connsiteY84" fmla="*/ 9926 h 10000"/>
                  <a:gd name="connsiteX85" fmla="*/ 186 w 10000"/>
                  <a:gd name="connsiteY85" fmla="*/ 9970 h 10000"/>
                  <a:gd name="connsiteX86" fmla="*/ 107 w 10000"/>
                  <a:gd name="connsiteY86" fmla="*/ 9867 h 10000"/>
                  <a:gd name="connsiteX87" fmla="*/ 54 w 10000"/>
                  <a:gd name="connsiteY87" fmla="*/ 9793 h 10000"/>
                  <a:gd name="connsiteX88" fmla="*/ 0 w 10000"/>
                  <a:gd name="connsiteY88" fmla="*/ 9705 h 10000"/>
                  <a:gd name="connsiteX89" fmla="*/ 0 w 10000"/>
                  <a:gd name="connsiteY89" fmla="*/ 9601 h 10000"/>
                  <a:gd name="connsiteX90" fmla="*/ 54 w 10000"/>
                  <a:gd name="connsiteY90" fmla="*/ 9424 h 10000"/>
                  <a:gd name="connsiteX91" fmla="*/ 107 w 10000"/>
                  <a:gd name="connsiteY91" fmla="*/ 9202 h 10000"/>
                  <a:gd name="connsiteX92" fmla="*/ 158 w 10000"/>
                  <a:gd name="connsiteY92" fmla="*/ 8996 h 10000"/>
                  <a:gd name="connsiteX93" fmla="*/ 213 w 10000"/>
                  <a:gd name="connsiteY93" fmla="*/ 8759 h 10000"/>
                  <a:gd name="connsiteX94" fmla="*/ 239 w 10000"/>
                  <a:gd name="connsiteY94" fmla="*/ 8641 h 10000"/>
                  <a:gd name="connsiteX95" fmla="*/ 239 w 10000"/>
                  <a:gd name="connsiteY95" fmla="*/ 8538 h 10000"/>
                  <a:gd name="connsiteX96" fmla="*/ 213 w 10000"/>
                  <a:gd name="connsiteY96" fmla="*/ 8405 h 10000"/>
                  <a:gd name="connsiteX97" fmla="*/ 186 w 10000"/>
                  <a:gd name="connsiteY97" fmla="*/ 8287 h 10000"/>
                  <a:gd name="connsiteX98" fmla="*/ 452 w 10000"/>
                  <a:gd name="connsiteY98" fmla="*/ 8213 h 10000"/>
                  <a:gd name="connsiteX99" fmla="*/ 718 w 10000"/>
                  <a:gd name="connsiteY99" fmla="*/ 8139 h 10000"/>
                  <a:gd name="connsiteX100" fmla="*/ 984 w 10000"/>
                  <a:gd name="connsiteY100" fmla="*/ 8095 h 10000"/>
                  <a:gd name="connsiteX101" fmla="*/ 1277 w 10000"/>
                  <a:gd name="connsiteY101" fmla="*/ 8065 h 10000"/>
                  <a:gd name="connsiteX102" fmla="*/ 1807 w 10000"/>
                  <a:gd name="connsiteY102" fmla="*/ 8021 h 10000"/>
                  <a:gd name="connsiteX103" fmla="*/ 2341 w 10000"/>
                  <a:gd name="connsiteY103" fmla="*/ 7976 h 10000"/>
                  <a:gd name="connsiteX104" fmla="*/ 2580 w 10000"/>
                  <a:gd name="connsiteY104" fmla="*/ 7947 h 10000"/>
                  <a:gd name="connsiteX105" fmla="*/ 2819 w 10000"/>
                  <a:gd name="connsiteY105" fmla="*/ 7917 h 10000"/>
                  <a:gd name="connsiteX106" fmla="*/ 3030 w 10000"/>
                  <a:gd name="connsiteY106" fmla="*/ 7843 h 10000"/>
                  <a:gd name="connsiteX107" fmla="*/ 3244 w 10000"/>
                  <a:gd name="connsiteY107" fmla="*/ 7784 h 10000"/>
                  <a:gd name="connsiteX108" fmla="*/ 3431 w 10000"/>
                  <a:gd name="connsiteY108" fmla="*/ 7710 h 10000"/>
                  <a:gd name="connsiteX109" fmla="*/ 3590 w 10000"/>
                  <a:gd name="connsiteY109" fmla="*/ 7592 h 10000"/>
                  <a:gd name="connsiteX110" fmla="*/ 3750 w 10000"/>
                  <a:gd name="connsiteY110" fmla="*/ 7474 h 10000"/>
                  <a:gd name="connsiteX111" fmla="*/ 3856 w 10000"/>
                  <a:gd name="connsiteY111" fmla="*/ 7312 h 10000"/>
                  <a:gd name="connsiteX112" fmla="*/ 3644 w 10000"/>
                  <a:gd name="connsiteY112" fmla="*/ 7238 h 10000"/>
                  <a:gd name="connsiteX113" fmla="*/ 3456 w 10000"/>
                  <a:gd name="connsiteY113" fmla="*/ 7179 h 10000"/>
                  <a:gd name="connsiteX114" fmla="*/ 3297 w 10000"/>
                  <a:gd name="connsiteY114" fmla="*/ 7090 h 10000"/>
                  <a:gd name="connsiteX115" fmla="*/ 3139 w 10000"/>
                  <a:gd name="connsiteY115" fmla="*/ 6987 h 10000"/>
                  <a:gd name="connsiteX116" fmla="*/ 3030 w 10000"/>
                  <a:gd name="connsiteY116" fmla="*/ 6869 h 10000"/>
                  <a:gd name="connsiteX117" fmla="*/ 2980 w 10000"/>
                  <a:gd name="connsiteY117" fmla="*/ 6721 h 10000"/>
                  <a:gd name="connsiteX118" fmla="*/ 2952 w 10000"/>
                  <a:gd name="connsiteY118" fmla="*/ 6558 h 10000"/>
                  <a:gd name="connsiteX119" fmla="*/ 2980 w 10000"/>
                  <a:gd name="connsiteY119" fmla="*/ 6352 h 10000"/>
                  <a:gd name="connsiteX120" fmla="*/ 2846 w 10000"/>
                  <a:gd name="connsiteY120" fmla="*/ 6322 h 10000"/>
                  <a:gd name="connsiteX121" fmla="*/ 2687 w 10000"/>
                  <a:gd name="connsiteY121" fmla="*/ 6292 h 10000"/>
                  <a:gd name="connsiteX122" fmla="*/ 2501 w 10000"/>
                  <a:gd name="connsiteY122" fmla="*/ 6278 h 10000"/>
                  <a:gd name="connsiteX123" fmla="*/ 2313 w 10000"/>
                  <a:gd name="connsiteY123" fmla="*/ 6263 h 10000"/>
                  <a:gd name="connsiteX124" fmla="*/ 1942 w 10000"/>
                  <a:gd name="connsiteY124" fmla="*/ 6248 h 10000"/>
                  <a:gd name="connsiteX125" fmla="*/ 1543 w 10000"/>
                  <a:gd name="connsiteY125" fmla="*/ 6263 h 10000"/>
                  <a:gd name="connsiteX126" fmla="*/ 1198 w 10000"/>
                  <a:gd name="connsiteY126" fmla="*/ 6278 h 10000"/>
                  <a:gd name="connsiteX127" fmla="*/ 877 w 10000"/>
                  <a:gd name="connsiteY127" fmla="*/ 6278 h 10000"/>
                  <a:gd name="connsiteX128" fmla="*/ 613 w 10000"/>
                  <a:gd name="connsiteY128" fmla="*/ 6263 h 10000"/>
                  <a:gd name="connsiteX129" fmla="*/ 399 w 10000"/>
                  <a:gd name="connsiteY129" fmla="*/ 6233 h 10000"/>
                  <a:gd name="connsiteX130" fmla="*/ 663 w 10000"/>
                  <a:gd name="connsiteY130" fmla="*/ 5805 h 10000"/>
                  <a:gd name="connsiteX131" fmla="*/ 958 w 10000"/>
                  <a:gd name="connsiteY131" fmla="*/ 5391 h 10000"/>
                  <a:gd name="connsiteX132" fmla="*/ 1065 w 10000"/>
                  <a:gd name="connsiteY132" fmla="*/ 5170 h 10000"/>
                  <a:gd name="connsiteX133" fmla="*/ 1143 w 10000"/>
                  <a:gd name="connsiteY133" fmla="*/ 4963 h 10000"/>
                  <a:gd name="connsiteX134" fmla="*/ 1169 w 10000"/>
                  <a:gd name="connsiteY134" fmla="*/ 4860 h 10000"/>
                  <a:gd name="connsiteX135" fmla="*/ 1143 w 10000"/>
                  <a:gd name="connsiteY135" fmla="*/ 4756 h 10000"/>
                  <a:gd name="connsiteX136" fmla="*/ 1117 w 10000"/>
                  <a:gd name="connsiteY136" fmla="*/ 4653 h 10000"/>
                  <a:gd name="connsiteX137" fmla="*/ 1038 w 10000"/>
                  <a:gd name="connsiteY137" fmla="*/ 4549 h 10000"/>
                  <a:gd name="connsiteX138" fmla="*/ 1330 w 10000"/>
                  <a:gd name="connsiteY138" fmla="*/ 4520 h 10000"/>
                  <a:gd name="connsiteX139" fmla="*/ 1543 w 10000"/>
                  <a:gd name="connsiteY139" fmla="*/ 4505 h 10000"/>
                  <a:gd name="connsiteX140" fmla="*/ 1729 w 10000"/>
                  <a:gd name="connsiteY140" fmla="*/ 4505 h 10000"/>
                  <a:gd name="connsiteX141" fmla="*/ 1888 w 10000"/>
                  <a:gd name="connsiteY141" fmla="*/ 4520 h 10000"/>
                  <a:gd name="connsiteX142" fmla="*/ 2022 w 10000"/>
                  <a:gd name="connsiteY142" fmla="*/ 4520 h 10000"/>
                  <a:gd name="connsiteX143" fmla="*/ 2181 w 10000"/>
                  <a:gd name="connsiteY143" fmla="*/ 4520 h 10000"/>
                  <a:gd name="connsiteX144" fmla="*/ 2341 w 10000"/>
                  <a:gd name="connsiteY144" fmla="*/ 4490 h 10000"/>
                  <a:gd name="connsiteX145" fmla="*/ 2552 w 10000"/>
                  <a:gd name="connsiteY145" fmla="*/ 4446 h 10000"/>
                  <a:gd name="connsiteX146" fmla="*/ 2552 w 10000"/>
                  <a:gd name="connsiteY146" fmla="*/ 4579 h 10000"/>
                  <a:gd name="connsiteX147" fmla="*/ 2552 w 10000"/>
                  <a:gd name="connsiteY147" fmla="*/ 4742 h 10000"/>
                  <a:gd name="connsiteX148" fmla="*/ 2552 w 10000"/>
                  <a:gd name="connsiteY148" fmla="*/ 4874 h 10000"/>
                  <a:gd name="connsiteX149" fmla="*/ 2552 w 10000"/>
                  <a:gd name="connsiteY149" fmla="*/ 5037 h 10000"/>
                  <a:gd name="connsiteX150" fmla="*/ 2792 w 10000"/>
                  <a:gd name="connsiteY150" fmla="*/ 5022 h 10000"/>
                  <a:gd name="connsiteX151" fmla="*/ 2952 w 10000"/>
                  <a:gd name="connsiteY151" fmla="*/ 5037 h 10000"/>
                  <a:gd name="connsiteX152" fmla="*/ 3085 w 10000"/>
                  <a:gd name="connsiteY152" fmla="*/ 5066 h 10000"/>
                  <a:gd name="connsiteX153" fmla="*/ 3218 w 10000"/>
                  <a:gd name="connsiteY153" fmla="*/ 5096 h 10000"/>
                  <a:gd name="connsiteX154" fmla="*/ 3325 w 10000"/>
                  <a:gd name="connsiteY154" fmla="*/ 5126 h 10000"/>
                  <a:gd name="connsiteX155" fmla="*/ 3456 w 10000"/>
                  <a:gd name="connsiteY155" fmla="*/ 5155 h 10000"/>
                  <a:gd name="connsiteX156" fmla="*/ 3617 w 10000"/>
                  <a:gd name="connsiteY156" fmla="*/ 5170 h 10000"/>
                  <a:gd name="connsiteX157" fmla="*/ 3856 w 10000"/>
                  <a:gd name="connsiteY157" fmla="*/ 5155 h 10000"/>
                  <a:gd name="connsiteX158" fmla="*/ 3936 w 10000"/>
                  <a:gd name="connsiteY158" fmla="*/ 5096 h 10000"/>
                  <a:gd name="connsiteX159" fmla="*/ 4015 w 10000"/>
                  <a:gd name="connsiteY159" fmla="*/ 5022 h 10000"/>
                  <a:gd name="connsiteX160" fmla="*/ 4042 w 10000"/>
                  <a:gd name="connsiteY160" fmla="*/ 4934 h 10000"/>
                  <a:gd name="connsiteX161" fmla="*/ 4070 w 10000"/>
                  <a:gd name="connsiteY161" fmla="*/ 4860 h 10000"/>
                  <a:gd name="connsiteX162" fmla="*/ 4095 w 10000"/>
                  <a:gd name="connsiteY162" fmla="*/ 4697 h 10000"/>
                  <a:gd name="connsiteX163" fmla="*/ 4070 w 10000"/>
                  <a:gd name="connsiteY163" fmla="*/ 4520 h 10000"/>
                  <a:gd name="connsiteX164" fmla="*/ 3989 w 10000"/>
                  <a:gd name="connsiteY164" fmla="*/ 4343 h 10000"/>
                  <a:gd name="connsiteX165" fmla="*/ 3910 w 10000"/>
                  <a:gd name="connsiteY165" fmla="*/ 4195 h 10000"/>
                  <a:gd name="connsiteX166" fmla="*/ 3776 w 10000"/>
                  <a:gd name="connsiteY166" fmla="*/ 4047 h 10000"/>
                  <a:gd name="connsiteX167" fmla="*/ 3644 w 10000"/>
                  <a:gd name="connsiteY167" fmla="*/ 3959 h 10000"/>
                  <a:gd name="connsiteX168" fmla="*/ 3803 w 10000"/>
                  <a:gd name="connsiteY168" fmla="*/ 3944 h 10000"/>
                  <a:gd name="connsiteX169" fmla="*/ 3936 w 10000"/>
                  <a:gd name="connsiteY169" fmla="*/ 3914 h 10000"/>
                  <a:gd name="connsiteX170" fmla="*/ 4042 w 10000"/>
                  <a:gd name="connsiteY170" fmla="*/ 3855 h 10000"/>
                  <a:gd name="connsiteX171" fmla="*/ 4173 w 10000"/>
                  <a:gd name="connsiteY171" fmla="*/ 3752 h 10000"/>
                  <a:gd name="connsiteX172" fmla="*/ 4308 w 10000"/>
                  <a:gd name="connsiteY172" fmla="*/ 3663 h 10000"/>
                  <a:gd name="connsiteX173" fmla="*/ 4414 w 10000"/>
                  <a:gd name="connsiteY173" fmla="*/ 3560 h 10000"/>
                  <a:gd name="connsiteX174" fmla="*/ 4494 w 10000"/>
                  <a:gd name="connsiteY174" fmla="*/ 3442 h 10000"/>
                  <a:gd name="connsiteX175" fmla="*/ 4575 w 10000"/>
                  <a:gd name="connsiteY175" fmla="*/ 3323 h 10000"/>
                  <a:gd name="connsiteX176" fmla="*/ 4628 w 10000"/>
                  <a:gd name="connsiteY176" fmla="*/ 3220 h 10000"/>
                  <a:gd name="connsiteX177" fmla="*/ 4653 w 10000"/>
                  <a:gd name="connsiteY177" fmla="*/ 3102 h 10000"/>
                  <a:gd name="connsiteX178" fmla="*/ 4681 w 10000"/>
                  <a:gd name="connsiteY178" fmla="*/ 3013 h 10000"/>
                  <a:gd name="connsiteX179" fmla="*/ 4653 w 10000"/>
                  <a:gd name="connsiteY179" fmla="*/ 2939 h 10000"/>
                  <a:gd name="connsiteX180" fmla="*/ 4628 w 10000"/>
                  <a:gd name="connsiteY180" fmla="*/ 2866 h 10000"/>
                  <a:gd name="connsiteX181" fmla="*/ 4548 w 10000"/>
                  <a:gd name="connsiteY181" fmla="*/ 2836 h 10000"/>
                  <a:gd name="connsiteX182" fmla="*/ 4442 w 10000"/>
                  <a:gd name="connsiteY182" fmla="*/ 2836 h 10000"/>
                  <a:gd name="connsiteX183" fmla="*/ 4308 w 10000"/>
                  <a:gd name="connsiteY183" fmla="*/ 2866 h 10000"/>
                  <a:gd name="connsiteX184" fmla="*/ 4414 w 10000"/>
                  <a:gd name="connsiteY184" fmla="*/ 2777 h 10000"/>
                  <a:gd name="connsiteX185" fmla="*/ 4469 w 10000"/>
                  <a:gd name="connsiteY185" fmla="*/ 2674 h 10000"/>
                  <a:gd name="connsiteX186" fmla="*/ 4494 w 10000"/>
                  <a:gd name="connsiteY186" fmla="*/ 2541 h 10000"/>
                  <a:gd name="connsiteX187" fmla="*/ 4494 w 10000"/>
                  <a:gd name="connsiteY187" fmla="*/ 2393 h 10000"/>
                  <a:gd name="connsiteX188" fmla="*/ 4520 w 10000"/>
                  <a:gd name="connsiteY188" fmla="*/ 2349 h 10000"/>
                  <a:gd name="connsiteX189" fmla="*/ 4575 w 10000"/>
                  <a:gd name="connsiteY189" fmla="*/ 2304 h 10000"/>
                  <a:gd name="connsiteX190" fmla="*/ 4628 w 10000"/>
                  <a:gd name="connsiteY190" fmla="*/ 2290 h 10000"/>
                  <a:gd name="connsiteX191" fmla="*/ 4708 w 10000"/>
                  <a:gd name="connsiteY191" fmla="*/ 2275 h 10000"/>
                  <a:gd name="connsiteX192" fmla="*/ 4946 w 10000"/>
                  <a:gd name="connsiteY192" fmla="*/ 2260 h 10000"/>
                  <a:gd name="connsiteX193" fmla="*/ 5158 w 10000"/>
                  <a:gd name="connsiteY193" fmla="*/ 2275 h 10000"/>
                  <a:gd name="connsiteX194" fmla="*/ 5132 w 10000"/>
                  <a:gd name="connsiteY194" fmla="*/ 2112 h 10000"/>
                  <a:gd name="connsiteX195" fmla="*/ 5080 w 10000"/>
                  <a:gd name="connsiteY195" fmla="*/ 1950 h 10000"/>
                  <a:gd name="connsiteX196" fmla="*/ 4999 w 10000"/>
                  <a:gd name="connsiteY196" fmla="*/ 1802 h 10000"/>
                  <a:gd name="connsiteX197" fmla="*/ 4894 w 10000"/>
                  <a:gd name="connsiteY197" fmla="*/ 1640 h 10000"/>
                  <a:gd name="connsiteX198" fmla="*/ 4628 w 10000"/>
                  <a:gd name="connsiteY198" fmla="*/ 1329 h 10000"/>
                  <a:gd name="connsiteX199" fmla="*/ 4362 w 10000"/>
                  <a:gd name="connsiteY199" fmla="*/ 1034 h 10000"/>
                  <a:gd name="connsiteX200" fmla="*/ 4228 w 10000"/>
                  <a:gd name="connsiteY200" fmla="*/ 901 h 10000"/>
                  <a:gd name="connsiteX201" fmla="*/ 4124 w 10000"/>
                  <a:gd name="connsiteY201" fmla="*/ 753 h 10000"/>
                  <a:gd name="connsiteX202" fmla="*/ 4042 w 10000"/>
                  <a:gd name="connsiteY202" fmla="*/ 620 h 10000"/>
                  <a:gd name="connsiteX203" fmla="*/ 4015 w 10000"/>
                  <a:gd name="connsiteY203" fmla="*/ 487 h 10000"/>
                  <a:gd name="connsiteX204" fmla="*/ 3989 w 10000"/>
                  <a:gd name="connsiteY204" fmla="*/ 355 h 10000"/>
                  <a:gd name="connsiteX205" fmla="*/ 4042 w 10000"/>
                  <a:gd name="connsiteY205" fmla="*/ 222 h 10000"/>
                  <a:gd name="connsiteX206" fmla="*/ 4070 w 10000"/>
                  <a:gd name="connsiteY206" fmla="*/ 162 h 10000"/>
                  <a:gd name="connsiteX207" fmla="*/ 4124 w 10000"/>
                  <a:gd name="connsiteY207" fmla="*/ 103 h 10000"/>
                  <a:gd name="connsiteX208" fmla="*/ 4203 w 10000"/>
                  <a:gd name="connsiteY208" fmla="*/ 59 h 10000"/>
                  <a:gd name="connsiteX209" fmla="*/ 4308 w 10000"/>
                  <a:gd name="connsiteY209" fmla="*/ 0 h 10000"/>
                  <a:gd name="connsiteX210" fmla="*/ 4494 w 10000"/>
                  <a:gd name="connsiteY210" fmla="*/ 0 h 10000"/>
                  <a:gd name="connsiteX211" fmla="*/ 4681 w 10000"/>
                  <a:gd name="connsiteY211" fmla="*/ 15 h 10000"/>
                  <a:gd name="connsiteX212" fmla="*/ 4867 w 10000"/>
                  <a:gd name="connsiteY212" fmla="*/ 44 h 10000"/>
                  <a:gd name="connsiteX213" fmla="*/ 4999 w 10000"/>
                  <a:gd name="connsiteY213" fmla="*/ 89 h 10000"/>
                  <a:gd name="connsiteX214" fmla="*/ 5213 w 10000"/>
                  <a:gd name="connsiteY214" fmla="*/ 192 h 10000"/>
                  <a:gd name="connsiteX215" fmla="*/ 5425 w 10000"/>
                  <a:gd name="connsiteY215" fmla="*/ 340 h 10000"/>
                  <a:gd name="connsiteX216" fmla="*/ 5585 w 10000"/>
                  <a:gd name="connsiteY216" fmla="*/ 473 h 10000"/>
                  <a:gd name="connsiteX217" fmla="*/ 5797 w 10000"/>
                  <a:gd name="connsiteY217" fmla="*/ 591 h 10000"/>
                  <a:gd name="connsiteX218" fmla="*/ 5931 w 10000"/>
                  <a:gd name="connsiteY218" fmla="*/ 650 h 10000"/>
                  <a:gd name="connsiteX219" fmla="*/ 6090 w 10000"/>
                  <a:gd name="connsiteY219" fmla="*/ 679 h 10000"/>
                  <a:gd name="connsiteX220" fmla="*/ 6251 w 10000"/>
                  <a:gd name="connsiteY220" fmla="*/ 709 h 10000"/>
                  <a:gd name="connsiteX221" fmla="*/ 6463 w 10000"/>
                  <a:gd name="connsiteY221" fmla="*/ 709 h 10000"/>
                  <a:gd name="connsiteX222" fmla="*/ 6463 w 10000"/>
                  <a:gd name="connsiteY222" fmla="*/ 768 h 10000"/>
                  <a:gd name="connsiteX223" fmla="*/ 6490 w 10000"/>
                  <a:gd name="connsiteY223" fmla="*/ 842 h 10000"/>
                  <a:gd name="connsiteX224" fmla="*/ 6541 w 10000"/>
                  <a:gd name="connsiteY224" fmla="*/ 916 h 10000"/>
                  <a:gd name="connsiteX225" fmla="*/ 6595 w 10000"/>
                  <a:gd name="connsiteY225" fmla="*/ 990 h 10000"/>
                  <a:gd name="connsiteX226" fmla="*/ 6674 w 10000"/>
                  <a:gd name="connsiteY226" fmla="*/ 1049 h 10000"/>
                  <a:gd name="connsiteX227" fmla="*/ 6780 w 10000"/>
                  <a:gd name="connsiteY227" fmla="*/ 1108 h 10000"/>
                  <a:gd name="connsiteX228" fmla="*/ 6914 w 10000"/>
                  <a:gd name="connsiteY228" fmla="*/ 1182 h 10000"/>
                  <a:gd name="connsiteX229" fmla="*/ 7020 w 10000"/>
                  <a:gd name="connsiteY229" fmla="*/ 1226 h 10000"/>
                  <a:gd name="connsiteX230" fmla="*/ 7127 w 10000"/>
                  <a:gd name="connsiteY230" fmla="*/ 1270 h 10000"/>
                  <a:gd name="connsiteX231" fmla="*/ 7234 w 10000"/>
                  <a:gd name="connsiteY231" fmla="*/ 1300 h 10000"/>
                  <a:gd name="connsiteX232" fmla="*/ 7340 w 10000"/>
                  <a:gd name="connsiteY232" fmla="*/ 1315 h 10000"/>
                  <a:gd name="connsiteX233" fmla="*/ 7474 w 10000"/>
                  <a:gd name="connsiteY233" fmla="*/ 1300 h 10000"/>
                  <a:gd name="connsiteX234" fmla="*/ 7580 w 10000"/>
                  <a:gd name="connsiteY234" fmla="*/ 1285 h 10000"/>
                  <a:gd name="connsiteX235" fmla="*/ 7659 w 10000"/>
                  <a:gd name="connsiteY235" fmla="*/ 1241 h 10000"/>
                  <a:gd name="connsiteX236" fmla="*/ 7714 w 10000"/>
                  <a:gd name="connsiteY236" fmla="*/ 1167 h 10000"/>
                  <a:gd name="connsiteX237" fmla="*/ 7738 w 10000"/>
                  <a:gd name="connsiteY237" fmla="*/ 1064 h 10000"/>
                  <a:gd name="connsiteX238" fmla="*/ 8138 w 10000"/>
                  <a:gd name="connsiteY238" fmla="*/ 1034 h 10000"/>
                  <a:gd name="connsiteX239" fmla="*/ 8509 w 10000"/>
                  <a:gd name="connsiteY239" fmla="*/ 1004 h 10000"/>
                  <a:gd name="connsiteX240" fmla="*/ 8830 w 10000"/>
                  <a:gd name="connsiteY240" fmla="*/ 990 h 10000"/>
                  <a:gd name="connsiteX241" fmla="*/ 9123 w 10000"/>
                  <a:gd name="connsiteY241" fmla="*/ 1004 h 10000"/>
                  <a:gd name="connsiteX242" fmla="*/ 9256 w 10000"/>
                  <a:gd name="connsiteY242" fmla="*/ 1019 h 10000"/>
                  <a:gd name="connsiteX243" fmla="*/ 9387 w 10000"/>
                  <a:gd name="connsiteY243" fmla="*/ 1034 h 10000"/>
                  <a:gd name="connsiteX244" fmla="*/ 9495 w 10000"/>
                  <a:gd name="connsiteY244" fmla="*/ 1064 h 10000"/>
                  <a:gd name="connsiteX245" fmla="*/ 9628 w 10000"/>
                  <a:gd name="connsiteY245" fmla="*/ 1108 h 10000"/>
                  <a:gd name="connsiteX246" fmla="*/ 9707 w 10000"/>
                  <a:gd name="connsiteY246" fmla="*/ 1182 h 10000"/>
                  <a:gd name="connsiteX247" fmla="*/ 9786 w 10000"/>
                  <a:gd name="connsiteY247" fmla="*/ 1241 h 10000"/>
                  <a:gd name="connsiteX248" fmla="*/ 9841 w 10000"/>
                  <a:gd name="connsiteY248" fmla="*/ 1329 h 10000"/>
                  <a:gd name="connsiteX249" fmla="*/ 9893 w 10000"/>
                  <a:gd name="connsiteY249" fmla="*/ 1433 h 10000"/>
                  <a:gd name="connsiteX250" fmla="*/ 9946 w 10000"/>
                  <a:gd name="connsiteY250" fmla="*/ 1551 h 10000"/>
                  <a:gd name="connsiteX251" fmla="*/ 9919 w 10000"/>
                  <a:gd name="connsiteY251" fmla="*/ 1625 h 10000"/>
                  <a:gd name="connsiteX252" fmla="*/ 9893 w 10000"/>
                  <a:gd name="connsiteY252" fmla="*/ 1684 h 10000"/>
                  <a:gd name="connsiteX253" fmla="*/ 9841 w 10000"/>
                  <a:gd name="connsiteY253" fmla="*/ 1758 h 10000"/>
                  <a:gd name="connsiteX254" fmla="*/ 9761 w 10000"/>
                  <a:gd name="connsiteY254" fmla="*/ 1802 h 10000"/>
                  <a:gd name="connsiteX255" fmla="*/ 9707 w 10000"/>
                  <a:gd name="connsiteY255" fmla="*/ 1861 h 10000"/>
                  <a:gd name="connsiteX256" fmla="*/ 9682 w 10000"/>
                  <a:gd name="connsiteY256" fmla="*/ 1935 h 10000"/>
                  <a:gd name="connsiteX257" fmla="*/ 9707 w 10000"/>
                  <a:gd name="connsiteY257" fmla="*/ 2024 h 10000"/>
                  <a:gd name="connsiteX258" fmla="*/ 10000 w 10000"/>
                  <a:gd name="connsiteY258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6674 w 10000"/>
                  <a:gd name="connsiteY4" fmla="*/ 4313 h 10000"/>
                  <a:gd name="connsiteX5" fmla="*/ 9628 w 10000"/>
                  <a:gd name="connsiteY5" fmla="*/ 3338 h 10000"/>
                  <a:gd name="connsiteX6" fmla="*/ 9866 w 10000"/>
                  <a:gd name="connsiteY6" fmla="*/ 3117 h 10000"/>
                  <a:gd name="connsiteX7" fmla="*/ 9893 w 10000"/>
                  <a:gd name="connsiteY7" fmla="*/ 3072 h 10000"/>
                  <a:gd name="connsiteX8" fmla="*/ 9919 w 10000"/>
                  <a:gd name="connsiteY8" fmla="*/ 3013 h 10000"/>
                  <a:gd name="connsiteX9" fmla="*/ 9919 w 10000"/>
                  <a:gd name="connsiteY9" fmla="*/ 2954 h 10000"/>
                  <a:gd name="connsiteX10" fmla="*/ 9893 w 10000"/>
                  <a:gd name="connsiteY10" fmla="*/ 2866 h 10000"/>
                  <a:gd name="connsiteX11" fmla="*/ 9707 w 10000"/>
                  <a:gd name="connsiteY11" fmla="*/ 2984 h 10000"/>
                  <a:gd name="connsiteX12" fmla="*/ 9495 w 10000"/>
                  <a:gd name="connsiteY12" fmla="*/ 3072 h 10000"/>
                  <a:gd name="connsiteX13" fmla="*/ 9281 w 10000"/>
                  <a:gd name="connsiteY13" fmla="*/ 3161 h 10000"/>
                  <a:gd name="connsiteX14" fmla="*/ 9069 w 10000"/>
                  <a:gd name="connsiteY14" fmla="*/ 3250 h 10000"/>
                  <a:gd name="connsiteX15" fmla="*/ 8589 w 10000"/>
                  <a:gd name="connsiteY15" fmla="*/ 3397 h 10000"/>
                  <a:gd name="connsiteX16" fmla="*/ 8085 w 10000"/>
                  <a:gd name="connsiteY16" fmla="*/ 3545 h 10000"/>
                  <a:gd name="connsiteX17" fmla="*/ 7580 w 10000"/>
                  <a:gd name="connsiteY17" fmla="*/ 3678 h 10000"/>
                  <a:gd name="connsiteX18" fmla="*/ 7100 w 10000"/>
                  <a:gd name="connsiteY18" fmla="*/ 3840 h 10000"/>
                  <a:gd name="connsiteX19" fmla="*/ 6861 w 10000"/>
                  <a:gd name="connsiteY19" fmla="*/ 3914 h 10000"/>
                  <a:gd name="connsiteX20" fmla="*/ 6649 w 10000"/>
                  <a:gd name="connsiteY20" fmla="*/ 4003 h 10000"/>
                  <a:gd name="connsiteX21" fmla="*/ 6437 w 10000"/>
                  <a:gd name="connsiteY21" fmla="*/ 4106 h 10000"/>
                  <a:gd name="connsiteX22" fmla="*/ 6222 w 10000"/>
                  <a:gd name="connsiteY22" fmla="*/ 4195 h 10000"/>
                  <a:gd name="connsiteX23" fmla="*/ 6382 w 10000"/>
                  <a:gd name="connsiteY23" fmla="*/ 4417 h 10000"/>
                  <a:gd name="connsiteX24" fmla="*/ 6490 w 10000"/>
                  <a:gd name="connsiteY24" fmla="*/ 4623 h 10000"/>
                  <a:gd name="connsiteX25" fmla="*/ 6475 w 10000"/>
                  <a:gd name="connsiteY25" fmla="*/ 4845 h 10000"/>
                  <a:gd name="connsiteX26" fmla="*/ 6674 w 10000"/>
                  <a:gd name="connsiteY26" fmla="*/ 5081 h 10000"/>
                  <a:gd name="connsiteX27" fmla="*/ 6729 w 10000"/>
                  <a:gd name="connsiteY27" fmla="*/ 5318 h 10000"/>
                  <a:gd name="connsiteX28" fmla="*/ 6756 w 10000"/>
                  <a:gd name="connsiteY28" fmla="*/ 5539 h 10000"/>
                  <a:gd name="connsiteX29" fmla="*/ 6780 w 10000"/>
                  <a:gd name="connsiteY29" fmla="*/ 5775 h 10000"/>
                  <a:gd name="connsiteX30" fmla="*/ 6780 w 10000"/>
                  <a:gd name="connsiteY30" fmla="*/ 5997 h 10000"/>
                  <a:gd name="connsiteX31" fmla="*/ 6756 w 10000"/>
                  <a:gd name="connsiteY31" fmla="*/ 6233 h 10000"/>
                  <a:gd name="connsiteX32" fmla="*/ 6702 w 10000"/>
                  <a:gd name="connsiteY32" fmla="*/ 6470 h 10000"/>
                  <a:gd name="connsiteX33" fmla="*/ 6649 w 10000"/>
                  <a:gd name="connsiteY33" fmla="*/ 6677 h 10000"/>
                  <a:gd name="connsiteX34" fmla="*/ 6569 w 10000"/>
                  <a:gd name="connsiteY34" fmla="*/ 6898 h 10000"/>
                  <a:gd name="connsiteX35" fmla="*/ 6463 w 10000"/>
                  <a:gd name="connsiteY35" fmla="*/ 7105 h 10000"/>
                  <a:gd name="connsiteX36" fmla="*/ 6330 w 10000"/>
                  <a:gd name="connsiteY36" fmla="*/ 7297 h 10000"/>
                  <a:gd name="connsiteX37" fmla="*/ 6170 w 10000"/>
                  <a:gd name="connsiteY37" fmla="*/ 7489 h 10000"/>
                  <a:gd name="connsiteX38" fmla="*/ 6010 w 10000"/>
                  <a:gd name="connsiteY38" fmla="*/ 7681 h 10000"/>
                  <a:gd name="connsiteX39" fmla="*/ 6780 w 10000"/>
                  <a:gd name="connsiteY39" fmla="*/ 7799 h 10000"/>
                  <a:gd name="connsiteX40" fmla="*/ 7580 w 10000"/>
                  <a:gd name="connsiteY40" fmla="*/ 7962 h 10000"/>
                  <a:gd name="connsiteX41" fmla="*/ 7738 w 10000"/>
                  <a:gd name="connsiteY41" fmla="*/ 8021 h 10000"/>
                  <a:gd name="connsiteX42" fmla="*/ 7872 w 10000"/>
                  <a:gd name="connsiteY42" fmla="*/ 8080 h 10000"/>
                  <a:gd name="connsiteX43" fmla="*/ 8004 w 10000"/>
                  <a:gd name="connsiteY43" fmla="*/ 8139 h 10000"/>
                  <a:gd name="connsiteX44" fmla="*/ 8085 w 10000"/>
                  <a:gd name="connsiteY44" fmla="*/ 8227 h 10000"/>
                  <a:gd name="connsiteX45" fmla="*/ 8112 w 10000"/>
                  <a:gd name="connsiteY45" fmla="*/ 8301 h 10000"/>
                  <a:gd name="connsiteX46" fmla="*/ 8112 w 10000"/>
                  <a:gd name="connsiteY46" fmla="*/ 8405 h 10000"/>
                  <a:gd name="connsiteX47" fmla="*/ 8059 w 10000"/>
                  <a:gd name="connsiteY47" fmla="*/ 8523 h 10000"/>
                  <a:gd name="connsiteX48" fmla="*/ 7978 w 10000"/>
                  <a:gd name="connsiteY48" fmla="*/ 8641 h 10000"/>
                  <a:gd name="connsiteX49" fmla="*/ 7633 w 10000"/>
                  <a:gd name="connsiteY49" fmla="*/ 8552 h 10000"/>
                  <a:gd name="connsiteX50" fmla="*/ 7313 w 10000"/>
                  <a:gd name="connsiteY50" fmla="*/ 8449 h 10000"/>
                  <a:gd name="connsiteX51" fmla="*/ 6994 w 10000"/>
                  <a:gd name="connsiteY51" fmla="*/ 8360 h 10000"/>
                  <a:gd name="connsiteX52" fmla="*/ 6674 w 10000"/>
                  <a:gd name="connsiteY52" fmla="*/ 8287 h 10000"/>
                  <a:gd name="connsiteX53" fmla="*/ 6541 w 10000"/>
                  <a:gd name="connsiteY53" fmla="*/ 8449 h 10000"/>
                  <a:gd name="connsiteX54" fmla="*/ 6437 w 10000"/>
                  <a:gd name="connsiteY54" fmla="*/ 8597 h 10000"/>
                  <a:gd name="connsiteX55" fmla="*/ 6382 w 10000"/>
                  <a:gd name="connsiteY55" fmla="*/ 8656 h 10000"/>
                  <a:gd name="connsiteX56" fmla="*/ 6276 w 10000"/>
                  <a:gd name="connsiteY56" fmla="*/ 8700 h 10000"/>
                  <a:gd name="connsiteX57" fmla="*/ 6197 w 10000"/>
                  <a:gd name="connsiteY57" fmla="*/ 8744 h 10000"/>
                  <a:gd name="connsiteX58" fmla="*/ 6117 w 10000"/>
                  <a:gd name="connsiteY58" fmla="*/ 8774 h 10000"/>
                  <a:gd name="connsiteX59" fmla="*/ 6037 w 10000"/>
                  <a:gd name="connsiteY59" fmla="*/ 8804 h 10000"/>
                  <a:gd name="connsiteX60" fmla="*/ 5931 w 10000"/>
                  <a:gd name="connsiteY60" fmla="*/ 8818 h 10000"/>
                  <a:gd name="connsiteX61" fmla="*/ 5797 w 10000"/>
                  <a:gd name="connsiteY61" fmla="*/ 8833 h 10000"/>
                  <a:gd name="connsiteX62" fmla="*/ 5665 w 10000"/>
                  <a:gd name="connsiteY62" fmla="*/ 8833 h 10000"/>
                  <a:gd name="connsiteX63" fmla="*/ 5347 w 10000"/>
                  <a:gd name="connsiteY63" fmla="*/ 8818 h 10000"/>
                  <a:gd name="connsiteX64" fmla="*/ 4946 w 10000"/>
                  <a:gd name="connsiteY64" fmla="*/ 8744 h 10000"/>
                  <a:gd name="connsiteX65" fmla="*/ 4946 w 10000"/>
                  <a:gd name="connsiteY65" fmla="*/ 8922 h 10000"/>
                  <a:gd name="connsiteX66" fmla="*/ 4919 w 10000"/>
                  <a:gd name="connsiteY66" fmla="*/ 9069 h 10000"/>
                  <a:gd name="connsiteX67" fmla="*/ 4894 w 10000"/>
                  <a:gd name="connsiteY67" fmla="*/ 9232 h 10000"/>
                  <a:gd name="connsiteX68" fmla="*/ 4867 w 10000"/>
                  <a:gd name="connsiteY68" fmla="*/ 9365 h 10000"/>
                  <a:gd name="connsiteX69" fmla="*/ 4813 w 10000"/>
                  <a:gd name="connsiteY69" fmla="*/ 9498 h 10000"/>
                  <a:gd name="connsiteX70" fmla="*/ 4708 w 10000"/>
                  <a:gd name="connsiteY70" fmla="*/ 9616 h 10000"/>
                  <a:gd name="connsiteX71" fmla="*/ 4628 w 10000"/>
                  <a:gd name="connsiteY71" fmla="*/ 9734 h 10000"/>
                  <a:gd name="connsiteX72" fmla="*/ 4494 w 10000"/>
                  <a:gd name="connsiteY72" fmla="*/ 9838 h 10000"/>
                  <a:gd name="connsiteX73" fmla="*/ 4173 w 10000"/>
                  <a:gd name="connsiteY73" fmla="*/ 9897 h 10000"/>
                  <a:gd name="connsiteX74" fmla="*/ 3910 w 10000"/>
                  <a:gd name="connsiteY74" fmla="*/ 9941 h 10000"/>
                  <a:gd name="connsiteX75" fmla="*/ 3590 w 10000"/>
                  <a:gd name="connsiteY75" fmla="*/ 9985 h 10000"/>
                  <a:gd name="connsiteX76" fmla="*/ 3351 w 10000"/>
                  <a:gd name="connsiteY76" fmla="*/ 10000 h 10000"/>
                  <a:gd name="connsiteX77" fmla="*/ 2819 w 10000"/>
                  <a:gd name="connsiteY77" fmla="*/ 10000 h 10000"/>
                  <a:gd name="connsiteX78" fmla="*/ 2313 w 10000"/>
                  <a:gd name="connsiteY78" fmla="*/ 9985 h 10000"/>
                  <a:gd name="connsiteX79" fmla="*/ 1836 w 10000"/>
                  <a:gd name="connsiteY79" fmla="*/ 9941 h 10000"/>
                  <a:gd name="connsiteX80" fmla="*/ 1330 w 10000"/>
                  <a:gd name="connsiteY80" fmla="*/ 9911 h 10000"/>
                  <a:gd name="connsiteX81" fmla="*/ 1038 w 10000"/>
                  <a:gd name="connsiteY81" fmla="*/ 9911 h 10000"/>
                  <a:gd name="connsiteX82" fmla="*/ 771 w 10000"/>
                  <a:gd name="connsiteY82" fmla="*/ 9911 h 10000"/>
                  <a:gd name="connsiteX83" fmla="*/ 479 w 10000"/>
                  <a:gd name="connsiteY83" fmla="*/ 9926 h 10000"/>
                  <a:gd name="connsiteX84" fmla="*/ 186 w 10000"/>
                  <a:gd name="connsiteY84" fmla="*/ 9970 h 10000"/>
                  <a:gd name="connsiteX85" fmla="*/ 107 w 10000"/>
                  <a:gd name="connsiteY85" fmla="*/ 9867 h 10000"/>
                  <a:gd name="connsiteX86" fmla="*/ 54 w 10000"/>
                  <a:gd name="connsiteY86" fmla="*/ 9793 h 10000"/>
                  <a:gd name="connsiteX87" fmla="*/ 0 w 10000"/>
                  <a:gd name="connsiteY87" fmla="*/ 9705 h 10000"/>
                  <a:gd name="connsiteX88" fmla="*/ 0 w 10000"/>
                  <a:gd name="connsiteY88" fmla="*/ 9601 h 10000"/>
                  <a:gd name="connsiteX89" fmla="*/ 54 w 10000"/>
                  <a:gd name="connsiteY89" fmla="*/ 9424 h 10000"/>
                  <a:gd name="connsiteX90" fmla="*/ 107 w 10000"/>
                  <a:gd name="connsiteY90" fmla="*/ 9202 h 10000"/>
                  <a:gd name="connsiteX91" fmla="*/ 158 w 10000"/>
                  <a:gd name="connsiteY91" fmla="*/ 8996 h 10000"/>
                  <a:gd name="connsiteX92" fmla="*/ 213 w 10000"/>
                  <a:gd name="connsiteY92" fmla="*/ 8759 h 10000"/>
                  <a:gd name="connsiteX93" fmla="*/ 239 w 10000"/>
                  <a:gd name="connsiteY93" fmla="*/ 8641 h 10000"/>
                  <a:gd name="connsiteX94" fmla="*/ 239 w 10000"/>
                  <a:gd name="connsiteY94" fmla="*/ 8538 h 10000"/>
                  <a:gd name="connsiteX95" fmla="*/ 213 w 10000"/>
                  <a:gd name="connsiteY95" fmla="*/ 8405 h 10000"/>
                  <a:gd name="connsiteX96" fmla="*/ 186 w 10000"/>
                  <a:gd name="connsiteY96" fmla="*/ 8287 h 10000"/>
                  <a:gd name="connsiteX97" fmla="*/ 452 w 10000"/>
                  <a:gd name="connsiteY97" fmla="*/ 8213 h 10000"/>
                  <a:gd name="connsiteX98" fmla="*/ 718 w 10000"/>
                  <a:gd name="connsiteY98" fmla="*/ 8139 h 10000"/>
                  <a:gd name="connsiteX99" fmla="*/ 984 w 10000"/>
                  <a:gd name="connsiteY99" fmla="*/ 8095 h 10000"/>
                  <a:gd name="connsiteX100" fmla="*/ 1277 w 10000"/>
                  <a:gd name="connsiteY100" fmla="*/ 8065 h 10000"/>
                  <a:gd name="connsiteX101" fmla="*/ 1807 w 10000"/>
                  <a:gd name="connsiteY101" fmla="*/ 8021 h 10000"/>
                  <a:gd name="connsiteX102" fmla="*/ 2341 w 10000"/>
                  <a:gd name="connsiteY102" fmla="*/ 7976 h 10000"/>
                  <a:gd name="connsiteX103" fmla="*/ 2580 w 10000"/>
                  <a:gd name="connsiteY103" fmla="*/ 7947 h 10000"/>
                  <a:gd name="connsiteX104" fmla="*/ 2819 w 10000"/>
                  <a:gd name="connsiteY104" fmla="*/ 7917 h 10000"/>
                  <a:gd name="connsiteX105" fmla="*/ 3030 w 10000"/>
                  <a:gd name="connsiteY105" fmla="*/ 7843 h 10000"/>
                  <a:gd name="connsiteX106" fmla="*/ 3244 w 10000"/>
                  <a:gd name="connsiteY106" fmla="*/ 7784 h 10000"/>
                  <a:gd name="connsiteX107" fmla="*/ 3431 w 10000"/>
                  <a:gd name="connsiteY107" fmla="*/ 7710 h 10000"/>
                  <a:gd name="connsiteX108" fmla="*/ 3590 w 10000"/>
                  <a:gd name="connsiteY108" fmla="*/ 7592 h 10000"/>
                  <a:gd name="connsiteX109" fmla="*/ 3750 w 10000"/>
                  <a:gd name="connsiteY109" fmla="*/ 7474 h 10000"/>
                  <a:gd name="connsiteX110" fmla="*/ 3856 w 10000"/>
                  <a:gd name="connsiteY110" fmla="*/ 7312 h 10000"/>
                  <a:gd name="connsiteX111" fmla="*/ 3644 w 10000"/>
                  <a:gd name="connsiteY111" fmla="*/ 7238 h 10000"/>
                  <a:gd name="connsiteX112" fmla="*/ 3456 w 10000"/>
                  <a:gd name="connsiteY112" fmla="*/ 7179 h 10000"/>
                  <a:gd name="connsiteX113" fmla="*/ 3297 w 10000"/>
                  <a:gd name="connsiteY113" fmla="*/ 7090 h 10000"/>
                  <a:gd name="connsiteX114" fmla="*/ 3139 w 10000"/>
                  <a:gd name="connsiteY114" fmla="*/ 6987 h 10000"/>
                  <a:gd name="connsiteX115" fmla="*/ 3030 w 10000"/>
                  <a:gd name="connsiteY115" fmla="*/ 6869 h 10000"/>
                  <a:gd name="connsiteX116" fmla="*/ 2980 w 10000"/>
                  <a:gd name="connsiteY116" fmla="*/ 6721 h 10000"/>
                  <a:gd name="connsiteX117" fmla="*/ 2952 w 10000"/>
                  <a:gd name="connsiteY117" fmla="*/ 6558 h 10000"/>
                  <a:gd name="connsiteX118" fmla="*/ 2980 w 10000"/>
                  <a:gd name="connsiteY118" fmla="*/ 6352 h 10000"/>
                  <a:gd name="connsiteX119" fmla="*/ 2846 w 10000"/>
                  <a:gd name="connsiteY119" fmla="*/ 6322 h 10000"/>
                  <a:gd name="connsiteX120" fmla="*/ 2687 w 10000"/>
                  <a:gd name="connsiteY120" fmla="*/ 6292 h 10000"/>
                  <a:gd name="connsiteX121" fmla="*/ 2501 w 10000"/>
                  <a:gd name="connsiteY121" fmla="*/ 6278 h 10000"/>
                  <a:gd name="connsiteX122" fmla="*/ 2313 w 10000"/>
                  <a:gd name="connsiteY122" fmla="*/ 6263 h 10000"/>
                  <a:gd name="connsiteX123" fmla="*/ 1942 w 10000"/>
                  <a:gd name="connsiteY123" fmla="*/ 6248 h 10000"/>
                  <a:gd name="connsiteX124" fmla="*/ 1543 w 10000"/>
                  <a:gd name="connsiteY124" fmla="*/ 6263 h 10000"/>
                  <a:gd name="connsiteX125" fmla="*/ 1198 w 10000"/>
                  <a:gd name="connsiteY125" fmla="*/ 6278 h 10000"/>
                  <a:gd name="connsiteX126" fmla="*/ 877 w 10000"/>
                  <a:gd name="connsiteY126" fmla="*/ 6278 h 10000"/>
                  <a:gd name="connsiteX127" fmla="*/ 613 w 10000"/>
                  <a:gd name="connsiteY127" fmla="*/ 6263 h 10000"/>
                  <a:gd name="connsiteX128" fmla="*/ 399 w 10000"/>
                  <a:gd name="connsiteY128" fmla="*/ 6233 h 10000"/>
                  <a:gd name="connsiteX129" fmla="*/ 663 w 10000"/>
                  <a:gd name="connsiteY129" fmla="*/ 5805 h 10000"/>
                  <a:gd name="connsiteX130" fmla="*/ 958 w 10000"/>
                  <a:gd name="connsiteY130" fmla="*/ 5391 h 10000"/>
                  <a:gd name="connsiteX131" fmla="*/ 1065 w 10000"/>
                  <a:gd name="connsiteY131" fmla="*/ 5170 h 10000"/>
                  <a:gd name="connsiteX132" fmla="*/ 1143 w 10000"/>
                  <a:gd name="connsiteY132" fmla="*/ 4963 h 10000"/>
                  <a:gd name="connsiteX133" fmla="*/ 1169 w 10000"/>
                  <a:gd name="connsiteY133" fmla="*/ 4860 h 10000"/>
                  <a:gd name="connsiteX134" fmla="*/ 1143 w 10000"/>
                  <a:gd name="connsiteY134" fmla="*/ 4756 h 10000"/>
                  <a:gd name="connsiteX135" fmla="*/ 1117 w 10000"/>
                  <a:gd name="connsiteY135" fmla="*/ 4653 h 10000"/>
                  <a:gd name="connsiteX136" fmla="*/ 1038 w 10000"/>
                  <a:gd name="connsiteY136" fmla="*/ 4549 h 10000"/>
                  <a:gd name="connsiteX137" fmla="*/ 1330 w 10000"/>
                  <a:gd name="connsiteY137" fmla="*/ 4520 h 10000"/>
                  <a:gd name="connsiteX138" fmla="*/ 1543 w 10000"/>
                  <a:gd name="connsiteY138" fmla="*/ 4505 h 10000"/>
                  <a:gd name="connsiteX139" fmla="*/ 1729 w 10000"/>
                  <a:gd name="connsiteY139" fmla="*/ 4505 h 10000"/>
                  <a:gd name="connsiteX140" fmla="*/ 1888 w 10000"/>
                  <a:gd name="connsiteY140" fmla="*/ 4520 h 10000"/>
                  <a:gd name="connsiteX141" fmla="*/ 2022 w 10000"/>
                  <a:gd name="connsiteY141" fmla="*/ 4520 h 10000"/>
                  <a:gd name="connsiteX142" fmla="*/ 2181 w 10000"/>
                  <a:gd name="connsiteY142" fmla="*/ 4520 h 10000"/>
                  <a:gd name="connsiteX143" fmla="*/ 2341 w 10000"/>
                  <a:gd name="connsiteY143" fmla="*/ 4490 h 10000"/>
                  <a:gd name="connsiteX144" fmla="*/ 2552 w 10000"/>
                  <a:gd name="connsiteY144" fmla="*/ 4446 h 10000"/>
                  <a:gd name="connsiteX145" fmla="*/ 2552 w 10000"/>
                  <a:gd name="connsiteY145" fmla="*/ 4579 h 10000"/>
                  <a:gd name="connsiteX146" fmla="*/ 2552 w 10000"/>
                  <a:gd name="connsiteY146" fmla="*/ 4742 h 10000"/>
                  <a:gd name="connsiteX147" fmla="*/ 2552 w 10000"/>
                  <a:gd name="connsiteY147" fmla="*/ 4874 h 10000"/>
                  <a:gd name="connsiteX148" fmla="*/ 2552 w 10000"/>
                  <a:gd name="connsiteY148" fmla="*/ 5037 h 10000"/>
                  <a:gd name="connsiteX149" fmla="*/ 2792 w 10000"/>
                  <a:gd name="connsiteY149" fmla="*/ 5022 h 10000"/>
                  <a:gd name="connsiteX150" fmla="*/ 2952 w 10000"/>
                  <a:gd name="connsiteY150" fmla="*/ 5037 h 10000"/>
                  <a:gd name="connsiteX151" fmla="*/ 3085 w 10000"/>
                  <a:gd name="connsiteY151" fmla="*/ 5066 h 10000"/>
                  <a:gd name="connsiteX152" fmla="*/ 3218 w 10000"/>
                  <a:gd name="connsiteY152" fmla="*/ 5096 h 10000"/>
                  <a:gd name="connsiteX153" fmla="*/ 3325 w 10000"/>
                  <a:gd name="connsiteY153" fmla="*/ 5126 h 10000"/>
                  <a:gd name="connsiteX154" fmla="*/ 3456 w 10000"/>
                  <a:gd name="connsiteY154" fmla="*/ 5155 h 10000"/>
                  <a:gd name="connsiteX155" fmla="*/ 3617 w 10000"/>
                  <a:gd name="connsiteY155" fmla="*/ 5170 h 10000"/>
                  <a:gd name="connsiteX156" fmla="*/ 3856 w 10000"/>
                  <a:gd name="connsiteY156" fmla="*/ 5155 h 10000"/>
                  <a:gd name="connsiteX157" fmla="*/ 3936 w 10000"/>
                  <a:gd name="connsiteY157" fmla="*/ 5096 h 10000"/>
                  <a:gd name="connsiteX158" fmla="*/ 4015 w 10000"/>
                  <a:gd name="connsiteY158" fmla="*/ 5022 h 10000"/>
                  <a:gd name="connsiteX159" fmla="*/ 4042 w 10000"/>
                  <a:gd name="connsiteY159" fmla="*/ 4934 h 10000"/>
                  <a:gd name="connsiteX160" fmla="*/ 4070 w 10000"/>
                  <a:gd name="connsiteY160" fmla="*/ 4860 h 10000"/>
                  <a:gd name="connsiteX161" fmla="*/ 4095 w 10000"/>
                  <a:gd name="connsiteY161" fmla="*/ 4697 h 10000"/>
                  <a:gd name="connsiteX162" fmla="*/ 4070 w 10000"/>
                  <a:gd name="connsiteY162" fmla="*/ 4520 h 10000"/>
                  <a:gd name="connsiteX163" fmla="*/ 3989 w 10000"/>
                  <a:gd name="connsiteY163" fmla="*/ 4343 h 10000"/>
                  <a:gd name="connsiteX164" fmla="*/ 3910 w 10000"/>
                  <a:gd name="connsiteY164" fmla="*/ 4195 h 10000"/>
                  <a:gd name="connsiteX165" fmla="*/ 3776 w 10000"/>
                  <a:gd name="connsiteY165" fmla="*/ 4047 h 10000"/>
                  <a:gd name="connsiteX166" fmla="*/ 3644 w 10000"/>
                  <a:gd name="connsiteY166" fmla="*/ 3959 h 10000"/>
                  <a:gd name="connsiteX167" fmla="*/ 3803 w 10000"/>
                  <a:gd name="connsiteY167" fmla="*/ 3944 h 10000"/>
                  <a:gd name="connsiteX168" fmla="*/ 3936 w 10000"/>
                  <a:gd name="connsiteY168" fmla="*/ 3914 h 10000"/>
                  <a:gd name="connsiteX169" fmla="*/ 4042 w 10000"/>
                  <a:gd name="connsiteY169" fmla="*/ 3855 h 10000"/>
                  <a:gd name="connsiteX170" fmla="*/ 4173 w 10000"/>
                  <a:gd name="connsiteY170" fmla="*/ 3752 h 10000"/>
                  <a:gd name="connsiteX171" fmla="*/ 4308 w 10000"/>
                  <a:gd name="connsiteY171" fmla="*/ 3663 h 10000"/>
                  <a:gd name="connsiteX172" fmla="*/ 4414 w 10000"/>
                  <a:gd name="connsiteY172" fmla="*/ 3560 h 10000"/>
                  <a:gd name="connsiteX173" fmla="*/ 4494 w 10000"/>
                  <a:gd name="connsiteY173" fmla="*/ 3442 h 10000"/>
                  <a:gd name="connsiteX174" fmla="*/ 4575 w 10000"/>
                  <a:gd name="connsiteY174" fmla="*/ 3323 h 10000"/>
                  <a:gd name="connsiteX175" fmla="*/ 4628 w 10000"/>
                  <a:gd name="connsiteY175" fmla="*/ 3220 h 10000"/>
                  <a:gd name="connsiteX176" fmla="*/ 4653 w 10000"/>
                  <a:gd name="connsiteY176" fmla="*/ 3102 h 10000"/>
                  <a:gd name="connsiteX177" fmla="*/ 4681 w 10000"/>
                  <a:gd name="connsiteY177" fmla="*/ 3013 h 10000"/>
                  <a:gd name="connsiteX178" fmla="*/ 4653 w 10000"/>
                  <a:gd name="connsiteY178" fmla="*/ 2939 h 10000"/>
                  <a:gd name="connsiteX179" fmla="*/ 4628 w 10000"/>
                  <a:gd name="connsiteY179" fmla="*/ 2866 h 10000"/>
                  <a:gd name="connsiteX180" fmla="*/ 4548 w 10000"/>
                  <a:gd name="connsiteY180" fmla="*/ 2836 h 10000"/>
                  <a:gd name="connsiteX181" fmla="*/ 4442 w 10000"/>
                  <a:gd name="connsiteY181" fmla="*/ 2836 h 10000"/>
                  <a:gd name="connsiteX182" fmla="*/ 4308 w 10000"/>
                  <a:gd name="connsiteY182" fmla="*/ 2866 h 10000"/>
                  <a:gd name="connsiteX183" fmla="*/ 4414 w 10000"/>
                  <a:gd name="connsiteY183" fmla="*/ 2777 h 10000"/>
                  <a:gd name="connsiteX184" fmla="*/ 4469 w 10000"/>
                  <a:gd name="connsiteY184" fmla="*/ 2674 h 10000"/>
                  <a:gd name="connsiteX185" fmla="*/ 4494 w 10000"/>
                  <a:gd name="connsiteY185" fmla="*/ 2541 h 10000"/>
                  <a:gd name="connsiteX186" fmla="*/ 4494 w 10000"/>
                  <a:gd name="connsiteY186" fmla="*/ 2393 h 10000"/>
                  <a:gd name="connsiteX187" fmla="*/ 4520 w 10000"/>
                  <a:gd name="connsiteY187" fmla="*/ 2349 h 10000"/>
                  <a:gd name="connsiteX188" fmla="*/ 4575 w 10000"/>
                  <a:gd name="connsiteY188" fmla="*/ 2304 h 10000"/>
                  <a:gd name="connsiteX189" fmla="*/ 4628 w 10000"/>
                  <a:gd name="connsiteY189" fmla="*/ 2290 h 10000"/>
                  <a:gd name="connsiteX190" fmla="*/ 4708 w 10000"/>
                  <a:gd name="connsiteY190" fmla="*/ 2275 h 10000"/>
                  <a:gd name="connsiteX191" fmla="*/ 4946 w 10000"/>
                  <a:gd name="connsiteY191" fmla="*/ 2260 h 10000"/>
                  <a:gd name="connsiteX192" fmla="*/ 5158 w 10000"/>
                  <a:gd name="connsiteY192" fmla="*/ 2275 h 10000"/>
                  <a:gd name="connsiteX193" fmla="*/ 5132 w 10000"/>
                  <a:gd name="connsiteY193" fmla="*/ 2112 h 10000"/>
                  <a:gd name="connsiteX194" fmla="*/ 5080 w 10000"/>
                  <a:gd name="connsiteY194" fmla="*/ 1950 h 10000"/>
                  <a:gd name="connsiteX195" fmla="*/ 4999 w 10000"/>
                  <a:gd name="connsiteY195" fmla="*/ 1802 h 10000"/>
                  <a:gd name="connsiteX196" fmla="*/ 4894 w 10000"/>
                  <a:gd name="connsiteY196" fmla="*/ 1640 h 10000"/>
                  <a:gd name="connsiteX197" fmla="*/ 4628 w 10000"/>
                  <a:gd name="connsiteY197" fmla="*/ 1329 h 10000"/>
                  <a:gd name="connsiteX198" fmla="*/ 4362 w 10000"/>
                  <a:gd name="connsiteY198" fmla="*/ 1034 h 10000"/>
                  <a:gd name="connsiteX199" fmla="*/ 4228 w 10000"/>
                  <a:gd name="connsiteY199" fmla="*/ 901 h 10000"/>
                  <a:gd name="connsiteX200" fmla="*/ 4124 w 10000"/>
                  <a:gd name="connsiteY200" fmla="*/ 753 h 10000"/>
                  <a:gd name="connsiteX201" fmla="*/ 4042 w 10000"/>
                  <a:gd name="connsiteY201" fmla="*/ 620 h 10000"/>
                  <a:gd name="connsiteX202" fmla="*/ 4015 w 10000"/>
                  <a:gd name="connsiteY202" fmla="*/ 487 h 10000"/>
                  <a:gd name="connsiteX203" fmla="*/ 3989 w 10000"/>
                  <a:gd name="connsiteY203" fmla="*/ 355 h 10000"/>
                  <a:gd name="connsiteX204" fmla="*/ 4042 w 10000"/>
                  <a:gd name="connsiteY204" fmla="*/ 222 h 10000"/>
                  <a:gd name="connsiteX205" fmla="*/ 4070 w 10000"/>
                  <a:gd name="connsiteY205" fmla="*/ 162 h 10000"/>
                  <a:gd name="connsiteX206" fmla="*/ 4124 w 10000"/>
                  <a:gd name="connsiteY206" fmla="*/ 103 h 10000"/>
                  <a:gd name="connsiteX207" fmla="*/ 4203 w 10000"/>
                  <a:gd name="connsiteY207" fmla="*/ 59 h 10000"/>
                  <a:gd name="connsiteX208" fmla="*/ 4308 w 10000"/>
                  <a:gd name="connsiteY208" fmla="*/ 0 h 10000"/>
                  <a:gd name="connsiteX209" fmla="*/ 4494 w 10000"/>
                  <a:gd name="connsiteY209" fmla="*/ 0 h 10000"/>
                  <a:gd name="connsiteX210" fmla="*/ 4681 w 10000"/>
                  <a:gd name="connsiteY210" fmla="*/ 15 h 10000"/>
                  <a:gd name="connsiteX211" fmla="*/ 4867 w 10000"/>
                  <a:gd name="connsiteY211" fmla="*/ 44 h 10000"/>
                  <a:gd name="connsiteX212" fmla="*/ 4999 w 10000"/>
                  <a:gd name="connsiteY212" fmla="*/ 89 h 10000"/>
                  <a:gd name="connsiteX213" fmla="*/ 5213 w 10000"/>
                  <a:gd name="connsiteY213" fmla="*/ 192 h 10000"/>
                  <a:gd name="connsiteX214" fmla="*/ 5425 w 10000"/>
                  <a:gd name="connsiteY214" fmla="*/ 340 h 10000"/>
                  <a:gd name="connsiteX215" fmla="*/ 5585 w 10000"/>
                  <a:gd name="connsiteY215" fmla="*/ 473 h 10000"/>
                  <a:gd name="connsiteX216" fmla="*/ 5797 w 10000"/>
                  <a:gd name="connsiteY216" fmla="*/ 591 h 10000"/>
                  <a:gd name="connsiteX217" fmla="*/ 5931 w 10000"/>
                  <a:gd name="connsiteY217" fmla="*/ 650 h 10000"/>
                  <a:gd name="connsiteX218" fmla="*/ 6090 w 10000"/>
                  <a:gd name="connsiteY218" fmla="*/ 679 h 10000"/>
                  <a:gd name="connsiteX219" fmla="*/ 6251 w 10000"/>
                  <a:gd name="connsiteY219" fmla="*/ 709 h 10000"/>
                  <a:gd name="connsiteX220" fmla="*/ 6463 w 10000"/>
                  <a:gd name="connsiteY220" fmla="*/ 709 h 10000"/>
                  <a:gd name="connsiteX221" fmla="*/ 6463 w 10000"/>
                  <a:gd name="connsiteY221" fmla="*/ 768 h 10000"/>
                  <a:gd name="connsiteX222" fmla="*/ 6490 w 10000"/>
                  <a:gd name="connsiteY222" fmla="*/ 842 h 10000"/>
                  <a:gd name="connsiteX223" fmla="*/ 6541 w 10000"/>
                  <a:gd name="connsiteY223" fmla="*/ 916 h 10000"/>
                  <a:gd name="connsiteX224" fmla="*/ 6595 w 10000"/>
                  <a:gd name="connsiteY224" fmla="*/ 990 h 10000"/>
                  <a:gd name="connsiteX225" fmla="*/ 6674 w 10000"/>
                  <a:gd name="connsiteY225" fmla="*/ 1049 h 10000"/>
                  <a:gd name="connsiteX226" fmla="*/ 6780 w 10000"/>
                  <a:gd name="connsiteY226" fmla="*/ 1108 h 10000"/>
                  <a:gd name="connsiteX227" fmla="*/ 6914 w 10000"/>
                  <a:gd name="connsiteY227" fmla="*/ 1182 h 10000"/>
                  <a:gd name="connsiteX228" fmla="*/ 7020 w 10000"/>
                  <a:gd name="connsiteY228" fmla="*/ 1226 h 10000"/>
                  <a:gd name="connsiteX229" fmla="*/ 7127 w 10000"/>
                  <a:gd name="connsiteY229" fmla="*/ 1270 h 10000"/>
                  <a:gd name="connsiteX230" fmla="*/ 7234 w 10000"/>
                  <a:gd name="connsiteY230" fmla="*/ 1300 h 10000"/>
                  <a:gd name="connsiteX231" fmla="*/ 7340 w 10000"/>
                  <a:gd name="connsiteY231" fmla="*/ 1315 h 10000"/>
                  <a:gd name="connsiteX232" fmla="*/ 7474 w 10000"/>
                  <a:gd name="connsiteY232" fmla="*/ 1300 h 10000"/>
                  <a:gd name="connsiteX233" fmla="*/ 7580 w 10000"/>
                  <a:gd name="connsiteY233" fmla="*/ 1285 h 10000"/>
                  <a:gd name="connsiteX234" fmla="*/ 7659 w 10000"/>
                  <a:gd name="connsiteY234" fmla="*/ 1241 h 10000"/>
                  <a:gd name="connsiteX235" fmla="*/ 7714 w 10000"/>
                  <a:gd name="connsiteY235" fmla="*/ 1167 h 10000"/>
                  <a:gd name="connsiteX236" fmla="*/ 7738 w 10000"/>
                  <a:gd name="connsiteY236" fmla="*/ 1064 h 10000"/>
                  <a:gd name="connsiteX237" fmla="*/ 8138 w 10000"/>
                  <a:gd name="connsiteY237" fmla="*/ 1034 h 10000"/>
                  <a:gd name="connsiteX238" fmla="*/ 8509 w 10000"/>
                  <a:gd name="connsiteY238" fmla="*/ 1004 h 10000"/>
                  <a:gd name="connsiteX239" fmla="*/ 8830 w 10000"/>
                  <a:gd name="connsiteY239" fmla="*/ 990 h 10000"/>
                  <a:gd name="connsiteX240" fmla="*/ 9123 w 10000"/>
                  <a:gd name="connsiteY240" fmla="*/ 1004 h 10000"/>
                  <a:gd name="connsiteX241" fmla="*/ 9256 w 10000"/>
                  <a:gd name="connsiteY241" fmla="*/ 1019 h 10000"/>
                  <a:gd name="connsiteX242" fmla="*/ 9387 w 10000"/>
                  <a:gd name="connsiteY242" fmla="*/ 1034 h 10000"/>
                  <a:gd name="connsiteX243" fmla="*/ 9495 w 10000"/>
                  <a:gd name="connsiteY243" fmla="*/ 1064 h 10000"/>
                  <a:gd name="connsiteX244" fmla="*/ 9628 w 10000"/>
                  <a:gd name="connsiteY244" fmla="*/ 1108 h 10000"/>
                  <a:gd name="connsiteX245" fmla="*/ 9707 w 10000"/>
                  <a:gd name="connsiteY245" fmla="*/ 1182 h 10000"/>
                  <a:gd name="connsiteX246" fmla="*/ 9786 w 10000"/>
                  <a:gd name="connsiteY246" fmla="*/ 1241 h 10000"/>
                  <a:gd name="connsiteX247" fmla="*/ 9841 w 10000"/>
                  <a:gd name="connsiteY247" fmla="*/ 1329 h 10000"/>
                  <a:gd name="connsiteX248" fmla="*/ 9893 w 10000"/>
                  <a:gd name="connsiteY248" fmla="*/ 1433 h 10000"/>
                  <a:gd name="connsiteX249" fmla="*/ 9946 w 10000"/>
                  <a:gd name="connsiteY249" fmla="*/ 1551 h 10000"/>
                  <a:gd name="connsiteX250" fmla="*/ 9919 w 10000"/>
                  <a:gd name="connsiteY250" fmla="*/ 1625 h 10000"/>
                  <a:gd name="connsiteX251" fmla="*/ 9893 w 10000"/>
                  <a:gd name="connsiteY251" fmla="*/ 1684 h 10000"/>
                  <a:gd name="connsiteX252" fmla="*/ 9841 w 10000"/>
                  <a:gd name="connsiteY252" fmla="*/ 1758 h 10000"/>
                  <a:gd name="connsiteX253" fmla="*/ 9761 w 10000"/>
                  <a:gd name="connsiteY253" fmla="*/ 1802 h 10000"/>
                  <a:gd name="connsiteX254" fmla="*/ 9707 w 10000"/>
                  <a:gd name="connsiteY254" fmla="*/ 1861 h 10000"/>
                  <a:gd name="connsiteX255" fmla="*/ 9682 w 10000"/>
                  <a:gd name="connsiteY255" fmla="*/ 1935 h 10000"/>
                  <a:gd name="connsiteX256" fmla="*/ 9707 w 10000"/>
                  <a:gd name="connsiteY256" fmla="*/ 2024 h 10000"/>
                  <a:gd name="connsiteX257" fmla="*/ 10000 w 10000"/>
                  <a:gd name="connsiteY257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6674 w 10000"/>
                  <a:gd name="connsiteY4" fmla="*/ 4313 h 10000"/>
                  <a:gd name="connsiteX5" fmla="*/ 9628 w 10000"/>
                  <a:gd name="connsiteY5" fmla="*/ 3338 h 10000"/>
                  <a:gd name="connsiteX6" fmla="*/ 9866 w 10000"/>
                  <a:gd name="connsiteY6" fmla="*/ 3117 h 10000"/>
                  <a:gd name="connsiteX7" fmla="*/ 9893 w 10000"/>
                  <a:gd name="connsiteY7" fmla="*/ 3072 h 10000"/>
                  <a:gd name="connsiteX8" fmla="*/ 9919 w 10000"/>
                  <a:gd name="connsiteY8" fmla="*/ 3013 h 10000"/>
                  <a:gd name="connsiteX9" fmla="*/ 9919 w 10000"/>
                  <a:gd name="connsiteY9" fmla="*/ 2954 h 10000"/>
                  <a:gd name="connsiteX10" fmla="*/ 9893 w 10000"/>
                  <a:gd name="connsiteY10" fmla="*/ 2866 h 10000"/>
                  <a:gd name="connsiteX11" fmla="*/ 9707 w 10000"/>
                  <a:gd name="connsiteY11" fmla="*/ 2984 h 10000"/>
                  <a:gd name="connsiteX12" fmla="*/ 9495 w 10000"/>
                  <a:gd name="connsiteY12" fmla="*/ 3072 h 10000"/>
                  <a:gd name="connsiteX13" fmla="*/ 9281 w 10000"/>
                  <a:gd name="connsiteY13" fmla="*/ 3161 h 10000"/>
                  <a:gd name="connsiteX14" fmla="*/ 9069 w 10000"/>
                  <a:gd name="connsiteY14" fmla="*/ 3250 h 10000"/>
                  <a:gd name="connsiteX15" fmla="*/ 8589 w 10000"/>
                  <a:gd name="connsiteY15" fmla="*/ 3397 h 10000"/>
                  <a:gd name="connsiteX16" fmla="*/ 8085 w 10000"/>
                  <a:gd name="connsiteY16" fmla="*/ 3545 h 10000"/>
                  <a:gd name="connsiteX17" fmla="*/ 7580 w 10000"/>
                  <a:gd name="connsiteY17" fmla="*/ 3678 h 10000"/>
                  <a:gd name="connsiteX18" fmla="*/ 7100 w 10000"/>
                  <a:gd name="connsiteY18" fmla="*/ 3840 h 10000"/>
                  <a:gd name="connsiteX19" fmla="*/ 6861 w 10000"/>
                  <a:gd name="connsiteY19" fmla="*/ 3914 h 10000"/>
                  <a:gd name="connsiteX20" fmla="*/ 6649 w 10000"/>
                  <a:gd name="connsiteY20" fmla="*/ 4003 h 10000"/>
                  <a:gd name="connsiteX21" fmla="*/ 6437 w 10000"/>
                  <a:gd name="connsiteY21" fmla="*/ 4106 h 10000"/>
                  <a:gd name="connsiteX22" fmla="*/ 6222 w 10000"/>
                  <a:gd name="connsiteY22" fmla="*/ 4195 h 10000"/>
                  <a:gd name="connsiteX23" fmla="*/ 6382 w 10000"/>
                  <a:gd name="connsiteY23" fmla="*/ 4417 h 10000"/>
                  <a:gd name="connsiteX24" fmla="*/ 6490 w 10000"/>
                  <a:gd name="connsiteY24" fmla="*/ 4623 h 10000"/>
                  <a:gd name="connsiteX25" fmla="*/ 6475 w 10000"/>
                  <a:gd name="connsiteY25" fmla="*/ 4845 h 10000"/>
                  <a:gd name="connsiteX26" fmla="*/ 6729 w 10000"/>
                  <a:gd name="connsiteY26" fmla="*/ 5318 h 10000"/>
                  <a:gd name="connsiteX27" fmla="*/ 6756 w 10000"/>
                  <a:gd name="connsiteY27" fmla="*/ 5539 h 10000"/>
                  <a:gd name="connsiteX28" fmla="*/ 6780 w 10000"/>
                  <a:gd name="connsiteY28" fmla="*/ 5775 h 10000"/>
                  <a:gd name="connsiteX29" fmla="*/ 6780 w 10000"/>
                  <a:gd name="connsiteY29" fmla="*/ 5997 h 10000"/>
                  <a:gd name="connsiteX30" fmla="*/ 6756 w 10000"/>
                  <a:gd name="connsiteY30" fmla="*/ 6233 h 10000"/>
                  <a:gd name="connsiteX31" fmla="*/ 6702 w 10000"/>
                  <a:gd name="connsiteY31" fmla="*/ 6470 h 10000"/>
                  <a:gd name="connsiteX32" fmla="*/ 6649 w 10000"/>
                  <a:gd name="connsiteY32" fmla="*/ 6677 h 10000"/>
                  <a:gd name="connsiteX33" fmla="*/ 6569 w 10000"/>
                  <a:gd name="connsiteY33" fmla="*/ 6898 h 10000"/>
                  <a:gd name="connsiteX34" fmla="*/ 6463 w 10000"/>
                  <a:gd name="connsiteY34" fmla="*/ 7105 h 10000"/>
                  <a:gd name="connsiteX35" fmla="*/ 6330 w 10000"/>
                  <a:gd name="connsiteY35" fmla="*/ 7297 h 10000"/>
                  <a:gd name="connsiteX36" fmla="*/ 6170 w 10000"/>
                  <a:gd name="connsiteY36" fmla="*/ 7489 h 10000"/>
                  <a:gd name="connsiteX37" fmla="*/ 6010 w 10000"/>
                  <a:gd name="connsiteY37" fmla="*/ 7681 h 10000"/>
                  <a:gd name="connsiteX38" fmla="*/ 6780 w 10000"/>
                  <a:gd name="connsiteY38" fmla="*/ 7799 h 10000"/>
                  <a:gd name="connsiteX39" fmla="*/ 7580 w 10000"/>
                  <a:gd name="connsiteY39" fmla="*/ 7962 h 10000"/>
                  <a:gd name="connsiteX40" fmla="*/ 7738 w 10000"/>
                  <a:gd name="connsiteY40" fmla="*/ 8021 h 10000"/>
                  <a:gd name="connsiteX41" fmla="*/ 7872 w 10000"/>
                  <a:gd name="connsiteY41" fmla="*/ 8080 h 10000"/>
                  <a:gd name="connsiteX42" fmla="*/ 8004 w 10000"/>
                  <a:gd name="connsiteY42" fmla="*/ 8139 h 10000"/>
                  <a:gd name="connsiteX43" fmla="*/ 8085 w 10000"/>
                  <a:gd name="connsiteY43" fmla="*/ 8227 h 10000"/>
                  <a:gd name="connsiteX44" fmla="*/ 8112 w 10000"/>
                  <a:gd name="connsiteY44" fmla="*/ 8301 h 10000"/>
                  <a:gd name="connsiteX45" fmla="*/ 8112 w 10000"/>
                  <a:gd name="connsiteY45" fmla="*/ 8405 h 10000"/>
                  <a:gd name="connsiteX46" fmla="*/ 8059 w 10000"/>
                  <a:gd name="connsiteY46" fmla="*/ 8523 h 10000"/>
                  <a:gd name="connsiteX47" fmla="*/ 7978 w 10000"/>
                  <a:gd name="connsiteY47" fmla="*/ 8641 h 10000"/>
                  <a:gd name="connsiteX48" fmla="*/ 7633 w 10000"/>
                  <a:gd name="connsiteY48" fmla="*/ 8552 h 10000"/>
                  <a:gd name="connsiteX49" fmla="*/ 7313 w 10000"/>
                  <a:gd name="connsiteY49" fmla="*/ 8449 h 10000"/>
                  <a:gd name="connsiteX50" fmla="*/ 6994 w 10000"/>
                  <a:gd name="connsiteY50" fmla="*/ 8360 h 10000"/>
                  <a:gd name="connsiteX51" fmla="*/ 6674 w 10000"/>
                  <a:gd name="connsiteY51" fmla="*/ 8287 h 10000"/>
                  <a:gd name="connsiteX52" fmla="*/ 6541 w 10000"/>
                  <a:gd name="connsiteY52" fmla="*/ 8449 h 10000"/>
                  <a:gd name="connsiteX53" fmla="*/ 6437 w 10000"/>
                  <a:gd name="connsiteY53" fmla="*/ 8597 h 10000"/>
                  <a:gd name="connsiteX54" fmla="*/ 6382 w 10000"/>
                  <a:gd name="connsiteY54" fmla="*/ 8656 h 10000"/>
                  <a:gd name="connsiteX55" fmla="*/ 6276 w 10000"/>
                  <a:gd name="connsiteY55" fmla="*/ 8700 h 10000"/>
                  <a:gd name="connsiteX56" fmla="*/ 6197 w 10000"/>
                  <a:gd name="connsiteY56" fmla="*/ 8744 h 10000"/>
                  <a:gd name="connsiteX57" fmla="*/ 6117 w 10000"/>
                  <a:gd name="connsiteY57" fmla="*/ 8774 h 10000"/>
                  <a:gd name="connsiteX58" fmla="*/ 6037 w 10000"/>
                  <a:gd name="connsiteY58" fmla="*/ 8804 h 10000"/>
                  <a:gd name="connsiteX59" fmla="*/ 5931 w 10000"/>
                  <a:gd name="connsiteY59" fmla="*/ 8818 h 10000"/>
                  <a:gd name="connsiteX60" fmla="*/ 5797 w 10000"/>
                  <a:gd name="connsiteY60" fmla="*/ 8833 h 10000"/>
                  <a:gd name="connsiteX61" fmla="*/ 5665 w 10000"/>
                  <a:gd name="connsiteY61" fmla="*/ 8833 h 10000"/>
                  <a:gd name="connsiteX62" fmla="*/ 5347 w 10000"/>
                  <a:gd name="connsiteY62" fmla="*/ 8818 h 10000"/>
                  <a:gd name="connsiteX63" fmla="*/ 4946 w 10000"/>
                  <a:gd name="connsiteY63" fmla="*/ 8744 h 10000"/>
                  <a:gd name="connsiteX64" fmla="*/ 4946 w 10000"/>
                  <a:gd name="connsiteY64" fmla="*/ 8922 h 10000"/>
                  <a:gd name="connsiteX65" fmla="*/ 4919 w 10000"/>
                  <a:gd name="connsiteY65" fmla="*/ 9069 h 10000"/>
                  <a:gd name="connsiteX66" fmla="*/ 4894 w 10000"/>
                  <a:gd name="connsiteY66" fmla="*/ 9232 h 10000"/>
                  <a:gd name="connsiteX67" fmla="*/ 4867 w 10000"/>
                  <a:gd name="connsiteY67" fmla="*/ 9365 h 10000"/>
                  <a:gd name="connsiteX68" fmla="*/ 4813 w 10000"/>
                  <a:gd name="connsiteY68" fmla="*/ 9498 h 10000"/>
                  <a:gd name="connsiteX69" fmla="*/ 4708 w 10000"/>
                  <a:gd name="connsiteY69" fmla="*/ 9616 h 10000"/>
                  <a:gd name="connsiteX70" fmla="*/ 4628 w 10000"/>
                  <a:gd name="connsiteY70" fmla="*/ 9734 h 10000"/>
                  <a:gd name="connsiteX71" fmla="*/ 4494 w 10000"/>
                  <a:gd name="connsiteY71" fmla="*/ 9838 h 10000"/>
                  <a:gd name="connsiteX72" fmla="*/ 4173 w 10000"/>
                  <a:gd name="connsiteY72" fmla="*/ 9897 h 10000"/>
                  <a:gd name="connsiteX73" fmla="*/ 3910 w 10000"/>
                  <a:gd name="connsiteY73" fmla="*/ 9941 h 10000"/>
                  <a:gd name="connsiteX74" fmla="*/ 3590 w 10000"/>
                  <a:gd name="connsiteY74" fmla="*/ 9985 h 10000"/>
                  <a:gd name="connsiteX75" fmla="*/ 3351 w 10000"/>
                  <a:gd name="connsiteY75" fmla="*/ 10000 h 10000"/>
                  <a:gd name="connsiteX76" fmla="*/ 2819 w 10000"/>
                  <a:gd name="connsiteY76" fmla="*/ 10000 h 10000"/>
                  <a:gd name="connsiteX77" fmla="*/ 2313 w 10000"/>
                  <a:gd name="connsiteY77" fmla="*/ 9985 h 10000"/>
                  <a:gd name="connsiteX78" fmla="*/ 1836 w 10000"/>
                  <a:gd name="connsiteY78" fmla="*/ 9941 h 10000"/>
                  <a:gd name="connsiteX79" fmla="*/ 1330 w 10000"/>
                  <a:gd name="connsiteY79" fmla="*/ 9911 h 10000"/>
                  <a:gd name="connsiteX80" fmla="*/ 1038 w 10000"/>
                  <a:gd name="connsiteY80" fmla="*/ 9911 h 10000"/>
                  <a:gd name="connsiteX81" fmla="*/ 771 w 10000"/>
                  <a:gd name="connsiteY81" fmla="*/ 9911 h 10000"/>
                  <a:gd name="connsiteX82" fmla="*/ 479 w 10000"/>
                  <a:gd name="connsiteY82" fmla="*/ 9926 h 10000"/>
                  <a:gd name="connsiteX83" fmla="*/ 186 w 10000"/>
                  <a:gd name="connsiteY83" fmla="*/ 9970 h 10000"/>
                  <a:gd name="connsiteX84" fmla="*/ 107 w 10000"/>
                  <a:gd name="connsiteY84" fmla="*/ 9867 h 10000"/>
                  <a:gd name="connsiteX85" fmla="*/ 54 w 10000"/>
                  <a:gd name="connsiteY85" fmla="*/ 9793 h 10000"/>
                  <a:gd name="connsiteX86" fmla="*/ 0 w 10000"/>
                  <a:gd name="connsiteY86" fmla="*/ 9705 h 10000"/>
                  <a:gd name="connsiteX87" fmla="*/ 0 w 10000"/>
                  <a:gd name="connsiteY87" fmla="*/ 9601 h 10000"/>
                  <a:gd name="connsiteX88" fmla="*/ 54 w 10000"/>
                  <a:gd name="connsiteY88" fmla="*/ 9424 h 10000"/>
                  <a:gd name="connsiteX89" fmla="*/ 107 w 10000"/>
                  <a:gd name="connsiteY89" fmla="*/ 9202 h 10000"/>
                  <a:gd name="connsiteX90" fmla="*/ 158 w 10000"/>
                  <a:gd name="connsiteY90" fmla="*/ 8996 h 10000"/>
                  <a:gd name="connsiteX91" fmla="*/ 213 w 10000"/>
                  <a:gd name="connsiteY91" fmla="*/ 8759 h 10000"/>
                  <a:gd name="connsiteX92" fmla="*/ 239 w 10000"/>
                  <a:gd name="connsiteY92" fmla="*/ 8641 h 10000"/>
                  <a:gd name="connsiteX93" fmla="*/ 239 w 10000"/>
                  <a:gd name="connsiteY93" fmla="*/ 8538 h 10000"/>
                  <a:gd name="connsiteX94" fmla="*/ 213 w 10000"/>
                  <a:gd name="connsiteY94" fmla="*/ 8405 h 10000"/>
                  <a:gd name="connsiteX95" fmla="*/ 186 w 10000"/>
                  <a:gd name="connsiteY95" fmla="*/ 8287 h 10000"/>
                  <a:gd name="connsiteX96" fmla="*/ 452 w 10000"/>
                  <a:gd name="connsiteY96" fmla="*/ 8213 h 10000"/>
                  <a:gd name="connsiteX97" fmla="*/ 718 w 10000"/>
                  <a:gd name="connsiteY97" fmla="*/ 8139 h 10000"/>
                  <a:gd name="connsiteX98" fmla="*/ 984 w 10000"/>
                  <a:gd name="connsiteY98" fmla="*/ 8095 h 10000"/>
                  <a:gd name="connsiteX99" fmla="*/ 1277 w 10000"/>
                  <a:gd name="connsiteY99" fmla="*/ 8065 h 10000"/>
                  <a:gd name="connsiteX100" fmla="*/ 1807 w 10000"/>
                  <a:gd name="connsiteY100" fmla="*/ 8021 h 10000"/>
                  <a:gd name="connsiteX101" fmla="*/ 2341 w 10000"/>
                  <a:gd name="connsiteY101" fmla="*/ 7976 h 10000"/>
                  <a:gd name="connsiteX102" fmla="*/ 2580 w 10000"/>
                  <a:gd name="connsiteY102" fmla="*/ 7947 h 10000"/>
                  <a:gd name="connsiteX103" fmla="*/ 2819 w 10000"/>
                  <a:gd name="connsiteY103" fmla="*/ 7917 h 10000"/>
                  <a:gd name="connsiteX104" fmla="*/ 3030 w 10000"/>
                  <a:gd name="connsiteY104" fmla="*/ 7843 h 10000"/>
                  <a:gd name="connsiteX105" fmla="*/ 3244 w 10000"/>
                  <a:gd name="connsiteY105" fmla="*/ 7784 h 10000"/>
                  <a:gd name="connsiteX106" fmla="*/ 3431 w 10000"/>
                  <a:gd name="connsiteY106" fmla="*/ 7710 h 10000"/>
                  <a:gd name="connsiteX107" fmla="*/ 3590 w 10000"/>
                  <a:gd name="connsiteY107" fmla="*/ 7592 h 10000"/>
                  <a:gd name="connsiteX108" fmla="*/ 3750 w 10000"/>
                  <a:gd name="connsiteY108" fmla="*/ 7474 h 10000"/>
                  <a:gd name="connsiteX109" fmla="*/ 3856 w 10000"/>
                  <a:gd name="connsiteY109" fmla="*/ 7312 h 10000"/>
                  <a:gd name="connsiteX110" fmla="*/ 3644 w 10000"/>
                  <a:gd name="connsiteY110" fmla="*/ 7238 h 10000"/>
                  <a:gd name="connsiteX111" fmla="*/ 3456 w 10000"/>
                  <a:gd name="connsiteY111" fmla="*/ 7179 h 10000"/>
                  <a:gd name="connsiteX112" fmla="*/ 3297 w 10000"/>
                  <a:gd name="connsiteY112" fmla="*/ 7090 h 10000"/>
                  <a:gd name="connsiteX113" fmla="*/ 3139 w 10000"/>
                  <a:gd name="connsiteY113" fmla="*/ 6987 h 10000"/>
                  <a:gd name="connsiteX114" fmla="*/ 3030 w 10000"/>
                  <a:gd name="connsiteY114" fmla="*/ 6869 h 10000"/>
                  <a:gd name="connsiteX115" fmla="*/ 2980 w 10000"/>
                  <a:gd name="connsiteY115" fmla="*/ 6721 h 10000"/>
                  <a:gd name="connsiteX116" fmla="*/ 2952 w 10000"/>
                  <a:gd name="connsiteY116" fmla="*/ 6558 h 10000"/>
                  <a:gd name="connsiteX117" fmla="*/ 2980 w 10000"/>
                  <a:gd name="connsiteY117" fmla="*/ 6352 h 10000"/>
                  <a:gd name="connsiteX118" fmla="*/ 2846 w 10000"/>
                  <a:gd name="connsiteY118" fmla="*/ 6322 h 10000"/>
                  <a:gd name="connsiteX119" fmla="*/ 2687 w 10000"/>
                  <a:gd name="connsiteY119" fmla="*/ 6292 h 10000"/>
                  <a:gd name="connsiteX120" fmla="*/ 2501 w 10000"/>
                  <a:gd name="connsiteY120" fmla="*/ 6278 h 10000"/>
                  <a:gd name="connsiteX121" fmla="*/ 2313 w 10000"/>
                  <a:gd name="connsiteY121" fmla="*/ 6263 h 10000"/>
                  <a:gd name="connsiteX122" fmla="*/ 1942 w 10000"/>
                  <a:gd name="connsiteY122" fmla="*/ 6248 h 10000"/>
                  <a:gd name="connsiteX123" fmla="*/ 1543 w 10000"/>
                  <a:gd name="connsiteY123" fmla="*/ 6263 h 10000"/>
                  <a:gd name="connsiteX124" fmla="*/ 1198 w 10000"/>
                  <a:gd name="connsiteY124" fmla="*/ 6278 h 10000"/>
                  <a:gd name="connsiteX125" fmla="*/ 877 w 10000"/>
                  <a:gd name="connsiteY125" fmla="*/ 6278 h 10000"/>
                  <a:gd name="connsiteX126" fmla="*/ 613 w 10000"/>
                  <a:gd name="connsiteY126" fmla="*/ 6263 h 10000"/>
                  <a:gd name="connsiteX127" fmla="*/ 399 w 10000"/>
                  <a:gd name="connsiteY127" fmla="*/ 6233 h 10000"/>
                  <a:gd name="connsiteX128" fmla="*/ 663 w 10000"/>
                  <a:gd name="connsiteY128" fmla="*/ 5805 h 10000"/>
                  <a:gd name="connsiteX129" fmla="*/ 958 w 10000"/>
                  <a:gd name="connsiteY129" fmla="*/ 5391 h 10000"/>
                  <a:gd name="connsiteX130" fmla="*/ 1065 w 10000"/>
                  <a:gd name="connsiteY130" fmla="*/ 5170 h 10000"/>
                  <a:gd name="connsiteX131" fmla="*/ 1143 w 10000"/>
                  <a:gd name="connsiteY131" fmla="*/ 4963 h 10000"/>
                  <a:gd name="connsiteX132" fmla="*/ 1169 w 10000"/>
                  <a:gd name="connsiteY132" fmla="*/ 4860 h 10000"/>
                  <a:gd name="connsiteX133" fmla="*/ 1143 w 10000"/>
                  <a:gd name="connsiteY133" fmla="*/ 4756 h 10000"/>
                  <a:gd name="connsiteX134" fmla="*/ 1117 w 10000"/>
                  <a:gd name="connsiteY134" fmla="*/ 4653 h 10000"/>
                  <a:gd name="connsiteX135" fmla="*/ 1038 w 10000"/>
                  <a:gd name="connsiteY135" fmla="*/ 4549 h 10000"/>
                  <a:gd name="connsiteX136" fmla="*/ 1330 w 10000"/>
                  <a:gd name="connsiteY136" fmla="*/ 4520 h 10000"/>
                  <a:gd name="connsiteX137" fmla="*/ 1543 w 10000"/>
                  <a:gd name="connsiteY137" fmla="*/ 4505 h 10000"/>
                  <a:gd name="connsiteX138" fmla="*/ 1729 w 10000"/>
                  <a:gd name="connsiteY138" fmla="*/ 4505 h 10000"/>
                  <a:gd name="connsiteX139" fmla="*/ 1888 w 10000"/>
                  <a:gd name="connsiteY139" fmla="*/ 4520 h 10000"/>
                  <a:gd name="connsiteX140" fmla="*/ 2022 w 10000"/>
                  <a:gd name="connsiteY140" fmla="*/ 4520 h 10000"/>
                  <a:gd name="connsiteX141" fmla="*/ 2181 w 10000"/>
                  <a:gd name="connsiteY141" fmla="*/ 4520 h 10000"/>
                  <a:gd name="connsiteX142" fmla="*/ 2341 w 10000"/>
                  <a:gd name="connsiteY142" fmla="*/ 4490 h 10000"/>
                  <a:gd name="connsiteX143" fmla="*/ 2552 w 10000"/>
                  <a:gd name="connsiteY143" fmla="*/ 4446 h 10000"/>
                  <a:gd name="connsiteX144" fmla="*/ 2552 w 10000"/>
                  <a:gd name="connsiteY144" fmla="*/ 4579 h 10000"/>
                  <a:gd name="connsiteX145" fmla="*/ 2552 w 10000"/>
                  <a:gd name="connsiteY145" fmla="*/ 4742 h 10000"/>
                  <a:gd name="connsiteX146" fmla="*/ 2552 w 10000"/>
                  <a:gd name="connsiteY146" fmla="*/ 4874 h 10000"/>
                  <a:gd name="connsiteX147" fmla="*/ 2552 w 10000"/>
                  <a:gd name="connsiteY147" fmla="*/ 5037 h 10000"/>
                  <a:gd name="connsiteX148" fmla="*/ 2792 w 10000"/>
                  <a:gd name="connsiteY148" fmla="*/ 5022 h 10000"/>
                  <a:gd name="connsiteX149" fmla="*/ 2952 w 10000"/>
                  <a:gd name="connsiteY149" fmla="*/ 5037 h 10000"/>
                  <a:gd name="connsiteX150" fmla="*/ 3085 w 10000"/>
                  <a:gd name="connsiteY150" fmla="*/ 5066 h 10000"/>
                  <a:gd name="connsiteX151" fmla="*/ 3218 w 10000"/>
                  <a:gd name="connsiteY151" fmla="*/ 5096 h 10000"/>
                  <a:gd name="connsiteX152" fmla="*/ 3325 w 10000"/>
                  <a:gd name="connsiteY152" fmla="*/ 5126 h 10000"/>
                  <a:gd name="connsiteX153" fmla="*/ 3456 w 10000"/>
                  <a:gd name="connsiteY153" fmla="*/ 5155 h 10000"/>
                  <a:gd name="connsiteX154" fmla="*/ 3617 w 10000"/>
                  <a:gd name="connsiteY154" fmla="*/ 5170 h 10000"/>
                  <a:gd name="connsiteX155" fmla="*/ 3856 w 10000"/>
                  <a:gd name="connsiteY155" fmla="*/ 5155 h 10000"/>
                  <a:gd name="connsiteX156" fmla="*/ 3936 w 10000"/>
                  <a:gd name="connsiteY156" fmla="*/ 5096 h 10000"/>
                  <a:gd name="connsiteX157" fmla="*/ 4015 w 10000"/>
                  <a:gd name="connsiteY157" fmla="*/ 5022 h 10000"/>
                  <a:gd name="connsiteX158" fmla="*/ 4042 w 10000"/>
                  <a:gd name="connsiteY158" fmla="*/ 4934 h 10000"/>
                  <a:gd name="connsiteX159" fmla="*/ 4070 w 10000"/>
                  <a:gd name="connsiteY159" fmla="*/ 4860 h 10000"/>
                  <a:gd name="connsiteX160" fmla="*/ 4095 w 10000"/>
                  <a:gd name="connsiteY160" fmla="*/ 4697 h 10000"/>
                  <a:gd name="connsiteX161" fmla="*/ 4070 w 10000"/>
                  <a:gd name="connsiteY161" fmla="*/ 4520 h 10000"/>
                  <a:gd name="connsiteX162" fmla="*/ 3989 w 10000"/>
                  <a:gd name="connsiteY162" fmla="*/ 4343 h 10000"/>
                  <a:gd name="connsiteX163" fmla="*/ 3910 w 10000"/>
                  <a:gd name="connsiteY163" fmla="*/ 4195 h 10000"/>
                  <a:gd name="connsiteX164" fmla="*/ 3776 w 10000"/>
                  <a:gd name="connsiteY164" fmla="*/ 4047 h 10000"/>
                  <a:gd name="connsiteX165" fmla="*/ 3644 w 10000"/>
                  <a:gd name="connsiteY165" fmla="*/ 3959 h 10000"/>
                  <a:gd name="connsiteX166" fmla="*/ 3803 w 10000"/>
                  <a:gd name="connsiteY166" fmla="*/ 3944 h 10000"/>
                  <a:gd name="connsiteX167" fmla="*/ 3936 w 10000"/>
                  <a:gd name="connsiteY167" fmla="*/ 3914 h 10000"/>
                  <a:gd name="connsiteX168" fmla="*/ 4042 w 10000"/>
                  <a:gd name="connsiteY168" fmla="*/ 3855 h 10000"/>
                  <a:gd name="connsiteX169" fmla="*/ 4173 w 10000"/>
                  <a:gd name="connsiteY169" fmla="*/ 3752 h 10000"/>
                  <a:gd name="connsiteX170" fmla="*/ 4308 w 10000"/>
                  <a:gd name="connsiteY170" fmla="*/ 3663 h 10000"/>
                  <a:gd name="connsiteX171" fmla="*/ 4414 w 10000"/>
                  <a:gd name="connsiteY171" fmla="*/ 3560 h 10000"/>
                  <a:gd name="connsiteX172" fmla="*/ 4494 w 10000"/>
                  <a:gd name="connsiteY172" fmla="*/ 3442 h 10000"/>
                  <a:gd name="connsiteX173" fmla="*/ 4575 w 10000"/>
                  <a:gd name="connsiteY173" fmla="*/ 3323 h 10000"/>
                  <a:gd name="connsiteX174" fmla="*/ 4628 w 10000"/>
                  <a:gd name="connsiteY174" fmla="*/ 3220 h 10000"/>
                  <a:gd name="connsiteX175" fmla="*/ 4653 w 10000"/>
                  <a:gd name="connsiteY175" fmla="*/ 3102 h 10000"/>
                  <a:gd name="connsiteX176" fmla="*/ 4681 w 10000"/>
                  <a:gd name="connsiteY176" fmla="*/ 3013 h 10000"/>
                  <a:gd name="connsiteX177" fmla="*/ 4653 w 10000"/>
                  <a:gd name="connsiteY177" fmla="*/ 2939 h 10000"/>
                  <a:gd name="connsiteX178" fmla="*/ 4628 w 10000"/>
                  <a:gd name="connsiteY178" fmla="*/ 2866 h 10000"/>
                  <a:gd name="connsiteX179" fmla="*/ 4548 w 10000"/>
                  <a:gd name="connsiteY179" fmla="*/ 2836 h 10000"/>
                  <a:gd name="connsiteX180" fmla="*/ 4442 w 10000"/>
                  <a:gd name="connsiteY180" fmla="*/ 2836 h 10000"/>
                  <a:gd name="connsiteX181" fmla="*/ 4308 w 10000"/>
                  <a:gd name="connsiteY181" fmla="*/ 2866 h 10000"/>
                  <a:gd name="connsiteX182" fmla="*/ 4414 w 10000"/>
                  <a:gd name="connsiteY182" fmla="*/ 2777 h 10000"/>
                  <a:gd name="connsiteX183" fmla="*/ 4469 w 10000"/>
                  <a:gd name="connsiteY183" fmla="*/ 2674 h 10000"/>
                  <a:gd name="connsiteX184" fmla="*/ 4494 w 10000"/>
                  <a:gd name="connsiteY184" fmla="*/ 2541 h 10000"/>
                  <a:gd name="connsiteX185" fmla="*/ 4494 w 10000"/>
                  <a:gd name="connsiteY185" fmla="*/ 2393 h 10000"/>
                  <a:gd name="connsiteX186" fmla="*/ 4520 w 10000"/>
                  <a:gd name="connsiteY186" fmla="*/ 2349 h 10000"/>
                  <a:gd name="connsiteX187" fmla="*/ 4575 w 10000"/>
                  <a:gd name="connsiteY187" fmla="*/ 2304 h 10000"/>
                  <a:gd name="connsiteX188" fmla="*/ 4628 w 10000"/>
                  <a:gd name="connsiteY188" fmla="*/ 2290 h 10000"/>
                  <a:gd name="connsiteX189" fmla="*/ 4708 w 10000"/>
                  <a:gd name="connsiteY189" fmla="*/ 2275 h 10000"/>
                  <a:gd name="connsiteX190" fmla="*/ 4946 w 10000"/>
                  <a:gd name="connsiteY190" fmla="*/ 2260 h 10000"/>
                  <a:gd name="connsiteX191" fmla="*/ 5158 w 10000"/>
                  <a:gd name="connsiteY191" fmla="*/ 2275 h 10000"/>
                  <a:gd name="connsiteX192" fmla="*/ 5132 w 10000"/>
                  <a:gd name="connsiteY192" fmla="*/ 2112 h 10000"/>
                  <a:gd name="connsiteX193" fmla="*/ 5080 w 10000"/>
                  <a:gd name="connsiteY193" fmla="*/ 1950 h 10000"/>
                  <a:gd name="connsiteX194" fmla="*/ 4999 w 10000"/>
                  <a:gd name="connsiteY194" fmla="*/ 1802 h 10000"/>
                  <a:gd name="connsiteX195" fmla="*/ 4894 w 10000"/>
                  <a:gd name="connsiteY195" fmla="*/ 1640 h 10000"/>
                  <a:gd name="connsiteX196" fmla="*/ 4628 w 10000"/>
                  <a:gd name="connsiteY196" fmla="*/ 1329 h 10000"/>
                  <a:gd name="connsiteX197" fmla="*/ 4362 w 10000"/>
                  <a:gd name="connsiteY197" fmla="*/ 1034 h 10000"/>
                  <a:gd name="connsiteX198" fmla="*/ 4228 w 10000"/>
                  <a:gd name="connsiteY198" fmla="*/ 901 h 10000"/>
                  <a:gd name="connsiteX199" fmla="*/ 4124 w 10000"/>
                  <a:gd name="connsiteY199" fmla="*/ 753 h 10000"/>
                  <a:gd name="connsiteX200" fmla="*/ 4042 w 10000"/>
                  <a:gd name="connsiteY200" fmla="*/ 620 h 10000"/>
                  <a:gd name="connsiteX201" fmla="*/ 4015 w 10000"/>
                  <a:gd name="connsiteY201" fmla="*/ 487 h 10000"/>
                  <a:gd name="connsiteX202" fmla="*/ 3989 w 10000"/>
                  <a:gd name="connsiteY202" fmla="*/ 355 h 10000"/>
                  <a:gd name="connsiteX203" fmla="*/ 4042 w 10000"/>
                  <a:gd name="connsiteY203" fmla="*/ 222 h 10000"/>
                  <a:gd name="connsiteX204" fmla="*/ 4070 w 10000"/>
                  <a:gd name="connsiteY204" fmla="*/ 162 h 10000"/>
                  <a:gd name="connsiteX205" fmla="*/ 4124 w 10000"/>
                  <a:gd name="connsiteY205" fmla="*/ 103 h 10000"/>
                  <a:gd name="connsiteX206" fmla="*/ 4203 w 10000"/>
                  <a:gd name="connsiteY206" fmla="*/ 59 h 10000"/>
                  <a:gd name="connsiteX207" fmla="*/ 4308 w 10000"/>
                  <a:gd name="connsiteY207" fmla="*/ 0 h 10000"/>
                  <a:gd name="connsiteX208" fmla="*/ 4494 w 10000"/>
                  <a:gd name="connsiteY208" fmla="*/ 0 h 10000"/>
                  <a:gd name="connsiteX209" fmla="*/ 4681 w 10000"/>
                  <a:gd name="connsiteY209" fmla="*/ 15 h 10000"/>
                  <a:gd name="connsiteX210" fmla="*/ 4867 w 10000"/>
                  <a:gd name="connsiteY210" fmla="*/ 44 h 10000"/>
                  <a:gd name="connsiteX211" fmla="*/ 4999 w 10000"/>
                  <a:gd name="connsiteY211" fmla="*/ 89 h 10000"/>
                  <a:gd name="connsiteX212" fmla="*/ 5213 w 10000"/>
                  <a:gd name="connsiteY212" fmla="*/ 192 h 10000"/>
                  <a:gd name="connsiteX213" fmla="*/ 5425 w 10000"/>
                  <a:gd name="connsiteY213" fmla="*/ 340 h 10000"/>
                  <a:gd name="connsiteX214" fmla="*/ 5585 w 10000"/>
                  <a:gd name="connsiteY214" fmla="*/ 473 h 10000"/>
                  <a:gd name="connsiteX215" fmla="*/ 5797 w 10000"/>
                  <a:gd name="connsiteY215" fmla="*/ 591 h 10000"/>
                  <a:gd name="connsiteX216" fmla="*/ 5931 w 10000"/>
                  <a:gd name="connsiteY216" fmla="*/ 650 h 10000"/>
                  <a:gd name="connsiteX217" fmla="*/ 6090 w 10000"/>
                  <a:gd name="connsiteY217" fmla="*/ 679 h 10000"/>
                  <a:gd name="connsiteX218" fmla="*/ 6251 w 10000"/>
                  <a:gd name="connsiteY218" fmla="*/ 709 h 10000"/>
                  <a:gd name="connsiteX219" fmla="*/ 6463 w 10000"/>
                  <a:gd name="connsiteY219" fmla="*/ 709 h 10000"/>
                  <a:gd name="connsiteX220" fmla="*/ 6463 w 10000"/>
                  <a:gd name="connsiteY220" fmla="*/ 768 h 10000"/>
                  <a:gd name="connsiteX221" fmla="*/ 6490 w 10000"/>
                  <a:gd name="connsiteY221" fmla="*/ 842 h 10000"/>
                  <a:gd name="connsiteX222" fmla="*/ 6541 w 10000"/>
                  <a:gd name="connsiteY222" fmla="*/ 916 h 10000"/>
                  <a:gd name="connsiteX223" fmla="*/ 6595 w 10000"/>
                  <a:gd name="connsiteY223" fmla="*/ 990 h 10000"/>
                  <a:gd name="connsiteX224" fmla="*/ 6674 w 10000"/>
                  <a:gd name="connsiteY224" fmla="*/ 1049 h 10000"/>
                  <a:gd name="connsiteX225" fmla="*/ 6780 w 10000"/>
                  <a:gd name="connsiteY225" fmla="*/ 1108 h 10000"/>
                  <a:gd name="connsiteX226" fmla="*/ 6914 w 10000"/>
                  <a:gd name="connsiteY226" fmla="*/ 1182 h 10000"/>
                  <a:gd name="connsiteX227" fmla="*/ 7020 w 10000"/>
                  <a:gd name="connsiteY227" fmla="*/ 1226 h 10000"/>
                  <a:gd name="connsiteX228" fmla="*/ 7127 w 10000"/>
                  <a:gd name="connsiteY228" fmla="*/ 1270 h 10000"/>
                  <a:gd name="connsiteX229" fmla="*/ 7234 w 10000"/>
                  <a:gd name="connsiteY229" fmla="*/ 1300 h 10000"/>
                  <a:gd name="connsiteX230" fmla="*/ 7340 w 10000"/>
                  <a:gd name="connsiteY230" fmla="*/ 1315 h 10000"/>
                  <a:gd name="connsiteX231" fmla="*/ 7474 w 10000"/>
                  <a:gd name="connsiteY231" fmla="*/ 1300 h 10000"/>
                  <a:gd name="connsiteX232" fmla="*/ 7580 w 10000"/>
                  <a:gd name="connsiteY232" fmla="*/ 1285 h 10000"/>
                  <a:gd name="connsiteX233" fmla="*/ 7659 w 10000"/>
                  <a:gd name="connsiteY233" fmla="*/ 1241 h 10000"/>
                  <a:gd name="connsiteX234" fmla="*/ 7714 w 10000"/>
                  <a:gd name="connsiteY234" fmla="*/ 1167 h 10000"/>
                  <a:gd name="connsiteX235" fmla="*/ 7738 w 10000"/>
                  <a:gd name="connsiteY235" fmla="*/ 1064 h 10000"/>
                  <a:gd name="connsiteX236" fmla="*/ 8138 w 10000"/>
                  <a:gd name="connsiteY236" fmla="*/ 1034 h 10000"/>
                  <a:gd name="connsiteX237" fmla="*/ 8509 w 10000"/>
                  <a:gd name="connsiteY237" fmla="*/ 1004 h 10000"/>
                  <a:gd name="connsiteX238" fmla="*/ 8830 w 10000"/>
                  <a:gd name="connsiteY238" fmla="*/ 990 h 10000"/>
                  <a:gd name="connsiteX239" fmla="*/ 9123 w 10000"/>
                  <a:gd name="connsiteY239" fmla="*/ 1004 h 10000"/>
                  <a:gd name="connsiteX240" fmla="*/ 9256 w 10000"/>
                  <a:gd name="connsiteY240" fmla="*/ 1019 h 10000"/>
                  <a:gd name="connsiteX241" fmla="*/ 9387 w 10000"/>
                  <a:gd name="connsiteY241" fmla="*/ 1034 h 10000"/>
                  <a:gd name="connsiteX242" fmla="*/ 9495 w 10000"/>
                  <a:gd name="connsiteY242" fmla="*/ 1064 h 10000"/>
                  <a:gd name="connsiteX243" fmla="*/ 9628 w 10000"/>
                  <a:gd name="connsiteY243" fmla="*/ 1108 h 10000"/>
                  <a:gd name="connsiteX244" fmla="*/ 9707 w 10000"/>
                  <a:gd name="connsiteY244" fmla="*/ 1182 h 10000"/>
                  <a:gd name="connsiteX245" fmla="*/ 9786 w 10000"/>
                  <a:gd name="connsiteY245" fmla="*/ 1241 h 10000"/>
                  <a:gd name="connsiteX246" fmla="*/ 9841 w 10000"/>
                  <a:gd name="connsiteY246" fmla="*/ 1329 h 10000"/>
                  <a:gd name="connsiteX247" fmla="*/ 9893 w 10000"/>
                  <a:gd name="connsiteY247" fmla="*/ 1433 h 10000"/>
                  <a:gd name="connsiteX248" fmla="*/ 9946 w 10000"/>
                  <a:gd name="connsiteY248" fmla="*/ 1551 h 10000"/>
                  <a:gd name="connsiteX249" fmla="*/ 9919 w 10000"/>
                  <a:gd name="connsiteY249" fmla="*/ 1625 h 10000"/>
                  <a:gd name="connsiteX250" fmla="*/ 9893 w 10000"/>
                  <a:gd name="connsiteY250" fmla="*/ 1684 h 10000"/>
                  <a:gd name="connsiteX251" fmla="*/ 9841 w 10000"/>
                  <a:gd name="connsiteY251" fmla="*/ 1758 h 10000"/>
                  <a:gd name="connsiteX252" fmla="*/ 9761 w 10000"/>
                  <a:gd name="connsiteY252" fmla="*/ 1802 h 10000"/>
                  <a:gd name="connsiteX253" fmla="*/ 9707 w 10000"/>
                  <a:gd name="connsiteY253" fmla="*/ 1861 h 10000"/>
                  <a:gd name="connsiteX254" fmla="*/ 9682 w 10000"/>
                  <a:gd name="connsiteY254" fmla="*/ 1935 h 10000"/>
                  <a:gd name="connsiteX255" fmla="*/ 9707 w 10000"/>
                  <a:gd name="connsiteY255" fmla="*/ 2024 h 10000"/>
                  <a:gd name="connsiteX256" fmla="*/ 10000 w 10000"/>
                  <a:gd name="connsiteY256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7181 w 10000"/>
                  <a:gd name="connsiteY3" fmla="*/ 4860 h 10000"/>
                  <a:gd name="connsiteX4" fmla="*/ 6674 w 10000"/>
                  <a:gd name="connsiteY4" fmla="*/ 4313 h 10000"/>
                  <a:gd name="connsiteX5" fmla="*/ 9628 w 10000"/>
                  <a:gd name="connsiteY5" fmla="*/ 3338 h 10000"/>
                  <a:gd name="connsiteX6" fmla="*/ 9866 w 10000"/>
                  <a:gd name="connsiteY6" fmla="*/ 3117 h 10000"/>
                  <a:gd name="connsiteX7" fmla="*/ 9893 w 10000"/>
                  <a:gd name="connsiteY7" fmla="*/ 3072 h 10000"/>
                  <a:gd name="connsiteX8" fmla="*/ 9919 w 10000"/>
                  <a:gd name="connsiteY8" fmla="*/ 3013 h 10000"/>
                  <a:gd name="connsiteX9" fmla="*/ 9919 w 10000"/>
                  <a:gd name="connsiteY9" fmla="*/ 2954 h 10000"/>
                  <a:gd name="connsiteX10" fmla="*/ 9893 w 10000"/>
                  <a:gd name="connsiteY10" fmla="*/ 2866 h 10000"/>
                  <a:gd name="connsiteX11" fmla="*/ 9707 w 10000"/>
                  <a:gd name="connsiteY11" fmla="*/ 2984 h 10000"/>
                  <a:gd name="connsiteX12" fmla="*/ 9495 w 10000"/>
                  <a:gd name="connsiteY12" fmla="*/ 3072 h 10000"/>
                  <a:gd name="connsiteX13" fmla="*/ 9281 w 10000"/>
                  <a:gd name="connsiteY13" fmla="*/ 3161 h 10000"/>
                  <a:gd name="connsiteX14" fmla="*/ 9069 w 10000"/>
                  <a:gd name="connsiteY14" fmla="*/ 3250 h 10000"/>
                  <a:gd name="connsiteX15" fmla="*/ 8589 w 10000"/>
                  <a:gd name="connsiteY15" fmla="*/ 3397 h 10000"/>
                  <a:gd name="connsiteX16" fmla="*/ 8085 w 10000"/>
                  <a:gd name="connsiteY16" fmla="*/ 3545 h 10000"/>
                  <a:gd name="connsiteX17" fmla="*/ 7580 w 10000"/>
                  <a:gd name="connsiteY17" fmla="*/ 3678 h 10000"/>
                  <a:gd name="connsiteX18" fmla="*/ 7100 w 10000"/>
                  <a:gd name="connsiteY18" fmla="*/ 3840 h 10000"/>
                  <a:gd name="connsiteX19" fmla="*/ 6861 w 10000"/>
                  <a:gd name="connsiteY19" fmla="*/ 3914 h 10000"/>
                  <a:gd name="connsiteX20" fmla="*/ 6649 w 10000"/>
                  <a:gd name="connsiteY20" fmla="*/ 4003 h 10000"/>
                  <a:gd name="connsiteX21" fmla="*/ 6437 w 10000"/>
                  <a:gd name="connsiteY21" fmla="*/ 4106 h 10000"/>
                  <a:gd name="connsiteX22" fmla="*/ 6222 w 10000"/>
                  <a:gd name="connsiteY22" fmla="*/ 4195 h 10000"/>
                  <a:gd name="connsiteX23" fmla="*/ 6382 w 10000"/>
                  <a:gd name="connsiteY23" fmla="*/ 4417 h 10000"/>
                  <a:gd name="connsiteX24" fmla="*/ 6490 w 10000"/>
                  <a:gd name="connsiteY24" fmla="*/ 4623 h 10000"/>
                  <a:gd name="connsiteX25" fmla="*/ 6475 w 10000"/>
                  <a:gd name="connsiteY25" fmla="*/ 4845 h 10000"/>
                  <a:gd name="connsiteX26" fmla="*/ 6729 w 10000"/>
                  <a:gd name="connsiteY26" fmla="*/ 5318 h 10000"/>
                  <a:gd name="connsiteX27" fmla="*/ 6756 w 10000"/>
                  <a:gd name="connsiteY27" fmla="*/ 5539 h 10000"/>
                  <a:gd name="connsiteX28" fmla="*/ 6780 w 10000"/>
                  <a:gd name="connsiteY28" fmla="*/ 5775 h 10000"/>
                  <a:gd name="connsiteX29" fmla="*/ 6780 w 10000"/>
                  <a:gd name="connsiteY29" fmla="*/ 5997 h 10000"/>
                  <a:gd name="connsiteX30" fmla="*/ 6756 w 10000"/>
                  <a:gd name="connsiteY30" fmla="*/ 6233 h 10000"/>
                  <a:gd name="connsiteX31" fmla="*/ 6702 w 10000"/>
                  <a:gd name="connsiteY31" fmla="*/ 6470 h 10000"/>
                  <a:gd name="connsiteX32" fmla="*/ 6649 w 10000"/>
                  <a:gd name="connsiteY32" fmla="*/ 6677 h 10000"/>
                  <a:gd name="connsiteX33" fmla="*/ 6569 w 10000"/>
                  <a:gd name="connsiteY33" fmla="*/ 6898 h 10000"/>
                  <a:gd name="connsiteX34" fmla="*/ 6463 w 10000"/>
                  <a:gd name="connsiteY34" fmla="*/ 7105 h 10000"/>
                  <a:gd name="connsiteX35" fmla="*/ 6330 w 10000"/>
                  <a:gd name="connsiteY35" fmla="*/ 7297 h 10000"/>
                  <a:gd name="connsiteX36" fmla="*/ 6170 w 10000"/>
                  <a:gd name="connsiteY36" fmla="*/ 7489 h 10000"/>
                  <a:gd name="connsiteX37" fmla="*/ 6010 w 10000"/>
                  <a:gd name="connsiteY37" fmla="*/ 7681 h 10000"/>
                  <a:gd name="connsiteX38" fmla="*/ 6780 w 10000"/>
                  <a:gd name="connsiteY38" fmla="*/ 7799 h 10000"/>
                  <a:gd name="connsiteX39" fmla="*/ 7580 w 10000"/>
                  <a:gd name="connsiteY39" fmla="*/ 7962 h 10000"/>
                  <a:gd name="connsiteX40" fmla="*/ 7738 w 10000"/>
                  <a:gd name="connsiteY40" fmla="*/ 8021 h 10000"/>
                  <a:gd name="connsiteX41" fmla="*/ 7872 w 10000"/>
                  <a:gd name="connsiteY41" fmla="*/ 8080 h 10000"/>
                  <a:gd name="connsiteX42" fmla="*/ 8004 w 10000"/>
                  <a:gd name="connsiteY42" fmla="*/ 8139 h 10000"/>
                  <a:gd name="connsiteX43" fmla="*/ 8085 w 10000"/>
                  <a:gd name="connsiteY43" fmla="*/ 8227 h 10000"/>
                  <a:gd name="connsiteX44" fmla="*/ 8112 w 10000"/>
                  <a:gd name="connsiteY44" fmla="*/ 8301 h 10000"/>
                  <a:gd name="connsiteX45" fmla="*/ 8112 w 10000"/>
                  <a:gd name="connsiteY45" fmla="*/ 8405 h 10000"/>
                  <a:gd name="connsiteX46" fmla="*/ 8059 w 10000"/>
                  <a:gd name="connsiteY46" fmla="*/ 8523 h 10000"/>
                  <a:gd name="connsiteX47" fmla="*/ 7978 w 10000"/>
                  <a:gd name="connsiteY47" fmla="*/ 8641 h 10000"/>
                  <a:gd name="connsiteX48" fmla="*/ 7633 w 10000"/>
                  <a:gd name="connsiteY48" fmla="*/ 8552 h 10000"/>
                  <a:gd name="connsiteX49" fmla="*/ 7313 w 10000"/>
                  <a:gd name="connsiteY49" fmla="*/ 8449 h 10000"/>
                  <a:gd name="connsiteX50" fmla="*/ 6994 w 10000"/>
                  <a:gd name="connsiteY50" fmla="*/ 8360 h 10000"/>
                  <a:gd name="connsiteX51" fmla="*/ 6674 w 10000"/>
                  <a:gd name="connsiteY51" fmla="*/ 8287 h 10000"/>
                  <a:gd name="connsiteX52" fmla="*/ 6541 w 10000"/>
                  <a:gd name="connsiteY52" fmla="*/ 8449 h 10000"/>
                  <a:gd name="connsiteX53" fmla="*/ 6437 w 10000"/>
                  <a:gd name="connsiteY53" fmla="*/ 8597 h 10000"/>
                  <a:gd name="connsiteX54" fmla="*/ 6382 w 10000"/>
                  <a:gd name="connsiteY54" fmla="*/ 8656 h 10000"/>
                  <a:gd name="connsiteX55" fmla="*/ 6276 w 10000"/>
                  <a:gd name="connsiteY55" fmla="*/ 8700 h 10000"/>
                  <a:gd name="connsiteX56" fmla="*/ 6197 w 10000"/>
                  <a:gd name="connsiteY56" fmla="*/ 8744 h 10000"/>
                  <a:gd name="connsiteX57" fmla="*/ 6117 w 10000"/>
                  <a:gd name="connsiteY57" fmla="*/ 8774 h 10000"/>
                  <a:gd name="connsiteX58" fmla="*/ 6037 w 10000"/>
                  <a:gd name="connsiteY58" fmla="*/ 8804 h 10000"/>
                  <a:gd name="connsiteX59" fmla="*/ 5931 w 10000"/>
                  <a:gd name="connsiteY59" fmla="*/ 8818 h 10000"/>
                  <a:gd name="connsiteX60" fmla="*/ 5797 w 10000"/>
                  <a:gd name="connsiteY60" fmla="*/ 8833 h 10000"/>
                  <a:gd name="connsiteX61" fmla="*/ 5665 w 10000"/>
                  <a:gd name="connsiteY61" fmla="*/ 8833 h 10000"/>
                  <a:gd name="connsiteX62" fmla="*/ 5347 w 10000"/>
                  <a:gd name="connsiteY62" fmla="*/ 8818 h 10000"/>
                  <a:gd name="connsiteX63" fmla="*/ 4946 w 10000"/>
                  <a:gd name="connsiteY63" fmla="*/ 8744 h 10000"/>
                  <a:gd name="connsiteX64" fmla="*/ 4946 w 10000"/>
                  <a:gd name="connsiteY64" fmla="*/ 8922 h 10000"/>
                  <a:gd name="connsiteX65" fmla="*/ 4919 w 10000"/>
                  <a:gd name="connsiteY65" fmla="*/ 9069 h 10000"/>
                  <a:gd name="connsiteX66" fmla="*/ 4894 w 10000"/>
                  <a:gd name="connsiteY66" fmla="*/ 9232 h 10000"/>
                  <a:gd name="connsiteX67" fmla="*/ 4867 w 10000"/>
                  <a:gd name="connsiteY67" fmla="*/ 9365 h 10000"/>
                  <a:gd name="connsiteX68" fmla="*/ 4813 w 10000"/>
                  <a:gd name="connsiteY68" fmla="*/ 9498 h 10000"/>
                  <a:gd name="connsiteX69" fmla="*/ 4708 w 10000"/>
                  <a:gd name="connsiteY69" fmla="*/ 9616 h 10000"/>
                  <a:gd name="connsiteX70" fmla="*/ 4628 w 10000"/>
                  <a:gd name="connsiteY70" fmla="*/ 9734 h 10000"/>
                  <a:gd name="connsiteX71" fmla="*/ 4494 w 10000"/>
                  <a:gd name="connsiteY71" fmla="*/ 9838 h 10000"/>
                  <a:gd name="connsiteX72" fmla="*/ 4173 w 10000"/>
                  <a:gd name="connsiteY72" fmla="*/ 9897 h 10000"/>
                  <a:gd name="connsiteX73" fmla="*/ 3910 w 10000"/>
                  <a:gd name="connsiteY73" fmla="*/ 9941 h 10000"/>
                  <a:gd name="connsiteX74" fmla="*/ 3590 w 10000"/>
                  <a:gd name="connsiteY74" fmla="*/ 9985 h 10000"/>
                  <a:gd name="connsiteX75" fmla="*/ 3351 w 10000"/>
                  <a:gd name="connsiteY75" fmla="*/ 10000 h 10000"/>
                  <a:gd name="connsiteX76" fmla="*/ 2819 w 10000"/>
                  <a:gd name="connsiteY76" fmla="*/ 10000 h 10000"/>
                  <a:gd name="connsiteX77" fmla="*/ 2313 w 10000"/>
                  <a:gd name="connsiteY77" fmla="*/ 9985 h 10000"/>
                  <a:gd name="connsiteX78" fmla="*/ 1836 w 10000"/>
                  <a:gd name="connsiteY78" fmla="*/ 9941 h 10000"/>
                  <a:gd name="connsiteX79" fmla="*/ 1330 w 10000"/>
                  <a:gd name="connsiteY79" fmla="*/ 9911 h 10000"/>
                  <a:gd name="connsiteX80" fmla="*/ 1038 w 10000"/>
                  <a:gd name="connsiteY80" fmla="*/ 9911 h 10000"/>
                  <a:gd name="connsiteX81" fmla="*/ 771 w 10000"/>
                  <a:gd name="connsiteY81" fmla="*/ 9911 h 10000"/>
                  <a:gd name="connsiteX82" fmla="*/ 479 w 10000"/>
                  <a:gd name="connsiteY82" fmla="*/ 9926 h 10000"/>
                  <a:gd name="connsiteX83" fmla="*/ 186 w 10000"/>
                  <a:gd name="connsiteY83" fmla="*/ 9970 h 10000"/>
                  <a:gd name="connsiteX84" fmla="*/ 107 w 10000"/>
                  <a:gd name="connsiteY84" fmla="*/ 9867 h 10000"/>
                  <a:gd name="connsiteX85" fmla="*/ 54 w 10000"/>
                  <a:gd name="connsiteY85" fmla="*/ 9793 h 10000"/>
                  <a:gd name="connsiteX86" fmla="*/ 0 w 10000"/>
                  <a:gd name="connsiteY86" fmla="*/ 9705 h 10000"/>
                  <a:gd name="connsiteX87" fmla="*/ 0 w 10000"/>
                  <a:gd name="connsiteY87" fmla="*/ 9601 h 10000"/>
                  <a:gd name="connsiteX88" fmla="*/ 54 w 10000"/>
                  <a:gd name="connsiteY88" fmla="*/ 9424 h 10000"/>
                  <a:gd name="connsiteX89" fmla="*/ 107 w 10000"/>
                  <a:gd name="connsiteY89" fmla="*/ 9202 h 10000"/>
                  <a:gd name="connsiteX90" fmla="*/ 158 w 10000"/>
                  <a:gd name="connsiteY90" fmla="*/ 8996 h 10000"/>
                  <a:gd name="connsiteX91" fmla="*/ 213 w 10000"/>
                  <a:gd name="connsiteY91" fmla="*/ 8759 h 10000"/>
                  <a:gd name="connsiteX92" fmla="*/ 239 w 10000"/>
                  <a:gd name="connsiteY92" fmla="*/ 8641 h 10000"/>
                  <a:gd name="connsiteX93" fmla="*/ 239 w 10000"/>
                  <a:gd name="connsiteY93" fmla="*/ 8538 h 10000"/>
                  <a:gd name="connsiteX94" fmla="*/ 213 w 10000"/>
                  <a:gd name="connsiteY94" fmla="*/ 8405 h 10000"/>
                  <a:gd name="connsiteX95" fmla="*/ 186 w 10000"/>
                  <a:gd name="connsiteY95" fmla="*/ 8287 h 10000"/>
                  <a:gd name="connsiteX96" fmla="*/ 452 w 10000"/>
                  <a:gd name="connsiteY96" fmla="*/ 8213 h 10000"/>
                  <a:gd name="connsiteX97" fmla="*/ 718 w 10000"/>
                  <a:gd name="connsiteY97" fmla="*/ 8139 h 10000"/>
                  <a:gd name="connsiteX98" fmla="*/ 984 w 10000"/>
                  <a:gd name="connsiteY98" fmla="*/ 8095 h 10000"/>
                  <a:gd name="connsiteX99" fmla="*/ 1277 w 10000"/>
                  <a:gd name="connsiteY99" fmla="*/ 8065 h 10000"/>
                  <a:gd name="connsiteX100" fmla="*/ 1807 w 10000"/>
                  <a:gd name="connsiteY100" fmla="*/ 8021 h 10000"/>
                  <a:gd name="connsiteX101" fmla="*/ 2341 w 10000"/>
                  <a:gd name="connsiteY101" fmla="*/ 7976 h 10000"/>
                  <a:gd name="connsiteX102" fmla="*/ 2580 w 10000"/>
                  <a:gd name="connsiteY102" fmla="*/ 7947 h 10000"/>
                  <a:gd name="connsiteX103" fmla="*/ 2819 w 10000"/>
                  <a:gd name="connsiteY103" fmla="*/ 7917 h 10000"/>
                  <a:gd name="connsiteX104" fmla="*/ 3030 w 10000"/>
                  <a:gd name="connsiteY104" fmla="*/ 7843 h 10000"/>
                  <a:gd name="connsiteX105" fmla="*/ 3244 w 10000"/>
                  <a:gd name="connsiteY105" fmla="*/ 7784 h 10000"/>
                  <a:gd name="connsiteX106" fmla="*/ 3431 w 10000"/>
                  <a:gd name="connsiteY106" fmla="*/ 7710 h 10000"/>
                  <a:gd name="connsiteX107" fmla="*/ 3590 w 10000"/>
                  <a:gd name="connsiteY107" fmla="*/ 7592 h 10000"/>
                  <a:gd name="connsiteX108" fmla="*/ 3750 w 10000"/>
                  <a:gd name="connsiteY108" fmla="*/ 7474 h 10000"/>
                  <a:gd name="connsiteX109" fmla="*/ 3856 w 10000"/>
                  <a:gd name="connsiteY109" fmla="*/ 7312 h 10000"/>
                  <a:gd name="connsiteX110" fmla="*/ 3644 w 10000"/>
                  <a:gd name="connsiteY110" fmla="*/ 7238 h 10000"/>
                  <a:gd name="connsiteX111" fmla="*/ 3456 w 10000"/>
                  <a:gd name="connsiteY111" fmla="*/ 7179 h 10000"/>
                  <a:gd name="connsiteX112" fmla="*/ 3297 w 10000"/>
                  <a:gd name="connsiteY112" fmla="*/ 7090 h 10000"/>
                  <a:gd name="connsiteX113" fmla="*/ 3139 w 10000"/>
                  <a:gd name="connsiteY113" fmla="*/ 6987 h 10000"/>
                  <a:gd name="connsiteX114" fmla="*/ 3030 w 10000"/>
                  <a:gd name="connsiteY114" fmla="*/ 6869 h 10000"/>
                  <a:gd name="connsiteX115" fmla="*/ 2980 w 10000"/>
                  <a:gd name="connsiteY115" fmla="*/ 6721 h 10000"/>
                  <a:gd name="connsiteX116" fmla="*/ 2952 w 10000"/>
                  <a:gd name="connsiteY116" fmla="*/ 6558 h 10000"/>
                  <a:gd name="connsiteX117" fmla="*/ 2980 w 10000"/>
                  <a:gd name="connsiteY117" fmla="*/ 6352 h 10000"/>
                  <a:gd name="connsiteX118" fmla="*/ 2846 w 10000"/>
                  <a:gd name="connsiteY118" fmla="*/ 6322 h 10000"/>
                  <a:gd name="connsiteX119" fmla="*/ 2687 w 10000"/>
                  <a:gd name="connsiteY119" fmla="*/ 6292 h 10000"/>
                  <a:gd name="connsiteX120" fmla="*/ 2501 w 10000"/>
                  <a:gd name="connsiteY120" fmla="*/ 6278 h 10000"/>
                  <a:gd name="connsiteX121" fmla="*/ 2313 w 10000"/>
                  <a:gd name="connsiteY121" fmla="*/ 6263 h 10000"/>
                  <a:gd name="connsiteX122" fmla="*/ 1942 w 10000"/>
                  <a:gd name="connsiteY122" fmla="*/ 6248 h 10000"/>
                  <a:gd name="connsiteX123" fmla="*/ 1543 w 10000"/>
                  <a:gd name="connsiteY123" fmla="*/ 6263 h 10000"/>
                  <a:gd name="connsiteX124" fmla="*/ 1198 w 10000"/>
                  <a:gd name="connsiteY124" fmla="*/ 6278 h 10000"/>
                  <a:gd name="connsiteX125" fmla="*/ 877 w 10000"/>
                  <a:gd name="connsiteY125" fmla="*/ 6278 h 10000"/>
                  <a:gd name="connsiteX126" fmla="*/ 613 w 10000"/>
                  <a:gd name="connsiteY126" fmla="*/ 6263 h 10000"/>
                  <a:gd name="connsiteX127" fmla="*/ 399 w 10000"/>
                  <a:gd name="connsiteY127" fmla="*/ 6233 h 10000"/>
                  <a:gd name="connsiteX128" fmla="*/ 663 w 10000"/>
                  <a:gd name="connsiteY128" fmla="*/ 5805 h 10000"/>
                  <a:gd name="connsiteX129" fmla="*/ 958 w 10000"/>
                  <a:gd name="connsiteY129" fmla="*/ 5391 h 10000"/>
                  <a:gd name="connsiteX130" fmla="*/ 1065 w 10000"/>
                  <a:gd name="connsiteY130" fmla="*/ 5170 h 10000"/>
                  <a:gd name="connsiteX131" fmla="*/ 1143 w 10000"/>
                  <a:gd name="connsiteY131" fmla="*/ 4963 h 10000"/>
                  <a:gd name="connsiteX132" fmla="*/ 1169 w 10000"/>
                  <a:gd name="connsiteY132" fmla="*/ 4860 h 10000"/>
                  <a:gd name="connsiteX133" fmla="*/ 1143 w 10000"/>
                  <a:gd name="connsiteY133" fmla="*/ 4756 h 10000"/>
                  <a:gd name="connsiteX134" fmla="*/ 1117 w 10000"/>
                  <a:gd name="connsiteY134" fmla="*/ 4653 h 10000"/>
                  <a:gd name="connsiteX135" fmla="*/ 1038 w 10000"/>
                  <a:gd name="connsiteY135" fmla="*/ 4549 h 10000"/>
                  <a:gd name="connsiteX136" fmla="*/ 1330 w 10000"/>
                  <a:gd name="connsiteY136" fmla="*/ 4520 h 10000"/>
                  <a:gd name="connsiteX137" fmla="*/ 1543 w 10000"/>
                  <a:gd name="connsiteY137" fmla="*/ 4505 h 10000"/>
                  <a:gd name="connsiteX138" fmla="*/ 1729 w 10000"/>
                  <a:gd name="connsiteY138" fmla="*/ 4505 h 10000"/>
                  <a:gd name="connsiteX139" fmla="*/ 1888 w 10000"/>
                  <a:gd name="connsiteY139" fmla="*/ 4520 h 10000"/>
                  <a:gd name="connsiteX140" fmla="*/ 2022 w 10000"/>
                  <a:gd name="connsiteY140" fmla="*/ 4520 h 10000"/>
                  <a:gd name="connsiteX141" fmla="*/ 2181 w 10000"/>
                  <a:gd name="connsiteY141" fmla="*/ 4520 h 10000"/>
                  <a:gd name="connsiteX142" fmla="*/ 2341 w 10000"/>
                  <a:gd name="connsiteY142" fmla="*/ 4490 h 10000"/>
                  <a:gd name="connsiteX143" fmla="*/ 2552 w 10000"/>
                  <a:gd name="connsiteY143" fmla="*/ 4446 h 10000"/>
                  <a:gd name="connsiteX144" fmla="*/ 2552 w 10000"/>
                  <a:gd name="connsiteY144" fmla="*/ 4579 h 10000"/>
                  <a:gd name="connsiteX145" fmla="*/ 2552 w 10000"/>
                  <a:gd name="connsiteY145" fmla="*/ 4742 h 10000"/>
                  <a:gd name="connsiteX146" fmla="*/ 2552 w 10000"/>
                  <a:gd name="connsiteY146" fmla="*/ 4874 h 10000"/>
                  <a:gd name="connsiteX147" fmla="*/ 2552 w 10000"/>
                  <a:gd name="connsiteY147" fmla="*/ 5037 h 10000"/>
                  <a:gd name="connsiteX148" fmla="*/ 2792 w 10000"/>
                  <a:gd name="connsiteY148" fmla="*/ 5022 h 10000"/>
                  <a:gd name="connsiteX149" fmla="*/ 2952 w 10000"/>
                  <a:gd name="connsiteY149" fmla="*/ 5037 h 10000"/>
                  <a:gd name="connsiteX150" fmla="*/ 3085 w 10000"/>
                  <a:gd name="connsiteY150" fmla="*/ 5066 h 10000"/>
                  <a:gd name="connsiteX151" fmla="*/ 3218 w 10000"/>
                  <a:gd name="connsiteY151" fmla="*/ 5096 h 10000"/>
                  <a:gd name="connsiteX152" fmla="*/ 3325 w 10000"/>
                  <a:gd name="connsiteY152" fmla="*/ 5126 h 10000"/>
                  <a:gd name="connsiteX153" fmla="*/ 3456 w 10000"/>
                  <a:gd name="connsiteY153" fmla="*/ 5155 h 10000"/>
                  <a:gd name="connsiteX154" fmla="*/ 3617 w 10000"/>
                  <a:gd name="connsiteY154" fmla="*/ 5170 h 10000"/>
                  <a:gd name="connsiteX155" fmla="*/ 3856 w 10000"/>
                  <a:gd name="connsiteY155" fmla="*/ 5155 h 10000"/>
                  <a:gd name="connsiteX156" fmla="*/ 3936 w 10000"/>
                  <a:gd name="connsiteY156" fmla="*/ 5096 h 10000"/>
                  <a:gd name="connsiteX157" fmla="*/ 4015 w 10000"/>
                  <a:gd name="connsiteY157" fmla="*/ 5022 h 10000"/>
                  <a:gd name="connsiteX158" fmla="*/ 4042 w 10000"/>
                  <a:gd name="connsiteY158" fmla="*/ 4934 h 10000"/>
                  <a:gd name="connsiteX159" fmla="*/ 4070 w 10000"/>
                  <a:gd name="connsiteY159" fmla="*/ 4860 h 10000"/>
                  <a:gd name="connsiteX160" fmla="*/ 4095 w 10000"/>
                  <a:gd name="connsiteY160" fmla="*/ 4697 h 10000"/>
                  <a:gd name="connsiteX161" fmla="*/ 4070 w 10000"/>
                  <a:gd name="connsiteY161" fmla="*/ 4520 h 10000"/>
                  <a:gd name="connsiteX162" fmla="*/ 3989 w 10000"/>
                  <a:gd name="connsiteY162" fmla="*/ 4343 h 10000"/>
                  <a:gd name="connsiteX163" fmla="*/ 3910 w 10000"/>
                  <a:gd name="connsiteY163" fmla="*/ 4195 h 10000"/>
                  <a:gd name="connsiteX164" fmla="*/ 3776 w 10000"/>
                  <a:gd name="connsiteY164" fmla="*/ 4047 h 10000"/>
                  <a:gd name="connsiteX165" fmla="*/ 3644 w 10000"/>
                  <a:gd name="connsiteY165" fmla="*/ 3959 h 10000"/>
                  <a:gd name="connsiteX166" fmla="*/ 3803 w 10000"/>
                  <a:gd name="connsiteY166" fmla="*/ 3944 h 10000"/>
                  <a:gd name="connsiteX167" fmla="*/ 3936 w 10000"/>
                  <a:gd name="connsiteY167" fmla="*/ 3914 h 10000"/>
                  <a:gd name="connsiteX168" fmla="*/ 4042 w 10000"/>
                  <a:gd name="connsiteY168" fmla="*/ 3855 h 10000"/>
                  <a:gd name="connsiteX169" fmla="*/ 4173 w 10000"/>
                  <a:gd name="connsiteY169" fmla="*/ 3752 h 10000"/>
                  <a:gd name="connsiteX170" fmla="*/ 4308 w 10000"/>
                  <a:gd name="connsiteY170" fmla="*/ 3663 h 10000"/>
                  <a:gd name="connsiteX171" fmla="*/ 4414 w 10000"/>
                  <a:gd name="connsiteY171" fmla="*/ 3560 h 10000"/>
                  <a:gd name="connsiteX172" fmla="*/ 4494 w 10000"/>
                  <a:gd name="connsiteY172" fmla="*/ 3442 h 10000"/>
                  <a:gd name="connsiteX173" fmla="*/ 4575 w 10000"/>
                  <a:gd name="connsiteY173" fmla="*/ 3323 h 10000"/>
                  <a:gd name="connsiteX174" fmla="*/ 4628 w 10000"/>
                  <a:gd name="connsiteY174" fmla="*/ 3220 h 10000"/>
                  <a:gd name="connsiteX175" fmla="*/ 4653 w 10000"/>
                  <a:gd name="connsiteY175" fmla="*/ 3102 h 10000"/>
                  <a:gd name="connsiteX176" fmla="*/ 4681 w 10000"/>
                  <a:gd name="connsiteY176" fmla="*/ 3013 h 10000"/>
                  <a:gd name="connsiteX177" fmla="*/ 4653 w 10000"/>
                  <a:gd name="connsiteY177" fmla="*/ 2939 h 10000"/>
                  <a:gd name="connsiteX178" fmla="*/ 4628 w 10000"/>
                  <a:gd name="connsiteY178" fmla="*/ 2866 h 10000"/>
                  <a:gd name="connsiteX179" fmla="*/ 4548 w 10000"/>
                  <a:gd name="connsiteY179" fmla="*/ 2836 h 10000"/>
                  <a:gd name="connsiteX180" fmla="*/ 4442 w 10000"/>
                  <a:gd name="connsiteY180" fmla="*/ 2836 h 10000"/>
                  <a:gd name="connsiteX181" fmla="*/ 4308 w 10000"/>
                  <a:gd name="connsiteY181" fmla="*/ 2866 h 10000"/>
                  <a:gd name="connsiteX182" fmla="*/ 4414 w 10000"/>
                  <a:gd name="connsiteY182" fmla="*/ 2777 h 10000"/>
                  <a:gd name="connsiteX183" fmla="*/ 4469 w 10000"/>
                  <a:gd name="connsiteY183" fmla="*/ 2674 h 10000"/>
                  <a:gd name="connsiteX184" fmla="*/ 4494 w 10000"/>
                  <a:gd name="connsiteY184" fmla="*/ 2541 h 10000"/>
                  <a:gd name="connsiteX185" fmla="*/ 4494 w 10000"/>
                  <a:gd name="connsiteY185" fmla="*/ 2393 h 10000"/>
                  <a:gd name="connsiteX186" fmla="*/ 4520 w 10000"/>
                  <a:gd name="connsiteY186" fmla="*/ 2349 h 10000"/>
                  <a:gd name="connsiteX187" fmla="*/ 4575 w 10000"/>
                  <a:gd name="connsiteY187" fmla="*/ 2304 h 10000"/>
                  <a:gd name="connsiteX188" fmla="*/ 4628 w 10000"/>
                  <a:gd name="connsiteY188" fmla="*/ 2290 h 10000"/>
                  <a:gd name="connsiteX189" fmla="*/ 4708 w 10000"/>
                  <a:gd name="connsiteY189" fmla="*/ 2275 h 10000"/>
                  <a:gd name="connsiteX190" fmla="*/ 4946 w 10000"/>
                  <a:gd name="connsiteY190" fmla="*/ 2260 h 10000"/>
                  <a:gd name="connsiteX191" fmla="*/ 5158 w 10000"/>
                  <a:gd name="connsiteY191" fmla="*/ 2275 h 10000"/>
                  <a:gd name="connsiteX192" fmla="*/ 5132 w 10000"/>
                  <a:gd name="connsiteY192" fmla="*/ 2112 h 10000"/>
                  <a:gd name="connsiteX193" fmla="*/ 5080 w 10000"/>
                  <a:gd name="connsiteY193" fmla="*/ 1950 h 10000"/>
                  <a:gd name="connsiteX194" fmla="*/ 4999 w 10000"/>
                  <a:gd name="connsiteY194" fmla="*/ 1802 h 10000"/>
                  <a:gd name="connsiteX195" fmla="*/ 4894 w 10000"/>
                  <a:gd name="connsiteY195" fmla="*/ 1640 h 10000"/>
                  <a:gd name="connsiteX196" fmla="*/ 4628 w 10000"/>
                  <a:gd name="connsiteY196" fmla="*/ 1329 h 10000"/>
                  <a:gd name="connsiteX197" fmla="*/ 4362 w 10000"/>
                  <a:gd name="connsiteY197" fmla="*/ 1034 h 10000"/>
                  <a:gd name="connsiteX198" fmla="*/ 4228 w 10000"/>
                  <a:gd name="connsiteY198" fmla="*/ 901 h 10000"/>
                  <a:gd name="connsiteX199" fmla="*/ 4124 w 10000"/>
                  <a:gd name="connsiteY199" fmla="*/ 753 h 10000"/>
                  <a:gd name="connsiteX200" fmla="*/ 4042 w 10000"/>
                  <a:gd name="connsiteY200" fmla="*/ 620 h 10000"/>
                  <a:gd name="connsiteX201" fmla="*/ 4015 w 10000"/>
                  <a:gd name="connsiteY201" fmla="*/ 487 h 10000"/>
                  <a:gd name="connsiteX202" fmla="*/ 3989 w 10000"/>
                  <a:gd name="connsiteY202" fmla="*/ 355 h 10000"/>
                  <a:gd name="connsiteX203" fmla="*/ 4042 w 10000"/>
                  <a:gd name="connsiteY203" fmla="*/ 222 h 10000"/>
                  <a:gd name="connsiteX204" fmla="*/ 4070 w 10000"/>
                  <a:gd name="connsiteY204" fmla="*/ 162 h 10000"/>
                  <a:gd name="connsiteX205" fmla="*/ 4124 w 10000"/>
                  <a:gd name="connsiteY205" fmla="*/ 103 h 10000"/>
                  <a:gd name="connsiteX206" fmla="*/ 4203 w 10000"/>
                  <a:gd name="connsiteY206" fmla="*/ 59 h 10000"/>
                  <a:gd name="connsiteX207" fmla="*/ 4308 w 10000"/>
                  <a:gd name="connsiteY207" fmla="*/ 0 h 10000"/>
                  <a:gd name="connsiteX208" fmla="*/ 4494 w 10000"/>
                  <a:gd name="connsiteY208" fmla="*/ 0 h 10000"/>
                  <a:gd name="connsiteX209" fmla="*/ 4681 w 10000"/>
                  <a:gd name="connsiteY209" fmla="*/ 15 h 10000"/>
                  <a:gd name="connsiteX210" fmla="*/ 4867 w 10000"/>
                  <a:gd name="connsiteY210" fmla="*/ 44 h 10000"/>
                  <a:gd name="connsiteX211" fmla="*/ 4999 w 10000"/>
                  <a:gd name="connsiteY211" fmla="*/ 89 h 10000"/>
                  <a:gd name="connsiteX212" fmla="*/ 5213 w 10000"/>
                  <a:gd name="connsiteY212" fmla="*/ 192 h 10000"/>
                  <a:gd name="connsiteX213" fmla="*/ 5425 w 10000"/>
                  <a:gd name="connsiteY213" fmla="*/ 340 h 10000"/>
                  <a:gd name="connsiteX214" fmla="*/ 5585 w 10000"/>
                  <a:gd name="connsiteY214" fmla="*/ 473 h 10000"/>
                  <a:gd name="connsiteX215" fmla="*/ 5797 w 10000"/>
                  <a:gd name="connsiteY215" fmla="*/ 591 h 10000"/>
                  <a:gd name="connsiteX216" fmla="*/ 5931 w 10000"/>
                  <a:gd name="connsiteY216" fmla="*/ 650 h 10000"/>
                  <a:gd name="connsiteX217" fmla="*/ 6090 w 10000"/>
                  <a:gd name="connsiteY217" fmla="*/ 679 h 10000"/>
                  <a:gd name="connsiteX218" fmla="*/ 6251 w 10000"/>
                  <a:gd name="connsiteY218" fmla="*/ 709 h 10000"/>
                  <a:gd name="connsiteX219" fmla="*/ 6463 w 10000"/>
                  <a:gd name="connsiteY219" fmla="*/ 709 h 10000"/>
                  <a:gd name="connsiteX220" fmla="*/ 6463 w 10000"/>
                  <a:gd name="connsiteY220" fmla="*/ 768 h 10000"/>
                  <a:gd name="connsiteX221" fmla="*/ 6490 w 10000"/>
                  <a:gd name="connsiteY221" fmla="*/ 842 h 10000"/>
                  <a:gd name="connsiteX222" fmla="*/ 6541 w 10000"/>
                  <a:gd name="connsiteY222" fmla="*/ 916 h 10000"/>
                  <a:gd name="connsiteX223" fmla="*/ 6595 w 10000"/>
                  <a:gd name="connsiteY223" fmla="*/ 990 h 10000"/>
                  <a:gd name="connsiteX224" fmla="*/ 6674 w 10000"/>
                  <a:gd name="connsiteY224" fmla="*/ 1049 h 10000"/>
                  <a:gd name="connsiteX225" fmla="*/ 6780 w 10000"/>
                  <a:gd name="connsiteY225" fmla="*/ 1108 h 10000"/>
                  <a:gd name="connsiteX226" fmla="*/ 6914 w 10000"/>
                  <a:gd name="connsiteY226" fmla="*/ 1182 h 10000"/>
                  <a:gd name="connsiteX227" fmla="*/ 7020 w 10000"/>
                  <a:gd name="connsiteY227" fmla="*/ 1226 h 10000"/>
                  <a:gd name="connsiteX228" fmla="*/ 7127 w 10000"/>
                  <a:gd name="connsiteY228" fmla="*/ 1270 h 10000"/>
                  <a:gd name="connsiteX229" fmla="*/ 7234 w 10000"/>
                  <a:gd name="connsiteY229" fmla="*/ 1300 h 10000"/>
                  <a:gd name="connsiteX230" fmla="*/ 7340 w 10000"/>
                  <a:gd name="connsiteY230" fmla="*/ 1315 h 10000"/>
                  <a:gd name="connsiteX231" fmla="*/ 7474 w 10000"/>
                  <a:gd name="connsiteY231" fmla="*/ 1300 h 10000"/>
                  <a:gd name="connsiteX232" fmla="*/ 7580 w 10000"/>
                  <a:gd name="connsiteY232" fmla="*/ 1285 h 10000"/>
                  <a:gd name="connsiteX233" fmla="*/ 7659 w 10000"/>
                  <a:gd name="connsiteY233" fmla="*/ 1241 h 10000"/>
                  <a:gd name="connsiteX234" fmla="*/ 7714 w 10000"/>
                  <a:gd name="connsiteY234" fmla="*/ 1167 h 10000"/>
                  <a:gd name="connsiteX235" fmla="*/ 7738 w 10000"/>
                  <a:gd name="connsiteY235" fmla="*/ 1064 h 10000"/>
                  <a:gd name="connsiteX236" fmla="*/ 8138 w 10000"/>
                  <a:gd name="connsiteY236" fmla="*/ 1034 h 10000"/>
                  <a:gd name="connsiteX237" fmla="*/ 8509 w 10000"/>
                  <a:gd name="connsiteY237" fmla="*/ 1004 h 10000"/>
                  <a:gd name="connsiteX238" fmla="*/ 8830 w 10000"/>
                  <a:gd name="connsiteY238" fmla="*/ 990 h 10000"/>
                  <a:gd name="connsiteX239" fmla="*/ 9123 w 10000"/>
                  <a:gd name="connsiteY239" fmla="*/ 1004 h 10000"/>
                  <a:gd name="connsiteX240" fmla="*/ 9256 w 10000"/>
                  <a:gd name="connsiteY240" fmla="*/ 1019 h 10000"/>
                  <a:gd name="connsiteX241" fmla="*/ 9387 w 10000"/>
                  <a:gd name="connsiteY241" fmla="*/ 1034 h 10000"/>
                  <a:gd name="connsiteX242" fmla="*/ 9495 w 10000"/>
                  <a:gd name="connsiteY242" fmla="*/ 1064 h 10000"/>
                  <a:gd name="connsiteX243" fmla="*/ 9628 w 10000"/>
                  <a:gd name="connsiteY243" fmla="*/ 1108 h 10000"/>
                  <a:gd name="connsiteX244" fmla="*/ 9707 w 10000"/>
                  <a:gd name="connsiteY244" fmla="*/ 1182 h 10000"/>
                  <a:gd name="connsiteX245" fmla="*/ 9786 w 10000"/>
                  <a:gd name="connsiteY245" fmla="*/ 1241 h 10000"/>
                  <a:gd name="connsiteX246" fmla="*/ 9841 w 10000"/>
                  <a:gd name="connsiteY246" fmla="*/ 1329 h 10000"/>
                  <a:gd name="connsiteX247" fmla="*/ 9893 w 10000"/>
                  <a:gd name="connsiteY247" fmla="*/ 1433 h 10000"/>
                  <a:gd name="connsiteX248" fmla="*/ 9946 w 10000"/>
                  <a:gd name="connsiteY248" fmla="*/ 1551 h 10000"/>
                  <a:gd name="connsiteX249" fmla="*/ 9919 w 10000"/>
                  <a:gd name="connsiteY249" fmla="*/ 1625 h 10000"/>
                  <a:gd name="connsiteX250" fmla="*/ 9893 w 10000"/>
                  <a:gd name="connsiteY250" fmla="*/ 1684 h 10000"/>
                  <a:gd name="connsiteX251" fmla="*/ 9841 w 10000"/>
                  <a:gd name="connsiteY251" fmla="*/ 1758 h 10000"/>
                  <a:gd name="connsiteX252" fmla="*/ 9761 w 10000"/>
                  <a:gd name="connsiteY252" fmla="*/ 1802 h 10000"/>
                  <a:gd name="connsiteX253" fmla="*/ 9707 w 10000"/>
                  <a:gd name="connsiteY253" fmla="*/ 1861 h 10000"/>
                  <a:gd name="connsiteX254" fmla="*/ 9682 w 10000"/>
                  <a:gd name="connsiteY254" fmla="*/ 1935 h 10000"/>
                  <a:gd name="connsiteX255" fmla="*/ 9707 w 10000"/>
                  <a:gd name="connsiteY255" fmla="*/ 2024 h 10000"/>
                  <a:gd name="connsiteX256" fmla="*/ 10000 w 10000"/>
                  <a:gd name="connsiteY256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7313 w 10000"/>
                  <a:gd name="connsiteY2" fmla="*/ 4904 h 10000"/>
                  <a:gd name="connsiteX3" fmla="*/ 6674 w 10000"/>
                  <a:gd name="connsiteY3" fmla="*/ 4313 h 10000"/>
                  <a:gd name="connsiteX4" fmla="*/ 9628 w 10000"/>
                  <a:gd name="connsiteY4" fmla="*/ 3338 h 10000"/>
                  <a:gd name="connsiteX5" fmla="*/ 9866 w 10000"/>
                  <a:gd name="connsiteY5" fmla="*/ 3117 h 10000"/>
                  <a:gd name="connsiteX6" fmla="*/ 9893 w 10000"/>
                  <a:gd name="connsiteY6" fmla="*/ 3072 h 10000"/>
                  <a:gd name="connsiteX7" fmla="*/ 9919 w 10000"/>
                  <a:gd name="connsiteY7" fmla="*/ 3013 h 10000"/>
                  <a:gd name="connsiteX8" fmla="*/ 9919 w 10000"/>
                  <a:gd name="connsiteY8" fmla="*/ 2954 h 10000"/>
                  <a:gd name="connsiteX9" fmla="*/ 9893 w 10000"/>
                  <a:gd name="connsiteY9" fmla="*/ 2866 h 10000"/>
                  <a:gd name="connsiteX10" fmla="*/ 9707 w 10000"/>
                  <a:gd name="connsiteY10" fmla="*/ 2984 h 10000"/>
                  <a:gd name="connsiteX11" fmla="*/ 9495 w 10000"/>
                  <a:gd name="connsiteY11" fmla="*/ 3072 h 10000"/>
                  <a:gd name="connsiteX12" fmla="*/ 9281 w 10000"/>
                  <a:gd name="connsiteY12" fmla="*/ 3161 h 10000"/>
                  <a:gd name="connsiteX13" fmla="*/ 9069 w 10000"/>
                  <a:gd name="connsiteY13" fmla="*/ 3250 h 10000"/>
                  <a:gd name="connsiteX14" fmla="*/ 8589 w 10000"/>
                  <a:gd name="connsiteY14" fmla="*/ 3397 h 10000"/>
                  <a:gd name="connsiteX15" fmla="*/ 8085 w 10000"/>
                  <a:gd name="connsiteY15" fmla="*/ 3545 h 10000"/>
                  <a:gd name="connsiteX16" fmla="*/ 7580 w 10000"/>
                  <a:gd name="connsiteY16" fmla="*/ 3678 h 10000"/>
                  <a:gd name="connsiteX17" fmla="*/ 7100 w 10000"/>
                  <a:gd name="connsiteY17" fmla="*/ 3840 h 10000"/>
                  <a:gd name="connsiteX18" fmla="*/ 6861 w 10000"/>
                  <a:gd name="connsiteY18" fmla="*/ 3914 h 10000"/>
                  <a:gd name="connsiteX19" fmla="*/ 6649 w 10000"/>
                  <a:gd name="connsiteY19" fmla="*/ 4003 h 10000"/>
                  <a:gd name="connsiteX20" fmla="*/ 6437 w 10000"/>
                  <a:gd name="connsiteY20" fmla="*/ 4106 h 10000"/>
                  <a:gd name="connsiteX21" fmla="*/ 6222 w 10000"/>
                  <a:gd name="connsiteY21" fmla="*/ 4195 h 10000"/>
                  <a:gd name="connsiteX22" fmla="*/ 6382 w 10000"/>
                  <a:gd name="connsiteY22" fmla="*/ 4417 h 10000"/>
                  <a:gd name="connsiteX23" fmla="*/ 6490 w 10000"/>
                  <a:gd name="connsiteY23" fmla="*/ 4623 h 10000"/>
                  <a:gd name="connsiteX24" fmla="*/ 6475 w 10000"/>
                  <a:gd name="connsiteY24" fmla="*/ 4845 h 10000"/>
                  <a:gd name="connsiteX25" fmla="*/ 6729 w 10000"/>
                  <a:gd name="connsiteY25" fmla="*/ 5318 h 10000"/>
                  <a:gd name="connsiteX26" fmla="*/ 6756 w 10000"/>
                  <a:gd name="connsiteY26" fmla="*/ 5539 h 10000"/>
                  <a:gd name="connsiteX27" fmla="*/ 6780 w 10000"/>
                  <a:gd name="connsiteY27" fmla="*/ 5775 h 10000"/>
                  <a:gd name="connsiteX28" fmla="*/ 6780 w 10000"/>
                  <a:gd name="connsiteY28" fmla="*/ 5997 h 10000"/>
                  <a:gd name="connsiteX29" fmla="*/ 6756 w 10000"/>
                  <a:gd name="connsiteY29" fmla="*/ 6233 h 10000"/>
                  <a:gd name="connsiteX30" fmla="*/ 6702 w 10000"/>
                  <a:gd name="connsiteY30" fmla="*/ 6470 h 10000"/>
                  <a:gd name="connsiteX31" fmla="*/ 6649 w 10000"/>
                  <a:gd name="connsiteY31" fmla="*/ 6677 h 10000"/>
                  <a:gd name="connsiteX32" fmla="*/ 6569 w 10000"/>
                  <a:gd name="connsiteY32" fmla="*/ 6898 h 10000"/>
                  <a:gd name="connsiteX33" fmla="*/ 6463 w 10000"/>
                  <a:gd name="connsiteY33" fmla="*/ 7105 h 10000"/>
                  <a:gd name="connsiteX34" fmla="*/ 6330 w 10000"/>
                  <a:gd name="connsiteY34" fmla="*/ 7297 h 10000"/>
                  <a:gd name="connsiteX35" fmla="*/ 6170 w 10000"/>
                  <a:gd name="connsiteY35" fmla="*/ 7489 h 10000"/>
                  <a:gd name="connsiteX36" fmla="*/ 6010 w 10000"/>
                  <a:gd name="connsiteY36" fmla="*/ 7681 h 10000"/>
                  <a:gd name="connsiteX37" fmla="*/ 6780 w 10000"/>
                  <a:gd name="connsiteY37" fmla="*/ 7799 h 10000"/>
                  <a:gd name="connsiteX38" fmla="*/ 7580 w 10000"/>
                  <a:gd name="connsiteY38" fmla="*/ 7962 h 10000"/>
                  <a:gd name="connsiteX39" fmla="*/ 7738 w 10000"/>
                  <a:gd name="connsiteY39" fmla="*/ 8021 h 10000"/>
                  <a:gd name="connsiteX40" fmla="*/ 7872 w 10000"/>
                  <a:gd name="connsiteY40" fmla="*/ 8080 h 10000"/>
                  <a:gd name="connsiteX41" fmla="*/ 8004 w 10000"/>
                  <a:gd name="connsiteY41" fmla="*/ 8139 h 10000"/>
                  <a:gd name="connsiteX42" fmla="*/ 8085 w 10000"/>
                  <a:gd name="connsiteY42" fmla="*/ 8227 h 10000"/>
                  <a:gd name="connsiteX43" fmla="*/ 8112 w 10000"/>
                  <a:gd name="connsiteY43" fmla="*/ 8301 h 10000"/>
                  <a:gd name="connsiteX44" fmla="*/ 8112 w 10000"/>
                  <a:gd name="connsiteY44" fmla="*/ 8405 h 10000"/>
                  <a:gd name="connsiteX45" fmla="*/ 8059 w 10000"/>
                  <a:gd name="connsiteY45" fmla="*/ 8523 h 10000"/>
                  <a:gd name="connsiteX46" fmla="*/ 7978 w 10000"/>
                  <a:gd name="connsiteY46" fmla="*/ 8641 h 10000"/>
                  <a:gd name="connsiteX47" fmla="*/ 7633 w 10000"/>
                  <a:gd name="connsiteY47" fmla="*/ 8552 h 10000"/>
                  <a:gd name="connsiteX48" fmla="*/ 7313 w 10000"/>
                  <a:gd name="connsiteY48" fmla="*/ 8449 h 10000"/>
                  <a:gd name="connsiteX49" fmla="*/ 6994 w 10000"/>
                  <a:gd name="connsiteY49" fmla="*/ 8360 h 10000"/>
                  <a:gd name="connsiteX50" fmla="*/ 6674 w 10000"/>
                  <a:gd name="connsiteY50" fmla="*/ 8287 h 10000"/>
                  <a:gd name="connsiteX51" fmla="*/ 6541 w 10000"/>
                  <a:gd name="connsiteY51" fmla="*/ 8449 h 10000"/>
                  <a:gd name="connsiteX52" fmla="*/ 6437 w 10000"/>
                  <a:gd name="connsiteY52" fmla="*/ 8597 h 10000"/>
                  <a:gd name="connsiteX53" fmla="*/ 6382 w 10000"/>
                  <a:gd name="connsiteY53" fmla="*/ 8656 h 10000"/>
                  <a:gd name="connsiteX54" fmla="*/ 6276 w 10000"/>
                  <a:gd name="connsiteY54" fmla="*/ 8700 h 10000"/>
                  <a:gd name="connsiteX55" fmla="*/ 6197 w 10000"/>
                  <a:gd name="connsiteY55" fmla="*/ 8744 h 10000"/>
                  <a:gd name="connsiteX56" fmla="*/ 6117 w 10000"/>
                  <a:gd name="connsiteY56" fmla="*/ 8774 h 10000"/>
                  <a:gd name="connsiteX57" fmla="*/ 6037 w 10000"/>
                  <a:gd name="connsiteY57" fmla="*/ 8804 h 10000"/>
                  <a:gd name="connsiteX58" fmla="*/ 5931 w 10000"/>
                  <a:gd name="connsiteY58" fmla="*/ 8818 h 10000"/>
                  <a:gd name="connsiteX59" fmla="*/ 5797 w 10000"/>
                  <a:gd name="connsiteY59" fmla="*/ 8833 h 10000"/>
                  <a:gd name="connsiteX60" fmla="*/ 5665 w 10000"/>
                  <a:gd name="connsiteY60" fmla="*/ 8833 h 10000"/>
                  <a:gd name="connsiteX61" fmla="*/ 5347 w 10000"/>
                  <a:gd name="connsiteY61" fmla="*/ 8818 h 10000"/>
                  <a:gd name="connsiteX62" fmla="*/ 4946 w 10000"/>
                  <a:gd name="connsiteY62" fmla="*/ 8744 h 10000"/>
                  <a:gd name="connsiteX63" fmla="*/ 4946 w 10000"/>
                  <a:gd name="connsiteY63" fmla="*/ 8922 h 10000"/>
                  <a:gd name="connsiteX64" fmla="*/ 4919 w 10000"/>
                  <a:gd name="connsiteY64" fmla="*/ 9069 h 10000"/>
                  <a:gd name="connsiteX65" fmla="*/ 4894 w 10000"/>
                  <a:gd name="connsiteY65" fmla="*/ 9232 h 10000"/>
                  <a:gd name="connsiteX66" fmla="*/ 4867 w 10000"/>
                  <a:gd name="connsiteY66" fmla="*/ 9365 h 10000"/>
                  <a:gd name="connsiteX67" fmla="*/ 4813 w 10000"/>
                  <a:gd name="connsiteY67" fmla="*/ 9498 h 10000"/>
                  <a:gd name="connsiteX68" fmla="*/ 4708 w 10000"/>
                  <a:gd name="connsiteY68" fmla="*/ 9616 h 10000"/>
                  <a:gd name="connsiteX69" fmla="*/ 4628 w 10000"/>
                  <a:gd name="connsiteY69" fmla="*/ 9734 h 10000"/>
                  <a:gd name="connsiteX70" fmla="*/ 4494 w 10000"/>
                  <a:gd name="connsiteY70" fmla="*/ 9838 h 10000"/>
                  <a:gd name="connsiteX71" fmla="*/ 4173 w 10000"/>
                  <a:gd name="connsiteY71" fmla="*/ 9897 h 10000"/>
                  <a:gd name="connsiteX72" fmla="*/ 3910 w 10000"/>
                  <a:gd name="connsiteY72" fmla="*/ 9941 h 10000"/>
                  <a:gd name="connsiteX73" fmla="*/ 3590 w 10000"/>
                  <a:gd name="connsiteY73" fmla="*/ 9985 h 10000"/>
                  <a:gd name="connsiteX74" fmla="*/ 3351 w 10000"/>
                  <a:gd name="connsiteY74" fmla="*/ 10000 h 10000"/>
                  <a:gd name="connsiteX75" fmla="*/ 2819 w 10000"/>
                  <a:gd name="connsiteY75" fmla="*/ 10000 h 10000"/>
                  <a:gd name="connsiteX76" fmla="*/ 2313 w 10000"/>
                  <a:gd name="connsiteY76" fmla="*/ 9985 h 10000"/>
                  <a:gd name="connsiteX77" fmla="*/ 1836 w 10000"/>
                  <a:gd name="connsiteY77" fmla="*/ 9941 h 10000"/>
                  <a:gd name="connsiteX78" fmla="*/ 1330 w 10000"/>
                  <a:gd name="connsiteY78" fmla="*/ 9911 h 10000"/>
                  <a:gd name="connsiteX79" fmla="*/ 1038 w 10000"/>
                  <a:gd name="connsiteY79" fmla="*/ 9911 h 10000"/>
                  <a:gd name="connsiteX80" fmla="*/ 771 w 10000"/>
                  <a:gd name="connsiteY80" fmla="*/ 9911 h 10000"/>
                  <a:gd name="connsiteX81" fmla="*/ 479 w 10000"/>
                  <a:gd name="connsiteY81" fmla="*/ 9926 h 10000"/>
                  <a:gd name="connsiteX82" fmla="*/ 186 w 10000"/>
                  <a:gd name="connsiteY82" fmla="*/ 9970 h 10000"/>
                  <a:gd name="connsiteX83" fmla="*/ 107 w 10000"/>
                  <a:gd name="connsiteY83" fmla="*/ 9867 h 10000"/>
                  <a:gd name="connsiteX84" fmla="*/ 54 w 10000"/>
                  <a:gd name="connsiteY84" fmla="*/ 9793 h 10000"/>
                  <a:gd name="connsiteX85" fmla="*/ 0 w 10000"/>
                  <a:gd name="connsiteY85" fmla="*/ 9705 h 10000"/>
                  <a:gd name="connsiteX86" fmla="*/ 0 w 10000"/>
                  <a:gd name="connsiteY86" fmla="*/ 9601 h 10000"/>
                  <a:gd name="connsiteX87" fmla="*/ 54 w 10000"/>
                  <a:gd name="connsiteY87" fmla="*/ 9424 h 10000"/>
                  <a:gd name="connsiteX88" fmla="*/ 107 w 10000"/>
                  <a:gd name="connsiteY88" fmla="*/ 9202 h 10000"/>
                  <a:gd name="connsiteX89" fmla="*/ 158 w 10000"/>
                  <a:gd name="connsiteY89" fmla="*/ 8996 h 10000"/>
                  <a:gd name="connsiteX90" fmla="*/ 213 w 10000"/>
                  <a:gd name="connsiteY90" fmla="*/ 8759 h 10000"/>
                  <a:gd name="connsiteX91" fmla="*/ 239 w 10000"/>
                  <a:gd name="connsiteY91" fmla="*/ 8641 h 10000"/>
                  <a:gd name="connsiteX92" fmla="*/ 239 w 10000"/>
                  <a:gd name="connsiteY92" fmla="*/ 8538 h 10000"/>
                  <a:gd name="connsiteX93" fmla="*/ 213 w 10000"/>
                  <a:gd name="connsiteY93" fmla="*/ 8405 h 10000"/>
                  <a:gd name="connsiteX94" fmla="*/ 186 w 10000"/>
                  <a:gd name="connsiteY94" fmla="*/ 8287 h 10000"/>
                  <a:gd name="connsiteX95" fmla="*/ 452 w 10000"/>
                  <a:gd name="connsiteY95" fmla="*/ 8213 h 10000"/>
                  <a:gd name="connsiteX96" fmla="*/ 718 w 10000"/>
                  <a:gd name="connsiteY96" fmla="*/ 8139 h 10000"/>
                  <a:gd name="connsiteX97" fmla="*/ 984 w 10000"/>
                  <a:gd name="connsiteY97" fmla="*/ 8095 h 10000"/>
                  <a:gd name="connsiteX98" fmla="*/ 1277 w 10000"/>
                  <a:gd name="connsiteY98" fmla="*/ 8065 h 10000"/>
                  <a:gd name="connsiteX99" fmla="*/ 1807 w 10000"/>
                  <a:gd name="connsiteY99" fmla="*/ 8021 h 10000"/>
                  <a:gd name="connsiteX100" fmla="*/ 2341 w 10000"/>
                  <a:gd name="connsiteY100" fmla="*/ 7976 h 10000"/>
                  <a:gd name="connsiteX101" fmla="*/ 2580 w 10000"/>
                  <a:gd name="connsiteY101" fmla="*/ 7947 h 10000"/>
                  <a:gd name="connsiteX102" fmla="*/ 2819 w 10000"/>
                  <a:gd name="connsiteY102" fmla="*/ 7917 h 10000"/>
                  <a:gd name="connsiteX103" fmla="*/ 3030 w 10000"/>
                  <a:gd name="connsiteY103" fmla="*/ 7843 h 10000"/>
                  <a:gd name="connsiteX104" fmla="*/ 3244 w 10000"/>
                  <a:gd name="connsiteY104" fmla="*/ 7784 h 10000"/>
                  <a:gd name="connsiteX105" fmla="*/ 3431 w 10000"/>
                  <a:gd name="connsiteY105" fmla="*/ 7710 h 10000"/>
                  <a:gd name="connsiteX106" fmla="*/ 3590 w 10000"/>
                  <a:gd name="connsiteY106" fmla="*/ 7592 h 10000"/>
                  <a:gd name="connsiteX107" fmla="*/ 3750 w 10000"/>
                  <a:gd name="connsiteY107" fmla="*/ 7474 h 10000"/>
                  <a:gd name="connsiteX108" fmla="*/ 3856 w 10000"/>
                  <a:gd name="connsiteY108" fmla="*/ 7312 h 10000"/>
                  <a:gd name="connsiteX109" fmla="*/ 3644 w 10000"/>
                  <a:gd name="connsiteY109" fmla="*/ 7238 h 10000"/>
                  <a:gd name="connsiteX110" fmla="*/ 3456 w 10000"/>
                  <a:gd name="connsiteY110" fmla="*/ 7179 h 10000"/>
                  <a:gd name="connsiteX111" fmla="*/ 3297 w 10000"/>
                  <a:gd name="connsiteY111" fmla="*/ 7090 h 10000"/>
                  <a:gd name="connsiteX112" fmla="*/ 3139 w 10000"/>
                  <a:gd name="connsiteY112" fmla="*/ 6987 h 10000"/>
                  <a:gd name="connsiteX113" fmla="*/ 3030 w 10000"/>
                  <a:gd name="connsiteY113" fmla="*/ 6869 h 10000"/>
                  <a:gd name="connsiteX114" fmla="*/ 2980 w 10000"/>
                  <a:gd name="connsiteY114" fmla="*/ 6721 h 10000"/>
                  <a:gd name="connsiteX115" fmla="*/ 2952 w 10000"/>
                  <a:gd name="connsiteY115" fmla="*/ 6558 h 10000"/>
                  <a:gd name="connsiteX116" fmla="*/ 2980 w 10000"/>
                  <a:gd name="connsiteY116" fmla="*/ 6352 h 10000"/>
                  <a:gd name="connsiteX117" fmla="*/ 2846 w 10000"/>
                  <a:gd name="connsiteY117" fmla="*/ 6322 h 10000"/>
                  <a:gd name="connsiteX118" fmla="*/ 2687 w 10000"/>
                  <a:gd name="connsiteY118" fmla="*/ 6292 h 10000"/>
                  <a:gd name="connsiteX119" fmla="*/ 2501 w 10000"/>
                  <a:gd name="connsiteY119" fmla="*/ 6278 h 10000"/>
                  <a:gd name="connsiteX120" fmla="*/ 2313 w 10000"/>
                  <a:gd name="connsiteY120" fmla="*/ 6263 h 10000"/>
                  <a:gd name="connsiteX121" fmla="*/ 1942 w 10000"/>
                  <a:gd name="connsiteY121" fmla="*/ 6248 h 10000"/>
                  <a:gd name="connsiteX122" fmla="*/ 1543 w 10000"/>
                  <a:gd name="connsiteY122" fmla="*/ 6263 h 10000"/>
                  <a:gd name="connsiteX123" fmla="*/ 1198 w 10000"/>
                  <a:gd name="connsiteY123" fmla="*/ 6278 h 10000"/>
                  <a:gd name="connsiteX124" fmla="*/ 877 w 10000"/>
                  <a:gd name="connsiteY124" fmla="*/ 6278 h 10000"/>
                  <a:gd name="connsiteX125" fmla="*/ 613 w 10000"/>
                  <a:gd name="connsiteY125" fmla="*/ 6263 h 10000"/>
                  <a:gd name="connsiteX126" fmla="*/ 399 w 10000"/>
                  <a:gd name="connsiteY126" fmla="*/ 6233 h 10000"/>
                  <a:gd name="connsiteX127" fmla="*/ 663 w 10000"/>
                  <a:gd name="connsiteY127" fmla="*/ 5805 h 10000"/>
                  <a:gd name="connsiteX128" fmla="*/ 958 w 10000"/>
                  <a:gd name="connsiteY128" fmla="*/ 5391 h 10000"/>
                  <a:gd name="connsiteX129" fmla="*/ 1065 w 10000"/>
                  <a:gd name="connsiteY129" fmla="*/ 5170 h 10000"/>
                  <a:gd name="connsiteX130" fmla="*/ 1143 w 10000"/>
                  <a:gd name="connsiteY130" fmla="*/ 4963 h 10000"/>
                  <a:gd name="connsiteX131" fmla="*/ 1169 w 10000"/>
                  <a:gd name="connsiteY131" fmla="*/ 4860 h 10000"/>
                  <a:gd name="connsiteX132" fmla="*/ 1143 w 10000"/>
                  <a:gd name="connsiteY132" fmla="*/ 4756 h 10000"/>
                  <a:gd name="connsiteX133" fmla="*/ 1117 w 10000"/>
                  <a:gd name="connsiteY133" fmla="*/ 4653 h 10000"/>
                  <a:gd name="connsiteX134" fmla="*/ 1038 w 10000"/>
                  <a:gd name="connsiteY134" fmla="*/ 4549 h 10000"/>
                  <a:gd name="connsiteX135" fmla="*/ 1330 w 10000"/>
                  <a:gd name="connsiteY135" fmla="*/ 4520 h 10000"/>
                  <a:gd name="connsiteX136" fmla="*/ 1543 w 10000"/>
                  <a:gd name="connsiteY136" fmla="*/ 4505 h 10000"/>
                  <a:gd name="connsiteX137" fmla="*/ 1729 w 10000"/>
                  <a:gd name="connsiteY137" fmla="*/ 4505 h 10000"/>
                  <a:gd name="connsiteX138" fmla="*/ 1888 w 10000"/>
                  <a:gd name="connsiteY138" fmla="*/ 4520 h 10000"/>
                  <a:gd name="connsiteX139" fmla="*/ 2022 w 10000"/>
                  <a:gd name="connsiteY139" fmla="*/ 4520 h 10000"/>
                  <a:gd name="connsiteX140" fmla="*/ 2181 w 10000"/>
                  <a:gd name="connsiteY140" fmla="*/ 4520 h 10000"/>
                  <a:gd name="connsiteX141" fmla="*/ 2341 w 10000"/>
                  <a:gd name="connsiteY141" fmla="*/ 4490 h 10000"/>
                  <a:gd name="connsiteX142" fmla="*/ 2552 w 10000"/>
                  <a:gd name="connsiteY142" fmla="*/ 4446 h 10000"/>
                  <a:gd name="connsiteX143" fmla="*/ 2552 w 10000"/>
                  <a:gd name="connsiteY143" fmla="*/ 4579 h 10000"/>
                  <a:gd name="connsiteX144" fmla="*/ 2552 w 10000"/>
                  <a:gd name="connsiteY144" fmla="*/ 4742 h 10000"/>
                  <a:gd name="connsiteX145" fmla="*/ 2552 w 10000"/>
                  <a:gd name="connsiteY145" fmla="*/ 4874 h 10000"/>
                  <a:gd name="connsiteX146" fmla="*/ 2552 w 10000"/>
                  <a:gd name="connsiteY146" fmla="*/ 5037 h 10000"/>
                  <a:gd name="connsiteX147" fmla="*/ 2792 w 10000"/>
                  <a:gd name="connsiteY147" fmla="*/ 5022 h 10000"/>
                  <a:gd name="connsiteX148" fmla="*/ 2952 w 10000"/>
                  <a:gd name="connsiteY148" fmla="*/ 5037 h 10000"/>
                  <a:gd name="connsiteX149" fmla="*/ 3085 w 10000"/>
                  <a:gd name="connsiteY149" fmla="*/ 5066 h 10000"/>
                  <a:gd name="connsiteX150" fmla="*/ 3218 w 10000"/>
                  <a:gd name="connsiteY150" fmla="*/ 5096 h 10000"/>
                  <a:gd name="connsiteX151" fmla="*/ 3325 w 10000"/>
                  <a:gd name="connsiteY151" fmla="*/ 5126 h 10000"/>
                  <a:gd name="connsiteX152" fmla="*/ 3456 w 10000"/>
                  <a:gd name="connsiteY152" fmla="*/ 5155 h 10000"/>
                  <a:gd name="connsiteX153" fmla="*/ 3617 w 10000"/>
                  <a:gd name="connsiteY153" fmla="*/ 5170 h 10000"/>
                  <a:gd name="connsiteX154" fmla="*/ 3856 w 10000"/>
                  <a:gd name="connsiteY154" fmla="*/ 5155 h 10000"/>
                  <a:gd name="connsiteX155" fmla="*/ 3936 w 10000"/>
                  <a:gd name="connsiteY155" fmla="*/ 5096 h 10000"/>
                  <a:gd name="connsiteX156" fmla="*/ 4015 w 10000"/>
                  <a:gd name="connsiteY156" fmla="*/ 5022 h 10000"/>
                  <a:gd name="connsiteX157" fmla="*/ 4042 w 10000"/>
                  <a:gd name="connsiteY157" fmla="*/ 4934 h 10000"/>
                  <a:gd name="connsiteX158" fmla="*/ 4070 w 10000"/>
                  <a:gd name="connsiteY158" fmla="*/ 4860 h 10000"/>
                  <a:gd name="connsiteX159" fmla="*/ 4095 w 10000"/>
                  <a:gd name="connsiteY159" fmla="*/ 4697 h 10000"/>
                  <a:gd name="connsiteX160" fmla="*/ 4070 w 10000"/>
                  <a:gd name="connsiteY160" fmla="*/ 4520 h 10000"/>
                  <a:gd name="connsiteX161" fmla="*/ 3989 w 10000"/>
                  <a:gd name="connsiteY161" fmla="*/ 4343 h 10000"/>
                  <a:gd name="connsiteX162" fmla="*/ 3910 w 10000"/>
                  <a:gd name="connsiteY162" fmla="*/ 4195 h 10000"/>
                  <a:gd name="connsiteX163" fmla="*/ 3776 w 10000"/>
                  <a:gd name="connsiteY163" fmla="*/ 4047 h 10000"/>
                  <a:gd name="connsiteX164" fmla="*/ 3644 w 10000"/>
                  <a:gd name="connsiteY164" fmla="*/ 3959 h 10000"/>
                  <a:gd name="connsiteX165" fmla="*/ 3803 w 10000"/>
                  <a:gd name="connsiteY165" fmla="*/ 3944 h 10000"/>
                  <a:gd name="connsiteX166" fmla="*/ 3936 w 10000"/>
                  <a:gd name="connsiteY166" fmla="*/ 3914 h 10000"/>
                  <a:gd name="connsiteX167" fmla="*/ 4042 w 10000"/>
                  <a:gd name="connsiteY167" fmla="*/ 3855 h 10000"/>
                  <a:gd name="connsiteX168" fmla="*/ 4173 w 10000"/>
                  <a:gd name="connsiteY168" fmla="*/ 3752 h 10000"/>
                  <a:gd name="connsiteX169" fmla="*/ 4308 w 10000"/>
                  <a:gd name="connsiteY169" fmla="*/ 3663 h 10000"/>
                  <a:gd name="connsiteX170" fmla="*/ 4414 w 10000"/>
                  <a:gd name="connsiteY170" fmla="*/ 3560 h 10000"/>
                  <a:gd name="connsiteX171" fmla="*/ 4494 w 10000"/>
                  <a:gd name="connsiteY171" fmla="*/ 3442 h 10000"/>
                  <a:gd name="connsiteX172" fmla="*/ 4575 w 10000"/>
                  <a:gd name="connsiteY172" fmla="*/ 3323 h 10000"/>
                  <a:gd name="connsiteX173" fmla="*/ 4628 w 10000"/>
                  <a:gd name="connsiteY173" fmla="*/ 3220 h 10000"/>
                  <a:gd name="connsiteX174" fmla="*/ 4653 w 10000"/>
                  <a:gd name="connsiteY174" fmla="*/ 3102 h 10000"/>
                  <a:gd name="connsiteX175" fmla="*/ 4681 w 10000"/>
                  <a:gd name="connsiteY175" fmla="*/ 3013 h 10000"/>
                  <a:gd name="connsiteX176" fmla="*/ 4653 w 10000"/>
                  <a:gd name="connsiteY176" fmla="*/ 2939 h 10000"/>
                  <a:gd name="connsiteX177" fmla="*/ 4628 w 10000"/>
                  <a:gd name="connsiteY177" fmla="*/ 2866 h 10000"/>
                  <a:gd name="connsiteX178" fmla="*/ 4548 w 10000"/>
                  <a:gd name="connsiteY178" fmla="*/ 2836 h 10000"/>
                  <a:gd name="connsiteX179" fmla="*/ 4442 w 10000"/>
                  <a:gd name="connsiteY179" fmla="*/ 2836 h 10000"/>
                  <a:gd name="connsiteX180" fmla="*/ 4308 w 10000"/>
                  <a:gd name="connsiteY180" fmla="*/ 2866 h 10000"/>
                  <a:gd name="connsiteX181" fmla="*/ 4414 w 10000"/>
                  <a:gd name="connsiteY181" fmla="*/ 2777 h 10000"/>
                  <a:gd name="connsiteX182" fmla="*/ 4469 w 10000"/>
                  <a:gd name="connsiteY182" fmla="*/ 2674 h 10000"/>
                  <a:gd name="connsiteX183" fmla="*/ 4494 w 10000"/>
                  <a:gd name="connsiteY183" fmla="*/ 2541 h 10000"/>
                  <a:gd name="connsiteX184" fmla="*/ 4494 w 10000"/>
                  <a:gd name="connsiteY184" fmla="*/ 2393 h 10000"/>
                  <a:gd name="connsiteX185" fmla="*/ 4520 w 10000"/>
                  <a:gd name="connsiteY185" fmla="*/ 2349 h 10000"/>
                  <a:gd name="connsiteX186" fmla="*/ 4575 w 10000"/>
                  <a:gd name="connsiteY186" fmla="*/ 2304 h 10000"/>
                  <a:gd name="connsiteX187" fmla="*/ 4628 w 10000"/>
                  <a:gd name="connsiteY187" fmla="*/ 2290 h 10000"/>
                  <a:gd name="connsiteX188" fmla="*/ 4708 w 10000"/>
                  <a:gd name="connsiteY188" fmla="*/ 2275 h 10000"/>
                  <a:gd name="connsiteX189" fmla="*/ 4946 w 10000"/>
                  <a:gd name="connsiteY189" fmla="*/ 2260 h 10000"/>
                  <a:gd name="connsiteX190" fmla="*/ 5158 w 10000"/>
                  <a:gd name="connsiteY190" fmla="*/ 2275 h 10000"/>
                  <a:gd name="connsiteX191" fmla="*/ 5132 w 10000"/>
                  <a:gd name="connsiteY191" fmla="*/ 2112 h 10000"/>
                  <a:gd name="connsiteX192" fmla="*/ 5080 w 10000"/>
                  <a:gd name="connsiteY192" fmla="*/ 1950 h 10000"/>
                  <a:gd name="connsiteX193" fmla="*/ 4999 w 10000"/>
                  <a:gd name="connsiteY193" fmla="*/ 1802 h 10000"/>
                  <a:gd name="connsiteX194" fmla="*/ 4894 w 10000"/>
                  <a:gd name="connsiteY194" fmla="*/ 1640 h 10000"/>
                  <a:gd name="connsiteX195" fmla="*/ 4628 w 10000"/>
                  <a:gd name="connsiteY195" fmla="*/ 1329 h 10000"/>
                  <a:gd name="connsiteX196" fmla="*/ 4362 w 10000"/>
                  <a:gd name="connsiteY196" fmla="*/ 1034 h 10000"/>
                  <a:gd name="connsiteX197" fmla="*/ 4228 w 10000"/>
                  <a:gd name="connsiteY197" fmla="*/ 901 h 10000"/>
                  <a:gd name="connsiteX198" fmla="*/ 4124 w 10000"/>
                  <a:gd name="connsiteY198" fmla="*/ 753 h 10000"/>
                  <a:gd name="connsiteX199" fmla="*/ 4042 w 10000"/>
                  <a:gd name="connsiteY199" fmla="*/ 620 h 10000"/>
                  <a:gd name="connsiteX200" fmla="*/ 4015 w 10000"/>
                  <a:gd name="connsiteY200" fmla="*/ 487 h 10000"/>
                  <a:gd name="connsiteX201" fmla="*/ 3989 w 10000"/>
                  <a:gd name="connsiteY201" fmla="*/ 355 h 10000"/>
                  <a:gd name="connsiteX202" fmla="*/ 4042 w 10000"/>
                  <a:gd name="connsiteY202" fmla="*/ 222 h 10000"/>
                  <a:gd name="connsiteX203" fmla="*/ 4070 w 10000"/>
                  <a:gd name="connsiteY203" fmla="*/ 162 h 10000"/>
                  <a:gd name="connsiteX204" fmla="*/ 4124 w 10000"/>
                  <a:gd name="connsiteY204" fmla="*/ 103 h 10000"/>
                  <a:gd name="connsiteX205" fmla="*/ 4203 w 10000"/>
                  <a:gd name="connsiteY205" fmla="*/ 59 h 10000"/>
                  <a:gd name="connsiteX206" fmla="*/ 4308 w 10000"/>
                  <a:gd name="connsiteY206" fmla="*/ 0 h 10000"/>
                  <a:gd name="connsiteX207" fmla="*/ 4494 w 10000"/>
                  <a:gd name="connsiteY207" fmla="*/ 0 h 10000"/>
                  <a:gd name="connsiteX208" fmla="*/ 4681 w 10000"/>
                  <a:gd name="connsiteY208" fmla="*/ 15 h 10000"/>
                  <a:gd name="connsiteX209" fmla="*/ 4867 w 10000"/>
                  <a:gd name="connsiteY209" fmla="*/ 44 h 10000"/>
                  <a:gd name="connsiteX210" fmla="*/ 4999 w 10000"/>
                  <a:gd name="connsiteY210" fmla="*/ 89 h 10000"/>
                  <a:gd name="connsiteX211" fmla="*/ 5213 w 10000"/>
                  <a:gd name="connsiteY211" fmla="*/ 192 h 10000"/>
                  <a:gd name="connsiteX212" fmla="*/ 5425 w 10000"/>
                  <a:gd name="connsiteY212" fmla="*/ 340 h 10000"/>
                  <a:gd name="connsiteX213" fmla="*/ 5585 w 10000"/>
                  <a:gd name="connsiteY213" fmla="*/ 473 h 10000"/>
                  <a:gd name="connsiteX214" fmla="*/ 5797 w 10000"/>
                  <a:gd name="connsiteY214" fmla="*/ 591 h 10000"/>
                  <a:gd name="connsiteX215" fmla="*/ 5931 w 10000"/>
                  <a:gd name="connsiteY215" fmla="*/ 650 h 10000"/>
                  <a:gd name="connsiteX216" fmla="*/ 6090 w 10000"/>
                  <a:gd name="connsiteY216" fmla="*/ 679 h 10000"/>
                  <a:gd name="connsiteX217" fmla="*/ 6251 w 10000"/>
                  <a:gd name="connsiteY217" fmla="*/ 709 h 10000"/>
                  <a:gd name="connsiteX218" fmla="*/ 6463 w 10000"/>
                  <a:gd name="connsiteY218" fmla="*/ 709 h 10000"/>
                  <a:gd name="connsiteX219" fmla="*/ 6463 w 10000"/>
                  <a:gd name="connsiteY219" fmla="*/ 768 h 10000"/>
                  <a:gd name="connsiteX220" fmla="*/ 6490 w 10000"/>
                  <a:gd name="connsiteY220" fmla="*/ 842 h 10000"/>
                  <a:gd name="connsiteX221" fmla="*/ 6541 w 10000"/>
                  <a:gd name="connsiteY221" fmla="*/ 916 h 10000"/>
                  <a:gd name="connsiteX222" fmla="*/ 6595 w 10000"/>
                  <a:gd name="connsiteY222" fmla="*/ 990 h 10000"/>
                  <a:gd name="connsiteX223" fmla="*/ 6674 w 10000"/>
                  <a:gd name="connsiteY223" fmla="*/ 1049 h 10000"/>
                  <a:gd name="connsiteX224" fmla="*/ 6780 w 10000"/>
                  <a:gd name="connsiteY224" fmla="*/ 1108 h 10000"/>
                  <a:gd name="connsiteX225" fmla="*/ 6914 w 10000"/>
                  <a:gd name="connsiteY225" fmla="*/ 1182 h 10000"/>
                  <a:gd name="connsiteX226" fmla="*/ 7020 w 10000"/>
                  <a:gd name="connsiteY226" fmla="*/ 1226 h 10000"/>
                  <a:gd name="connsiteX227" fmla="*/ 7127 w 10000"/>
                  <a:gd name="connsiteY227" fmla="*/ 1270 h 10000"/>
                  <a:gd name="connsiteX228" fmla="*/ 7234 w 10000"/>
                  <a:gd name="connsiteY228" fmla="*/ 1300 h 10000"/>
                  <a:gd name="connsiteX229" fmla="*/ 7340 w 10000"/>
                  <a:gd name="connsiteY229" fmla="*/ 1315 h 10000"/>
                  <a:gd name="connsiteX230" fmla="*/ 7474 w 10000"/>
                  <a:gd name="connsiteY230" fmla="*/ 1300 h 10000"/>
                  <a:gd name="connsiteX231" fmla="*/ 7580 w 10000"/>
                  <a:gd name="connsiteY231" fmla="*/ 1285 h 10000"/>
                  <a:gd name="connsiteX232" fmla="*/ 7659 w 10000"/>
                  <a:gd name="connsiteY232" fmla="*/ 1241 h 10000"/>
                  <a:gd name="connsiteX233" fmla="*/ 7714 w 10000"/>
                  <a:gd name="connsiteY233" fmla="*/ 1167 h 10000"/>
                  <a:gd name="connsiteX234" fmla="*/ 7738 w 10000"/>
                  <a:gd name="connsiteY234" fmla="*/ 1064 h 10000"/>
                  <a:gd name="connsiteX235" fmla="*/ 8138 w 10000"/>
                  <a:gd name="connsiteY235" fmla="*/ 1034 h 10000"/>
                  <a:gd name="connsiteX236" fmla="*/ 8509 w 10000"/>
                  <a:gd name="connsiteY236" fmla="*/ 1004 h 10000"/>
                  <a:gd name="connsiteX237" fmla="*/ 8830 w 10000"/>
                  <a:gd name="connsiteY237" fmla="*/ 990 h 10000"/>
                  <a:gd name="connsiteX238" fmla="*/ 9123 w 10000"/>
                  <a:gd name="connsiteY238" fmla="*/ 1004 h 10000"/>
                  <a:gd name="connsiteX239" fmla="*/ 9256 w 10000"/>
                  <a:gd name="connsiteY239" fmla="*/ 1019 h 10000"/>
                  <a:gd name="connsiteX240" fmla="*/ 9387 w 10000"/>
                  <a:gd name="connsiteY240" fmla="*/ 1034 h 10000"/>
                  <a:gd name="connsiteX241" fmla="*/ 9495 w 10000"/>
                  <a:gd name="connsiteY241" fmla="*/ 1064 h 10000"/>
                  <a:gd name="connsiteX242" fmla="*/ 9628 w 10000"/>
                  <a:gd name="connsiteY242" fmla="*/ 1108 h 10000"/>
                  <a:gd name="connsiteX243" fmla="*/ 9707 w 10000"/>
                  <a:gd name="connsiteY243" fmla="*/ 1182 h 10000"/>
                  <a:gd name="connsiteX244" fmla="*/ 9786 w 10000"/>
                  <a:gd name="connsiteY244" fmla="*/ 1241 h 10000"/>
                  <a:gd name="connsiteX245" fmla="*/ 9841 w 10000"/>
                  <a:gd name="connsiteY245" fmla="*/ 1329 h 10000"/>
                  <a:gd name="connsiteX246" fmla="*/ 9893 w 10000"/>
                  <a:gd name="connsiteY246" fmla="*/ 1433 h 10000"/>
                  <a:gd name="connsiteX247" fmla="*/ 9946 w 10000"/>
                  <a:gd name="connsiteY247" fmla="*/ 1551 h 10000"/>
                  <a:gd name="connsiteX248" fmla="*/ 9919 w 10000"/>
                  <a:gd name="connsiteY248" fmla="*/ 1625 h 10000"/>
                  <a:gd name="connsiteX249" fmla="*/ 9893 w 10000"/>
                  <a:gd name="connsiteY249" fmla="*/ 1684 h 10000"/>
                  <a:gd name="connsiteX250" fmla="*/ 9841 w 10000"/>
                  <a:gd name="connsiteY250" fmla="*/ 1758 h 10000"/>
                  <a:gd name="connsiteX251" fmla="*/ 9761 w 10000"/>
                  <a:gd name="connsiteY251" fmla="*/ 1802 h 10000"/>
                  <a:gd name="connsiteX252" fmla="*/ 9707 w 10000"/>
                  <a:gd name="connsiteY252" fmla="*/ 1861 h 10000"/>
                  <a:gd name="connsiteX253" fmla="*/ 9682 w 10000"/>
                  <a:gd name="connsiteY253" fmla="*/ 1935 h 10000"/>
                  <a:gd name="connsiteX254" fmla="*/ 9707 w 10000"/>
                  <a:gd name="connsiteY254" fmla="*/ 2024 h 10000"/>
                  <a:gd name="connsiteX255" fmla="*/ 10000 w 10000"/>
                  <a:gd name="connsiteY255" fmla="*/ 2157 h 10000"/>
                  <a:gd name="connsiteX0" fmla="*/ 7340 w 10000"/>
                  <a:gd name="connsiteY0" fmla="*/ 4697 h 10000"/>
                  <a:gd name="connsiteX1" fmla="*/ 7313 w 10000"/>
                  <a:gd name="connsiteY1" fmla="*/ 4801 h 10000"/>
                  <a:gd name="connsiteX2" fmla="*/ 6674 w 10000"/>
                  <a:gd name="connsiteY2" fmla="*/ 4313 h 10000"/>
                  <a:gd name="connsiteX3" fmla="*/ 9628 w 10000"/>
                  <a:gd name="connsiteY3" fmla="*/ 3338 h 10000"/>
                  <a:gd name="connsiteX4" fmla="*/ 9866 w 10000"/>
                  <a:gd name="connsiteY4" fmla="*/ 3117 h 10000"/>
                  <a:gd name="connsiteX5" fmla="*/ 9893 w 10000"/>
                  <a:gd name="connsiteY5" fmla="*/ 3072 h 10000"/>
                  <a:gd name="connsiteX6" fmla="*/ 9919 w 10000"/>
                  <a:gd name="connsiteY6" fmla="*/ 3013 h 10000"/>
                  <a:gd name="connsiteX7" fmla="*/ 9919 w 10000"/>
                  <a:gd name="connsiteY7" fmla="*/ 2954 h 10000"/>
                  <a:gd name="connsiteX8" fmla="*/ 9893 w 10000"/>
                  <a:gd name="connsiteY8" fmla="*/ 2866 h 10000"/>
                  <a:gd name="connsiteX9" fmla="*/ 9707 w 10000"/>
                  <a:gd name="connsiteY9" fmla="*/ 2984 h 10000"/>
                  <a:gd name="connsiteX10" fmla="*/ 9495 w 10000"/>
                  <a:gd name="connsiteY10" fmla="*/ 3072 h 10000"/>
                  <a:gd name="connsiteX11" fmla="*/ 9281 w 10000"/>
                  <a:gd name="connsiteY11" fmla="*/ 3161 h 10000"/>
                  <a:gd name="connsiteX12" fmla="*/ 9069 w 10000"/>
                  <a:gd name="connsiteY12" fmla="*/ 3250 h 10000"/>
                  <a:gd name="connsiteX13" fmla="*/ 8589 w 10000"/>
                  <a:gd name="connsiteY13" fmla="*/ 3397 h 10000"/>
                  <a:gd name="connsiteX14" fmla="*/ 8085 w 10000"/>
                  <a:gd name="connsiteY14" fmla="*/ 3545 h 10000"/>
                  <a:gd name="connsiteX15" fmla="*/ 7580 w 10000"/>
                  <a:gd name="connsiteY15" fmla="*/ 3678 h 10000"/>
                  <a:gd name="connsiteX16" fmla="*/ 7100 w 10000"/>
                  <a:gd name="connsiteY16" fmla="*/ 3840 h 10000"/>
                  <a:gd name="connsiteX17" fmla="*/ 6861 w 10000"/>
                  <a:gd name="connsiteY17" fmla="*/ 3914 h 10000"/>
                  <a:gd name="connsiteX18" fmla="*/ 6649 w 10000"/>
                  <a:gd name="connsiteY18" fmla="*/ 4003 h 10000"/>
                  <a:gd name="connsiteX19" fmla="*/ 6437 w 10000"/>
                  <a:gd name="connsiteY19" fmla="*/ 4106 h 10000"/>
                  <a:gd name="connsiteX20" fmla="*/ 6222 w 10000"/>
                  <a:gd name="connsiteY20" fmla="*/ 4195 h 10000"/>
                  <a:gd name="connsiteX21" fmla="*/ 6382 w 10000"/>
                  <a:gd name="connsiteY21" fmla="*/ 4417 h 10000"/>
                  <a:gd name="connsiteX22" fmla="*/ 6490 w 10000"/>
                  <a:gd name="connsiteY22" fmla="*/ 4623 h 10000"/>
                  <a:gd name="connsiteX23" fmla="*/ 6475 w 10000"/>
                  <a:gd name="connsiteY23" fmla="*/ 4845 h 10000"/>
                  <a:gd name="connsiteX24" fmla="*/ 6729 w 10000"/>
                  <a:gd name="connsiteY24" fmla="*/ 5318 h 10000"/>
                  <a:gd name="connsiteX25" fmla="*/ 6756 w 10000"/>
                  <a:gd name="connsiteY25" fmla="*/ 5539 h 10000"/>
                  <a:gd name="connsiteX26" fmla="*/ 6780 w 10000"/>
                  <a:gd name="connsiteY26" fmla="*/ 5775 h 10000"/>
                  <a:gd name="connsiteX27" fmla="*/ 6780 w 10000"/>
                  <a:gd name="connsiteY27" fmla="*/ 5997 h 10000"/>
                  <a:gd name="connsiteX28" fmla="*/ 6756 w 10000"/>
                  <a:gd name="connsiteY28" fmla="*/ 6233 h 10000"/>
                  <a:gd name="connsiteX29" fmla="*/ 6702 w 10000"/>
                  <a:gd name="connsiteY29" fmla="*/ 6470 h 10000"/>
                  <a:gd name="connsiteX30" fmla="*/ 6649 w 10000"/>
                  <a:gd name="connsiteY30" fmla="*/ 6677 h 10000"/>
                  <a:gd name="connsiteX31" fmla="*/ 6569 w 10000"/>
                  <a:gd name="connsiteY31" fmla="*/ 6898 h 10000"/>
                  <a:gd name="connsiteX32" fmla="*/ 6463 w 10000"/>
                  <a:gd name="connsiteY32" fmla="*/ 7105 h 10000"/>
                  <a:gd name="connsiteX33" fmla="*/ 6330 w 10000"/>
                  <a:gd name="connsiteY33" fmla="*/ 7297 h 10000"/>
                  <a:gd name="connsiteX34" fmla="*/ 6170 w 10000"/>
                  <a:gd name="connsiteY34" fmla="*/ 7489 h 10000"/>
                  <a:gd name="connsiteX35" fmla="*/ 6010 w 10000"/>
                  <a:gd name="connsiteY35" fmla="*/ 7681 h 10000"/>
                  <a:gd name="connsiteX36" fmla="*/ 6780 w 10000"/>
                  <a:gd name="connsiteY36" fmla="*/ 7799 h 10000"/>
                  <a:gd name="connsiteX37" fmla="*/ 7580 w 10000"/>
                  <a:gd name="connsiteY37" fmla="*/ 7962 h 10000"/>
                  <a:gd name="connsiteX38" fmla="*/ 7738 w 10000"/>
                  <a:gd name="connsiteY38" fmla="*/ 8021 h 10000"/>
                  <a:gd name="connsiteX39" fmla="*/ 7872 w 10000"/>
                  <a:gd name="connsiteY39" fmla="*/ 8080 h 10000"/>
                  <a:gd name="connsiteX40" fmla="*/ 8004 w 10000"/>
                  <a:gd name="connsiteY40" fmla="*/ 8139 h 10000"/>
                  <a:gd name="connsiteX41" fmla="*/ 8085 w 10000"/>
                  <a:gd name="connsiteY41" fmla="*/ 8227 h 10000"/>
                  <a:gd name="connsiteX42" fmla="*/ 8112 w 10000"/>
                  <a:gd name="connsiteY42" fmla="*/ 8301 h 10000"/>
                  <a:gd name="connsiteX43" fmla="*/ 8112 w 10000"/>
                  <a:gd name="connsiteY43" fmla="*/ 8405 h 10000"/>
                  <a:gd name="connsiteX44" fmla="*/ 8059 w 10000"/>
                  <a:gd name="connsiteY44" fmla="*/ 8523 h 10000"/>
                  <a:gd name="connsiteX45" fmla="*/ 7978 w 10000"/>
                  <a:gd name="connsiteY45" fmla="*/ 8641 h 10000"/>
                  <a:gd name="connsiteX46" fmla="*/ 7633 w 10000"/>
                  <a:gd name="connsiteY46" fmla="*/ 8552 h 10000"/>
                  <a:gd name="connsiteX47" fmla="*/ 7313 w 10000"/>
                  <a:gd name="connsiteY47" fmla="*/ 8449 h 10000"/>
                  <a:gd name="connsiteX48" fmla="*/ 6994 w 10000"/>
                  <a:gd name="connsiteY48" fmla="*/ 8360 h 10000"/>
                  <a:gd name="connsiteX49" fmla="*/ 6674 w 10000"/>
                  <a:gd name="connsiteY49" fmla="*/ 8287 h 10000"/>
                  <a:gd name="connsiteX50" fmla="*/ 6541 w 10000"/>
                  <a:gd name="connsiteY50" fmla="*/ 8449 h 10000"/>
                  <a:gd name="connsiteX51" fmla="*/ 6437 w 10000"/>
                  <a:gd name="connsiteY51" fmla="*/ 8597 h 10000"/>
                  <a:gd name="connsiteX52" fmla="*/ 6382 w 10000"/>
                  <a:gd name="connsiteY52" fmla="*/ 8656 h 10000"/>
                  <a:gd name="connsiteX53" fmla="*/ 6276 w 10000"/>
                  <a:gd name="connsiteY53" fmla="*/ 8700 h 10000"/>
                  <a:gd name="connsiteX54" fmla="*/ 6197 w 10000"/>
                  <a:gd name="connsiteY54" fmla="*/ 8744 h 10000"/>
                  <a:gd name="connsiteX55" fmla="*/ 6117 w 10000"/>
                  <a:gd name="connsiteY55" fmla="*/ 8774 h 10000"/>
                  <a:gd name="connsiteX56" fmla="*/ 6037 w 10000"/>
                  <a:gd name="connsiteY56" fmla="*/ 8804 h 10000"/>
                  <a:gd name="connsiteX57" fmla="*/ 5931 w 10000"/>
                  <a:gd name="connsiteY57" fmla="*/ 8818 h 10000"/>
                  <a:gd name="connsiteX58" fmla="*/ 5797 w 10000"/>
                  <a:gd name="connsiteY58" fmla="*/ 8833 h 10000"/>
                  <a:gd name="connsiteX59" fmla="*/ 5665 w 10000"/>
                  <a:gd name="connsiteY59" fmla="*/ 8833 h 10000"/>
                  <a:gd name="connsiteX60" fmla="*/ 5347 w 10000"/>
                  <a:gd name="connsiteY60" fmla="*/ 8818 h 10000"/>
                  <a:gd name="connsiteX61" fmla="*/ 4946 w 10000"/>
                  <a:gd name="connsiteY61" fmla="*/ 8744 h 10000"/>
                  <a:gd name="connsiteX62" fmla="*/ 4946 w 10000"/>
                  <a:gd name="connsiteY62" fmla="*/ 8922 h 10000"/>
                  <a:gd name="connsiteX63" fmla="*/ 4919 w 10000"/>
                  <a:gd name="connsiteY63" fmla="*/ 9069 h 10000"/>
                  <a:gd name="connsiteX64" fmla="*/ 4894 w 10000"/>
                  <a:gd name="connsiteY64" fmla="*/ 9232 h 10000"/>
                  <a:gd name="connsiteX65" fmla="*/ 4867 w 10000"/>
                  <a:gd name="connsiteY65" fmla="*/ 9365 h 10000"/>
                  <a:gd name="connsiteX66" fmla="*/ 4813 w 10000"/>
                  <a:gd name="connsiteY66" fmla="*/ 9498 h 10000"/>
                  <a:gd name="connsiteX67" fmla="*/ 4708 w 10000"/>
                  <a:gd name="connsiteY67" fmla="*/ 9616 h 10000"/>
                  <a:gd name="connsiteX68" fmla="*/ 4628 w 10000"/>
                  <a:gd name="connsiteY68" fmla="*/ 9734 h 10000"/>
                  <a:gd name="connsiteX69" fmla="*/ 4494 w 10000"/>
                  <a:gd name="connsiteY69" fmla="*/ 9838 h 10000"/>
                  <a:gd name="connsiteX70" fmla="*/ 4173 w 10000"/>
                  <a:gd name="connsiteY70" fmla="*/ 9897 h 10000"/>
                  <a:gd name="connsiteX71" fmla="*/ 3910 w 10000"/>
                  <a:gd name="connsiteY71" fmla="*/ 9941 h 10000"/>
                  <a:gd name="connsiteX72" fmla="*/ 3590 w 10000"/>
                  <a:gd name="connsiteY72" fmla="*/ 9985 h 10000"/>
                  <a:gd name="connsiteX73" fmla="*/ 3351 w 10000"/>
                  <a:gd name="connsiteY73" fmla="*/ 10000 h 10000"/>
                  <a:gd name="connsiteX74" fmla="*/ 2819 w 10000"/>
                  <a:gd name="connsiteY74" fmla="*/ 10000 h 10000"/>
                  <a:gd name="connsiteX75" fmla="*/ 2313 w 10000"/>
                  <a:gd name="connsiteY75" fmla="*/ 9985 h 10000"/>
                  <a:gd name="connsiteX76" fmla="*/ 1836 w 10000"/>
                  <a:gd name="connsiteY76" fmla="*/ 9941 h 10000"/>
                  <a:gd name="connsiteX77" fmla="*/ 1330 w 10000"/>
                  <a:gd name="connsiteY77" fmla="*/ 9911 h 10000"/>
                  <a:gd name="connsiteX78" fmla="*/ 1038 w 10000"/>
                  <a:gd name="connsiteY78" fmla="*/ 9911 h 10000"/>
                  <a:gd name="connsiteX79" fmla="*/ 771 w 10000"/>
                  <a:gd name="connsiteY79" fmla="*/ 9911 h 10000"/>
                  <a:gd name="connsiteX80" fmla="*/ 479 w 10000"/>
                  <a:gd name="connsiteY80" fmla="*/ 9926 h 10000"/>
                  <a:gd name="connsiteX81" fmla="*/ 186 w 10000"/>
                  <a:gd name="connsiteY81" fmla="*/ 9970 h 10000"/>
                  <a:gd name="connsiteX82" fmla="*/ 107 w 10000"/>
                  <a:gd name="connsiteY82" fmla="*/ 9867 h 10000"/>
                  <a:gd name="connsiteX83" fmla="*/ 54 w 10000"/>
                  <a:gd name="connsiteY83" fmla="*/ 9793 h 10000"/>
                  <a:gd name="connsiteX84" fmla="*/ 0 w 10000"/>
                  <a:gd name="connsiteY84" fmla="*/ 9705 h 10000"/>
                  <a:gd name="connsiteX85" fmla="*/ 0 w 10000"/>
                  <a:gd name="connsiteY85" fmla="*/ 9601 h 10000"/>
                  <a:gd name="connsiteX86" fmla="*/ 54 w 10000"/>
                  <a:gd name="connsiteY86" fmla="*/ 9424 h 10000"/>
                  <a:gd name="connsiteX87" fmla="*/ 107 w 10000"/>
                  <a:gd name="connsiteY87" fmla="*/ 9202 h 10000"/>
                  <a:gd name="connsiteX88" fmla="*/ 158 w 10000"/>
                  <a:gd name="connsiteY88" fmla="*/ 8996 h 10000"/>
                  <a:gd name="connsiteX89" fmla="*/ 213 w 10000"/>
                  <a:gd name="connsiteY89" fmla="*/ 8759 h 10000"/>
                  <a:gd name="connsiteX90" fmla="*/ 239 w 10000"/>
                  <a:gd name="connsiteY90" fmla="*/ 8641 h 10000"/>
                  <a:gd name="connsiteX91" fmla="*/ 239 w 10000"/>
                  <a:gd name="connsiteY91" fmla="*/ 8538 h 10000"/>
                  <a:gd name="connsiteX92" fmla="*/ 213 w 10000"/>
                  <a:gd name="connsiteY92" fmla="*/ 8405 h 10000"/>
                  <a:gd name="connsiteX93" fmla="*/ 186 w 10000"/>
                  <a:gd name="connsiteY93" fmla="*/ 8287 h 10000"/>
                  <a:gd name="connsiteX94" fmla="*/ 452 w 10000"/>
                  <a:gd name="connsiteY94" fmla="*/ 8213 h 10000"/>
                  <a:gd name="connsiteX95" fmla="*/ 718 w 10000"/>
                  <a:gd name="connsiteY95" fmla="*/ 8139 h 10000"/>
                  <a:gd name="connsiteX96" fmla="*/ 984 w 10000"/>
                  <a:gd name="connsiteY96" fmla="*/ 8095 h 10000"/>
                  <a:gd name="connsiteX97" fmla="*/ 1277 w 10000"/>
                  <a:gd name="connsiteY97" fmla="*/ 8065 h 10000"/>
                  <a:gd name="connsiteX98" fmla="*/ 1807 w 10000"/>
                  <a:gd name="connsiteY98" fmla="*/ 8021 h 10000"/>
                  <a:gd name="connsiteX99" fmla="*/ 2341 w 10000"/>
                  <a:gd name="connsiteY99" fmla="*/ 7976 h 10000"/>
                  <a:gd name="connsiteX100" fmla="*/ 2580 w 10000"/>
                  <a:gd name="connsiteY100" fmla="*/ 7947 h 10000"/>
                  <a:gd name="connsiteX101" fmla="*/ 2819 w 10000"/>
                  <a:gd name="connsiteY101" fmla="*/ 7917 h 10000"/>
                  <a:gd name="connsiteX102" fmla="*/ 3030 w 10000"/>
                  <a:gd name="connsiteY102" fmla="*/ 7843 h 10000"/>
                  <a:gd name="connsiteX103" fmla="*/ 3244 w 10000"/>
                  <a:gd name="connsiteY103" fmla="*/ 7784 h 10000"/>
                  <a:gd name="connsiteX104" fmla="*/ 3431 w 10000"/>
                  <a:gd name="connsiteY104" fmla="*/ 7710 h 10000"/>
                  <a:gd name="connsiteX105" fmla="*/ 3590 w 10000"/>
                  <a:gd name="connsiteY105" fmla="*/ 7592 h 10000"/>
                  <a:gd name="connsiteX106" fmla="*/ 3750 w 10000"/>
                  <a:gd name="connsiteY106" fmla="*/ 7474 h 10000"/>
                  <a:gd name="connsiteX107" fmla="*/ 3856 w 10000"/>
                  <a:gd name="connsiteY107" fmla="*/ 7312 h 10000"/>
                  <a:gd name="connsiteX108" fmla="*/ 3644 w 10000"/>
                  <a:gd name="connsiteY108" fmla="*/ 7238 h 10000"/>
                  <a:gd name="connsiteX109" fmla="*/ 3456 w 10000"/>
                  <a:gd name="connsiteY109" fmla="*/ 7179 h 10000"/>
                  <a:gd name="connsiteX110" fmla="*/ 3297 w 10000"/>
                  <a:gd name="connsiteY110" fmla="*/ 7090 h 10000"/>
                  <a:gd name="connsiteX111" fmla="*/ 3139 w 10000"/>
                  <a:gd name="connsiteY111" fmla="*/ 6987 h 10000"/>
                  <a:gd name="connsiteX112" fmla="*/ 3030 w 10000"/>
                  <a:gd name="connsiteY112" fmla="*/ 6869 h 10000"/>
                  <a:gd name="connsiteX113" fmla="*/ 2980 w 10000"/>
                  <a:gd name="connsiteY113" fmla="*/ 6721 h 10000"/>
                  <a:gd name="connsiteX114" fmla="*/ 2952 w 10000"/>
                  <a:gd name="connsiteY114" fmla="*/ 6558 h 10000"/>
                  <a:gd name="connsiteX115" fmla="*/ 2980 w 10000"/>
                  <a:gd name="connsiteY115" fmla="*/ 6352 h 10000"/>
                  <a:gd name="connsiteX116" fmla="*/ 2846 w 10000"/>
                  <a:gd name="connsiteY116" fmla="*/ 6322 h 10000"/>
                  <a:gd name="connsiteX117" fmla="*/ 2687 w 10000"/>
                  <a:gd name="connsiteY117" fmla="*/ 6292 h 10000"/>
                  <a:gd name="connsiteX118" fmla="*/ 2501 w 10000"/>
                  <a:gd name="connsiteY118" fmla="*/ 6278 h 10000"/>
                  <a:gd name="connsiteX119" fmla="*/ 2313 w 10000"/>
                  <a:gd name="connsiteY119" fmla="*/ 6263 h 10000"/>
                  <a:gd name="connsiteX120" fmla="*/ 1942 w 10000"/>
                  <a:gd name="connsiteY120" fmla="*/ 6248 h 10000"/>
                  <a:gd name="connsiteX121" fmla="*/ 1543 w 10000"/>
                  <a:gd name="connsiteY121" fmla="*/ 6263 h 10000"/>
                  <a:gd name="connsiteX122" fmla="*/ 1198 w 10000"/>
                  <a:gd name="connsiteY122" fmla="*/ 6278 h 10000"/>
                  <a:gd name="connsiteX123" fmla="*/ 877 w 10000"/>
                  <a:gd name="connsiteY123" fmla="*/ 6278 h 10000"/>
                  <a:gd name="connsiteX124" fmla="*/ 613 w 10000"/>
                  <a:gd name="connsiteY124" fmla="*/ 6263 h 10000"/>
                  <a:gd name="connsiteX125" fmla="*/ 399 w 10000"/>
                  <a:gd name="connsiteY125" fmla="*/ 6233 h 10000"/>
                  <a:gd name="connsiteX126" fmla="*/ 663 w 10000"/>
                  <a:gd name="connsiteY126" fmla="*/ 5805 h 10000"/>
                  <a:gd name="connsiteX127" fmla="*/ 958 w 10000"/>
                  <a:gd name="connsiteY127" fmla="*/ 5391 h 10000"/>
                  <a:gd name="connsiteX128" fmla="*/ 1065 w 10000"/>
                  <a:gd name="connsiteY128" fmla="*/ 5170 h 10000"/>
                  <a:gd name="connsiteX129" fmla="*/ 1143 w 10000"/>
                  <a:gd name="connsiteY129" fmla="*/ 4963 h 10000"/>
                  <a:gd name="connsiteX130" fmla="*/ 1169 w 10000"/>
                  <a:gd name="connsiteY130" fmla="*/ 4860 h 10000"/>
                  <a:gd name="connsiteX131" fmla="*/ 1143 w 10000"/>
                  <a:gd name="connsiteY131" fmla="*/ 4756 h 10000"/>
                  <a:gd name="connsiteX132" fmla="*/ 1117 w 10000"/>
                  <a:gd name="connsiteY132" fmla="*/ 4653 h 10000"/>
                  <a:gd name="connsiteX133" fmla="*/ 1038 w 10000"/>
                  <a:gd name="connsiteY133" fmla="*/ 4549 h 10000"/>
                  <a:gd name="connsiteX134" fmla="*/ 1330 w 10000"/>
                  <a:gd name="connsiteY134" fmla="*/ 4520 h 10000"/>
                  <a:gd name="connsiteX135" fmla="*/ 1543 w 10000"/>
                  <a:gd name="connsiteY135" fmla="*/ 4505 h 10000"/>
                  <a:gd name="connsiteX136" fmla="*/ 1729 w 10000"/>
                  <a:gd name="connsiteY136" fmla="*/ 4505 h 10000"/>
                  <a:gd name="connsiteX137" fmla="*/ 1888 w 10000"/>
                  <a:gd name="connsiteY137" fmla="*/ 4520 h 10000"/>
                  <a:gd name="connsiteX138" fmla="*/ 2022 w 10000"/>
                  <a:gd name="connsiteY138" fmla="*/ 4520 h 10000"/>
                  <a:gd name="connsiteX139" fmla="*/ 2181 w 10000"/>
                  <a:gd name="connsiteY139" fmla="*/ 4520 h 10000"/>
                  <a:gd name="connsiteX140" fmla="*/ 2341 w 10000"/>
                  <a:gd name="connsiteY140" fmla="*/ 4490 h 10000"/>
                  <a:gd name="connsiteX141" fmla="*/ 2552 w 10000"/>
                  <a:gd name="connsiteY141" fmla="*/ 4446 h 10000"/>
                  <a:gd name="connsiteX142" fmla="*/ 2552 w 10000"/>
                  <a:gd name="connsiteY142" fmla="*/ 4579 h 10000"/>
                  <a:gd name="connsiteX143" fmla="*/ 2552 w 10000"/>
                  <a:gd name="connsiteY143" fmla="*/ 4742 h 10000"/>
                  <a:gd name="connsiteX144" fmla="*/ 2552 w 10000"/>
                  <a:gd name="connsiteY144" fmla="*/ 4874 h 10000"/>
                  <a:gd name="connsiteX145" fmla="*/ 2552 w 10000"/>
                  <a:gd name="connsiteY145" fmla="*/ 5037 h 10000"/>
                  <a:gd name="connsiteX146" fmla="*/ 2792 w 10000"/>
                  <a:gd name="connsiteY146" fmla="*/ 5022 h 10000"/>
                  <a:gd name="connsiteX147" fmla="*/ 2952 w 10000"/>
                  <a:gd name="connsiteY147" fmla="*/ 5037 h 10000"/>
                  <a:gd name="connsiteX148" fmla="*/ 3085 w 10000"/>
                  <a:gd name="connsiteY148" fmla="*/ 5066 h 10000"/>
                  <a:gd name="connsiteX149" fmla="*/ 3218 w 10000"/>
                  <a:gd name="connsiteY149" fmla="*/ 5096 h 10000"/>
                  <a:gd name="connsiteX150" fmla="*/ 3325 w 10000"/>
                  <a:gd name="connsiteY150" fmla="*/ 5126 h 10000"/>
                  <a:gd name="connsiteX151" fmla="*/ 3456 w 10000"/>
                  <a:gd name="connsiteY151" fmla="*/ 5155 h 10000"/>
                  <a:gd name="connsiteX152" fmla="*/ 3617 w 10000"/>
                  <a:gd name="connsiteY152" fmla="*/ 5170 h 10000"/>
                  <a:gd name="connsiteX153" fmla="*/ 3856 w 10000"/>
                  <a:gd name="connsiteY153" fmla="*/ 5155 h 10000"/>
                  <a:gd name="connsiteX154" fmla="*/ 3936 w 10000"/>
                  <a:gd name="connsiteY154" fmla="*/ 5096 h 10000"/>
                  <a:gd name="connsiteX155" fmla="*/ 4015 w 10000"/>
                  <a:gd name="connsiteY155" fmla="*/ 5022 h 10000"/>
                  <a:gd name="connsiteX156" fmla="*/ 4042 w 10000"/>
                  <a:gd name="connsiteY156" fmla="*/ 4934 h 10000"/>
                  <a:gd name="connsiteX157" fmla="*/ 4070 w 10000"/>
                  <a:gd name="connsiteY157" fmla="*/ 4860 h 10000"/>
                  <a:gd name="connsiteX158" fmla="*/ 4095 w 10000"/>
                  <a:gd name="connsiteY158" fmla="*/ 4697 h 10000"/>
                  <a:gd name="connsiteX159" fmla="*/ 4070 w 10000"/>
                  <a:gd name="connsiteY159" fmla="*/ 4520 h 10000"/>
                  <a:gd name="connsiteX160" fmla="*/ 3989 w 10000"/>
                  <a:gd name="connsiteY160" fmla="*/ 4343 h 10000"/>
                  <a:gd name="connsiteX161" fmla="*/ 3910 w 10000"/>
                  <a:gd name="connsiteY161" fmla="*/ 4195 h 10000"/>
                  <a:gd name="connsiteX162" fmla="*/ 3776 w 10000"/>
                  <a:gd name="connsiteY162" fmla="*/ 4047 h 10000"/>
                  <a:gd name="connsiteX163" fmla="*/ 3644 w 10000"/>
                  <a:gd name="connsiteY163" fmla="*/ 3959 h 10000"/>
                  <a:gd name="connsiteX164" fmla="*/ 3803 w 10000"/>
                  <a:gd name="connsiteY164" fmla="*/ 3944 h 10000"/>
                  <a:gd name="connsiteX165" fmla="*/ 3936 w 10000"/>
                  <a:gd name="connsiteY165" fmla="*/ 3914 h 10000"/>
                  <a:gd name="connsiteX166" fmla="*/ 4042 w 10000"/>
                  <a:gd name="connsiteY166" fmla="*/ 3855 h 10000"/>
                  <a:gd name="connsiteX167" fmla="*/ 4173 w 10000"/>
                  <a:gd name="connsiteY167" fmla="*/ 3752 h 10000"/>
                  <a:gd name="connsiteX168" fmla="*/ 4308 w 10000"/>
                  <a:gd name="connsiteY168" fmla="*/ 3663 h 10000"/>
                  <a:gd name="connsiteX169" fmla="*/ 4414 w 10000"/>
                  <a:gd name="connsiteY169" fmla="*/ 3560 h 10000"/>
                  <a:gd name="connsiteX170" fmla="*/ 4494 w 10000"/>
                  <a:gd name="connsiteY170" fmla="*/ 3442 h 10000"/>
                  <a:gd name="connsiteX171" fmla="*/ 4575 w 10000"/>
                  <a:gd name="connsiteY171" fmla="*/ 3323 h 10000"/>
                  <a:gd name="connsiteX172" fmla="*/ 4628 w 10000"/>
                  <a:gd name="connsiteY172" fmla="*/ 3220 h 10000"/>
                  <a:gd name="connsiteX173" fmla="*/ 4653 w 10000"/>
                  <a:gd name="connsiteY173" fmla="*/ 3102 h 10000"/>
                  <a:gd name="connsiteX174" fmla="*/ 4681 w 10000"/>
                  <a:gd name="connsiteY174" fmla="*/ 3013 h 10000"/>
                  <a:gd name="connsiteX175" fmla="*/ 4653 w 10000"/>
                  <a:gd name="connsiteY175" fmla="*/ 2939 h 10000"/>
                  <a:gd name="connsiteX176" fmla="*/ 4628 w 10000"/>
                  <a:gd name="connsiteY176" fmla="*/ 2866 h 10000"/>
                  <a:gd name="connsiteX177" fmla="*/ 4548 w 10000"/>
                  <a:gd name="connsiteY177" fmla="*/ 2836 h 10000"/>
                  <a:gd name="connsiteX178" fmla="*/ 4442 w 10000"/>
                  <a:gd name="connsiteY178" fmla="*/ 2836 h 10000"/>
                  <a:gd name="connsiteX179" fmla="*/ 4308 w 10000"/>
                  <a:gd name="connsiteY179" fmla="*/ 2866 h 10000"/>
                  <a:gd name="connsiteX180" fmla="*/ 4414 w 10000"/>
                  <a:gd name="connsiteY180" fmla="*/ 2777 h 10000"/>
                  <a:gd name="connsiteX181" fmla="*/ 4469 w 10000"/>
                  <a:gd name="connsiteY181" fmla="*/ 2674 h 10000"/>
                  <a:gd name="connsiteX182" fmla="*/ 4494 w 10000"/>
                  <a:gd name="connsiteY182" fmla="*/ 2541 h 10000"/>
                  <a:gd name="connsiteX183" fmla="*/ 4494 w 10000"/>
                  <a:gd name="connsiteY183" fmla="*/ 2393 h 10000"/>
                  <a:gd name="connsiteX184" fmla="*/ 4520 w 10000"/>
                  <a:gd name="connsiteY184" fmla="*/ 2349 h 10000"/>
                  <a:gd name="connsiteX185" fmla="*/ 4575 w 10000"/>
                  <a:gd name="connsiteY185" fmla="*/ 2304 h 10000"/>
                  <a:gd name="connsiteX186" fmla="*/ 4628 w 10000"/>
                  <a:gd name="connsiteY186" fmla="*/ 2290 h 10000"/>
                  <a:gd name="connsiteX187" fmla="*/ 4708 w 10000"/>
                  <a:gd name="connsiteY187" fmla="*/ 2275 h 10000"/>
                  <a:gd name="connsiteX188" fmla="*/ 4946 w 10000"/>
                  <a:gd name="connsiteY188" fmla="*/ 2260 h 10000"/>
                  <a:gd name="connsiteX189" fmla="*/ 5158 w 10000"/>
                  <a:gd name="connsiteY189" fmla="*/ 2275 h 10000"/>
                  <a:gd name="connsiteX190" fmla="*/ 5132 w 10000"/>
                  <a:gd name="connsiteY190" fmla="*/ 2112 h 10000"/>
                  <a:gd name="connsiteX191" fmla="*/ 5080 w 10000"/>
                  <a:gd name="connsiteY191" fmla="*/ 1950 h 10000"/>
                  <a:gd name="connsiteX192" fmla="*/ 4999 w 10000"/>
                  <a:gd name="connsiteY192" fmla="*/ 1802 h 10000"/>
                  <a:gd name="connsiteX193" fmla="*/ 4894 w 10000"/>
                  <a:gd name="connsiteY193" fmla="*/ 1640 h 10000"/>
                  <a:gd name="connsiteX194" fmla="*/ 4628 w 10000"/>
                  <a:gd name="connsiteY194" fmla="*/ 1329 h 10000"/>
                  <a:gd name="connsiteX195" fmla="*/ 4362 w 10000"/>
                  <a:gd name="connsiteY195" fmla="*/ 1034 h 10000"/>
                  <a:gd name="connsiteX196" fmla="*/ 4228 w 10000"/>
                  <a:gd name="connsiteY196" fmla="*/ 901 h 10000"/>
                  <a:gd name="connsiteX197" fmla="*/ 4124 w 10000"/>
                  <a:gd name="connsiteY197" fmla="*/ 753 h 10000"/>
                  <a:gd name="connsiteX198" fmla="*/ 4042 w 10000"/>
                  <a:gd name="connsiteY198" fmla="*/ 620 h 10000"/>
                  <a:gd name="connsiteX199" fmla="*/ 4015 w 10000"/>
                  <a:gd name="connsiteY199" fmla="*/ 487 h 10000"/>
                  <a:gd name="connsiteX200" fmla="*/ 3989 w 10000"/>
                  <a:gd name="connsiteY200" fmla="*/ 355 h 10000"/>
                  <a:gd name="connsiteX201" fmla="*/ 4042 w 10000"/>
                  <a:gd name="connsiteY201" fmla="*/ 222 h 10000"/>
                  <a:gd name="connsiteX202" fmla="*/ 4070 w 10000"/>
                  <a:gd name="connsiteY202" fmla="*/ 162 h 10000"/>
                  <a:gd name="connsiteX203" fmla="*/ 4124 w 10000"/>
                  <a:gd name="connsiteY203" fmla="*/ 103 h 10000"/>
                  <a:gd name="connsiteX204" fmla="*/ 4203 w 10000"/>
                  <a:gd name="connsiteY204" fmla="*/ 59 h 10000"/>
                  <a:gd name="connsiteX205" fmla="*/ 4308 w 10000"/>
                  <a:gd name="connsiteY205" fmla="*/ 0 h 10000"/>
                  <a:gd name="connsiteX206" fmla="*/ 4494 w 10000"/>
                  <a:gd name="connsiteY206" fmla="*/ 0 h 10000"/>
                  <a:gd name="connsiteX207" fmla="*/ 4681 w 10000"/>
                  <a:gd name="connsiteY207" fmla="*/ 15 h 10000"/>
                  <a:gd name="connsiteX208" fmla="*/ 4867 w 10000"/>
                  <a:gd name="connsiteY208" fmla="*/ 44 h 10000"/>
                  <a:gd name="connsiteX209" fmla="*/ 4999 w 10000"/>
                  <a:gd name="connsiteY209" fmla="*/ 89 h 10000"/>
                  <a:gd name="connsiteX210" fmla="*/ 5213 w 10000"/>
                  <a:gd name="connsiteY210" fmla="*/ 192 h 10000"/>
                  <a:gd name="connsiteX211" fmla="*/ 5425 w 10000"/>
                  <a:gd name="connsiteY211" fmla="*/ 340 h 10000"/>
                  <a:gd name="connsiteX212" fmla="*/ 5585 w 10000"/>
                  <a:gd name="connsiteY212" fmla="*/ 473 h 10000"/>
                  <a:gd name="connsiteX213" fmla="*/ 5797 w 10000"/>
                  <a:gd name="connsiteY213" fmla="*/ 591 h 10000"/>
                  <a:gd name="connsiteX214" fmla="*/ 5931 w 10000"/>
                  <a:gd name="connsiteY214" fmla="*/ 650 h 10000"/>
                  <a:gd name="connsiteX215" fmla="*/ 6090 w 10000"/>
                  <a:gd name="connsiteY215" fmla="*/ 679 h 10000"/>
                  <a:gd name="connsiteX216" fmla="*/ 6251 w 10000"/>
                  <a:gd name="connsiteY216" fmla="*/ 709 h 10000"/>
                  <a:gd name="connsiteX217" fmla="*/ 6463 w 10000"/>
                  <a:gd name="connsiteY217" fmla="*/ 709 h 10000"/>
                  <a:gd name="connsiteX218" fmla="*/ 6463 w 10000"/>
                  <a:gd name="connsiteY218" fmla="*/ 768 h 10000"/>
                  <a:gd name="connsiteX219" fmla="*/ 6490 w 10000"/>
                  <a:gd name="connsiteY219" fmla="*/ 842 h 10000"/>
                  <a:gd name="connsiteX220" fmla="*/ 6541 w 10000"/>
                  <a:gd name="connsiteY220" fmla="*/ 916 h 10000"/>
                  <a:gd name="connsiteX221" fmla="*/ 6595 w 10000"/>
                  <a:gd name="connsiteY221" fmla="*/ 990 h 10000"/>
                  <a:gd name="connsiteX222" fmla="*/ 6674 w 10000"/>
                  <a:gd name="connsiteY222" fmla="*/ 1049 h 10000"/>
                  <a:gd name="connsiteX223" fmla="*/ 6780 w 10000"/>
                  <a:gd name="connsiteY223" fmla="*/ 1108 h 10000"/>
                  <a:gd name="connsiteX224" fmla="*/ 6914 w 10000"/>
                  <a:gd name="connsiteY224" fmla="*/ 1182 h 10000"/>
                  <a:gd name="connsiteX225" fmla="*/ 7020 w 10000"/>
                  <a:gd name="connsiteY225" fmla="*/ 1226 h 10000"/>
                  <a:gd name="connsiteX226" fmla="*/ 7127 w 10000"/>
                  <a:gd name="connsiteY226" fmla="*/ 1270 h 10000"/>
                  <a:gd name="connsiteX227" fmla="*/ 7234 w 10000"/>
                  <a:gd name="connsiteY227" fmla="*/ 1300 h 10000"/>
                  <a:gd name="connsiteX228" fmla="*/ 7340 w 10000"/>
                  <a:gd name="connsiteY228" fmla="*/ 1315 h 10000"/>
                  <a:gd name="connsiteX229" fmla="*/ 7474 w 10000"/>
                  <a:gd name="connsiteY229" fmla="*/ 1300 h 10000"/>
                  <a:gd name="connsiteX230" fmla="*/ 7580 w 10000"/>
                  <a:gd name="connsiteY230" fmla="*/ 1285 h 10000"/>
                  <a:gd name="connsiteX231" fmla="*/ 7659 w 10000"/>
                  <a:gd name="connsiteY231" fmla="*/ 1241 h 10000"/>
                  <a:gd name="connsiteX232" fmla="*/ 7714 w 10000"/>
                  <a:gd name="connsiteY232" fmla="*/ 1167 h 10000"/>
                  <a:gd name="connsiteX233" fmla="*/ 7738 w 10000"/>
                  <a:gd name="connsiteY233" fmla="*/ 1064 h 10000"/>
                  <a:gd name="connsiteX234" fmla="*/ 8138 w 10000"/>
                  <a:gd name="connsiteY234" fmla="*/ 1034 h 10000"/>
                  <a:gd name="connsiteX235" fmla="*/ 8509 w 10000"/>
                  <a:gd name="connsiteY235" fmla="*/ 1004 h 10000"/>
                  <a:gd name="connsiteX236" fmla="*/ 8830 w 10000"/>
                  <a:gd name="connsiteY236" fmla="*/ 990 h 10000"/>
                  <a:gd name="connsiteX237" fmla="*/ 9123 w 10000"/>
                  <a:gd name="connsiteY237" fmla="*/ 1004 h 10000"/>
                  <a:gd name="connsiteX238" fmla="*/ 9256 w 10000"/>
                  <a:gd name="connsiteY238" fmla="*/ 1019 h 10000"/>
                  <a:gd name="connsiteX239" fmla="*/ 9387 w 10000"/>
                  <a:gd name="connsiteY239" fmla="*/ 1034 h 10000"/>
                  <a:gd name="connsiteX240" fmla="*/ 9495 w 10000"/>
                  <a:gd name="connsiteY240" fmla="*/ 1064 h 10000"/>
                  <a:gd name="connsiteX241" fmla="*/ 9628 w 10000"/>
                  <a:gd name="connsiteY241" fmla="*/ 1108 h 10000"/>
                  <a:gd name="connsiteX242" fmla="*/ 9707 w 10000"/>
                  <a:gd name="connsiteY242" fmla="*/ 1182 h 10000"/>
                  <a:gd name="connsiteX243" fmla="*/ 9786 w 10000"/>
                  <a:gd name="connsiteY243" fmla="*/ 1241 h 10000"/>
                  <a:gd name="connsiteX244" fmla="*/ 9841 w 10000"/>
                  <a:gd name="connsiteY244" fmla="*/ 1329 h 10000"/>
                  <a:gd name="connsiteX245" fmla="*/ 9893 w 10000"/>
                  <a:gd name="connsiteY245" fmla="*/ 1433 h 10000"/>
                  <a:gd name="connsiteX246" fmla="*/ 9946 w 10000"/>
                  <a:gd name="connsiteY246" fmla="*/ 1551 h 10000"/>
                  <a:gd name="connsiteX247" fmla="*/ 9919 w 10000"/>
                  <a:gd name="connsiteY247" fmla="*/ 1625 h 10000"/>
                  <a:gd name="connsiteX248" fmla="*/ 9893 w 10000"/>
                  <a:gd name="connsiteY248" fmla="*/ 1684 h 10000"/>
                  <a:gd name="connsiteX249" fmla="*/ 9841 w 10000"/>
                  <a:gd name="connsiteY249" fmla="*/ 1758 h 10000"/>
                  <a:gd name="connsiteX250" fmla="*/ 9761 w 10000"/>
                  <a:gd name="connsiteY250" fmla="*/ 1802 h 10000"/>
                  <a:gd name="connsiteX251" fmla="*/ 9707 w 10000"/>
                  <a:gd name="connsiteY251" fmla="*/ 1861 h 10000"/>
                  <a:gd name="connsiteX252" fmla="*/ 9682 w 10000"/>
                  <a:gd name="connsiteY252" fmla="*/ 1935 h 10000"/>
                  <a:gd name="connsiteX253" fmla="*/ 9707 w 10000"/>
                  <a:gd name="connsiteY253" fmla="*/ 2024 h 10000"/>
                  <a:gd name="connsiteX254" fmla="*/ 10000 w 10000"/>
                  <a:gd name="connsiteY254" fmla="*/ 2157 h 10000"/>
                  <a:gd name="connsiteX0" fmla="*/ 7340 w 10000"/>
                  <a:gd name="connsiteY0" fmla="*/ 4697 h 10000"/>
                  <a:gd name="connsiteX1" fmla="*/ 6674 w 10000"/>
                  <a:gd name="connsiteY1" fmla="*/ 4313 h 10000"/>
                  <a:gd name="connsiteX2" fmla="*/ 9628 w 10000"/>
                  <a:gd name="connsiteY2" fmla="*/ 3338 h 10000"/>
                  <a:gd name="connsiteX3" fmla="*/ 9866 w 10000"/>
                  <a:gd name="connsiteY3" fmla="*/ 3117 h 10000"/>
                  <a:gd name="connsiteX4" fmla="*/ 9893 w 10000"/>
                  <a:gd name="connsiteY4" fmla="*/ 3072 h 10000"/>
                  <a:gd name="connsiteX5" fmla="*/ 9919 w 10000"/>
                  <a:gd name="connsiteY5" fmla="*/ 3013 h 10000"/>
                  <a:gd name="connsiteX6" fmla="*/ 9919 w 10000"/>
                  <a:gd name="connsiteY6" fmla="*/ 2954 h 10000"/>
                  <a:gd name="connsiteX7" fmla="*/ 9893 w 10000"/>
                  <a:gd name="connsiteY7" fmla="*/ 2866 h 10000"/>
                  <a:gd name="connsiteX8" fmla="*/ 9707 w 10000"/>
                  <a:gd name="connsiteY8" fmla="*/ 2984 h 10000"/>
                  <a:gd name="connsiteX9" fmla="*/ 9495 w 10000"/>
                  <a:gd name="connsiteY9" fmla="*/ 3072 h 10000"/>
                  <a:gd name="connsiteX10" fmla="*/ 9281 w 10000"/>
                  <a:gd name="connsiteY10" fmla="*/ 3161 h 10000"/>
                  <a:gd name="connsiteX11" fmla="*/ 9069 w 10000"/>
                  <a:gd name="connsiteY11" fmla="*/ 3250 h 10000"/>
                  <a:gd name="connsiteX12" fmla="*/ 8589 w 10000"/>
                  <a:gd name="connsiteY12" fmla="*/ 3397 h 10000"/>
                  <a:gd name="connsiteX13" fmla="*/ 8085 w 10000"/>
                  <a:gd name="connsiteY13" fmla="*/ 3545 h 10000"/>
                  <a:gd name="connsiteX14" fmla="*/ 7580 w 10000"/>
                  <a:gd name="connsiteY14" fmla="*/ 3678 h 10000"/>
                  <a:gd name="connsiteX15" fmla="*/ 7100 w 10000"/>
                  <a:gd name="connsiteY15" fmla="*/ 3840 h 10000"/>
                  <a:gd name="connsiteX16" fmla="*/ 6861 w 10000"/>
                  <a:gd name="connsiteY16" fmla="*/ 3914 h 10000"/>
                  <a:gd name="connsiteX17" fmla="*/ 6649 w 10000"/>
                  <a:gd name="connsiteY17" fmla="*/ 4003 h 10000"/>
                  <a:gd name="connsiteX18" fmla="*/ 6437 w 10000"/>
                  <a:gd name="connsiteY18" fmla="*/ 4106 h 10000"/>
                  <a:gd name="connsiteX19" fmla="*/ 6222 w 10000"/>
                  <a:gd name="connsiteY19" fmla="*/ 4195 h 10000"/>
                  <a:gd name="connsiteX20" fmla="*/ 6382 w 10000"/>
                  <a:gd name="connsiteY20" fmla="*/ 4417 h 10000"/>
                  <a:gd name="connsiteX21" fmla="*/ 6490 w 10000"/>
                  <a:gd name="connsiteY21" fmla="*/ 4623 h 10000"/>
                  <a:gd name="connsiteX22" fmla="*/ 6475 w 10000"/>
                  <a:gd name="connsiteY22" fmla="*/ 4845 h 10000"/>
                  <a:gd name="connsiteX23" fmla="*/ 6729 w 10000"/>
                  <a:gd name="connsiteY23" fmla="*/ 5318 h 10000"/>
                  <a:gd name="connsiteX24" fmla="*/ 6756 w 10000"/>
                  <a:gd name="connsiteY24" fmla="*/ 5539 h 10000"/>
                  <a:gd name="connsiteX25" fmla="*/ 6780 w 10000"/>
                  <a:gd name="connsiteY25" fmla="*/ 5775 h 10000"/>
                  <a:gd name="connsiteX26" fmla="*/ 6780 w 10000"/>
                  <a:gd name="connsiteY26" fmla="*/ 5997 h 10000"/>
                  <a:gd name="connsiteX27" fmla="*/ 6756 w 10000"/>
                  <a:gd name="connsiteY27" fmla="*/ 6233 h 10000"/>
                  <a:gd name="connsiteX28" fmla="*/ 6702 w 10000"/>
                  <a:gd name="connsiteY28" fmla="*/ 6470 h 10000"/>
                  <a:gd name="connsiteX29" fmla="*/ 6649 w 10000"/>
                  <a:gd name="connsiteY29" fmla="*/ 6677 h 10000"/>
                  <a:gd name="connsiteX30" fmla="*/ 6569 w 10000"/>
                  <a:gd name="connsiteY30" fmla="*/ 6898 h 10000"/>
                  <a:gd name="connsiteX31" fmla="*/ 6463 w 10000"/>
                  <a:gd name="connsiteY31" fmla="*/ 7105 h 10000"/>
                  <a:gd name="connsiteX32" fmla="*/ 6330 w 10000"/>
                  <a:gd name="connsiteY32" fmla="*/ 7297 h 10000"/>
                  <a:gd name="connsiteX33" fmla="*/ 6170 w 10000"/>
                  <a:gd name="connsiteY33" fmla="*/ 7489 h 10000"/>
                  <a:gd name="connsiteX34" fmla="*/ 6010 w 10000"/>
                  <a:gd name="connsiteY34" fmla="*/ 7681 h 10000"/>
                  <a:gd name="connsiteX35" fmla="*/ 6780 w 10000"/>
                  <a:gd name="connsiteY35" fmla="*/ 7799 h 10000"/>
                  <a:gd name="connsiteX36" fmla="*/ 7580 w 10000"/>
                  <a:gd name="connsiteY36" fmla="*/ 7962 h 10000"/>
                  <a:gd name="connsiteX37" fmla="*/ 7738 w 10000"/>
                  <a:gd name="connsiteY37" fmla="*/ 8021 h 10000"/>
                  <a:gd name="connsiteX38" fmla="*/ 7872 w 10000"/>
                  <a:gd name="connsiteY38" fmla="*/ 8080 h 10000"/>
                  <a:gd name="connsiteX39" fmla="*/ 8004 w 10000"/>
                  <a:gd name="connsiteY39" fmla="*/ 8139 h 10000"/>
                  <a:gd name="connsiteX40" fmla="*/ 8085 w 10000"/>
                  <a:gd name="connsiteY40" fmla="*/ 8227 h 10000"/>
                  <a:gd name="connsiteX41" fmla="*/ 8112 w 10000"/>
                  <a:gd name="connsiteY41" fmla="*/ 8301 h 10000"/>
                  <a:gd name="connsiteX42" fmla="*/ 8112 w 10000"/>
                  <a:gd name="connsiteY42" fmla="*/ 8405 h 10000"/>
                  <a:gd name="connsiteX43" fmla="*/ 8059 w 10000"/>
                  <a:gd name="connsiteY43" fmla="*/ 8523 h 10000"/>
                  <a:gd name="connsiteX44" fmla="*/ 7978 w 10000"/>
                  <a:gd name="connsiteY44" fmla="*/ 8641 h 10000"/>
                  <a:gd name="connsiteX45" fmla="*/ 7633 w 10000"/>
                  <a:gd name="connsiteY45" fmla="*/ 8552 h 10000"/>
                  <a:gd name="connsiteX46" fmla="*/ 7313 w 10000"/>
                  <a:gd name="connsiteY46" fmla="*/ 8449 h 10000"/>
                  <a:gd name="connsiteX47" fmla="*/ 6994 w 10000"/>
                  <a:gd name="connsiteY47" fmla="*/ 8360 h 10000"/>
                  <a:gd name="connsiteX48" fmla="*/ 6674 w 10000"/>
                  <a:gd name="connsiteY48" fmla="*/ 8287 h 10000"/>
                  <a:gd name="connsiteX49" fmla="*/ 6541 w 10000"/>
                  <a:gd name="connsiteY49" fmla="*/ 8449 h 10000"/>
                  <a:gd name="connsiteX50" fmla="*/ 6437 w 10000"/>
                  <a:gd name="connsiteY50" fmla="*/ 8597 h 10000"/>
                  <a:gd name="connsiteX51" fmla="*/ 6382 w 10000"/>
                  <a:gd name="connsiteY51" fmla="*/ 8656 h 10000"/>
                  <a:gd name="connsiteX52" fmla="*/ 6276 w 10000"/>
                  <a:gd name="connsiteY52" fmla="*/ 8700 h 10000"/>
                  <a:gd name="connsiteX53" fmla="*/ 6197 w 10000"/>
                  <a:gd name="connsiteY53" fmla="*/ 8744 h 10000"/>
                  <a:gd name="connsiteX54" fmla="*/ 6117 w 10000"/>
                  <a:gd name="connsiteY54" fmla="*/ 8774 h 10000"/>
                  <a:gd name="connsiteX55" fmla="*/ 6037 w 10000"/>
                  <a:gd name="connsiteY55" fmla="*/ 8804 h 10000"/>
                  <a:gd name="connsiteX56" fmla="*/ 5931 w 10000"/>
                  <a:gd name="connsiteY56" fmla="*/ 8818 h 10000"/>
                  <a:gd name="connsiteX57" fmla="*/ 5797 w 10000"/>
                  <a:gd name="connsiteY57" fmla="*/ 8833 h 10000"/>
                  <a:gd name="connsiteX58" fmla="*/ 5665 w 10000"/>
                  <a:gd name="connsiteY58" fmla="*/ 8833 h 10000"/>
                  <a:gd name="connsiteX59" fmla="*/ 5347 w 10000"/>
                  <a:gd name="connsiteY59" fmla="*/ 8818 h 10000"/>
                  <a:gd name="connsiteX60" fmla="*/ 4946 w 10000"/>
                  <a:gd name="connsiteY60" fmla="*/ 8744 h 10000"/>
                  <a:gd name="connsiteX61" fmla="*/ 4946 w 10000"/>
                  <a:gd name="connsiteY61" fmla="*/ 8922 h 10000"/>
                  <a:gd name="connsiteX62" fmla="*/ 4919 w 10000"/>
                  <a:gd name="connsiteY62" fmla="*/ 9069 h 10000"/>
                  <a:gd name="connsiteX63" fmla="*/ 4894 w 10000"/>
                  <a:gd name="connsiteY63" fmla="*/ 9232 h 10000"/>
                  <a:gd name="connsiteX64" fmla="*/ 4867 w 10000"/>
                  <a:gd name="connsiteY64" fmla="*/ 9365 h 10000"/>
                  <a:gd name="connsiteX65" fmla="*/ 4813 w 10000"/>
                  <a:gd name="connsiteY65" fmla="*/ 9498 h 10000"/>
                  <a:gd name="connsiteX66" fmla="*/ 4708 w 10000"/>
                  <a:gd name="connsiteY66" fmla="*/ 9616 h 10000"/>
                  <a:gd name="connsiteX67" fmla="*/ 4628 w 10000"/>
                  <a:gd name="connsiteY67" fmla="*/ 9734 h 10000"/>
                  <a:gd name="connsiteX68" fmla="*/ 4494 w 10000"/>
                  <a:gd name="connsiteY68" fmla="*/ 9838 h 10000"/>
                  <a:gd name="connsiteX69" fmla="*/ 4173 w 10000"/>
                  <a:gd name="connsiteY69" fmla="*/ 9897 h 10000"/>
                  <a:gd name="connsiteX70" fmla="*/ 3910 w 10000"/>
                  <a:gd name="connsiteY70" fmla="*/ 9941 h 10000"/>
                  <a:gd name="connsiteX71" fmla="*/ 3590 w 10000"/>
                  <a:gd name="connsiteY71" fmla="*/ 9985 h 10000"/>
                  <a:gd name="connsiteX72" fmla="*/ 3351 w 10000"/>
                  <a:gd name="connsiteY72" fmla="*/ 10000 h 10000"/>
                  <a:gd name="connsiteX73" fmla="*/ 2819 w 10000"/>
                  <a:gd name="connsiteY73" fmla="*/ 10000 h 10000"/>
                  <a:gd name="connsiteX74" fmla="*/ 2313 w 10000"/>
                  <a:gd name="connsiteY74" fmla="*/ 9985 h 10000"/>
                  <a:gd name="connsiteX75" fmla="*/ 1836 w 10000"/>
                  <a:gd name="connsiteY75" fmla="*/ 9941 h 10000"/>
                  <a:gd name="connsiteX76" fmla="*/ 1330 w 10000"/>
                  <a:gd name="connsiteY76" fmla="*/ 9911 h 10000"/>
                  <a:gd name="connsiteX77" fmla="*/ 1038 w 10000"/>
                  <a:gd name="connsiteY77" fmla="*/ 9911 h 10000"/>
                  <a:gd name="connsiteX78" fmla="*/ 771 w 10000"/>
                  <a:gd name="connsiteY78" fmla="*/ 9911 h 10000"/>
                  <a:gd name="connsiteX79" fmla="*/ 479 w 10000"/>
                  <a:gd name="connsiteY79" fmla="*/ 9926 h 10000"/>
                  <a:gd name="connsiteX80" fmla="*/ 186 w 10000"/>
                  <a:gd name="connsiteY80" fmla="*/ 9970 h 10000"/>
                  <a:gd name="connsiteX81" fmla="*/ 107 w 10000"/>
                  <a:gd name="connsiteY81" fmla="*/ 9867 h 10000"/>
                  <a:gd name="connsiteX82" fmla="*/ 54 w 10000"/>
                  <a:gd name="connsiteY82" fmla="*/ 9793 h 10000"/>
                  <a:gd name="connsiteX83" fmla="*/ 0 w 10000"/>
                  <a:gd name="connsiteY83" fmla="*/ 9705 h 10000"/>
                  <a:gd name="connsiteX84" fmla="*/ 0 w 10000"/>
                  <a:gd name="connsiteY84" fmla="*/ 9601 h 10000"/>
                  <a:gd name="connsiteX85" fmla="*/ 54 w 10000"/>
                  <a:gd name="connsiteY85" fmla="*/ 9424 h 10000"/>
                  <a:gd name="connsiteX86" fmla="*/ 107 w 10000"/>
                  <a:gd name="connsiteY86" fmla="*/ 9202 h 10000"/>
                  <a:gd name="connsiteX87" fmla="*/ 158 w 10000"/>
                  <a:gd name="connsiteY87" fmla="*/ 8996 h 10000"/>
                  <a:gd name="connsiteX88" fmla="*/ 213 w 10000"/>
                  <a:gd name="connsiteY88" fmla="*/ 8759 h 10000"/>
                  <a:gd name="connsiteX89" fmla="*/ 239 w 10000"/>
                  <a:gd name="connsiteY89" fmla="*/ 8641 h 10000"/>
                  <a:gd name="connsiteX90" fmla="*/ 239 w 10000"/>
                  <a:gd name="connsiteY90" fmla="*/ 8538 h 10000"/>
                  <a:gd name="connsiteX91" fmla="*/ 213 w 10000"/>
                  <a:gd name="connsiteY91" fmla="*/ 8405 h 10000"/>
                  <a:gd name="connsiteX92" fmla="*/ 186 w 10000"/>
                  <a:gd name="connsiteY92" fmla="*/ 8287 h 10000"/>
                  <a:gd name="connsiteX93" fmla="*/ 452 w 10000"/>
                  <a:gd name="connsiteY93" fmla="*/ 8213 h 10000"/>
                  <a:gd name="connsiteX94" fmla="*/ 718 w 10000"/>
                  <a:gd name="connsiteY94" fmla="*/ 8139 h 10000"/>
                  <a:gd name="connsiteX95" fmla="*/ 984 w 10000"/>
                  <a:gd name="connsiteY95" fmla="*/ 8095 h 10000"/>
                  <a:gd name="connsiteX96" fmla="*/ 1277 w 10000"/>
                  <a:gd name="connsiteY96" fmla="*/ 8065 h 10000"/>
                  <a:gd name="connsiteX97" fmla="*/ 1807 w 10000"/>
                  <a:gd name="connsiteY97" fmla="*/ 8021 h 10000"/>
                  <a:gd name="connsiteX98" fmla="*/ 2341 w 10000"/>
                  <a:gd name="connsiteY98" fmla="*/ 7976 h 10000"/>
                  <a:gd name="connsiteX99" fmla="*/ 2580 w 10000"/>
                  <a:gd name="connsiteY99" fmla="*/ 7947 h 10000"/>
                  <a:gd name="connsiteX100" fmla="*/ 2819 w 10000"/>
                  <a:gd name="connsiteY100" fmla="*/ 7917 h 10000"/>
                  <a:gd name="connsiteX101" fmla="*/ 3030 w 10000"/>
                  <a:gd name="connsiteY101" fmla="*/ 7843 h 10000"/>
                  <a:gd name="connsiteX102" fmla="*/ 3244 w 10000"/>
                  <a:gd name="connsiteY102" fmla="*/ 7784 h 10000"/>
                  <a:gd name="connsiteX103" fmla="*/ 3431 w 10000"/>
                  <a:gd name="connsiteY103" fmla="*/ 7710 h 10000"/>
                  <a:gd name="connsiteX104" fmla="*/ 3590 w 10000"/>
                  <a:gd name="connsiteY104" fmla="*/ 7592 h 10000"/>
                  <a:gd name="connsiteX105" fmla="*/ 3750 w 10000"/>
                  <a:gd name="connsiteY105" fmla="*/ 7474 h 10000"/>
                  <a:gd name="connsiteX106" fmla="*/ 3856 w 10000"/>
                  <a:gd name="connsiteY106" fmla="*/ 7312 h 10000"/>
                  <a:gd name="connsiteX107" fmla="*/ 3644 w 10000"/>
                  <a:gd name="connsiteY107" fmla="*/ 7238 h 10000"/>
                  <a:gd name="connsiteX108" fmla="*/ 3456 w 10000"/>
                  <a:gd name="connsiteY108" fmla="*/ 7179 h 10000"/>
                  <a:gd name="connsiteX109" fmla="*/ 3297 w 10000"/>
                  <a:gd name="connsiteY109" fmla="*/ 7090 h 10000"/>
                  <a:gd name="connsiteX110" fmla="*/ 3139 w 10000"/>
                  <a:gd name="connsiteY110" fmla="*/ 6987 h 10000"/>
                  <a:gd name="connsiteX111" fmla="*/ 3030 w 10000"/>
                  <a:gd name="connsiteY111" fmla="*/ 6869 h 10000"/>
                  <a:gd name="connsiteX112" fmla="*/ 2980 w 10000"/>
                  <a:gd name="connsiteY112" fmla="*/ 6721 h 10000"/>
                  <a:gd name="connsiteX113" fmla="*/ 2952 w 10000"/>
                  <a:gd name="connsiteY113" fmla="*/ 6558 h 10000"/>
                  <a:gd name="connsiteX114" fmla="*/ 2980 w 10000"/>
                  <a:gd name="connsiteY114" fmla="*/ 6352 h 10000"/>
                  <a:gd name="connsiteX115" fmla="*/ 2846 w 10000"/>
                  <a:gd name="connsiteY115" fmla="*/ 6322 h 10000"/>
                  <a:gd name="connsiteX116" fmla="*/ 2687 w 10000"/>
                  <a:gd name="connsiteY116" fmla="*/ 6292 h 10000"/>
                  <a:gd name="connsiteX117" fmla="*/ 2501 w 10000"/>
                  <a:gd name="connsiteY117" fmla="*/ 6278 h 10000"/>
                  <a:gd name="connsiteX118" fmla="*/ 2313 w 10000"/>
                  <a:gd name="connsiteY118" fmla="*/ 6263 h 10000"/>
                  <a:gd name="connsiteX119" fmla="*/ 1942 w 10000"/>
                  <a:gd name="connsiteY119" fmla="*/ 6248 h 10000"/>
                  <a:gd name="connsiteX120" fmla="*/ 1543 w 10000"/>
                  <a:gd name="connsiteY120" fmla="*/ 6263 h 10000"/>
                  <a:gd name="connsiteX121" fmla="*/ 1198 w 10000"/>
                  <a:gd name="connsiteY121" fmla="*/ 6278 h 10000"/>
                  <a:gd name="connsiteX122" fmla="*/ 877 w 10000"/>
                  <a:gd name="connsiteY122" fmla="*/ 6278 h 10000"/>
                  <a:gd name="connsiteX123" fmla="*/ 613 w 10000"/>
                  <a:gd name="connsiteY123" fmla="*/ 6263 h 10000"/>
                  <a:gd name="connsiteX124" fmla="*/ 399 w 10000"/>
                  <a:gd name="connsiteY124" fmla="*/ 6233 h 10000"/>
                  <a:gd name="connsiteX125" fmla="*/ 663 w 10000"/>
                  <a:gd name="connsiteY125" fmla="*/ 5805 h 10000"/>
                  <a:gd name="connsiteX126" fmla="*/ 958 w 10000"/>
                  <a:gd name="connsiteY126" fmla="*/ 5391 h 10000"/>
                  <a:gd name="connsiteX127" fmla="*/ 1065 w 10000"/>
                  <a:gd name="connsiteY127" fmla="*/ 5170 h 10000"/>
                  <a:gd name="connsiteX128" fmla="*/ 1143 w 10000"/>
                  <a:gd name="connsiteY128" fmla="*/ 4963 h 10000"/>
                  <a:gd name="connsiteX129" fmla="*/ 1169 w 10000"/>
                  <a:gd name="connsiteY129" fmla="*/ 4860 h 10000"/>
                  <a:gd name="connsiteX130" fmla="*/ 1143 w 10000"/>
                  <a:gd name="connsiteY130" fmla="*/ 4756 h 10000"/>
                  <a:gd name="connsiteX131" fmla="*/ 1117 w 10000"/>
                  <a:gd name="connsiteY131" fmla="*/ 4653 h 10000"/>
                  <a:gd name="connsiteX132" fmla="*/ 1038 w 10000"/>
                  <a:gd name="connsiteY132" fmla="*/ 4549 h 10000"/>
                  <a:gd name="connsiteX133" fmla="*/ 1330 w 10000"/>
                  <a:gd name="connsiteY133" fmla="*/ 4520 h 10000"/>
                  <a:gd name="connsiteX134" fmla="*/ 1543 w 10000"/>
                  <a:gd name="connsiteY134" fmla="*/ 4505 h 10000"/>
                  <a:gd name="connsiteX135" fmla="*/ 1729 w 10000"/>
                  <a:gd name="connsiteY135" fmla="*/ 4505 h 10000"/>
                  <a:gd name="connsiteX136" fmla="*/ 1888 w 10000"/>
                  <a:gd name="connsiteY136" fmla="*/ 4520 h 10000"/>
                  <a:gd name="connsiteX137" fmla="*/ 2022 w 10000"/>
                  <a:gd name="connsiteY137" fmla="*/ 4520 h 10000"/>
                  <a:gd name="connsiteX138" fmla="*/ 2181 w 10000"/>
                  <a:gd name="connsiteY138" fmla="*/ 4520 h 10000"/>
                  <a:gd name="connsiteX139" fmla="*/ 2341 w 10000"/>
                  <a:gd name="connsiteY139" fmla="*/ 4490 h 10000"/>
                  <a:gd name="connsiteX140" fmla="*/ 2552 w 10000"/>
                  <a:gd name="connsiteY140" fmla="*/ 4446 h 10000"/>
                  <a:gd name="connsiteX141" fmla="*/ 2552 w 10000"/>
                  <a:gd name="connsiteY141" fmla="*/ 4579 h 10000"/>
                  <a:gd name="connsiteX142" fmla="*/ 2552 w 10000"/>
                  <a:gd name="connsiteY142" fmla="*/ 4742 h 10000"/>
                  <a:gd name="connsiteX143" fmla="*/ 2552 w 10000"/>
                  <a:gd name="connsiteY143" fmla="*/ 4874 h 10000"/>
                  <a:gd name="connsiteX144" fmla="*/ 2552 w 10000"/>
                  <a:gd name="connsiteY144" fmla="*/ 5037 h 10000"/>
                  <a:gd name="connsiteX145" fmla="*/ 2792 w 10000"/>
                  <a:gd name="connsiteY145" fmla="*/ 5022 h 10000"/>
                  <a:gd name="connsiteX146" fmla="*/ 2952 w 10000"/>
                  <a:gd name="connsiteY146" fmla="*/ 5037 h 10000"/>
                  <a:gd name="connsiteX147" fmla="*/ 3085 w 10000"/>
                  <a:gd name="connsiteY147" fmla="*/ 5066 h 10000"/>
                  <a:gd name="connsiteX148" fmla="*/ 3218 w 10000"/>
                  <a:gd name="connsiteY148" fmla="*/ 5096 h 10000"/>
                  <a:gd name="connsiteX149" fmla="*/ 3325 w 10000"/>
                  <a:gd name="connsiteY149" fmla="*/ 5126 h 10000"/>
                  <a:gd name="connsiteX150" fmla="*/ 3456 w 10000"/>
                  <a:gd name="connsiteY150" fmla="*/ 5155 h 10000"/>
                  <a:gd name="connsiteX151" fmla="*/ 3617 w 10000"/>
                  <a:gd name="connsiteY151" fmla="*/ 5170 h 10000"/>
                  <a:gd name="connsiteX152" fmla="*/ 3856 w 10000"/>
                  <a:gd name="connsiteY152" fmla="*/ 5155 h 10000"/>
                  <a:gd name="connsiteX153" fmla="*/ 3936 w 10000"/>
                  <a:gd name="connsiteY153" fmla="*/ 5096 h 10000"/>
                  <a:gd name="connsiteX154" fmla="*/ 4015 w 10000"/>
                  <a:gd name="connsiteY154" fmla="*/ 5022 h 10000"/>
                  <a:gd name="connsiteX155" fmla="*/ 4042 w 10000"/>
                  <a:gd name="connsiteY155" fmla="*/ 4934 h 10000"/>
                  <a:gd name="connsiteX156" fmla="*/ 4070 w 10000"/>
                  <a:gd name="connsiteY156" fmla="*/ 4860 h 10000"/>
                  <a:gd name="connsiteX157" fmla="*/ 4095 w 10000"/>
                  <a:gd name="connsiteY157" fmla="*/ 4697 h 10000"/>
                  <a:gd name="connsiteX158" fmla="*/ 4070 w 10000"/>
                  <a:gd name="connsiteY158" fmla="*/ 4520 h 10000"/>
                  <a:gd name="connsiteX159" fmla="*/ 3989 w 10000"/>
                  <a:gd name="connsiteY159" fmla="*/ 4343 h 10000"/>
                  <a:gd name="connsiteX160" fmla="*/ 3910 w 10000"/>
                  <a:gd name="connsiteY160" fmla="*/ 4195 h 10000"/>
                  <a:gd name="connsiteX161" fmla="*/ 3776 w 10000"/>
                  <a:gd name="connsiteY161" fmla="*/ 4047 h 10000"/>
                  <a:gd name="connsiteX162" fmla="*/ 3644 w 10000"/>
                  <a:gd name="connsiteY162" fmla="*/ 3959 h 10000"/>
                  <a:gd name="connsiteX163" fmla="*/ 3803 w 10000"/>
                  <a:gd name="connsiteY163" fmla="*/ 3944 h 10000"/>
                  <a:gd name="connsiteX164" fmla="*/ 3936 w 10000"/>
                  <a:gd name="connsiteY164" fmla="*/ 3914 h 10000"/>
                  <a:gd name="connsiteX165" fmla="*/ 4042 w 10000"/>
                  <a:gd name="connsiteY165" fmla="*/ 3855 h 10000"/>
                  <a:gd name="connsiteX166" fmla="*/ 4173 w 10000"/>
                  <a:gd name="connsiteY166" fmla="*/ 3752 h 10000"/>
                  <a:gd name="connsiteX167" fmla="*/ 4308 w 10000"/>
                  <a:gd name="connsiteY167" fmla="*/ 3663 h 10000"/>
                  <a:gd name="connsiteX168" fmla="*/ 4414 w 10000"/>
                  <a:gd name="connsiteY168" fmla="*/ 3560 h 10000"/>
                  <a:gd name="connsiteX169" fmla="*/ 4494 w 10000"/>
                  <a:gd name="connsiteY169" fmla="*/ 3442 h 10000"/>
                  <a:gd name="connsiteX170" fmla="*/ 4575 w 10000"/>
                  <a:gd name="connsiteY170" fmla="*/ 3323 h 10000"/>
                  <a:gd name="connsiteX171" fmla="*/ 4628 w 10000"/>
                  <a:gd name="connsiteY171" fmla="*/ 3220 h 10000"/>
                  <a:gd name="connsiteX172" fmla="*/ 4653 w 10000"/>
                  <a:gd name="connsiteY172" fmla="*/ 3102 h 10000"/>
                  <a:gd name="connsiteX173" fmla="*/ 4681 w 10000"/>
                  <a:gd name="connsiteY173" fmla="*/ 3013 h 10000"/>
                  <a:gd name="connsiteX174" fmla="*/ 4653 w 10000"/>
                  <a:gd name="connsiteY174" fmla="*/ 2939 h 10000"/>
                  <a:gd name="connsiteX175" fmla="*/ 4628 w 10000"/>
                  <a:gd name="connsiteY175" fmla="*/ 2866 h 10000"/>
                  <a:gd name="connsiteX176" fmla="*/ 4548 w 10000"/>
                  <a:gd name="connsiteY176" fmla="*/ 2836 h 10000"/>
                  <a:gd name="connsiteX177" fmla="*/ 4442 w 10000"/>
                  <a:gd name="connsiteY177" fmla="*/ 2836 h 10000"/>
                  <a:gd name="connsiteX178" fmla="*/ 4308 w 10000"/>
                  <a:gd name="connsiteY178" fmla="*/ 2866 h 10000"/>
                  <a:gd name="connsiteX179" fmla="*/ 4414 w 10000"/>
                  <a:gd name="connsiteY179" fmla="*/ 2777 h 10000"/>
                  <a:gd name="connsiteX180" fmla="*/ 4469 w 10000"/>
                  <a:gd name="connsiteY180" fmla="*/ 2674 h 10000"/>
                  <a:gd name="connsiteX181" fmla="*/ 4494 w 10000"/>
                  <a:gd name="connsiteY181" fmla="*/ 2541 h 10000"/>
                  <a:gd name="connsiteX182" fmla="*/ 4494 w 10000"/>
                  <a:gd name="connsiteY182" fmla="*/ 2393 h 10000"/>
                  <a:gd name="connsiteX183" fmla="*/ 4520 w 10000"/>
                  <a:gd name="connsiteY183" fmla="*/ 2349 h 10000"/>
                  <a:gd name="connsiteX184" fmla="*/ 4575 w 10000"/>
                  <a:gd name="connsiteY184" fmla="*/ 2304 h 10000"/>
                  <a:gd name="connsiteX185" fmla="*/ 4628 w 10000"/>
                  <a:gd name="connsiteY185" fmla="*/ 2290 h 10000"/>
                  <a:gd name="connsiteX186" fmla="*/ 4708 w 10000"/>
                  <a:gd name="connsiteY186" fmla="*/ 2275 h 10000"/>
                  <a:gd name="connsiteX187" fmla="*/ 4946 w 10000"/>
                  <a:gd name="connsiteY187" fmla="*/ 2260 h 10000"/>
                  <a:gd name="connsiteX188" fmla="*/ 5158 w 10000"/>
                  <a:gd name="connsiteY188" fmla="*/ 2275 h 10000"/>
                  <a:gd name="connsiteX189" fmla="*/ 5132 w 10000"/>
                  <a:gd name="connsiteY189" fmla="*/ 2112 h 10000"/>
                  <a:gd name="connsiteX190" fmla="*/ 5080 w 10000"/>
                  <a:gd name="connsiteY190" fmla="*/ 1950 h 10000"/>
                  <a:gd name="connsiteX191" fmla="*/ 4999 w 10000"/>
                  <a:gd name="connsiteY191" fmla="*/ 1802 h 10000"/>
                  <a:gd name="connsiteX192" fmla="*/ 4894 w 10000"/>
                  <a:gd name="connsiteY192" fmla="*/ 1640 h 10000"/>
                  <a:gd name="connsiteX193" fmla="*/ 4628 w 10000"/>
                  <a:gd name="connsiteY193" fmla="*/ 1329 h 10000"/>
                  <a:gd name="connsiteX194" fmla="*/ 4362 w 10000"/>
                  <a:gd name="connsiteY194" fmla="*/ 1034 h 10000"/>
                  <a:gd name="connsiteX195" fmla="*/ 4228 w 10000"/>
                  <a:gd name="connsiteY195" fmla="*/ 901 h 10000"/>
                  <a:gd name="connsiteX196" fmla="*/ 4124 w 10000"/>
                  <a:gd name="connsiteY196" fmla="*/ 753 h 10000"/>
                  <a:gd name="connsiteX197" fmla="*/ 4042 w 10000"/>
                  <a:gd name="connsiteY197" fmla="*/ 620 h 10000"/>
                  <a:gd name="connsiteX198" fmla="*/ 4015 w 10000"/>
                  <a:gd name="connsiteY198" fmla="*/ 487 h 10000"/>
                  <a:gd name="connsiteX199" fmla="*/ 3989 w 10000"/>
                  <a:gd name="connsiteY199" fmla="*/ 355 h 10000"/>
                  <a:gd name="connsiteX200" fmla="*/ 4042 w 10000"/>
                  <a:gd name="connsiteY200" fmla="*/ 222 h 10000"/>
                  <a:gd name="connsiteX201" fmla="*/ 4070 w 10000"/>
                  <a:gd name="connsiteY201" fmla="*/ 162 h 10000"/>
                  <a:gd name="connsiteX202" fmla="*/ 4124 w 10000"/>
                  <a:gd name="connsiteY202" fmla="*/ 103 h 10000"/>
                  <a:gd name="connsiteX203" fmla="*/ 4203 w 10000"/>
                  <a:gd name="connsiteY203" fmla="*/ 59 h 10000"/>
                  <a:gd name="connsiteX204" fmla="*/ 4308 w 10000"/>
                  <a:gd name="connsiteY204" fmla="*/ 0 h 10000"/>
                  <a:gd name="connsiteX205" fmla="*/ 4494 w 10000"/>
                  <a:gd name="connsiteY205" fmla="*/ 0 h 10000"/>
                  <a:gd name="connsiteX206" fmla="*/ 4681 w 10000"/>
                  <a:gd name="connsiteY206" fmla="*/ 15 h 10000"/>
                  <a:gd name="connsiteX207" fmla="*/ 4867 w 10000"/>
                  <a:gd name="connsiteY207" fmla="*/ 44 h 10000"/>
                  <a:gd name="connsiteX208" fmla="*/ 4999 w 10000"/>
                  <a:gd name="connsiteY208" fmla="*/ 89 h 10000"/>
                  <a:gd name="connsiteX209" fmla="*/ 5213 w 10000"/>
                  <a:gd name="connsiteY209" fmla="*/ 192 h 10000"/>
                  <a:gd name="connsiteX210" fmla="*/ 5425 w 10000"/>
                  <a:gd name="connsiteY210" fmla="*/ 340 h 10000"/>
                  <a:gd name="connsiteX211" fmla="*/ 5585 w 10000"/>
                  <a:gd name="connsiteY211" fmla="*/ 473 h 10000"/>
                  <a:gd name="connsiteX212" fmla="*/ 5797 w 10000"/>
                  <a:gd name="connsiteY212" fmla="*/ 591 h 10000"/>
                  <a:gd name="connsiteX213" fmla="*/ 5931 w 10000"/>
                  <a:gd name="connsiteY213" fmla="*/ 650 h 10000"/>
                  <a:gd name="connsiteX214" fmla="*/ 6090 w 10000"/>
                  <a:gd name="connsiteY214" fmla="*/ 679 h 10000"/>
                  <a:gd name="connsiteX215" fmla="*/ 6251 w 10000"/>
                  <a:gd name="connsiteY215" fmla="*/ 709 h 10000"/>
                  <a:gd name="connsiteX216" fmla="*/ 6463 w 10000"/>
                  <a:gd name="connsiteY216" fmla="*/ 709 h 10000"/>
                  <a:gd name="connsiteX217" fmla="*/ 6463 w 10000"/>
                  <a:gd name="connsiteY217" fmla="*/ 768 h 10000"/>
                  <a:gd name="connsiteX218" fmla="*/ 6490 w 10000"/>
                  <a:gd name="connsiteY218" fmla="*/ 842 h 10000"/>
                  <a:gd name="connsiteX219" fmla="*/ 6541 w 10000"/>
                  <a:gd name="connsiteY219" fmla="*/ 916 h 10000"/>
                  <a:gd name="connsiteX220" fmla="*/ 6595 w 10000"/>
                  <a:gd name="connsiteY220" fmla="*/ 990 h 10000"/>
                  <a:gd name="connsiteX221" fmla="*/ 6674 w 10000"/>
                  <a:gd name="connsiteY221" fmla="*/ 1049 h 10000"/>
                  <a:gd name="connsiteX222" fmla="*/ 6780 w 10000"/>
                  <a:gd name="connsiteY222" fmla="*/ 1108 h 10000"/>
                  <a:gd name="connsiteX223" fmla="*/ 6914 w 10000"/>
                  <a:gd name="connsiteY223" fmla="*/ 1182 h 10000"/>
                  <a:gd name="connsiteX224" fmla="*/ 7020 w 10000"/>
                  <a:gd name="connsiteY224" fmla="*/ 1226 h 10000"/>
                  <a:gd name="connsiteX225" fmla="*/ 7127 w 10000"/>
                  <a:gd name="connsiteY225" fmla="*/ 1270 h 10000"/>
                  <a:gd name="connsiteX226" fmla="*/ 7234 w 10000"/>
                  <a:gd name="connsiteY226" fmla="*/ 1300 h 10000"/>
                  <a:gd name="connsiteX227" fmla="*/ 7340 w 10000"/>
                  <a:gd name="connsiteY227" fmla="*/ 1315 h 10000"/>
                  <a:gd name="connsiteX228" fmla="*/ 7474 w 10000"/>
                  <a:gd name="connsiteY228" fmla="*/ 1300 h 10000"/>
                  <a:gd name="connsiteX229" fmla="*/ 7580 w 10000"/>
                  <a:gd name="connsiteY229" fmla="*/ 1285 h 10000"/>
                  <a:gd name="connsiteX230" fmla="*/ 7659 w 10000"/>
                  <a:gd name="connsiteY230" fmla="*/ 1241 h 10000"/>
                  <a:gd name="connsiteX231" fmla="*/ 7714 w 10000"/>
                  <a:gd name="connsiteY231" fmla="*/ 1167 h 10000"/>
                  <a:gd name="connsiteX232" fmla="*/ 7738 w 10000"/>
                  <a:gd name="connsiteY232" fmla="*/ 1064 h 10000"/>
                  <a:gd name="connsiteX233" fmla="*/ 8138 w 10000"/>
                  <a:gd name="connsiteY233" fmla="*/ 1034 h 10000"/>
                  <a:gd name="connsiteX234" fmla="*/ 8509 w 10000"/>
                  <a:gd name="connsiteY234" fmla="*/ 1004 h 10000"/>
                  <a:gd name="connsiteX235" fmla="*/ 8830 w 10000"/>
                  <a:gd name="connsiteY235" fmla="*/ 990 h 10000"/>
                  <a:gd name="connsiteX236" fmla="*/ 9123 w 10000"/>
                  <a:gd name="connsiteY236" fmla="*/ 1004 h 10000"/>
                  <a:gd name="connsiteX237" fmla="*/ 9256 w 10000"/>
                  <a:gd name="connsiteY237" fmla="*/ 1019 h 10000"/>
                  <a:gd name="connsiteX238" fmla="*/ 9387 w 10000"/>
                  <a:gd name="connsiteY238" fmla="*/ 1034 h 10000"/>
                  <a:gd name="connsiteX239" fmla="*/ 9495 w 10000"/>
                  <a:gd name="connsiteY239" fmla="*/ 1064 h 10000"/>
                  <a:gd name="connsiteX240" fmla="*/ 9628 w 10000"/>
                  <a:gd name="connsiteY240" fmla="*/ 1108 h 10000"/>
                  <a:gd name="connsiteX241" fmla="*/ 9707 w 10000"/>
                  <a:gd name="connsiteY241" fmla="*/ 1182 h 10000"/>
                  <a:gd name="connsiteX242" fmla="*/ 9786 w 10000"/>
                  <a:gd name="connsiteY242" fmla="*/ 1241 h 10000"/>
                  <a:gd name="connsiteX243" fmla="*/ 9841 w 10000"/>
                  <a:gd name="connsiteY243" fmla="*/ 1329 h 10000"/>
                  <a:gd name="connsiteX244" fmla="*/ 9893 w 10000"/>
                  <a:gd name="connsiteY244" fmla="*/ 1433 h 10000"/>
                  <a:gd name="connsiteX245" fmla="*/ 9946 w 10000"/>
                  <a:gd name="connsiteY245" fmla="*/ 1551 h 10000"/>
                  <a:gd name="connsiteX246" fmla="*/ 9919 w 10000"/>
                  <a:gd name="connsiteY246" fmla="*/ 1625 h 10000"/>
                  <a:gd name="connsiteX247" fmla="*/ 9893 w 10000"/>
                  <a:gd name="connsiteY247" fmla="*/ 1684 h 10000"/>
                  <a:gd name="connsiteX248" fmla="*/ 9841 w 10000"/>
                  <a:gd name="connsiteY248" fmla="*/ 1758 h 10000"/>
                  <a:gd name="connsiteX249" fmla="*/ 9761 w 10000"/>
                  <a:gd name="connsiteY249" fmla="*/ 1802 h 10000"/>
                  <a:gd name="connsiteX250" fmla="*/ 9707 w 10000"/>
                  <a:gd name="connsiteY250" fmla="*/ 1861 h 10000"/>
                  <a:gd name="connsiteX251" fmla="*/ 9682 w 10000"/>
                  <a:gd name="connsiteY251" fmla="*/ 1935 h 10000"/>
                  <a:gd name="connsiteX252" fmla="*/ 9707 w 10000"/>
                  <a:gd name="connsiteY252" fmla="*/ 2024 h 10000"/>
                  <a:gd name="connsiteX253" fmla="*/ 10000 w 10000"/>
                  <a:gd name="connsiteY253" fmla="*/ 2157 h 10000"/>
                  <a:gd name="connsiteX0" fmla="*/ 6674 w 10000"/>
                  <a:gd name="connsiteY0" fmla="*/ 4313 h 10000"/>
                  <a:gd name="connsiteX1" fmla="*/ 9628 w 10000"/>
                  <a:gd name="connsiteY1" fmla="*/ 3338 h 10000"/>
                  <a:gd name="connsiteX2" fmla="*/ 9866 w 10000"/>
                  <a:gd name="connsiteY2" fmla="*/ 3117 h 10000"/>
                  <a:gd name="connsiteX3" fmla="*/ 9893 w 10000"/>
                  <a:gd name="connsiteY3" fmla="*/ 3072 h 10000"/>
                  <a:gd name="connsiteX4" fmla="*/ 9919 w 10000"/>
                  <a:gd name="connsiteY4" fmla="*/ 3013 h 10000"/>
                  <a:gd name="connsiteX5" fmla="*/ 9919 w 10000"/>
                  <a:gd name="connsiteY5" fmla="*/ 2954 h 10000"/>
                  <a:gd name="connsiteX6" fmla="*/ 9893 w 10000"/>
                  <a:gd name="connsiteY6" fmla="*/ 2866 h 10000"/>
                  <a:gd name="connsiteX7" fmla="*/ 9707 w 10000"/>
                  <a:gd name="connsiteY7" fmla="*/ 2984 h 10000"/>
                  <a:gd name="connsiteX8" fmla="*/ 9495 w 10000"/>
                  <a:gd name="connsiteY8" fmla="*/ 3072 h 10000"/>
                  <a:gd name="connsiteX9" fmla="*/ 9281 w 10000"/>
                  <a:gd name="connsiteY9" fmla="*/ 3161 h 10000"/>
                  <a:gd name="connsiteX10" fmla="*/ 9069 w 10000"/>
                  <a:gd name="connsiteY10" fmla="*/ 3250 h 10000"/>
                  <a:gd name="connsiteX11" fmla="*/ 8589 w 10000"/>
                  <a:gd name="connsiteY11" fmla="*/ 3397 h 10000"/>
                  <a:gd name="connsiteX12" fmla="*/ 8085 w 10000"/>
                  <a:gd name="connsiteY12" fmla="*/ 3545 h 10000"/>
                  <a:gd name="connsiteX13" fmla="*/ 7580 w 10000"/>
                  <a:gd name="connsiteY13" fmla="*/ 3678 h 10000"/>
                  <a:gd name="connsiteX14" fmla="*/ 7100 w 10000"/>
                  <a:gd name="connsiteY14" fmla="*/ 3840 h 10000"/>
                  <a:gd name="connsiteX15" fmla="*/ 6861 w 10000"/>
                  <a:gd name="connsiteY15" fmla="*/ 3914 h 10000"/>
                  <a:gd name="connsiteX16" fmla="*/ 6649 w 10000"/>
                  <a:gd name="connsiteY16" fmla="*/ 4003 h 10000"/>
                  <a:gd name="connsiteX17" fmla="*/ 6437 w 10000"/>
                  <a:gd name="connsiteY17" fmla="*/ 4106 h 10000"/>
                  <a:gd name="connsiteX18" fmla="*/ 6222 w 10000"/>
                  <a:gd name="connsiteY18" fmla="*/ 4195 h 10000"/>
                  <a:gd name="connsiteX19" fmla="*/ 6382 w 10000"/>
                  <a:gd name="connsiteY19" fmla="*/ 4417 h 10000"/>
                  <a:gd name="connsiteX20" fmla="*/ 6490 w 10000"/>
                  <a:gd name="connsiteY20" fmla="*/ 4623 h 10000"/>
                  <a:gd name="connsiteX21" fmla="*/ 6475 w 10000"/>
                  <a:gd name="connsiteY21" fmla="*/ 4845 h 10000"/>
                  <a:gd name="connsiteX22" fmla="*/ 6729 w 10000"/>
                  <a:gd name="connsiteY22" fmla="*/ 5318 h 10000"/>
                  <a:gd name="connsiteX23" fmla="*/ 6756 w 10000"/>
                  <a:gd name="connsiteY23" fmla="*/ 5539 h 10000"/>
                  <a:gd name="connsiteX24" fmla="*/ 6780 w 10000"/>
                  <a:gd name="connsiteY24" fmla="*/ 5775 h 10000"/>
                  <a:gd name="connsiteX25" fmla="*/ 6780 w 10000"/>
                  <a:gd name="connsiteY25" fmla="*/ 5997 h 10000"/>
                  <a:gd name="connsiteX26" fmla="*/ 6756 w 10000"/>
                  <a:gd name="connsiteY26" fmla="*/ 6233 h 10000"/>
                  <a:gd name="connsiteX27" fmla="*/ 6702 w 10000"/>
                  <a:gd name="connsiteY27" fmla="*/ 6470 h 10000"/>
                  <a:gd name="connsiteX28" fmla="*/ 6649 w 10000"/>
                  <a:gd name="connsiteY28" fmla="*/ 6677 h 10000"/>
                  <a:gd name="connsiteX29" fmla="*/ 6569 w 10000"/>
                  <a:gd name="connsiteY29" fmla="*/ 6898 h 10000"/>
                  <a:gd name="connsiteX30" fmla="*/ 6463 w 10000"/>
                  <a:gd name="connsiteY30" fmla="*/ 7105 h 10000"/>
                  <a:gd name="connsiteX31" fmla="*/ 6330 w 10000"/>
                  <a:gd name="connsiteY31" fmla="*/ 7297 h 10000"/>
                  <a:gd name="connsiteX32" fmla="*/ 6170 w 10000"/>
                  <a:gd name="connsiteY32" fmla="*/ 7489 h 10000"/>
                  <a:gd name="connsiteX33" fmla="*/ 6010 w 10000"/>
                  <a:gd name="connsiteY33" fmla="*/ 7681 h 10000"/>
                  <a:gd name="connsiteX34" fmla="*/ 6780 w 10000"/>
                  <a:gd name="connsiteY34" fmla="*/ 7799 h 10000"/>
                  <a:gd name="connsiteX35" fmla="*/ 7580 w 10000"/>
                  <a:gd name="connsiteY35" fmla="*/ 7962 h 10000"/>
                  <a:gd name="connsiteX36" fmla="*/ 7738 w 10000"/>
                  <a:gd name="connsiteY36" fmla="*/ 8021 h 10000"/>
                  <a:gd name="connsiteX37" fmla="*/ 7872 w 10000"/>
                  <a:gd name="connsiteY37" fmla="*/ 8080 h 10000"/>
                  <a:gd name="connsiteX38" fmla="*/ 8004 w 10000"/>
                  <a:gd name="connsiteY38" fmla="*/ 8139 h 10000"/>
                  <a:gd name="connsiteX39" fmla="*/ 8085 w 10000"/>
                  <a:gd name="connsiteY39" fmla="*/ 8227 h 10000"/>
                  <a:gd name="connsiteX40" fmla="*/ 8112 w 10000"/>
                  <a:gd name="connsiteY40" fmla="*/ 8301 h 10000"/>
                  <a:gd name="connsiteX41" fmla="*/ 8112 w 10000"/>
                  <a:gd name="connsiteY41" fmla="*/ 8405 h 10000"/>
                  <a:gd name="connsiteX42" fmla="*/ 8059 w 10000"/>
                  <a:gd name="connsiteY42" fmla="*/ 8523 h 10000"/>
                  <a:gd name="connsiteX43" fmla="*/ 7978 w 10000"/>
                  <a:gd name="connsiteY43" fmla="*/ 8641 h 10000"/>
                  <a:gd name="connsiteX44" fmla="*/ 7633 w 10000"/>
                  <a:gd name="connsiteY44" fmla="*/ 8552 h 10000"/>
                  <a:gd name="connsiteX45" fmla="*/ 7313 w 10000"/>
                  <a:gd name="connsiteY45" fmla="*/ 8449 h 10000"/>
                  <a:gd name="connsiteX46" fmla="*/ 6994 w 10000"/>
                  <a:gd name="connsiteY46" fmla="*/ 8360 h 10000"/>
                  <a:gd name="connsiteX47" fmla="*/ 6674 w 10000"/>
                  <a:gd name="connsiteY47" fmla="*/ 8287 h 10000"/>
                  <a:gd name="connsiteX48" fmla="*/ 6541 w 10000"/>
                  <a:gd name="connsiteY48" fmla="*/ 8449 h 10000"/>
                  <a:gd name="connsiteX49" fmla="*/ 6437 w 10000"/>
                  <a:gd name="connsiteY49" fmla="*/ 8597 h 10000"/>
                  <a:gd name="connsiteX50" fmla="*/ 6382 w 10000"/>
                  <a:gd name="connsiteY50" fmla="*/ 8656 h 10000"/>
                  <a:gd name="connsiteX51" fmla="*/ 6276 w 10000"/>
                  <a:gd name="connsiteY51" fmla="*/ 8700 h 10000"/>
                  <a:gd name="connsiteX52" fmla="*/ 6197 w 10000"/>
                  <a:gd name="connsiteY52" fmla="*/ 8744 h 10000"/>
                  <a:gd name="connsiteX53" fmla="*/ 6117 w 10000"/>
                  <a:gd name="connsiteY53" fmla="*/ 8774 h 10000"/>
                  <a:gd name="connsiteX54" fmla="*/ 6037 w 10000"/>
                  <a:gd name="connsiteY54" fmla="*/ 8804 h 10000"/>
                  <a:gd name="connsiteX55" fmla="*/ 5931 w 10000"/>
                  <a:gd name="connsiteY55" fmla="*/ 8818 h 10000"/>
                  <a:gd name="connsiteX56" fmla="*/ 5797 w 10000"/>
                  <a:gd name="connsiteY56" fmla="*/ 8833 h 10000"/>
                  <a:gd name="connsiteX57" fmla="*/ 5665 w 10000"/>
                  <a:gd name="connsiteY57" fmla="*/ 8833 h 10000"/>
                  <a:gd name="connsiteX58" fmla="*/ 5347 w 10000"/>
                  <a:gd name="connsiteY58" fmla="*/ 8818 h 10000"/>
                  <a:gd name="connsiteX59" fmla="*/ 4946 w 10000"/>
                  <a:gd name="connsiteY59" fmla="*/ 8744 h 10000"/>
                  <a:gd name="connsiteX60" fmla="*/ 4946 w 10000"/>
                  <a:gd name="connsiteY60" fmla="*/ 8922 h 10000"/>
                  <a:gd name="connsiteX61" fmla="*/ 4919 w 10000"/>
                  <a:gd name="connsiteY61" fmla="*/ 9069 h 10000"/>
                  <a:gd name="connsiteX62" fmla="*/ 4894 w 10000"/>
                  <a:gd name="connsiteY62" fmla="*/ 9232 h 10000"/>
                  <a:gd name="connsiteX63" fmla="*/ 4867 w 10000"/>
                  <a:gd name="connsiteY63" fmla="*/ 9365 h 10000"/>
                  <a:gd name="connsiteX64" fmla="*/ 4813 w 10000"/>
                  <a:gd name="connsiteY64" fmla="*/ 9498 h 10000"/>
                  <a:gd name="connsiteX65" fmla="*/ 4708 w 10000"/>
                  <a:gd name="connsiteY65" fmla="*/ 9616 h 10000"/>
                  <a:gd name="connsiteX66" fmla="*/ 4628 w 10000"/>
                  <a:gd name="connsiteY66" fmla="*/ 9734 h 10000"/>
                  <a:gd name="connsiteX67" fmla="*/ 4494 w 10000"/>
                  <a:gd name="connsiteY67" fmla="*/ 9838 h 10000"/>
                  <a:gd name="connsiteX68" fmla="*/ 4173 w 10000"/>
                  <a:gd name="connsiteY68" fmla="*/ 9897 h 10000"/>
                  <a:gd name="connsiteX69" fmla="*/ 3910 w 10000"/>
                  <a:gd name="connsiteY69" fmla="*/ 9941 h 10000"/>
                  <a:gd name="connsiteX70" fmla="*/ 3590 w 10000"/>
                  <a:gd name="connsiteY70" fmla="*/ 9985 h 10000"/>
                  <a:gd name="connsiteX71" fmla="*/ 3351 w 10000"/>
                  <a:gd name="connsiteY71" fmla="*/ 10000 h 10000"/>
                  <a:gd name="connsiteX72" fmla="*/ 2819 w 10000"/>
                  <a:gd name="connsiteY72" fmla="*/ 10000 h 10000"/>
                  <a:gd name="connsiteX73" fmla="*/ 2313 w 10000"/>
                  <a:gd name="connsiteY73" fmla="*/ 9985 h 10000"/>
                  <a:gd name="connsiteX74" fmla="*/ 1836 w 10000"/>
                  <a:gd name="connsiteY74" fmla="*/ 9941 h 10000"/>
                  <a:gd name="connsiteX75" fmla="*/ 1330 w 10000"/>
                  <a:gd name="connsiteY75" fmla="*/ 9911 h 10000"/>
                  <a:gd name="connsiteX76" fmla="*/ 1038 w 10000"/>
                  <a:gd name="connsiteY76" fmla="*/ 9911 h 10000"/>
                  <a:gd name="connsiteX77" fmla="*/ 771 w 10000"/>
                  <a:gd name="connsiteY77" fmla="*/ 9911 h 10000"/>
                  <a:gd name="connsiteX78" fmla="*/ 479 w 10000"/>
                  <a:gd name="connsiteY78" fmla="*/ 9926 h 10000"/>
                  <a:gd name="connsiteX79" fmla="*/ 186 w 10000"/>
                  <a:gd name="connsiteY79" fmla="*/ 9970 h 10000"/>
                  <a:gd name="connsiteX80" fmla="*/ 107 w 10000"/>
                  <a:gd name="connsiteY80" fmla="*/ 9867 h 10000"/>
                  <a:gd name="connsiteX81" fmla="*/ 54 w 10000"/>
                  <a:gd name="connsiteY81" fmla="*/ 9793 h 10000"/>
                  <a:gd name="connsiteX82" fmla="*/ 0 w 10000"/>
                  <a:gd name="connsiteY82" fmla="*/ 9705 h 10000"/>
                  <a:gd name="connsiteX83" fmla="*/ 0 w 10000"/>
                  <a:gd name="connsiteY83" fmla="*/ 9601 h 10000"/>
                  <a:gd name="connsiteX84" fmla="*/ 54 w 10000"/>
                  <a:gd name="connsiteY84" fmla="*/ 9424 h 10000"/>
                  <a:gd name="connsiteX85" fmla="*/ 107 w 10000"/>
                  <a:gd name="connsiteY85" fmla="*/ 9202 h 10000"/>
                  <a:gd name="connsiteX86" fmla="*/ 158 w 10000"/>
                  <a:gd name="connsiteY86" fmla="*/ 8996 h 10000"/>
                  <a:gd name="connsiteX87" fmla="*/ 213 w 10000"/>
                  <a:gd name="connsiteY87" fmla="*/ 8759 h 10000"/>
                  <a:gd name="connsiteX88" fmla="*/ 239 w 10000"/>
                  <a:gd name="connsiteY88" fmla="*/ 8641 h 10000"/>
                  <a:gd name="connsiteX89" fmla="*/ 239 w 10000"/>
                  <a:gd name="connsiteY89" fmla="*/ 8538 h 10000"/>
                  <a:gd name="connsiteX90" fmla="*/ 213 w 10000"/>
                  <a:gd name="connsiteY90" fmla="*/ 8405 h 10000"/>
                  <a:gd name="connsiteX91" fmla="*/ 186 w 10000"/>
                  <a:gd name="connsiteY91" fmla="*/ 8287 h 10000"/>
                  <a:gd name="connsiteX92" fmla="*/ 452 w 10000"/>
                  <a:gd name="connsiteY92" fmla="*/ 8213 h 10000"/>
                  <a:gd name="connsiteX93" fmla="*/ 718 w 10000"/>
                  <a:gd name="connsiteY93" fmla="*/ 8139 h 10000"/>
                  <a:gd name="connsiteX94" fmla="*/ 984 w 10000"/>
                  <a:gd name="connsiteY94" fmla="*/ 8095 h 10000"/>
                  <a:gd name="connsiteX95" fmla="*/ 1277 w 10000"/>
                  <a:gd name="connsiteY95" fmla="*/ 8065 h 10000"/>
                  <a:gd name="connsiteX96" fmla="*/ 1807 w 10000"/>
                  <a:gd name="connsiteY96" fmla="*/ 8021 h 10000"/>
                  <a:gd name="connsiteX97" fmla="*/ 2341 w 10000"/>
                  <a:gd name="connsiteY97" fmla="*/ 7976 h 10000"/>
                  <a:gd name="connsiteX98" fmla="*/ 2580 w 10000"/>
                  <a:gd name="connsiteY98" fmla="*/ 7947 h 10000"/>
                  <a:gd name="connsiteX99" fmla="*/ 2819 w 10000"/>
                  <a:gd name="connsiteY99" fmla="*/ 7917 h 10000"/>
                  <a:gd name="connsiteX100" fmla="*/ 3030 w 10000"/>
                  <a:gd name="connsiteY100" fmla="*/ 7843 h 10000"/>
                  <a:gd name="connsiteX101" fmla="*/ 3244 w 10000"/>
                  <a:gd name="connsiteY101" fmla="*/ 7784 h 10000"/>
                  <a:gd name="connsiteX102" fmla="*/ 3431 w 10000"/>
                  <a:gd name="connsiteY102" fmla="*/ 7710 h 10000"/>
                  <a:gd name="connsiteX103" fmla="*/ 3590 w 10000"/>
                  <a:gd name="connsiteY103" fmla="*/ 7592 h 10000"/>
                  <a:gd name="connsiteX104" fmla="*/ 3750 w 10000"/>
                  <a:gd name="connsiteY104" fmla="*/ 7474 h 10000"/>
                  <a:gd name="connsiteX105" fmla="*/ 3856 w 10000"/>
                  <a:gd name="connsiteY105" fmla="*/ 7312 h 10000"/>
                  <a:gd name="connsiteX106" fmla="*/ 3644 w 10000"/>
                  <a:gd name="connsiteY106" fmla="*/ 7238 h 10000"/>
                  <a:gd name="connsiteX107" fmla="*/ 3456 w 10000"/>
                  <a:gd name="connsiteY107" fmla="*/ 7179 h 10000"/>
                  <a:gd name="connsiteX108" fmla="*/ 3297 w 10000"/>
                  <a:gd name="connsiteY108" fmla="*/ 7090 h 10000"/>
                  <a:gd name="connsiteX109" fmla="*/ 3139 w 10000"/>
                  <a:gd name="connsiteY109" fmla="*/ 6987 h 10000"/>
                  <a:gd name="connsiteX110" fmla="*/ 3030 w 10000"/>
                  <a:gd name="connsiteY110" fmla="*/ 6869 h 10000"/>
                  <a:gd name="connsiteX111" fmla="*/ 2980 w 10000"/>
                  <a:gd name="connsiteY111" fmla="*/ 6721 h 10000"/>
                  <a:gd name="connsiteX112" fmla="*/ 2952 w 10000"/>
                  <a:gd name="connsiteY112" fmla="*/ 6558 h 10000"/>
                  <a:gd name="connsiteX113" fmla="*/ 2980 w 10000"/>
                  <a:gd name="connsiteY113" fmla="*/ 6352 h 10000"/>
                  <a:gd name="connsiteX114" fmla="*/ 2846 w 10000"/>
                  <a:gd name="connsiteY114" fmla="*/ 6322 h 10000"/>
                  <a:gd name="connsiteX115" fmla="*/ 2687 w 10000"/>
                  <a:gd name="connsiteY115" fmla="*/ 6292 h 10000"/>
                  <a:gd name="connsiteX116" fmla="*/ 2501 w 10000"/>
                  <a:gd name="connsiteY116" fmla="*/ 6278 h 10000"/>
                  <a:gd name="connsiteX117" fmla="*/ 2313 w 10000"/>
                  <a:gd name="connsiteY117" fmla="*/ 6263 h 10000"/>
                  <a:gd name="connsiteX118" fmla="*/ 1942 w 10000"/>
                  <a:gd name="connsiteY118" fmla="*/ 6248 h 10000"/>
                  <a:gd name="connsiteX119" fmla="*/ 1543 w 10000"/>
                  <a:gd name="connsiteY119" fmla="*/ 6263 h 10000"/>
                  <a:gd name="connsiteX120" fmla="*/ 1198 w 10000"/>
                  <a:gd name="connsiteY120" fmla="*/ 6278 h 10000"/>
                  <a:gd name="connsiteX121" fmla="*/ 877 w 10000"/>
                  <a:gd name="connsiteY121" fmla="*/ 6278 h 10000"/>
                  <a:gd name="connsiteX122" fmla="*/ 613 w 10000"/>
                  <a:gd name="connsiteY122" fmla="*/ 6263 h 10000"/>
                  <a:gd name="connsiteX123" fmla="*/ 399 w 10000"/>
                  <a:gd name="connsiteY123" fmla="*/ 6233 h 10000"/>
                  <a:gd name="connsiteX124" fmla="*/ 663 w 10000"/>
                  <a:gd name="connsiteY124" fmla="*/ 5805 h 10000"/>
                  <a:gd name="connsiteX125" fmla="*/ 958 w 10000"/>
                  <a:gd name="connsiteY125" fmla="*/ 5391 h 10000"/>
                  <a:gd name="connsiteX126" fmla="*/ 1065 w 10000"/>
                  <a:gd name="connsiteY126" fmla="*/ 5170 h 10000"/>
                  <a:gd name="connsiteX127" fmla="*/ 1143 w 10000"/>
                  <a:gd name="connsiteY127" fmla="*/ 4963 h 10000"/>
                  <a:gd name="connsiteX128" fmla="*/ 1169 w 10000"/>
                  <a:gd name="connsiteY128" fmla="*/ 4860 h 10000"/>
                  <a:gd name="connsiteX129" fmla="*/ 1143 w 10000"/>
                  <a:gd name="connsiteY129" fmla="*/ 4756 h 10000"/>
                  <a:gd name="connsiteX130" fmla="*/ 1117 w 10000"/>
                  <a:gd name="connsiteY130" fmla="*/ 4653 h 10000"/>
                  <a:gd name="connsiteX131" fmla="*/ 1038 w 10000"/>
                  <a:gd name="connsiteY131" fmla="*/ 4549 h 10000"/>
                  <a:gd name="connsiteX132" fmla="*/ 1330 w 10000"/>
                  <a:gd name="connsiteY132" fmla="*/ 4520 h 10000"/>
                  <a:gd name="connsiteX133" fmla="*/ 1543 w 10000"/>
                  <a:gd name="connsiteY133" fmla="*/ 4505 h 10000"/>
                  <a:gd name="connsiteX134" fmla="*/ 1729 w 10000"/>
                  <a:gd name="connsiteY134" fmla="*/ 4505 h 10000"/>
                  <a:gd name="connsiteX135" fmla="*/ 1888 w 10000"/>
                  <a:gd name="connsiteY135" fmla="*/ 4520 h 10000"/>
                  <a:gd name="connsiteX136" fmla="*/ 2022 w 10000"/>
                  <a:gd name="connsiteY136" fmla="*/ 4520 h 10000"/>
                  <a:gd name="connsiteX137" fmla="*/ 2181 w 10000"/>
                  <a:gd name="connsiteY137" fmla="*/ 4520 h 10000"/>
                  <a:gd name="connsiteX138" fmla="*/ 2341 w 10000"/>
                  <a:gd name="connsiteY138" fmla="*/ 4490 h 10000"/>
                  <a:gd name="connsiteX139" fmla="*/ 2552 w 10000"/>
                  <a:gd name="connsiteY139" fmla="*/ 4446 h 10000"/>
                  <a:gd name="connsiteX140" fmla="*/ 2552 w 10000"/>
                  <a:gd name="connsiteY140" fmla="*/ 4579 h 10000"/>
                  <a:gd name="connsiteX141" fmla="*/ 2552 w 10000"/>
                  <a:gd name="connsiteY141" fmla="*/ 4742 h 10000"/>
                  <a:gd name="connsiteX142" fmla="*/ 2552 w 10000"/>
                  <a:gd name="connsiteY142" fmla="*/ 4874 h 10000"/>
                  <a:gd name="connsiteX143" fmla="*/ 2552 w 10000"/>
                  <a:gd name="connsiteY143" fmla="*/ 5037 h 10000"/>
                  <a:gd name="connsiteX144" fmla="*/ 2792 w 10000"/>
                  <a:gd name="connsiteY144" fmla="*/ 5022 h 10000"/>
                  <a:gd name="connsiteX145" fmla="*/ 2952 w 10000"/>
                  <a:gd name="connsiteY145" fmla="*/ 5037 h 10000"/>
                  <a:gd name="connsiteX146" fmla="*/ 3085 w 10000"/>
                  <a:gd name="connsiteY146" fmla="*/ 5066 h 10000"/>
                  <a:gd name="connsiteX147" fmla="*/ 3218 w 10000"/>
                  <a:gd name="connsiteY147" fmla="*/ 5096 h 10000"/>
                  <a:gd name="connsiteX148" fmla="*/ 3325 w 10000"/>
                  <a:gd name="connsiteY148" fmla="*/ 5126 h 10000"/>
                  <a:gd name="connsiteX149" fmla="*/ 3456 w 10000"/>
                  <a:gd name="connsiteY149" fmla="*/ 5155 h 10000"/>
                  <a:gd name="connsiteX150" fmla="*/ 3617 w 10000"/>
                  <a:gd name="connsiteY150" fmla="*/ 5170 h 10000"/>
                  <a:gd name="connsiteX151" fmla="*/ 3856 w 10000"/>
                  <a:gd name="connsiteY151" fmla="*/ 5155 h 10000"/>
                  <a:gd name="connsiteX152" fmla="*/ 3936 w 10000"/>
                  <a:gd name="connsiteY152" fmla="*/ 5096 h 10000"/>
                  <a:gd name="connsiteX153" fmla="*/ 4015 w 10000"/>
                  <a:gd name="connsiteY153" fmla="*/ 5022 h 10000"/>
                  <a:gd name="connsiteX154" fmla="*/ 4042 w 10000"/>
                  <a:gd name="connsiteY154" fmla="*/ 4934 h 10000"/>
                  <a:gd name="connsiteX155" fmla="*/ 4070 w 10000"/>
                  <a:gd name="connsiteY155" fmla="*/ 4860 h 10000"/>
                  <a:gd name="connsiteX156" fmla="*/ 4095 w 10000"/>
                  <a:gd name="connsiteY156" fmla="*/ 4697 h 10000"/>
                  <a:gd name="connsiteX157" fmla="*/ 4070 w 10000"/>
                  <a:gd name="connsiteY157" fmla="*/ 4520 h 10000"/>
                  <a:gd name="connsiteX158" fmla="*/ 3989 w 10000"/>
                  <a:gd name="connsiteY158" fmla="*/ 4343 h 10000"/>
                  <a:gd name="connsiteX159" fmla="*/ 3910 w 10000"/>
                  <a:gd name="connsiteY159" fmla="*/ 4195 h 10000"/>
                  <a:gd name="connsiteX160" fmla="*/ 3776 w 10000"/>
                  <a:gd name="connsiteY160" fmla="*/ 4047 h 10000"/>
                  <a:gd name="connsiteX161" fmla="*/ 3644 w 10000"/>
                  <a:gd name="connsiteY161" fmla="*/ 3959 h 10000"/>
                  <a:gd name="connsiteX162" fmla="*/ 3803 w 10000"/>
                  <a:gd name="connsiteY162" fmla="*/ 3944 h 10000"/>
                  <a:gd name="connsiteX163" fmla="*/ 3936 w 10000"/>
                  <a:gd name="connsiteY163" fmla="*/ 3914 h 10000"/>
                  <a:gd name="connsiteX164" fmla="*/ 4042 w 10000"/>
                  <a:gd name="connsiteY164" fmla="*/ 3855 h 10000"/>
                  <a:gd name="connsiteX165" fmla="*/ 4173 w 10000"/>
                  <a:gd name="connsiteY165" fmla="*/ 3752 h 10000"/>
                  <a:gd name="connsiteX166" fmla="*/ 4308 w 10000"/>
                  <a:gd name="connsiteY166" fmla="*/ 3663 h 10000"/>
                  <a:gd name="connsiteX167" fmla="*/ 4414 w 10000"/>
                  <a:gd name="connsiteY167" fmla="*/ 3560 h 10000"/>
                  <a:gd name="connsiteX168" fmla="*/ 4494 w 10000"/>
                  <a:gd name="connsiteY168" fmla="*/ 3442 h 10000"/>
                  <a:gd name="connsiteX169" fmla="*/ 4575 w 10000"/>
                  <a:gd name="connsiteY169" fmla="*/ 3323 h 10000"/>
                  <a:gd name="connsiteX170" fmla="*/ 4628 w 10000"/>
                  <a:gd name="connsiteY170" fmla="*/ 3220 h 10000"/>
                  <a:gd name="connsiteX171" fmla="*/ 4653 w 10000"/>
                  <a:gd name="connsiteY171" fmla="*/ 3102 h 10000"/>
                  <a:gd name="connsiteX172" fmla="*/ 4681 w 10000"/>
                  <a:gd name="connsiteY172" fmla="*/ 3013 h 10000"/>
                  <a:gd name="connsiteX173" fmla="*/ 4653 w 10000"/>
                  <a:gd name="connsiteY173" fmla="*/ 2939 h 10000"/>
                  <a:gd name="connsiteX174" fmla="*/ 4628 w 10000"/>
                  <a:gd name="connsiteY174" fmla="*/ 2866 h 10000"/>
                  <a:gd name="connsiteX175" fmla="*/ 4548 w 10000"/>
                  <a:gd name="connsiteY175" fmla="*/ 2836 h 10000"/>
                  <a:gd name="connsiteX176" fmla="*/ 4442 w 10000"/>
                  <a:gd name="connsiteY176" fmla="*/ 2836 h 10000"/>
                  <a:gd name="connsiteX177" fmla="*/ 4308 w 10000"/>
                  <a:gd name="connsiteY177" fmla="*/ 2866 h 10000"/>
                  <a:gd name="connsiteX178" fmla="*/ 4414 w 10000"/>
                  <a:gd name="connsiteY178" fmla="*/ 2777 h 10000"/>
                  <a:gd name="connsiteX179" fmla="*/ 4469 w 10000"/>
                  <a:gd name="connsiteY179" fmla="*/ 2674 h 10000"/>
                  <a:gd name="connsiteX180" fmla="*/ 4494 w 10000"/>
                  <a:gd name="connsiteY180" fmla="*/ 2541 h 10000"/>
                  <a:gd name="connsiteX181" fmla="*/ 4494 w 10000"/>
                  <a:gd name="connsiteY181" fmla="*/ 2393 h 10000"/>
                  <a:gd name="connsiteX182" fmla="*/ 4520 w 10000"/>
                  <a:gd name="connsiteY182" fmla="*/ 2349 h 10000"/>
                  <a:gd name="connsiteX183" fmla="*/ 4575 w 10000"/>
                  <a:gd name="connsiteY183" fmla="*/ 2304 h 10000"/>
                  <a:gd name="connsiteX184" fmla="*/ 4628 w 10000"/>
                  <a:gd name="connsiteY184" fmla="*/ 2290 h 10000"/>
                  <a:gd name="connsiteX185" fmla="*/ 4708 w 10000"/>
                  <a:gd name="connsiteY185" fmla="*/ 2275 h 10000"/>
                  <a:gd name="connsiteX186" fmla="*/ 4946 w 10000"/>
                  <a:gd name="connsiteY186" fmla="*/ 2260 h 10000"/>
                  <a:gd name="connsiteX187" fmla="*/ 5158 w 10000"/>
                  <a:gd name="connsiteY187" fmla="*/ 2275 h 10000"/>
                  <a:gd name="connsiteX188" fmla="*/ 5132 w 10000"/>
                  <a:gd name="connsiteY188" fmla="*/ 2112 h 10000"/>
                  <a:gd name="connsiteX189" fmla="*/ 5080 w 10000"/>
                  <a:gd name="connsiteY189" fmla="*/ 1950 h 10000"/>
                  <a:gd name="connsiteX190" fmla="*/ 4999 w 10000"/>
                  <a:gd name="connsiteY190" fmla="*/ 1802 h 10000"/>
                  <a:gd name="connsiteX191" fmla="*/ 4894 w 10000"/>
                  <a:gd name="connsiteY191" fmla="*/ 1640 h 10000"/>
                  <a:gd name="connsiteX192" fmla="*/ 4628 w 10000"/>
                  <a:gd name="connsiteY192" fmla="*/ 1329 h 10000"/>
                  <a:gd name="connsiteX193" fmla="*/ 4362 w 10000"/>
                  <a:gd name="connsiteY193" fmla="*/ 1034 h 10000"/>
                  <a:gd name="connsiteX194" fmla="*/ 4228 w 10000"/>
                  <a:gd name="connsiteY194" fmla="*/ 901 h 10000"/>
                  <a:gd name="connsiteX195" fmla="*/ 4124 w 10000"/>
                  <a:gd name="connsiteY195" fmla="*/ 753 h 10000"/>
                  <a:gd name="connsiteX196" fmla="*/ 4042 w 10000"/>
                  <a:gd name="connsiteY196" fmla="*/ 620 h 10000"/>
                  <a:gd name="connsiteX197" fmla="*/ 4015 w 10000"/>
                  <a:gd name="connsiteY197" fmla="*/ 487 h 10000"/>
                  <a:gd name="connsiteX198" fmla="*/ 3989 w 10000"/>
                  <a:gd name="connsiteY198" fmla="*/ 355 h 10000"/>
                  <a:gd name="connsiteX199" fmla="*/ 4042 w 10000"/>
                  <a:gd name="connsiteY199" fmla="*/ 222 h 10000"/>
                  <a:gd name="connsiteX200" fmla="*/ 4070 w 10000"/>
                  <a:gd name="connsiteY200" fmla="*/ 162 h 10000"/>
                  <a:gd name="connsiteX201" fmla="*/ 4124 w 10000"/>
                  <a:gd name="connsiteY201" fmla="*/ 103 h 10000"/>
                  <a:gd name="connsiteX202" fmla="*/ 4203 w 10000"/>
                  <a:gd name="connsiteY202" fmla="*/ 59 h 10000"/>
                  <a:gd name="connsiteX203" fmla="*/ 4308 w 10000"/>
                  <a:gd name="connsiteY203" fmla="*/ 0 h 10000"/>
                  <a:gd name="connsiteX204" fmla="*/ 4494 w 10000"/>
                  <a:gd name="connsiteY204" fmla="*/ 0 h 10000"/>
                  <a:gd name="connsiteX205" fmla="*/ 4681 w 10000"/>
                  <a:gd name="connsiteY205" fmla="*/ 15 h 10000"/>
                  <a:gd name="connsiteX206" fmla="*/ 4867 w 10000"/>
                  <a:gd name="connsiteY206" fmla="*/ 44 h 10000"/>
                  <a:gd name="connsiteX207" fmla="*/ 4999 w 10000"/>
                  <a:gd name="connsiteY207" fmla="*/ 89 h 10000"/>
                  <a:gd name="connsiteX208" fmla="*/ 5213 w 10000"/>
                  <a:gd name="connsiteY208" fmla="*/ 192 h 10000"/>
                  <a:gd name="connsiteX209" fmla="*/ 5425 w 10000"/>
                  <a:gd name="connsiteY209" fmla="*/ 340 h 10000"/>
                  <a:gd name="connsiteX210" fmla="*/ 5585 w 10000"/>
                  <a:gd name="connsiteY210" fmla="*/ 473 h 10000"/>
                  <a:gd name="connsiteX211" fmla="*/ 5797 w 10000"/>
                  <a:gd name="connsiteY211" fmla="*/ 591 h 10000"/>
                  <a:gd name="connsiteX212" fmla="*/ 5931 w 10000"/>
                  <a:gd name="connsiteY212" fmla="*/ 650 h 10000"/>
                  <a:gd name="connsiteX213" fmla="*/ 6090 w 10000"/>
                  <a:gd name="connsiteY213" fmla="*/ 679 h 10000"/>
                  <a:gd name="connsiteX214" fmla="*/ 6251 w 10000"/>
                  <a:gd name="connsiteY214" fmla="*/ 709 h 10000"/>
                  <a:gd name="connsiteX215" fmla="*/ 6463 w 10000"/>
                  <a:gd name="connsiteY215" fmla="*/ 709 h 10000"/>
                  <a:gd name="connsiteX216" fmla="*/ 6463 w 10000"/>
                  <a:gd name="connsiteY216" fmla="*/ 768 h 10000"/>
                  <a:gd name="connsiteX217" fmla="*/ 6490 w 10000"/>
                  <a:gd name="connsiteY217" fmla="*/ 842 h 10000"/>
                  <a:gd name="connsiteX218" fmla="*/ 6541 w 10000"/>
                  <a:gd name="connsiteY218" fmla="*/ 916 h 10000"/>
                  <a:gd name="connsiteX219" fmla="*/ 6595 w 10000"/>
                  <a:gd name="connsiteY219" fmla="*/ 990 h 10000"/>
                  <a:gd name="connsiteX220" fmla="*/ 6674 w 10000"/>
                  <a:gd name="connsiteY220" fmla="*/ 1049 h 10000"/>
                  <a:gd name="connsiteX221" fmla="*/ 6780 w 10000"/>
                  <a:gd name="connsiteY221" fmla="*/ 1108 h 10000"/>
                  <a:gd name="connsiteX222" fmla="*/ 6914 w 10000"/>
                  <a:gd name="connsiteY222" fmla="*/ 1182 h 10000"/>
                  <a:gd name="connsiteX223" fmla="*/ 7020 w 10000"/>
                  <a:gd name="connsiteY223" fmla="*/ 1226 h 10000"/>
                  <a:gd name="connsiteX224" fmla="*/ 7127 w 10000"/>
                  <a:gd name="connsiteY224" fmla="*/ 1270 h 10000"/>
                  <a:gd name="connsiteX225" fmla="*/ 7234 w 10000"/>
                  <a:gd name="connsiteY225" fmla="*/ 1300 h 10000"/>
                  <a:gd name="connsiteX226" fmla="*/ 7340 w 10000"/>
                  <a:gd name="connsiteY226" fmla="*/ 1315 h 10000"/>
                  <a:gd name="connsiteX227" fmla="*/ 7474 w 10000"/>
                  <a:gd name="connsiteY227" fmla="*/ 1300 h 10000"/>
                  <a:gd name="connsiteX228" fmla="*/ 7580 w 10000"/>
                  <a:gd name="connsiteY228" fmla="*/ 1285 h 10000"/>
                  <a:gd name="connsiteX229" fmla="*/ 7659 w 10000"/>
                  <a:gd name="connsiteY229" fmla="*/ 1241 h 10000"/>
                  <a:gd name="connsiteX230" fmla="*/ 7714 w 10000"/>
                  <a:gd name="connsiteY230" fmla="*/ 1167 h 10000"/>
                  <a:gd name="connsiteX231" fmla="*/ 7738 w 10000"/>
                  <a:gd name="connsiteY231" fmla="*/ 1064 h 10000"/>
                  <a:gd name="connsiteX232" fmla="*/ 8138 w 10000"/>
                  <a:gd name="connsiteY232" fmla="*/ 1034 h 10000"/>
                  <a:gd name="connsiteX233" fmla="*/ 8509 w 10000"/>
                  <a:gd name="connsiteY233" fmla="*/ 1004 h 10000"/>
                  <a:gd name="connsiteX234" fmla="*/ 8830 w 10000"/>
                  <a:gd name="connsiteY234" fmla="*/ 990 h 10000"/>
                  <a:gd name="connsiteX235" fmla="*/ 9123 w 10000"/>
                  <a:gd name="connsiteY235" fmla="*/ 1004 h 10000"/>
                  <a:gd name="connsiteX236" fmla="*/ 9256 w 10000"/>
                  <a:gd name="connsiteY236" fmla="*/ 1019 h 10000"/>
                  <a:gd name="connsiteX237" fmla="*/ 9387 w 10000"/>
                  <a:gd name="connsiteY237" fmla="*/ 1034 h 10000"/>
                  <a:gd name="connsiteX238" fmla="*/ 9495 w 10000"/>
                  <a:gd name="connsiteY238" fmla="*/ 1064 h 10000"/>
                  <a:gd name="connsiteX239" fmla="*/ 9628 w 10000"/>
                  <a:gd name="connsiteY239" fmla="*/ 1108 h 10000"/>
                  <a:gd name="connsiteX240" fmla="*/ 9707 w 10000"/>
                  <a:gd name="connsiteY240" fmla="*/ 1182 h 10000"/>
                  <a:gd name="connsiteX241" fmla="*/ 9786 w 10000"/>
                  <a:gd name="connsiteY241" fmla="*/ 1241 h 10000"/>
                  <a:gd name="connsiteX242" fmla="*/ 9841 w 10000"/>
                  <a:gd name="connsiteY242" fmla="*/ 1329 h 10000"/>
                  <a:gd name="connsiteX243" fmla="*/ 9893 w 10000"/>
                  <a:gd name="connsiteY243" fmla="*/ 1433 h 10000"/>
                  <a:gd name="connsiteX244" fmla="*/ 9946 w 10000"/>
                  <a:gd name="connsiteY244" fmla="*/ 1551 h 10000"/>
                  <a:gd name="connsiteX245" fmla="*/ 9919 w 10000"/>
                  <a:gd name="connsiteY245" fmla="*/ 1625 h 10000"/>
                  <a:gd name="connsiteX246" fmla="*/ 9893 w 10000"/>
                  <a:gd name="connsiteY246" fmla="*/ 1684 h 10000"/>
                  <a:gd name="connsiteX247" fmla="*/ 9841 w 10000"/>
                  <a:gd name="connsiteY247" fmla="*/ 1758 h 10000"/>
                  <a:gd name="connsiteX248" fmla="*/ 9761 w 10000"/>
                  <a:gd name="connsiteY248" fmla="*/ 1802 h 10000"/>
                  <a:gd name="connsiteX249" fmla="*/ 9707 w 10000"/>
                  <a:gd name="connsiteY249" fmla="*/ 1861 h 10000"/>
                  <a:gd name="connsiteX250" fmla="*/ 9682 w 10000"/>
                  <a:gd name="connsiteY250" fmla="*/ 1935 h 10000"/>
                  <a:gd name="connsiteX251" fmla="*/ 9707 w 10000"/>
                  <a:gd name="connsiteY251" fmla="*/ 2024 h 10000"/>
                  <a:gd name="connsiteX252" fmla="*/ 10000 w 10000"/>
                  <a:gd name="connsiteY252" fmla="*/ 2157 h 10000"/>
                  <a:gd name="connsiteX0" fmla="*/ 6674 w 10000"/>
                  <a:gd name="connsiteY0" fmla="*/ 4313 h 10000"/>
                  <a:gd name="connsiteX1" fmla="*/ 9628 w 10000"/>
                  <a:gd name="connsiteY1" fmla="*/ 3338 h 10000"/>
                  <a:gd name="connsiteX2" fmla="*/ 9866 w 10000"/>
                  <a:gd name="connsiteY2" fmla="*/ 3117 h 10000"/>
                  <a:gd name="connsiteX3" fmla="*/ 9893 w 10000"/>
                  <a:gd name="connsiteY3" fmla="*/ 3072 h 10000"/>
                  <a:gd name="connsiteX4" fmla="*/ 9919 w 10000"/>
                  <a:gd name="connsiteY4" fmla="*/ 3013 h 10000"/>
                  <a:gd name="connsiteX5" fmla="*/ 9919 w 10000"/>
                  <a:gd name="connsiteY5" fmla="*/ 2954 h 10000"/>
                  <a:gd name="connsiteX6" fmla="*/ 9893 w 10000"/>
                  <a:gd name="connsiteY6" fmla="*/ 2866 h 10000"/>
                  <a:gd name="connsiteX7" fmla="*/ 9707 w 10000"/>
                  <a:gd name="connsiteY7" fmla="*/ 2984 h 10000"/>
                  <a:gd name="connsiteX8" fmla="*/ 9495 w 10000"/>
                  <a:gd name="connsiteY8" fmla="*/ 3072 h 10000"/>
                  <a:gd name="connsiteX9" fmla="*/ 9281 w 10000"/>
                  <a:gd name="connsiteY9" fmla="*/ 3161 h 10000"/>
                  <a:gd name="connsiteX10" fmla="*/ 9069 w 10000"/>
                  <a:gd name="connsiteY10" fmla="*/ 3250 h 10000"/>
                  <a:gd name="connsiteX11" fmla="*/ 8589 w 10000"/>
                  <a:gd name="connsiteY11" fmla="*/ 3397 h 10000"/>
                  <a:gd name="connsiteX12" fmla="*/ 8085 w 10000"/>
                  <a:gd name="connsiteY12" fmla="*/ 3545 h 10000"/>
                  <a:gd name="connsiteX13" fmla="*/ 7100 w 10000"/>
                  <a:gd name="connsiteY13" fmla="*/ 3840 h 10000"/>
                  <a:gd name="connsiteX14" fmla="*/ 6861 w 10000"/>
                  <a:gd name="connsiteY14" fmla="*/ 3914 h 10000"/>
                  <a:gd name="connsiteX15" fmla="*/ 6649 w 10000"/>
                  <a:gd name="connsiteY15" fmla="*/ 4003 h 10000"/>
                  <a:gd name="connsiteX16" fmla="*/ 6437 w 10000"/>
                  <a:gd name="connsiteY16" fmla="*/ 4106 h 10000"/>
                  <a:gd name="connsiteX17" fmla="*/ 6222 w 10000"/>
                  <a:gd name="connsiteY17" fmla="*/ 4195 h 10000"/>
                  <a:gd name="connsiteX18" fmla="*/ 6382 w 10000"/>
                  <a:gd name="connsiteY18" fmla="*/ 4417 h 10000"/>
                  <a:gd name="connsiteX19" fmla="*/ 6490 w 10000"/>
                  <a:gd name="connsiteY19" fmla="*/ 4623 h 10000"/>
                  <a:gd name="connsiteX20" fmla="*/ 6475 w 10000"/>
                  <a:gd name="connsiteY20" fmla="*/ 4845 h 10000"/>
                  <a:gd name="connsiteX21" fmla="*/ 6729 w 10000"/>
                  <a:gd name="connsiteY21" fmla="*/ 5318 h 10000"/>
                  <a:gd name="connsiteX22" fmla="*/ 6756 w 10000"/>
                  <a:gd name="connsiteY22" fmla="*/ 5539 h 10000"/>
                  <a:gd name="connsiteX23" fmla="*/ 6780 w 10000"/>
                  <a:gd name="connsiteY23" fmla="*/ 5775 h 10000"/>
                  <a:gd name="connsiteX24" fmla="*/ 6780 w 10000"/>
                  <a:gd name="connsiteY24" fmla="*/ 5997 h 10000"/>
                  <a:gd name="connsiteX25" fmla="*/ 6756 w 10000"/>
                  <a:gd name="connsiteY25" fmla="*/ 6233 h 10000"/>
                  <a:gd name="connsiteX26" fmla="*/ 6702 w 10000"/>
                  <a:gd name="connsiteY26" fmla="*/ 6470 h 10000"/>
                  <a:gd name="connsiteX27" fmla="*/ 6649 w 10000"/>
                  <a:gd name="connsiteY27" fmla="*/ 6677 h 10000"/>
                  <a:gd name="connsiteX28" fmla="*/ 6569 w 10000"/>
                  <a:gd name="connsiteY28" fmla="*/ 6898 h 10000"/>
                  <a:gd name="connsiteX29" fmla="*/ 6463 w 10000"/>
                  <a:gd name="connsiteY29" fmla="*/ 7105 h 10000"/>
                  <a:gd name="connsiteX30" fmla="*/ 6330 w 10000"/>
                  <a:gd name="connsiteY30" fmla="*/ 7297 h 10000"/>
                  <a:gd name="connsiteX31" fmla="*/ 6170 w 10000"/>
                  <a:gd name="connsiteY31" fmla="*/ 7489 h 10000"/>
                  <a:gd name="connsiteX32" fmla="*/ 6010 w 10000"/>
                  <a:gd name="connsiteY32" fmla="*/ 7681 h 10000"/>
                  <a:gd name="connsiteX33" fmla="*/ 6780 w 10000"/>
                  <a:gd name="connsiteY33" fmla="*/ 7799 h 10000"/>
                  <a:gd name="connsiteX34" fmla="*/ 7580 w 10000"/>
                  <a:gd name="connsiteY34" fmla="*/ 7962 h 10000"/>
                  <a:gd name="connsiteX35" fmla="*/ 7738 w 10000"/>
                  <a:gd name="connsiteY35" fmla="*/ 8021 h 10000"/>
                  <a:gd name="connsiteX36" fmla="*/ 7872 w 10000"/>
                  <a:gd name="connsiteY36" fmla="*/ 8080 h 10000"/>
                  <a:gd name="connsiteX37" fmla="*/ 8004 w 10000"/>
                  <a:gd name="connsiteY37" fmla="*/ 8139 h 10000"/>
                  <a:gd name="connsiteX38" fmla="*/ 8085 w 10000"/>
                  <a:gd name="connsiteY38" fmla="*/ 8227 h 10000"/>
                  <a:gd name="connsiteX39" fmla="*/ 8112 w 10000"/>
                  <a:gd name="connsiteY39" fmla="*/ 8301 h 10000"/>
                  <a:gd name="connsiteX40" fmla="*/ 8112 w 10000"/>
                  <a:gd name="connsiteY40" fmla="*/ 8405 h 10000"/>
                  <a:gd name="connsiteX41" fmla="*/ 8059 w 10000"/>
                  <a:gd name="connsiteY41" fmla="*/ 8523 h 10000"/>
                  <a:gd name="connsiteX42" fmla="*/ 7978 w 10000"/>
                  <a:gd name="connsiteY42" fmla="*/ 8641 h 10000"/>
                  <a:gd name="connsiteX43" fmla="*/ 7633 w 10000"/>
                  <a:gd name="connsiteY43" fmla="*/ 8552 h 10000"/>
                  <a:gd name="connsiteX44" fmla="*/ 7313 w 10000"/>
                  <a:gd name="connsiteY44" fmla="*/ 8449 h 10000"/>
                  <a:gd name="connsiteX45" fmla="*/ 6994 w 10000"/>
                  <a:gd name="connsiteY45" fmla="*/ 8360 h 10000"/>
                  <a:gd name="connsiteX46" fmla="*/ 6674 w 10000"/>
                  <a:gd name="connsiteY46" fmla="*/ 8287 h 10000"/>
                  <a:gd name="connsiteX47" fmla="*/ 6541 w 10000"/>
                  <a:gd name="connsiteY47" fmla="*/ 8449 h 10000"/>
                  <a:gd name="connsiteX48" fmla="*/ 6437 w 10000"/>
                  <a:gd name="connsiteY48" fmla="*/ 8597 h 10000"/>
                  <a:gd name="connsiteX49" fmla="*/ 6382 w 10000"/>
                  <a:gd name="connsiteY49" fmla="*/ 8656 h 10000"/>
                  <a:gd name="connsiteX50" fmla="*/ 6276 w 10000"/>
                  <a:gd name="connsiteY50" fmla="*/ 8700 h 10000"/>
                  <a:gd name="connsiteX51" fmla="*/ 6197 w 10000"/>
                  <a:gd name="connsiteY51" fmla="*/ 8744 h 10000"/>
                  <a:gd name="connsiteX52" fmla="*/ 6117 w 10000"/>
                  <a:gd name="connsiteY52" fmla="*/ 8774 h 10000"/>
                  <a:gd name="connsiteX53" fmla="*/ 6037 w 10000"/>
                  <a:gd name="connsiteY53" fmla="*/ 8804 h 10000"/>
                  <a:gd name="connsiteX54" fmla="*/ 5931 w 10000"/>
                  <a:gd name="connsiteY54" fmla="*/ 8818 h 10000"/>
                  <a:gd name="connsiteX55" fmla="*/ 5797 w 10000"/>
                  <a:gd name="connsiteY55" fmla="*/ 8833 h 10000"/>
                  <a:gd name="connsiteX56" fmla="*/ 5665 w 10000"/>
                  <a:gd name="connsiteY56" fmla="*/ 8833 h 10000"/>
                  <a:gd name="connsiteX57" fmla="*/ 5347 w 10000"/>
                  <a:gd name="connsiteY57" fmla="*/ 8818 h 10000"/>
                  <a:gd name="connsiteX58" fmla="*/ 4946 w 10000"/>
                  <a:gd name="connsiteY58" fmla="*/ 8744 h 10000"/>
                  <a:gd name="connsiteX59" fmla="*/ 4946 w 10000"/>
                  <a:gd name="connsiteY59" fmla="*/ 8922 h 10000"/>
                  <a:gd name="connsiteX60" fmla="*/ 4919 w 10000"/>
                  <a:gd name="connsiteY60" fmla="*/ 9069 h 10000"/>
                  <a:gd name="connsiteX61" fmla="*/ 4894 w 10000"/>
                  <a:gd name="connsiteY61" fmla="*/ 9232 h 10000"/>
                  <a:gd name="connsiteX62" fmla="*/ 4867 w 10000"/>
                  <a:gd name="connsiteY62" fmla="*/ 9365 h 10000"/>
                  <a:gd name="connsiteX63" fmla="*/ 4813 w 10000"/>
                  <a:gd name="connsiteY63" fmla="*/ 9498 h 10000"/>
                  <a:gd name="connsiteX64" fmla="*/ 4708 w 10000"/>
                  <a:gd name="connsiteY64" fmla="*/ 9616 h 10000"/>
                  <a:gd name="connsiteX65" fmla="*/ 4628 w 10000"/>
                  <a:gd name="connsiteY65" fmla="*/ 9734 h 10000"/>
                  <a:gd name="connsiteX66" fmla="*/ 4494 w 10000"/>
                  <a:gd name="connsiteY66" fmla="*/ 9838 h 10000"/>
                  <a:gd name="connsiteX67" fmla="*/ 4173 w 10000"/>
                  <a:gd name="connsiteY67" fmla="*/ 9897 h 10000"/>
                  <a:gd name="connsiteX68" fmla="*/ 3910 w 10000"/>
                  <a:gd name="connsiteY68" fmla="*/ 9941 h 10000"/>
                  <a:gd name="connsiteX69" fmla="*/ 3590 w 10000"/>
                  <a:gd name="connsiteY69" fmla="*/ 9985 h 10000"/>
                  <a:gd name="connsiteX70" fmla="*/ 3351 w 10000"/>
                  <a:gd name="connsiteY70" fmla="*/ 10000 h 10000"/>
                  <a:gd name="connsiteX71" fmla="*/ 2819 w 10000"/>
                  <a:gd name="connsiteY71" fmla="*/ 10000 h 10000"/>
                  <a:gd name="connsiteX72" fmla="*/ 2313 w 10000"/>
                  <a:gd name="connsiteY72" fmla="*/ 9985 h 10000"/>
                  <a:gd name="connsiteX73" fmla="*/ 1836 w 10000"/>
                  <a:gd name="connsiteY73" fmla="*/ 9941 h 10000"/>
                  <a:gd name="connsiteX74" fmla="*/ 1330 w 10000"/>
                  <a:gd name="connsiteY74" fmla="*/ 9911 h 10000"/>
                  <a:gd name="connsiteX75" fmla="*/ 1038 w 10000"/>
                  <a:gd name="connsiteY75" fmla="*/ 9911 h 10000"/>
                  <a:gd name="connsiteX76" fmla="*/ 771 w 10000"/>
                  <a:gd name="connsiteY76" fmla="*/ 9911 h 10000"/>
                  <a:gd name="connsiteX77" fmla="*/ 479 w 10000"/>
                  <a:gd name="connsiteY77" fmla="*/ 9926 h 10000"/>
                  <a:gd name="connsiteX78" fmla="*/ 186 w 10000"/>
                  <a:gd name="connsiteY78" fmla="*/ 9970 h 10000"/>
                  <a:gd name="connsiteX79" fmla="*/ 107 w 10000"/>
                  <a:gd name="connsiteY79" fmla="*/ 9867 h 10000"/>
                  <a:gd name="connsiteX80" fmla="*/ 54 w 10000"/>
                  <a:gd name="connsiteY80" fmla="*/ 9793 h 10000"/>
                  <a:gd name="connsiteX81" fmla="*/ 0 w 10000"/>
                  <a:gd name="connsiteY81" fmla="*/ 9705 h 10000"/>
                  <a:gd name="connsiteX82" fmla="*/ 0 w 10000"/>
                  <a:gd name="connsiteY82" fmla="*/ 9601 h 10000"/>
                  <a:gd name="connsiteX83" fmla="*/ 54 w 10000"/>
                  <a:gd name="connsiteY83" fmla="*/ 9424 h 10000"/>
                  <a:gd name="connsiteX84" fmla="*/ 107 w 10000"/>
                  <a:gd name="connsiteY84" fmla="*/ 9202 h 10000"/>
                  <a:gd name="connsiteX85" fmla="*/ 158 w 10000"/>
                  <a:gd name="connsiteY85" fmla="*/ 8996 h 10000"/>
                  <a:gd name="connsiteX86" fmla="*/ 213 w 10000"/>
                  <a:gd name="connsiteY86" fmla="*/ 8759 h 10000"/>
                  <a:gd name="connsiteX87" fmla="*/ 239 w 10000"/>
                  <a:gd name="connsiteY87" fmla="*/ 8641 h 10000"/>
                  <a:gd name="connsiteX88" fmla="*/ 239 w 10000"/>
                  <a:gd name="connsiteY88" fmla="*/ 8538 h 10000"/>
                  <a:gd name="connsiteX89" fmla="*/ 213 w 10000"/>
                  <a:gd name="connsiteY89" fmla="*/ 8405 h 10000"/>
                  <a:gd name="connsiteX90" fmla="*/ 186 w 10000"/>
                  <a:gd name="connsiteY90" fmla="*/ 8287 h 10000"/>
                  <a:gd name="connsiteX91" fmla="*/ 452 w 10000"/>
                  <a:gd name="connsiteY91" fmla="*/ 8213 h 10000"/>
                  <a:gd name="connsiteX92" fmla="*/ 718 w 10000"/>
                  <a:gd name="connsiteY92" fmla="*/ 8139 h 10000"/>
                  <a:gd name="connsiteX93" fmla="*/ 984 w 10000"/>
                  <a:gd name="connsiteY93" fmla="*/ 8095 h 10000"/>
                  <a:gd name="connsiteX94" fmla="*/ 1277 w 10000"/>
                  <a:gd name="connsiteY94" fmla="*/ 8065 h 10000"/>
                  <a:gd name="connsiteX95" fmla="*/ 1807 w 10000"/>
                  <a:gd name="connsiteY95" fmla="*/ 8021 h 10000"/>
                  <a:gd name="connsiteX96" fmla="*/ 2341 w 10000"/>
                  <a:gd name="connsiteY96" fmla="*/ 7976 h 10000"/>
                  <a:gd name="connsiteX97" fmla="*/ 2580 w 10000"/>
                  <a:gd name="connsiteY97" fmla="*/ 7947 h 10000"/>
                  <a:gd name="connsiteX98" fmla="*/ 2819 w 10000"/>
                  <a:gd name="connsiteY98" fmla="*/ 7917 h 10000"/>
                  <a:gd name="connsiteX99" fmla="*/ 3030 w 10000"/>
                  <a:gd name="connsiteY99" fmla="*/ 7843 h 10000"/>
                  <a:gd name="connsiteX100" fmla="*/ 3244 w 10000"/>
                  <a:gd name="connsiteY100" fmla="*/ 7784 h 10000"/>
                  <a:gd name="connsiteX101" fmla="*/ 3431 w 10000"/>
                  <a:gd name="connsiteY101" fmla="*/ 7710 h 10000"/>
                  <a:gd name="connsiteX102" fmla="*/ 3590 w 10000"/>
                  <a:gd name="connsiteY102" fmla="*/ 7592 h 10000"/>
                  <a:gd name="connsiteX103" fmla="*/ 3750 w 10000"/>
                  <a:gd name="connsiteY103" fmla="*/ 7474 h 10000"/>
                  <a:gd name="connsiteX104" fmla="*/ 3856 w 10000"/>
                  <a:gd name="connsiteY104" fmla="*/ 7312 h 10000"/>
                  <a:gd name="connsiteX105" fmla="*/ 3644 w 10000"/>
                  <a:gd name="connsiteY105" fmla="*/ 7238 h 10000"/>
                  <a:gd name="connsiteX106" fmla="*/ 3456 w 10000"/>
                  <a:gd name="connsiteY106" fmla="*/ 7179 h 10000"/>
                  <a:gd name="connsiteX107" fmla="*/ 3297 w 10000"/>
                  <a:gd name="connsiteY107" fmla="*/ 7090 h 10000"/>
                  <a:gd name="connsiteX108" fmla="*/ 3139 w 10000"/>
                  <a:gd name="connsiteY108" fmla="*/ 6987 h 10000"/>
                  <a:gd name="connsiteX109" fmla="*/ 3030 w 10000"/>
                  <a:gd name="connsiteY109" fmla="*/ 6869 h 10000"/>
                  <a:gd name="connsiteX110" fmla="*/ 2980 w 10000"/>
                  <a:gd name="connsiteY110" fmla="*/ 6721 h 10000"/>
                  <a:gd name="connsiteX111" fmla="*/ 2952 w 10000"/>
                  <a:gd name="connsiteY111" fmla="*/ 6558 h 10000"/>
                  <a:gd name="connsiteX112" fmla="*/ 2980 w 10000"/>
                  <a:gd name="connsiteY112" fmla="*/ 6352 h 10000"/>
                  <a:gd name="connsiteX113" fmla="*/ 2846 w 10000"/>
                  <a:gd name="connsiteY113" fmla="*/ 6322 h 10000"/>
                  <a:gd name="connsiteX114" fmla="*/ 2687 w 10000"/>
                  <a:gd name="connsiteY114" fmla="*/ 6292 h 10000"/>
                  <a:gd name="connsiteX115" fmla="*/ 2501 w 10000"/>
                  <a:gd name="connsiteY115" fmla="*/ 6278 h 10000"/>
                  <a:gd name="connsiteX116" fmla="*/ 2313 w 10000"/>
                  <a:gd name="connsiteY116" fmla="*/ 6263 h 10000"/>
                  <a:gd name="connsiteX117" fmla="*/ 1942 w 10000"/>
                  <a:gd name="connsiteY117" fmla="*/ 6248 h 10000"/>
                  <a:gd name="connsiteX118" fmla="*/ 1543 w 10000"/>
                  <a:gd name="connsiteY118" fmla="*/ 6263 h 10000"/>
                  <a:gd name="connsiteX119" fmla="*/ 1198 w 10000"/>
                  <a:gd name="connsiteY119" fmla="*/ 6278 h 10000"/>
                  <a:gd name="connsiteX120" fmla="*/ 877 w 10000"/>
                  <a:gd name="connsiteY120" fmla="*/ 6278 h 10000"/>
                  <a:gd name="connsiteX121" fmla="*/ 613 w 10000"/>
                  <a:gd name="connsiteY121" fmla="*/ 6263 h 10000"/>
                  <a:gd name="connsiteX122" fmla="*/ 399 w 10000"/>
                  <a:gd name="connsiteY122" fmla="*/ 6233 h 10000"/>
                  <a:gd name="connsiteX123" fmla="*/ 663 w 10000"/>
                  <a:gd name="connsiteY123" fmla="*/ 5805 h 10000"/>
                  <a:gd name="connsiteX124" fmla="*/ 958 w 10000"/>
                  <a:gd name="connsiteY124" fmla="*/ 5391 h 10000"/>
                  <a:gd name="connsiteX125" fmla="*/ 1065 w 10000"/>
                  <a:gd name="connsiteY125" fmla="*/ 5170 h 10000"/>
                  <a:gd name="connsiteX126" fmla="*/ 1143 w 10000"/>
                  <a:gd name="connsiteY126" fmla="*/ 4963 h 10000"/>
                  <a:gd name="connsiteX127" fmla="*/ 1169 w 10000"/>
                  <a:gd name="connsiteY127" fmla="*/ 4860 h 10000"/>
                  <a:gd name="connsiteX128" fmla="*/ 1143 w 10000"/>
                  <a:gd name="connsiteY128" fmla="*/ 4756 h 10000"/>
                  <a:gd name="connsiteX129" fmla="*/ 1117 w 10000"/>
                  <a:gd name="connsiteY129" fmla="*/ 4653 h 10000"/>
                  <a:gd name="connsiteX130" fmla="*/ 1038 w 10000"/>
                  <a:gd name="connsiteY130" fmla="*/ 4549 h 10000"/>
                  <a:gd name="connsiteX131" fmla="*/ 1330 w 10000"/>
                  <a:gd name="connsiteY131" fmla="*/ 4520 h 10000"/>
                  <a:gd name="connsiteX132" fmla="*/ 1543 w 10000"/>
                  <a:gd name="connsiteY132" fmla="*/ 4505 h 10000"/>
                  <a:gd name="connsiteX133" fmla="*/ 1729 w 10000"/>
                  <a:gd name="connsiteY133" fmla="*/ 4505 h 10000"/>
                  <a:gd name="connsiteX134" fmla="*/ 1888 w 10000"/>
                  <a:gd name="connsiteY134" fmla="*/ 4520 h 10000"/>
                  <a:gd name="connsiteX135" fmla="*/ 2022 w 10000"/>
                  <a:gd name="connsiteY135" fmla="*/ 4520 h 10000"/>
                  <a:gd name="connsiteX136" fmla="*/ 2181 w 10000"/>
                  <a:gd name="connsiteY136" fmla="*/ 4520 h 10000"/>
                  <a:gd name="connsiteX137" fmla="*/ 2341 w 10000"/>
                  <a:gd name="connsiteY137" fmla="*/ 4490 h 10000"/>
                  <a:gd name="connsiteX138" fmla="*/ 2552 w 10000"/>
                  <a:gd name="connsiteY138" fmla="*/ 4446 h 10000"/>
                  <a:gd name="connsiteX139" fmla="*/ 2552 w 10000"/>
                  <a:gd name="connsiteY139" fmla="*/ 4579 h 10000"/>
                  <a:gd name="connsiteX140" fmla="*/ 2552 w 10000"/>
                  <a:gd name="connsiteY140" fmla="*/ 4742 h 10000"/>
                  <a:gd name="connsiteX141" fmla="*/ 2552 w 10000"/>
                  <a:gd name="connsiteY141" fmla="*/ 4874 h 10000"/>
                  <a:gd name="connsiteX142" fmla="*/ 2552 w 10000"/>
                  <a:gd name="connsiteY142" fmla="*/ 5037 h 10000"/>
                  <a:gd name="connsiteX143" fmla="*/ 2792 w 10000"/>
                  <a:gd name="connsiteY143" fmla="*/ 5022 h 10000"/>
                  <a:gd name="connsiteX144" fmla="*/ 2952 w 10000"/>
                  <a:gd name="connsiteY144" fmla="*/ 5037 h 10000"/>
                  <a:gd name="connsiteX145" fmla="*/ 3085 w 10000"/>
                  <a:gd name="connsiteY145" fmla="*/ 5066 h 10000"/>
                  <a:gd name="connsiteX146" fmla="*/ 3218 w 10000"/>
                  <a:gd name="connsiteY146" fmla="*/ 5096 h 10000"/>
                  <a:gd name="connsiteX147" fmla="*/ 3325 w 10000"/>
                  <a:gd name="connsiteY147" fmla="*/ 5126 h 10000"/>
                  <a:gd name="connsiteX148" fmla="*/ 3456 w 10000"/>
                  <a:gd name="connsiteY148" fmla="*/ 5155 h 10000"/>
                  <a:gd name="connsiteX149" fmla="*/ 3617 w 10000"/>
                  <a:gd name="connsiteY149" fmla="*/ 5170 h 10000"/>
                  <a:gd name="connsiteX150" fmla="*/ 3856 w 10000"/>
                  <a:gd name="connsiteY150" fmla="*/ 5155 h 10000"/>
                  <a:gd name="connsiteX151" fmla="*/ 3936 w 10000"/>
                  <a:gd name="connsiteY151" fmla="*/ 5096 h 10000"/>
                  <a:gd name="connsiteX152" fmla="*/ 4015 w 10000"/>
                  <a:gd name="connsiteY152" fmla="*/ 5022 h 10000"/>
                  <a:gd name="connsiteX153" fmla="*/ 4042 w 10000"/>
                  <a:gd name="connsiteY153" fmla="*/ 4934 h 10000"/>
                  <a:gd name="connsiteX154" fmla="*/ 4070 w 10000"/>
                  <a:gd name="connsiteY154" fmla="*/ 4860 h 10000"/>
                  <a:gd name="connsiteX155" fmla="*/ 4095 w 10000"/>
                  <a:gd name="connsiteY155" fmla="*/ 4697 h 10000"/>
                  <a:gd name="connsiteX156" fmla="*/ 4070 w 10000"/>
                  <a:gd name="connsiteY156" fmla="*/ 4520 h 10000"/>
                  <a:gd name="connsiteX157" fmla="*/ 3989 w 10000"/>
                  <a:gd name="connsiteY157" fmla="*/ 4343 h 10000"/>
                  <a:gd name="connsiteX158" fmla="*/ 3910 w 10000"/>
                  <a:gd name="connsiteY158" fmla="*/ 4195 h 10000"/>
                  <a:gd name="connsiteX159" fmla="*/ 3776 w 10000"/>
                  <a:gd name="connsiteY159" fmla="*/ 4047 h 10000"/>
                  <a:gd name="connsiteX160" fmla="*/ 3644 w 10000"/>
                  <a:gd name="connsiteY160" fmla="*/ 3959 h 10000"/>
                  <a:gd name="connsiteX161" fmla="*/ 3803 w 10000"/>
                  <a:gd name="connsiteY161" fmla="*/ 3944 h 10000"/>
                  <a:gd name="connsiteX162" fmla="*/ 3936 w 10000"/>
                  <a:gd name="connsiteY162" fmla="*/ 3914 h 10000"/>
                  <a:gd name="connsiteX163" fmla="*/ 4042 w 10000"/>
                  <a:gd name="connsiteY163" fmla="*/ 3855 h 10000"/>
                  <a:gd name="connsiteX164" fmla="*/ 4173 w 10000"/>
                  <a:gd name="connsiteY164" fmla="*/ 3752 h 10000"/>
                  <a:gd name="connsiteX165" fmla="*/ 4308 w 10000"/>
                  <a:gd name="connsiteY165" fmla="*/ 3663 h 10000"/>
                  <a:gd name="connsiteX166" fmla="*/ 4414 w 10000"/>
                  <a:gd name="connsiteY166" fmla="*/ 3560 h 10000"/>
                  <a:gd name="connsiteX167" fmla="*/ 4494 w 10000"/>
                  <a:gd name="connsiteY167" fmla="*/ 3442 h 10000"/>
                  <a:gd name="connsiteX168" fmla="*/ 4575 w 10000"/>
                  <a:gd name="connsiteY168" fmla="*/ 3323 h 10000"/>
                  <a:gd name="connsiteX169" fmla="*/ 4628 w 10000"/>
                  <a:gd name="connsiteY169" fmla="*/ 3220 h 10000"/>
                  <a:gd name="connsiteX170" fmla="*/ 4653 w 10000"/>
                  <a:gd name="connsiteY170" fmla="*/ 3102 h 10000"/>
                  <a:gd name="connsiteX171" fmla="*/ 4681 w 10000"/>
                  <a:gd name="connsiteY171" fmla="*/ 3013 h 10000"/>
                  <a:gd name="connsiteX172" fmla="*/ 4653 w 10000"/>
                  <a:gd name="connsiteY172" fmla="*/ 2939 h 10000"/>
                  <a:gd name="connsiteX173" fmla="*/ 4628 w 10000"/>
                  <a:gd name="connsiteY173" fmla="*/ 2866 h 10000"/>
                  <a:gd name="connsiteX174" fmla="*/ 4548 w 10000"/>
                  <a:gd name="connsiteY174" fmla="*/ 2836 h 10000"/>
                  <a:gd name="connsiteX175" fmla="*/ 4442 w 10000"/>
                  <a:gd name="connsiteY175" fmla="*/ 2836 h 10000"/>
                  <a:gd name="connsiteX176" fmla="*/ 4308 w 10000"/>
                  <a:gd name="connsiteY176" fmla="*/ 2866 h 10000"/>
                  <a:gd name="connsiteX177" fmla="*/ 4414 w 10000"/>
                  <a:gd name="connsiteY177" fmla="*/ 2777 h 10000"/>
                  <a:gd name="connsiteX178" fmla="*/ 4469 w 10000"/>
                  <a:gd name="connsiteY178" fmla="*/ 2674 h 10000"/>
                  <a:gd name="connsiteX179" fmla="*/ 4494 w 10000"/>
                  <a:gd name="connsiteY179" fmla="*/ 2541 h 10000"/>
                  <a:gd name="connsiteX180" fmla="*/ 4494 w 10000"/>
                  <a:gd name="connsiteY180" fmla="*/ 2393 h 10000"/>
                  <a:gd name="connsiteX181" fmla="*/ 4520 w 10000"/>
                  <a:gd name="connsiteY181" fmla="*/ 2349 h 10000"/>
                  <a:gd name="connsiteX182" fmla="*/ 4575 w 10000"/>
                  <a:gd name="connsiteY182" fmla="*/ 2304 h 10000"/>
                  <a:gd name="connsiteX183" fmla="*/ 4628 w 10000"/>
                  <a:gd name="connsiteY183" fmla="*/ 2290 h 10000"/>
                  <a:gd name="connsiteX184" fmla="*/ 4708 w 10000"/>
                  <a:gd name="connsiteY184" fmla="*/ 2275 h 10000"/>
                  <a:gd name="connsiteX185" fmla="*/ 4946 w 10000"/>
                  <a:gd name="connsiteY185" fmla="*/ 2260 h 10000"/>
                  <a:gd name="connsiteX186" fmla="*/ 5158 w 10000"/>
                  <a:gd name="connsiteY186" fmla="*/ 2275 h 10000"/>
                  <a:gd name="connsiteX187" fmla="*/ 5132 w 10000"/>
                  <a:gd name="connsiteY187" fmla="*/ 2112 h 10000"/>
                  <a:gd name="connsiteX188" fmla="*/ 5080 w 10000"/>
                  <a:gd name="connsiteY188" fmla="*/ 1950 h 10000"/>
                  <a:gd name="connsiteX189" fmla="*/ 4999 w 10000"/>
                  <a:gd name="connsiteY189" fmla="*/ 1802 h 10000"/>
                  <a:gd name="connsiteX190" fmla="*/ 4894 w 10000"/>
                  <a:gd name="connsiteY190" fmla="*/ 1640 h 10000"/>
                  <a:gd name="connsiteX191" fmla="*/ 4628 w 10000"/>
                  <a:gd name="connsiteY191" fmla="*/ 1329 h 10000"/>
                  <a:gd name="connsiteX192" fmla="*/ 4362 w 10000"/>
                  <a:gd name="connsiteY192" fmla="*/ 1034 h 10000"/>
                  <a:gd name="connsiteX193" fmla="*/ 4228 w 10000"/>
                  <a:gd name="connsiteY193" fmla="*/ 901 h 10000"/>
                  <a:gd name="connsiteX194" fmla="*/ 4124 w 10000"/>
                  <a:gd name="connsiteY194" fmla="*/ 753 h 10000"/>
                  <a:gd name="connsiteX195" fmla="*/ 4042 w 10000"/>
                  <a:gd name="connsiteY195" fmla="*/ 620 h 10000"/>
                  <a:gd name="connsiteX196" fmla="*/ 4015 w 10000"/>
                  <a:gd name="connsiteY196" fmla="*/ 487 h 10000"/>
                  <a:gd name="connsiteX197" fmla="*/ 3989 w 10000"/>
                  <a:gd name="connsiteY197" fmla="*/ 355 h 10000"/>
                  <a:gd name="connsiteX198" fmla="*/ 4042 w 10000"/>
                  <a:gd name="connsiteY198" fmla="*/ 222 h 10000"/>
                  <a:gd name="connsiteX199" fmla="*/ 4070 w 10000"/>
                  <a:gd name="connsiteY199" fmla="*/ 162 h 10000"/>
                  <a:gd name="connsiteX200" fmla="*/ 4124 w 10000"/>
                  <a:gd name="connsiteY200" fmla="*/ 103 h 10000"/>
                  <a:gd name="connsiteX201" fmla="*/ 4203 w 10000"/>
                  <a:gd name="connsiteY201" fmla="*/ 59 h 10000"/>
                  <a:gd name="connsiteX202" fmla="*/ 4308 w 10000"/>
                  <a:gd name="connsiteY202" fmla="*/ 0 h 10000"/>
                  <a:gd name="connsiteX203" fmla="*/ 4494 w 10000"/>
                  <a:gd name="connsiteY203" fmla="*/ 0 h 10000"/>
                  <a:gd name="connsiteX204" fmla="*/ 4681 w 10000"/>
                  <a:gd name="connsiteY204" fmla="*/ 15 h 10000"/>
                  <a:gd name="connsiteX205" fmla="*/ 4867 w 10000"/>
                  <a:gd name="connsiteY205" fmla="*/ 44 h 10000"/>
                  <a:gd name="connsiteX206" fmla="*/ 4999 w 10000"/>
                  <a:gd name="connsiteY206" fmla="*/ 89 h 10000"/>
                  <a:gd name="connsiteX207" fmla="*/ 5213 w 10000"/>
                  <a:gd name="connsiteY207" fmla="*/ 192 h 10000"/>
                  <a:gd name="connsiteX208" fmla="*/ 5425 w 10000"/>
                  <a:gd name="connsiteY208" fmla="*/ 340 h 10000"/>
                  <a:gd name="connsiteX209" fmla="*/ 5585 w 10000"/>
                  <a:gd name="connsiteY209" fmla="*/ 473 h 10000"/>
                  <a:gd name="connsiteX210" fmla="*/ 5797 w 10000"/>
                  <a:gd name="connsiteY210" fmla="*/ 591 h 10000"/>
                  <a:gd name="connsiteX211" fmla="*/ 5931 w 10000"/>
                  <a:gd name="connsiteY211" fmla="*/ 650 h 10000"/>
                  <a:gd name="connsiteX212" fmla="*/ 6090 w 10000"/>
                  <a:gd name="connsiteY212" fmla="*/ 679 h 10000"/>
                  <a:gd name="connsiteX213" fmla="*/ 6251 w 10000"/>
                  <a:gd name="connsiteY213" fmla="*/ 709 h 10000"/>
                  <a:gd name="connsiteX214" fmla="*/ 6463 w 10000"/>
                  <a:gd name="connsiteY214" fmla="*/ 709 h 10000"/>
                  <a:gd name="connsiteX215" fmla="*/ 6463 w 10000"/>
                  <a:gd name="connsiteY215" fmla="*/ 768 h 10000"/>
                  <a:gd name="connsiteX216" fmla="*/ 6490 w 10000"/>
                  <a:gd name="connsiteY216" fmla="*/ 842 h 10000"/>
                  <a:gd name="connsiteX217" fmla="*/ 6541 w 10000"/>
                  <a:gd name="connsiteY217" fmla="*/ 916 h 10000"/>
                  <a:gd name="connsiteX218" fmla="*/ 6595 w 10000"/>
                  <a:gd name="connsiteY218" fmla="*/ 990 h 10000"/>
                  <a:gd name="connsiteX219" fmla="*/ 6674 w 10000"/>
                  <a:gd name="connsiteY219" fmla="*/ 1049 h 10000"/>
                  <a:gd name="connsiteX220" fmla="*/ 6780 w 10000"/>
                  <a:gd name="connsiteY220" fmla="*/ 1108 h 10000"/>
                  <a:gd name="connsiteX221" fmla="*/ 6914 w 10000"/>
                  <a:gd name="connsiteY221" fmla="*/ 1182 h 10000"/>
                  <a:gd name="connsiteX222" fmla="*/ 7020 w 10000"/>
                  <a:gd name="connsiteY222" fmla="*/ 1226 h 10000"/>
                  <a:gd name="connsiteX223" fmla="*/ 7127 w 10000"/>
                  <a:gd name="connsiteY223" fmla="*/ 1270 h 10000"/>
                  <a:gd name="connsiteX224" fmla="*/ 7234 w 10000"/>
                  <a:gd name="connsiteY224" fmla="*/ 1300 h 10000"/>
                  <a:gd name="connsiteX225" fmla="*/ 7340 w 10000"/>
                  <a:gd name="connsiteY225" fmla="*/ 1315 h 10000"/>
                  <a:gd name="connsiteX226" fmla="*/ 7474 w 10000"/>
                  <a:gd name="connsiteY226" fmla="*/ 1300 h 10000"/>
                  <a:gd name="connsiteX227" fmla="*/ 7580 w 10000"/>
                  <a:gd name="connsiteY227" fmla="*/ 1285 h 10000"/>
                  <a:gd name="connsiteX228" fmla="*/ 7659 w 10000"/>
                  <a:gd name="connsiteY228" fmla="*/ 1241 h 10000"/>
                  <a:gd name="connsiteX229" fmla="*/ 7714 w 10000"/>
                  <a:gd name="connsiteY229" fmla="*/ 1167 h 10000"/>
                  <a:gd name="connsiteX230" fmla="*/ 7738 w 10000"/>
                  <a:gd name="connsiteY230" fmla="*/ 1064 h 10000"/>
                  <a:gd name="connsiteX231" fmla="*/ 8138 w 10000"/>
                  <a:gd name="connsiteY231" fmla="*/ 1034 h 10000"/>
                  <a:gd name="connsiteX232" fmla="*/ 8509 w 10000"/>
                  <a:gd name="connsiteY232" fmla="*/ 1004 h 10000"/>
                  <a:gd name="connsiteX233" fmla="*/ 8830 w 10000"/>
                  <a:gd name="connsiteY233" fmla="*/ 990 h 10000"/>
                  <a:gd name="connsiteX234" fmla="*/ 9123 w 10000"/>
                  <a:gd name="connsiteY234" fmla="*/ 1004 h 10000"/>
                  <a:gd name="connsiteX235" fmla="*/ 9256 w 10000"/>
                  <a:gd name="connsiteY235" fmla="*/ 1019 h 10000"/>
                  <a:gd name="connsiteX236" fmla="*/ 9387 w 10000"/>
                  <a:gd name="connsiteY236" fmla="*/ 1034 h 10000"/>
                  <a:gd name="connsiteX237" fmla="*/ 9495 w 10000"/>
                  <a:gd name="connsiteY237" fmla="*/ 1064 h 10000"/>
                  <a:gd name="connsiteX238" fmla="*/ 9628 w 10000"/>
                  <a:gd name="connsiteY238" fmla="*/ 1108 h 10000"/>
                  <a:gd name="connsiteX239" fmla="*/ 9707 w 10000"/>
                  <a:gd name="connsiteY239" fmla="*/ 1182 h 10000"/>
                  <a:gd name="connsiteX240" fmla="*/ 9786 w 10000"/>
                  <a:gd name="connsiteY240" fmla="*/ 1241 h 10000"/>
                  <a:gd name="connsiteX241" fmla="*/ 9841 w 10000"/>
                  <a:gd name="connsiteY241" fmla="*/ 1329 h 10000"/>
                  <a:gd name="connsiteX242" fmla="*/ 9893 w 10000"/>
                  <a:gd name="connsiteY242" fmla="*/ 1433 h 10000"/>
                  <a:gd name="connsiteX243" fmla="*/ 9946 w 10000"/>
                  <a:gd name="connsiteY243" fmla="*/ 1551 h 10000"/>
                  <a:gd name="connsiteX244" fmla="*/ 9919 w 10000"/>
                  <a:gd name="connsiteY244" fmla="*/ 1625 h 10000"/>
                  <a:gd name="connsiteX245" fmla="*/ 9893 w 10000"/>
                  <a:gd name="connsiteY245" fmla="*/ 1684 h 10000"/>
                  <a:gd name="connsiteX246" fmla="*/ 9841 w 10000"/>
                  <a:gd name="connsiteY246" fmla="*/ 1758 h 10000"/>
                  <a:gd name="connsiteX247" fmla="*/ 9761 w 10000"/>
                  <a:gd name="connsiteY247" fmla="*/ 1802 h 10000"/>
                  <a:gd name="connsiteX248" fmla="*/ 9707 w 10000"/>
                  <a:gd name="connsiteY248" fmla="*/ 1861 h 10000"/>
                  <a:gd name="connsiteX249" fmla="*/ 9682 w 10000"/>
                  <a:gd name="connsiteY249" fmla="*/ 1935 h 10000"/>
                  <a:gd name="connsiteX250" fmla="*/ 9707 w 10000"/>
                  <a:gd name="connsiteY250" fmla="*/ 2024 h 10000"/>
                  <a:gd name="connsiteX251" fmla="*/ 10000 w 10000"/>
                  <a:gd name="connsiteY251" fmla="*/ 2157 h 10000"/>
                  <a:gd name="connsiteX0" fmla="*/ 9628 w 10000"/>
                  <a:gd name="connsiteY0" fmla="*/ 3338 h 10000"/>
                  <a:gd name="connsiteX1" fmla="*/ 9866 w 10000"/>
                  <a:gd name="connsiteY1" fmla="*/ 3117 h 10000"/>
                  <a:gd name="connsiteX2" fmla="*/ 9893 w 10000"/>
                  <a:gd name="connsiteY2" fmla="*/ 3072 h 10000"/>
                  <a:gd name="connsiteX3" fmla="*/ 9919 w 10000"/>
                  <a:gd name="connsiteY3" fmla="*/ 3013 h 10000"/>
                  <a:gd name="connsiteX4" fmla="*/ 9919 w 10000"/>
                  <a:gd name="connsiteY4" fmla="*/ 2954 h 10000"/>
                  <a:gd name="connsiteX5" fmla="*/ 9893 w 10000"/>
                  <a:gd name="connsiteY5" fmla="*/ 2866 h 10000"/>
                  <a:gd name="connsiteX6" fmla="*/ 9707 w 10000"/>
                  <a:gd name="connsiteY6" fmla="*/ 2984 h 10000"/>
                  <a:gd name="connsiteX7" fmla="*/ 9495 w 10000"/>
                  <a:gd name="connsiteY7" fmla="*/ 3072 h 10000"/>
                  <a:gd name="connsiteX8" fmla="*/ 9281 w 10000"/>
                  <a:gd name="connsiteY8" fmla="*/ 3161 h 10000"/>
                  <a:gd name="connsiteX9" fmla="*/ 9069 w 10000"/>
                  <a:gd name="connsiteY9" fmla="*/ 3250 h 10000"/>
                  <a:gd name="connsiteX10" fmla="*/ 8589 w 10000"/>
                  <a:gd name="connsiteY10" fmla="*/ 3397 h 10000"/>
                  <a:gd name="connsiteX11" fmla="*/ 8085 w 10000"/>
                  <a:gd name="connsiteY11" fmla="*/ 3545 h 10000"/>
                  <a:gd name="connsiteX12" fmla="*/ 7100 w 10000"/>
                  <a:gd name="connsiteY12" fmla="*/ 3840 h 10000"/>
                  <a:gd name="connsiteX13" fmla="*/ 6861 w 10000"/>
                  <a:gd name="connsiteY13" fmla="*/ 3914 h 10000"/>
                  <a:gd name="connsiteX14" fmla="*/ 6649 w 10000"/>
                  <a:gd name="connsiteY14" fmla="*/ 4003 h 10000"/>
                  <a:gd name="connsiteX15" fmla="*/ 6437 w 10000"/>
                  <a:gd name="connsiteY15" fmla="*/ 4106 h 10000"/>
                  <a:gd name="connsiteX16" fmla="*/ 6222 w 10000"/>
                  <a:gd name="connsiteY16" fmla="*/ 4195 h 10000"/>
                  <a:gd name="connsiteX17" fmla="*/ 6382 w 10000"/>
                  <a:gd name="connsiteY17" fmla="*/ 4417 h 10000"/>
                  <a:gd name="connsiteX18" fmla="*/ 6490 w 10000"/>
                  <a:gd name="connsiteY18" fmla="*/ 4623 h 10000"/>
                  <a:gd name="connsiteX19" fmla="*/ 6475 w 10000"/>
                  <a:gd name="connsiteY19" fmla="*/ 4845 h 10000"/>
                  <a:gd name="connsiteX20" fmla="*/ 6729 w 10000"/>
                  <a:gd name="connsiteY20" fmla="*/ 5318 h 10000"/>
                  <a:gd name="connsiteX21" fmla="*/ 6756 w 10000"/>
                  <a:gd name="connsiteY21" fmla="*/ 5539 h 10000"/>
                  <a:gd name="connsiteX22" fmla="*/ 6780 w 10000"/>
                  <a:gd name="connsiteY22" fmla="*/ 5775 h 10000"/>
                  <a:gd name="connsiteX23" fmla="*/ 6780 w 10000"/>
                  <a:gd name="connsiteY23" fmla="*/ 5997 h 10000"/>
                  <a:gd name="connsiteX24" fmla="*/ 6756 w 10000"/>
                  <a:gd name="connsiteY24" fmla="*/ 6233 h 10000"/>
                  <a:gd name="connsiteX25" fmla="*/ 6702 w 10000"/>
                  <a:gd name="connsiteY25" fmla="*/ 6470 h 10000"/>
                  <a:gd name="connsiteX26" fmla="*/ 6649 w 10000"/>
                  <a:gd name="connsiteY26" fmla="*/ 6677 h 10000"/>
                  <a:gd name="connsiteX27" fmla="*/ 6569 w 10000"/>
                  <a:gd name="connsiteY27" fmla="*/ 6898 h 10000"/>
                  <a:gd name="connsiteX28" fmla="*/ 6463 w 10000"/>
                  <a:gd name="connsiteY28" fmla="*/ 7105 h 10000"/>
                  <a:gd name="connsiteX29" fmla="*/ 6330 w 10000"/>
                  <a:gd name="connsiteY29" fmla="*/ 7297 h 10000"/>
                  <a:gd name="connsiteX30" fmla="*/ 6170 w 10000"/>
                  <a:gd name="connsiteY30" fmla="*/ 7489 h 10000"/>
                  <a:gd name="connsiteX31" fmla="*/ 6010 w 10000"/>
                  <a:gd name="connsiteY31" fmla="*/ 7681 h 10000"/>
                  <a:gd name="connsiteX32" fmla="*/ 6780 w 10000"/>
                  <a:gd name="connsiteY32" fmla="*/ 7799 h 10000"/>
                  <a:gd name="connsiteX33" fmla="*/ 7580 w 10000"/>
                  <a:gd name="connsiteY33" fmla="*/ 7962 h 10000"/>
                  <a:gd name="connsiteX34" fmla="*/ 7738 w 10000"/>
                  <a:gd name="connsiteY34" fmla="*/ 8021 h 10000"/>
                  <a:gd name="connsiteX35" fmla="*/ 7872 w 10000"/>
                  <a:gd name="connsiteY35" fmla="*/ 8080 h 10000"/>
                  <a:gd name="connsiteX36" fmla="*/ 8004 w 10000"/>
                  <a:gd name="connsiteY36" fmla="*/ 8139 h 10000"/>
                  <a:gd name="connsiteX37" fmla="*/ 8085 w 10000"/>
                  <a:gd name="connsiteY37" fmla="*/ 8227 h 10000"/>
                  <a:gd name="connsiteX38" fmla="*/ 8112 w 10000"/>
                  <a:gd name="connsiteY38" fmla="*/ 8301 h 10000"/>
                  <a:gd name="connsiteX39" fmla="*/ 8112 w 10000"/>
                  <a:gd name="connsiteY39" fmla="*/ 8405 h 10000"/>
                  <a:gd name="connsiteX40" fmla="*/ 8059 w 10000"/>
                  <a:gd name="connsiteY40" fmla="*/ 8523 h 10000"/>
                  <a:gd name="connsiteX41" fmla="*/ 7978 w 10000"/>
                  <a:gd name="connsiteY41" fmla="*/ 8641 h 10000"/>
                  <a:gd name="connsiteX42" fmla="*/ 7633 w 10000"/>
                  <a:gd name="connsiteY42" fmla="*/ 8552 h 10000"/>
                  <a:gd name="connsiteX43" fmla="*/ 7313 w 10000"/>
                  <a:gd name="connsiteY43" fmla="*/ 8449 h 10000"/>
                  <a:gd name="connsiteX44" fmla="*/ 6994 w 10000"/>
                  <a:gd name="connsiteY44" fmla="*/ 8360 h 10000"/>
                  <a:gd name="connsiteX45" fmla="*/ 6674 w 10000"/>
                  <a:gd name="connsiteY45" fmla="*/ 8287 h 10000"/>
                  <a:gd name="connsiteX46" fmla="*/ 6541 w 10000"/>
                  <a:gd name="connsiteY46" fmla="*/ 8449 h 10000"/>
                  <a:gd name="connsiteX47" fmla="*/ 6437 w 10000"/>
                  <a:gd name="connsiteY47" fmla="*/ 8597 h 10000"/>
                  <a:gd name="connsiteX48" fmla="*/ 6382 w 10000"/>
                  <a:gd name="connsiteY48" fmla="*/ 8656 h 10000"/>
                  <a:gd name="connsiteX49" fmla="*/ 6276 w 10000"/>
                  <a:gd name="connsiteY49" fmla="*/ 8700 h 10000"/>
                  <a:gd name="connsiteX50" fmla="*/ 6197 w 10000"/>
                  <a:gd name="connsiteY50" fmla="*/ 8744 h 10000"/>
                  <a:gd name="connsiteX51" fmla="*/ 6117 w 10000"/>
                  <a:gd name="connsiteY51" fmla="*/ 8774 h 10000"/>
                  <a:gd name="connsiteX52" fmla="*/ 6037 w 10000"/>
                  <a:gd name="connsiteY52" fmla="*/ 8804 h 10000"/>
                  <a:gd name="connsiteX53" fmla="*/ 5931 w 10000"/>
                  <a:gd name="connsiteY53" fmla="*/ 8818 h 10000"/>
                  <a:gd name="connsiteX54" fmla="*/ 5797 w 10000"/>
                  <a:gd name="connsiteY54" fmla="*/ 8833 h 10000"/>
                  <a:gd name="connsiteX55" fmla="*/ 5665 w 10000"/>
                  <a:gd name="connsiteY55" fmla="*/ 8833 h 10000"/>
                  <a:gd name="connsiteX56" fmla="*/ 5347 w 10000"/>
                  <a:gd name="connsiteY56" fmla="*/ 8818 h 10000"/>
                  <a:gd name="connsiteX57" fmla="*/ 4946 w 10000"/>
                  <a:gd name="connsiteY57" fmla="*/ 8744 h 10000"/>
                  <a:gd name="connsiteX58" fmla="*/ 4946 w 10000"/>
                  <a:gd name="connsiteY58" fmla="*/ 8922 h 10000"/>
                  <a:gd name="connsiteX59" fmla="*/ 4919 w 10000"/>
                  <a:gd name="connsiteY59" fmla="*/ 9069 h 10000"/>
                  <a:gd name="connsiteX60" fmla="*/ 4894 w 10000"/>
                  <a:gd name="connsiteY60" fmla="*/ 9232 h 10000"/>
                  <a:gd name="connsiteX61" fmla="*/ 4867 w 10000"/>
                  <a:gd name="connsiteY61" fmla="*/ 9365 h 10000"/>
                  <a:gd name="connsiteX62" fmla="*/ 4813 w 10000"/>
                  <a:gd name="connsiteY62" fmla="*/ 9498 h 10000"/>
                  <a:gd name="connsiteX63" fmla="*/ 4708 w 10000"/>
                  <a:gd name="connsiteY63" fmla="*/ 9616 h 10000"/>
                  <a:gd name="connsiteX64" fmla="*/ 4628 w 10000"/>
                  <a:gd name="connsiteY64" fmla="*/ 9734 h 10000"/>
                  <a:gd name="connsiteX65" fmla="*/ 4494 w 10000"/>
                  <a:gd name="connsiteY65" fmla="*/ 9838 h 10000"/>
                  <a:gd name="connsiteX66" fmla="*/ 4173 w 10000"/>
                  <a:gd name="connsiteY66" fmla="*/ 9897 h 10000"/>
                  <a:gd name="connsiteX67" fmla="*/ 3910 w 10000"/>
                  <a:gd name="connsiteY67" fmla="*/ 9941 h 10000"/>
                  <a:gd name="connsiteX68" fmla="*/ 3590 w 10000"/>
                  <a:gd name="connsiteY68" fmla="*/ 9985 h 10000"/>
                  <a:gd name="connsiteX69" fmla="*/ 3351 w 10000"/>
                  <a:gd name="connsiteY69" fmla="*/ 10000 h 10000"/>
                  <a:gd name="connsiteX70" fmla="*/ 2819 w 10000"/>
                  <a:gd name="connsiteY70" fmla="*/ 10000 h 10000"/>
                  <a:gd name="connsiteX71" fmla="*/ 2313 w 10000"/>
                  <a:gd name="connsiteY71" fmla="*/ 9985 h 10000"/>
                  <a:gd name="connsiteX72" fmla="*/ 1836 w 10000"/>
                  <a:gd name="connsiteY72" fmla="*/ 9941 h 10000"/>
                  <a:gd name="connsiteX73" fmla="*/ 1330 w 10000"/>
                  <a:gd name="connsiteY73" fmla="*/ 9911 h 10000"/>
                  <a:gd name="connsiteX74" fmla="*/ 1038 w 10000"/>
                  <a:gd name="connsiteY74" fmla="*/ 9911 h 10000"/>
                  <a:gd name="connsiteX75" fmla="*/ 771 w 10000"/>
                  <a:gd name="connsiteY75" fmla="*/ 9911 h 10000"/>
                  <a:gd name="connsiteX76" fmla="*/ 479 w 10000"/>
                  <a:gd name="connsiteY76" fmla="*/ 9926 h 10000"/>
                  <a:gd name="connsiteX77" fmla="*/ 186 w 10000"/>
                  <a:gd name="connsiteY77" fmla="*/ 9970 h 10000"/>
                  <a:gd name="connsiteX78" fmla="*/ 107 w 10000"/>
                  <a:gd name="connsiteY78" fmla="*/ 9867 h 10000"/>
                  <a:gd name="connsiteX79" fmla="*/ 54 w 10000"/>
                  <a:gd name="connsiteY79" fmla="*/ 9793 h 10000"/>
                  <a:gd name="connsiteX80" fmla="*/ 0 w 10000"/>
                  <a:gd name="connsiteY80" fmla="*/ 9705 h 10000"/>
                  <a:gd name="connsiteX81" fmla="*/ 0 w 10000"/>
                  <a:gd name="connsiteY81" fmla="*/ 9601 h 10000"/>
                  <a:gd name="connsiteX82" fmla="*/ 54 w 10000"/>
                  <a:gd name="connsiteY82" fmla="*/ 9424 h 10000"/>
                  <a:gd name="connsiteX83" fmla="*/ 107 w 10000"/>
                  <a:gd name="connsiteY83" fmla="*/ 9202 h 10000"/>
                  <a:gd name="connsiteX84" fmla="*/ 158 w 10000"/>
                  <a:gd name="connsiteY84" fmla="*/ 8996 h 10000"/>
                  <a:gd name="connsiteX85" fmla="*/ 213 w 10000"/>
                  <a:gd name="connsiteY85" fmla="*/ 8759 h 10000"/>
                  <a:gd name="connsiteX86" fmla="*/ 239 w 10000"/>
                  <a:gd name="connsiteY86" fmla="*/ 8641 h 10000"/>
                  <a:gd name="connsiteX87" fmla="*/ 239 w 10000"/>
                  <a:gd name="connsiteY87" fmla="*/ 8538 h 10000"/>
                  <a:gd name="connsiteX88" fmla="*/ 213 w 10000"/>
                  <a:gd name="connsiteY88" fmla="*/ 8405 h 10000"/>
                  <a:gd name="connsiteX89" fmla="*/ 186 w 10000"/>
                  <a:gd name="connsiteY89" fmla="*/ 8287 h 10000"/>
                  <a:gd name="connsiteX90" fmla="*/ 452 w 10000"/>
                  <a:gd name="connsiteY90" fmla="*/ 8213 h 10000"/>
                  <a:gd name="connsiteX91" fmla="*/ 718 w 10000"/>
                  <a:gd name="connsiteY91" fmla="*/ 8139 h 10000"/>
                  <a:gd name="connsiteX92" fmla="*/ 984 w 10000"/>
                  <a:gd name="connsiteY92" fmla="*/ 8095 h 10000"/>
                  <a:gd name="connsiteX93" fmla="*/ 1277 w 10000"/>
                  <a:gd name="connsiteY93" fmla="*/ 8065 h 10000"/>
                  <a:gd name="connsiteX94" fmla="*/ 1807 w 10000"/>
                  <a:gd name="connsiteY94" fmla="*/ 8021 h 10000"/>
                  <a:gd name="connsiteX95" fmla="*/ 2341 w 10000"/>
                  <a:gd name="connsiteY95" fmla="*/ 7976 h 10000"/>
                  <a:gd name="connsiteX96" fmla="*/ 2580 w 10000"/>
                  <a:gd name="connsiteY96" fmla="*/ 7947 h 10000"/>
                  <a:gd name="connsiteX97" fmla="*/ 2819 w 10000"/>
                  <a:gd name="connsiteY97" fmla="*/ 7917 h 10000"/>
                  <a:gd name="connsiteX98" fmla="*/ 3030 w 10000"/>
                  <a:gd name="connsiteY98" fmla="*/ 7843 h 10000"/>
                  <a:gd name="connsiteX99" fmla="*/ 3244 w 10000"/>
                  <a:gd name="connsiteY99" fmla="*/ 7784 h 10000"/>
                  <a:gd name="connsiteX100" fmla="*/ 3431 w 10000"/>
                  <a:gd name="connsiteY100" fmla="*/ 7710 h 10000"/>
                  <a:gd name="connsiteX101" fmla="*/ 3590 w 10000"/>
                  <a:gd name="connsiteY101" fmla="*/ 7592 h 10000"/>
                  <a:gd name="connsiteX102" fmla="*/ 3750 w 10000"/>
                  <a:gd name="connsiteY102" fmla="*/ 7474 h 10000"/>
                  <a:gd name="connsiteX103" fmla="*/ 3856 w 10000"/>
                  <a:gd name="connsiteY103" fmla="*/ 7312 h 10000"/>
                  <a:gd name="connsiteX104" fmla="*/ 3644 w 10000"/>
                  <a:gd name="connsiteY104" fmla="*/ 7238 h 10000"/>
                  <a:gd name="connsiteX105" fmla="*/ 3456 w 10000"/>
                  <a:gd name="connsiteY105" fmla="*/ 7179 h 10000"/>
                  <a:gd name="connsiteX106" fmla="*/ 3297 w 10000"/>
                  <a:gd name="connsiteY106" fmla="*/ 7090 h 10000"/>
                  <a:gd name="connsiteX107" fmla="*/ 3139 w 10000"/>
                  <a:gd name="connsiteY107" fmla="*/ 6987 h 10000"/>
                  <a:gd name="connsiteX108" fmla="*/ 3030 w 10000"/>
                  <a:gd name="connsiteY108" fmla="*/ 6869 h 10000"/>
                  <a:gd name="connsiteX109" fmla="*/ 2980 w 10000"/>
                  <a:gd name="connsiteY109" fmla="*/ 6721 h 10000"/>
                  <a:gd name="connsiteX110" fmla="*/ 2952 w 10000"/>
                  <a:gd name="connsiteY110" fmla="*/ 6558 h 10000"/>
                  <a:gd name="connsiteX111" fmla="*/ 2980 w 10000"/>
                  <a:gd name="connsiteY111" fmla="*/ 6352 h 10000"/>
                  <a:gd name="connsiteX112" fmla="*/ 2846 w 10000"/>
                  <a:gd name="connsiteY112" fmla="*/ 6322 h 10000"/>
                  <a:gd name="connsiteX113" fmla="*/ 2687 w 10000"/>
                  <a:gd name="connsiteY113" fmla="*/ 6292 h 10000"/>
                  <a:gd name="connsiteX114" fmla="*/ 2501 w 10000"/>
                  <a:gd name="connsiteY114" fmla="*/ 6278 h 10000"/>
                  <a:gd name="connsiteX115" fmla="*/ 2313 w 10000"/>
                  <a:gd name="connsiteY115" fmla="*/ 6263 h 10000"/>
                  <a:gd name="connsiteX116" fmla="*/ 1942 w 10000"/>
                  <a:gd name="connsiteY116" fmla="*/ 6248 h 10000"/>
                  <a:gd name="connsiteX117" fmla="*/ 1543 w 10000"/>
                  <a:gd name="connsiteY117" fmla="*/ 6263 h 10000"/>
                  <a:gd name="connsiteX118" fmla="*/ 1198 w 10000"/>
                  <a:gd name="connsiteY118" fmla="*/ 6278 h 10000"/>
                  <a:gd name="connsiteX119" fmla="*/ 877 w 10000"/>
                  <a:gd name="connsiteY119" fmla="*/ 6278 h 10000"/>
                  <a:gd name="connsiteX120" fmla="*/ 613 w 10000"/>
                  <a:gd name="connsiteY120" fmla="*/ 6263 h 10000"/>
                  <a:gd name="connsiteX121" fmla="*/ 399 w 10000"/>
                  <a:gd name="connsiteY121" fmla="*/ 6233 h 10000"/>
                  <a:gd name="connsiteX122" fmla="*/ 663 w 10000"/>
                  <a:gd name="connsiteY122" fmla="*/ 5805 h 10000"/>
                  <a:gd name="connsiteX123" fmla="*/ 958 w 10000"/>
                  <a:gd name="connsiteY123" fmla="*/ 5391 h 10000"/>
                  <a:gd name="connsiteX124" fmla="*/ 1065 w 10000"/>
                  <a:gd name="connsiteY124" fmla="*/ 5170 h 10000"/>
                  <a:gd name="connsiteX125" fmla="*/ 1143 w 10000"/>
                  <a:gd name="connsiteY125" fmla="*/ 4963 h 10000"/>
                  <a:gd name="connsiteX126" fmla="*/ 1169 w 10000"/>
                  <a:gd name="connsiteY126" fmla="*/ 4860 h 10000"/>
                  <a:gd name="connsiteX127" fmla="*/ 1143 w 10000"/>
                  <a:gd name="connsiteY127" fmla="*/ 4756 h 10000"/>
                  <a:gd name="connsiteX128" fmla="*/ 1117 w 10000"/>
                  <a:gd name="connsiteY128" fmla="*/ 4653 h 10000"/>
                  <a:gd name="connsiteX129" fmla="*/ 1038 w 10000"/>
                  <a:gd name="connsiteY129" fmla="*/ 4549 h 10000"/>
                  <a:gd name="connsiteX130" fmla="*/ 1330 w 10000"/>
                  <a:gd name="connsiteY130" fmla="*/ 4520 h 10000"/>
                  <a:gd name="connsiteX131" fmla="*/ 1543 w 10000"/>
                  <a:gd name="connsiteY131" fmla="*/ 4505 h 10000"/>
                  <a:gd name="connsiteX132" fmla="*/ 1729 w 10000"/>
                  <a:gd name="connsiteY132" fmla="*/ 4505 h 10000"/>
                  <a:gd name="connsiteX133" fmla="*/ 1888 w 10000"/>
                  <a:gd name="connsiteY133" fmla="*/ 4520 h 10000"/>
                  <a:gd name="connsiteX134" fmla="*/ 2022 w 10000"/>
                  <a:gd name="connsiteY134" fmla="*/ 4520 h 10000"/>
                  <a:gd name="connsiteX135" fmla="*/ 2181 w 10000"/>
                  <a:gd name="connsiteY135" fmla="*/ 4520 h 10000"/>
                  <a:gd name="connsiteX136" fmla="*/ 2341 w 10000"/>
                  <a:gd name="connsiteY136" fmla="*/ 4490 h 10000"/>
                  <a:gd name="connsiteX137" fmla="*/ 2552 w 10000"/>
                  <a:gd name="connsiteY137" fmla="*/ 4446 h 10000"/>
                  <a:gd name="connsiteX138" fmla="*/ 2552 w 10000"/>
                  <a:gd name="connsiteY138" fmla="*/ 4579 h 10000"/>
                  <a:gd name="connsiteX139" fmla="*/ 2552 w 10000"/>
                  <a:gd name="connsiteY139" fmla="*/ 4742 h 10000"/>
                  <a:gd name="connsiteX140" fmla="*/ 2552 w 10000"/>
                  <a:gd name="connsiteY140" fmla="*/ 4874 h 10000"/>
                  <a:gd name="connsiteX141" fmla="*/ 2552 w 10000"/>
                  <a:gd name="connsiteY141" fmla="*/ 5037 h 10000"/>
                  <a:gd name="connsiteX142" fmla="*/ 2792 w 10000"/>
                  <a:gd name="connsiteY142" fmla="*/ 5022 h 10000"/>
                  <a:gd name="connsiteX143" fmla="*/ 2952 w 10000"/>
                  <a:gd name="connsiteY143" fmla="*/ 5037 h 10000"/>
                  <a:gd name="connsiteX144" fmla="*/ 3085 w 10000"/>
                  <a:gd name="connsiteY144" fmla="*/ 5066 h 10000"/>
                  <a:gd name="connsiteX145" fmla="*/ 3218 w 10000"/>
                  <a:gd name="connsiteY145" fmla="*/ 5096 h 10000"/>
                  <a:gd name="connsiteX146" fmla="*/ 3325 w 10000"/>
                  <a:gd name="connsiteY146" fmla="*/ 5126 h 10000"/>
                  <a:gd name="connsiteX147" fmla="*/ 3456 w 10000"/>
                  <a:gd name="connsiteY147" fmla="*/ 5155 h 10000"/>
                  <a:gd name="connsiteX148" fmla="*/ 3617 w 10000"/>
                  <a:gd name="connsiteY148" fmla="*/ 5170 h 10000"/>
                  <a:gd name="connsiteX149" fmla="*/ 3856 w 10000"/>
                  <a:gd name="connsiteY149" fmla="*/ 5155 h 10000"/>
                  <a:gd name="connsiteX150" fmla="*/ 3936 w 10000"/>
                  <a:gd name="connsiteY150" fmla="*/ 5096 h 10000"/>
                  <a:gd name="connsiteX151" fmla="*/ 4015 w 10000"/>
                  <a:gd name="connsiteY151" fmla="*/ 5022 h 10000"/>
                  <a:gd name="connsiteX152" fmla="*/ 4042 w 10000"/>
                  <a:gd name="connsiteY152" fmla="*/ 4934 h 10000"/>
                  <a:gd name="connsiteX153" fmla="*/ 4070 w 10000"/>
                  <a:gd name="connsiteY153" fmla="*/ 4860 h 10000"/>
                  <a:gd name="connsiteX154" fmla="*/ 4095 w 10000"/>
                  <a:gd name="connsiteY154" fmla="*/ 4697 h 10000"/>
                  <a:gd name="connsiteX155" fmla="*/ 4070 w 10000"/>
                  <a:gd name="connsiteY155" fmla="*/ 4520 h 10000"/>
                  <a:gd name="connsiteX156" fmla="*/ 3989 w 10000"/>
                  <a:gd name="connsiteY156" fmla="*/ 4343 h 10000"/>
                  <a:gd name="connsiteX157" fmla="*/ 3910 w 10000"/>
                  <a:gd name="connsiteY157" fmla="*/ 4195 h 10000"/>
                  <a:gd name="connsiteX158" fmla="*/ 3776 w 10000"/>
                  <a:gd name="connsiteY158" fmla="*/ 4047 h 10000"/>
                  <a:gd name="connsiteX159" fmla="*/ 3644 w 10000"/>
                  <a:gd name="connsiteY159" fmla="*/ 3959 h 10000"/>
                  <a:gd name="connsiteX160" fmla="*/ 3803 w 10000"/>
                  <a:gd name="connsiteY160" fmla="*/ 3944 h 10000"/>
                  <a:gd name="connsiteX161" fmla="*/ 3936 w 10000"/>
                  <a:gd name="connsiteY161" fmla="*/ 3914 h 10000"/>
                  <a:gd name="connsiteX162" fmla="*/ 4042 w 10000"/>
                  <a:gd name="connsiteY162" fmla="*/ 3855 h 10000"/>
                  <a:gd name="connsiteX163" fmla="*/ 4173 w 10000"/>
                  <a:gd name="connsiteY163" fmla="*/ 3752 h 10000"/>
                  <a:gd name="connsiteX164" fmla="*/ 4308 w 10000"/>
                  <a:gd name="connsiteY164" fmla="*/ 3663 h 10000"/>
                  <a:gd name="connsiteX165" fmla="*/ 4414 w 10000"/>
                  <a:gd name="connsiteY165" fmla="*/ 3560 h 10000"/>
                  <a:gd name="connsiteX166" fmla="*/ 4494 w 10000"/>
                  <a:gd name="connsiteY166" fmla="*/ 3442 h 10000"/>
                  <a:gd name="connsiteX167" fmla="*/ 4575 w 10000"/>
                  <a:gd name="connsiteY167" fmla="*/ 3323 h 10000"/>
                  <a:gd name="connsiteX168" fmla="*/ 4628 w 10000"/>
                  <a:gd name="connsiteY168" fmla="*/ 3220 h 10000"/>
                  <a:gd name="connsiteX169" fmla="*/ 4653 w 10000"/>
                  <a:gd name="connsiteY169" fmla="*/ 3102 h 10000"/>
                  <a:gd name="connsiteX170" fmla="*/ 4681 w 10000"/>
                  <a:gd name="connsiteY170" fmla="*/ 3013 h 10000"/>
                  <a:gd name="connsiteX171" fmla="*/ 4653 w 10000"/>
                  <a:gd name="connsiteY171" fmla="*/ 2939 h 10000"/>
                  <a:gd name="connsiteX172" fmla="*/ 4628 w 10000"/>
                  <a:gd name="connsiteY172" fmla="*/ 2866 h 10000"/>
                  <a:gd name="connsiteX173" fmla="*/ 4548 w 10000"/>
                  <a:gd name="connsiteY173" fmla="*/ 2836 h 10000"/>
                  <a:gd name="connsiteX174" fmla="*/ 4442 w 10000"/>
                  <a:gd name="connsiteY174" fmla="*/ 2836 h 10000"/>
                  <a:gd name="connsiteX175" fmla="*/ 4308 w 10000"/>
                  <a:gd name="connsiteY175" fmla="*/ 2866 h 10000"/>
                  <a:gd name="connsiteX176" fmla="*/ 4414 w 10000"/>
                  <a:gd name="connsiteY176" fmla="*/ 2777 h 10000"/>
                  <a:gd name="connsiteX177" fmla="*/ 4469 w 10000"/>
                  <a:gd name="connsiteY177" fmla="*/ 2674 h 10000"/>
                  <a:gd name="connsiteX178" fmla="*/ 4494 w 10000"/>
                  <a:gd name="connsiteY178" fmla="*/ 2541 h 10000"/>
                  <a:gd name="connsiteX179" fmla="*/ 4494 w 10000"/>
                  <a:gd name="connsiteY179" fmla="*/ 2393 h 10000"/>
                  <a:gd name="connsiteX180" fmla="*/ 4520 w 10000"/>
                  <a:gd name="connsiteY180" fmla="*/ 2349 h 10000"/>
                  <a:gd name="connsiteX181" fmla="*/ 4575 w 10000"/>
                  <a:gd name="connsiteY181" fmla="*/ 2304 h 10000"/>
                  <a:gd name="connsiteX182" fmla="*/ 4628 w 10000"/>
                  <a:gd name="connsiteY182" fmla="*/ 2290 h 10000"/>
                  <a:gd name="connsiteX183" fmla="*/ 4708 w 10000"/>
                  <a:gd name="connsiteY183" fmla="*/ 2275 h 10000"/>
                  <a:gd name="connsiteX184" fmla="*/ 4946 w 10000"/>
                  <a:gd name="connsiteY184" fmla="*/ 2260 h 10000"/>
                  <a:gd name="connsiteX185" fmla="*/ 5158 w 10000"/>
                  <a:gd name="connsiteY185" fmla="*/ 2275 h 10000"/>
                  <a:gd name="connsiteX186" fmla="*/ 5132 w 10000"/>
                  <a:gd name="connsiteY186" fmla="*/ 2112 h 10000"/>
                  <a:gd name="connsiteX187" fmla="*/ 5080 w 10000"/>
                  <a:gd name="connsiteY187" fmla="*/ 1950 h 10000"/>
                  <a:gd name="connsiteX188" fmla="*/ 4999 w 10000"/>
                  <a:gd name="connsiteY188" fmla="*/ 1802 h 10000"/>
                  <a:gd name="connsiteX189" fmla="*/ 4894 w 10000"/>
                  <a:gd name="connsiteY189" fmla="*/ 1640 h 10000"/>
                  <a:gd name="connsiteX190" fmla="*/ 4628 w 10000"/>
                  <a:gd name="connsiteY190" fmla="*/ 1329 h 10000"/>
                  <a:gd name="connsiteX191" fmla="*/ 4362 w 10000"/>
                  <a:gd name="connsiteY191" fmla="*/ 1034 h 10000"/>
                  <a:gd name="connsiteX192" fmla="*/ 4228 w 10000"/>
                  <a:gd name="connsiteY192" fmla="*/ 901 h 10000"/>
                  <a:gd name="connsiteX193" fmla="*/ 4124 w 10000"/>
                  <a:gd name="connsiteY193" fmla="*/ 753 h 10000"/>
                  <a:gd name="connsiteX194" fmla="*/ 4042 w 10000"/>
                  <a:gd name="connsiteY194" fmla="*/ 620 h 10000"/>
                  <a:gd name="connsiteX195" fmla="*/ 4015 w 10000"/>
                  <a:gd name="connsiteY195" fmla="*/ 487 h 10000"/>
                  <a:gd name="connsiteX196" fmla="*/ 3989 w 10000"/>
                  <a:gd name="connsiteY196" fmla="*/ 355 h 10000"/>
                  <a:gd name="connsiteX197" fmla="*/ 4042 w 10000"/>
                  <a:gd name="connsiteY197" fmla="*/ 222 h 10000"/>
                  <a:gd name="connsiteX198" fmla="*/ 4070 w 10000"/>
                  <a:gd name="connsiteY198" fmla="*/ 162 h 10000"/>
                  <a:gd name="connsiteX199" fmla="*/ 4124 w 10000"/>
                  <a:gd name="connsiteY199" fmla="*/ 103 h 10000"/>
                  <a:gd name="connsiteX200" fmla="*/ 4203 w 10000"/>
                  <a:gd name="connsiteY200" fmla="*/ 59 h 10000"/>
                  <a:gd name="connsiteX201" fmla="*/ 4308 w 10000"/>
                  <a:gd name="connsiteY201" fmla="*/ 0 h 10000"/>
                  <a:gd name="connsiteX202" fmla="*/ 4494 w 10000"/>
                  <a:gd name="connsiteY202" fmla="*/ 0 h 10000"/>
                  <a:gd name="connsiteX203" fmla="*/ 4681 w 10000"/>
                  <a:gd name="connsiteY203" fmla="*/ 15 h 10000"/>
                  <a:gd name="connsiteX204" fmla="*/ 4867 w 10000"/>
                  <a:gd name="connsiteY204" fmla="*/ 44 h 10000"/>
                  <a:gd name="connsiteX205" fmla="*/ 4999 w 10000"/>
                  <a:gd name="connsiteY205" fmla="*/ 89 h 10000"/>
                  <a:gd name="connsiteX206" fmla="*/ 5213 w 10000"/>
                  <a:gd name="connsiteY206" fmla="*/ 192 h 10000"/>
                  <a:gd name="connsiteX207" fmla="*/ 5425 w 10000"/>
                  <a:gd name="connsiteY207" fmla="*/ 340 h 10000"/>
                  <a:gd name="connsiteX208" fmla="*/ 5585 w 10000"/>
                  <a:gd name="connsiteY208" fmla="*/ 473 h 10000"/>
                  <a:gd name="connsiteX209" fmla="*/ 5797 w 10000"/>
                  <a:gd name="connsiteY209" fmla="*/ 591 h 10000"/>
                  <a:gd name="connsiteX210" fmla="*/ 5931 w 10000"/>
                  <a:gd name="connsiteY210" fmla="*/ 650 h 10000"/>
                  <a:gd name="connsiteX211" fmla="*/ 6090 w 10000"/>
                  <a:gd name="connsiteY211" fmla="*/ 679 h 10000"/>
                  <a:gd name="connsiteX212" fmla="*/ 6251 w 10000"/>
                  <a:gd name="connsiteY212" fmla="*/ 709 h 10000"/>
                  <a:gd name="connsiteX213" fmla="*/ 6463 w 10000"/>
                  <a:gd name="connsiteY213" fmla="*/ 709 h 10000"/>
                  <a:gd name="connsiteX214" fmla="*/ 6463 w 10000"/>
                  <a:gd name="connsiteY214" fmla="*/ 768 h 10000"/>
                  <a:gd name="connsiteX215" fmla="*/ 6490 w 10000"/>
                  <a:gd name="connsiteY215" fmla="*/ 842 h 10000"/>
                  <a:gd name="connsiteX216" fmla="*/ 6541 w 10000"/>
                  <a:gd name="connsiteY216" fmla="*/ 916 h 10000"/>
                  <a:gd name="connsiteX217" fmla="*/ 6595 w 10000"/>
                  <a:gd name="connsiteY217" fmla="*/ 990 h 10000"/>
                  <a:gd name="connsiteX218" fmla="*/ 6674 w 10000"/>
                  <a:gd name="connsiteY218" fmla="*/ 1049 h 10000"/>
                  <a:gd name="connsiteX219" fmla="*/ 6780 w 10000"/>
                  <a:gd name="connsiteY219" fmla="*/ 1108 h 10000"/>
                  <a:gd name="connsiteX220" fmla="*/ 6914 w 10000"/>
                  <a:gd name="connsiteY220" fmla="*/ 1182 h 10000"/>
                  <a:gd name="connsiteX221" fmla="*/ 7020 w 10000"/>
                  <a:gd name="connsiteY221" fmla="*/ 1226 h 10000"/>
                  <a:gd name="connsiteX222" fmla="*/ 7127 w 10000"/>
                  <a:gd name="connsiteY222" fmla="*/ 1270 h 10000"/>
                  <a:gd name="connsiteX223" fmla="*/ 7234 w 10000"/>
                  <a:gd name="connsiteY223" fmla="*/ 1300 h 10000"/>
                  <a:gd name="connsiteX224" fmla="*/ 7340 w 10000"/>
                  <a:gd name="connsiteY224" fmla="*/ 1315 h 10000"/>
                  <a:gd name="connsiteX225" fmla="*/ 7474 w 10000"/>
                  <a:gd name="connsiteY225" fmla="*/ 1300 h 10000"/>
                  <a:gd name="connsiteX226" fmla="*/ 7580 w 10000"/>
                  <a:gd name="connsiteY226" fmla="*/ 1285 h 10000"/>
                  <a:gd name="connsiteX227" fmla="*/ 7659 w 10000"/>
                  <a:gd name="connsiteY227" fmla="*/ 1241 h 10000"/>
                  <a:gd name="connsiteX228" fmla="*/ 7714 w 10000"/>
                  <a:gd name="connsiteY228" fmla="*/ 1167 h 10000"/>
                  <a:gd name="connsiteX229" fmla="*/ 7738 w 10000"/>
                  <a:gd name="connsiteY229" fmla="*/ 1064 h 10000"/>
                  <a:gd name="connsiteX230" fmla="*/ 8138 w 10000"/>
                  <a:gd name="connsiteY230" fmla="*/ 1034 h 10000"/>
                  <a:gd name="connsiteX231" fmla="*/ 8509 w 10000"/>
                  <a:gd name="connsiteY231" fmla="*/ 1004 h 10000"/>
                  <a:gd name="connsiteX232" fmla="*/ 8830 w 10000"/>
                  <a:gd name="connsiteY232" fmla="*/ 990 h 10000"/>
                  <a:gd name="connsiteX233" fmla="*/ 9123 w 10000"/>
                  <a:gd name="connsiteY233" fmla="*/ 1004 h 10000"/>
                  <a:gd name="connsiteX234" fmla="*/ 9256 w 10000"/>
                  <a:gd name="connsiteY234" fmla="*/ 1019 h 10000"/>
                  <a:gd name="connsiteX235" fmla="*/ 9387 w 10000"/>
                  <a:gd name="connsiteY235" fmla="*/ 1034 h 10000"/>
                  <a:gd name="connsiteX236" fmla="*/ 9495 w 10000"/>
                  <a:gd name="connsiteY236" fmla="*/ 1064 h 10000"/>
                  <a:gd name="connsiteX237" fmla="*/ 9628 w 10000"/>
                  <a:gd name="connsiteY237" fmla="*/ 1108 h 10000"/>
                  <a:gd name="connsiteX238" fmla="*/ 9707 w 10000"/>
                  <a:gd name="connsiteY238" fmla="*/ 1182 h 10000"/>
                  <a:gd name="connsiteX239" fmla="*/ 9786 w 10000"/>
                  <a:gd name="connsiteY239" fmla="*/ 1241 h 10000"/>
                  <a:gd name="connsiteX240" fmla="*/ 9841 w 10000"/>
                  <a:gd name="connsiteY240" fmla="*/ 1329 h 10000"/>
                  <a:gd name="connsiteX241" fmla="*/ 9893 w 10000"/>
                  <a:gd name="connsiteY241" fmla="*/ 1433 h 10000"/>
                  <a:gd name="connsiteX242" fmla="*/ 9946 w 10000"/>
                  <a:gd name="connsiteY242" fmla="*/ 1551 h 10000"/>
                  <a:gd name="connsiteX243" fmla="*/ 9919 w 10000"/>
                  <a:gd name="connsiteY243" fmla="*/ 1625 h 10000"/>
                  <a:gd name="connsiteX244" fmla="*/ 9893 w 10000"/>
                  <a:gd name="connsiteY244" fmla="*/ 1684 h 10000"/>
                  <a:gd name="connsiteX245" fmla="*/ 9841 w 10000"/>
                  <a:gd name="connsiteY245" fmla="*/ 1758 h 10000"/>
                  <a:gd name="connsiteX246" fmla="*/ 9761 w 10000"/>
                  <a:gd name="connsiteY246" fmla="*/ 1802 h 10000"/>
                  <a:gd name="connsiteX247" fmla="*/ 9707 w 10000"/>
                  <a:gd name="connsiteY247" fmla="*/ 1861 h 10000"/>
                  <a:gd name="connsiteX248" fmla="*/ 9682 w 10000"/>
                  <a:gd name="connsiteY248" fmla="*/ 1935 h 10000"/>
                  <a:gd name="connsiteX249" fmla="*/ 9707 w 10000"/>
                  <a:gd name="connsiteY249" fmla="*/ 2024 h 10000"/>
                  <a:gd name="connsiteX250" fmla="*/ 10000 w 10000"/>
                  <a:gd name="connsiteY250" fmla="*/ 2157 h 10000"/>
                  <a:gd name="connsiteX0" fmla="*/ 9752 w 10000"/>
                  <a:gd name="connsiteY0" fmla="*/ 2310 h 10000"/>
                  <a:gd name="connsiteX1" fmla="*/ 9866 w 10000"/>
                  <a:gd name="connsiteY1" fmla="*/ 3117 h 10000"/>
                  <a:gd name="connsiteX2" fmla="*/ 9893 w 10000"/>
                  <a:gd name="connsiteY2" fmla="*/ 3072 h 10000"/>
                  <a:gd name="connsiteX3" fmla="*/ 9919 w 10000"/>
                  <a:gd name="connsiteY3" fmla="*/ 3013 h 10000"/>
                  <a:gd name="connsiteX4" fmla="*/ 9919 w 10000"/>
                  <a:gd name="connsiteY4" fmla="*/ 2954 h 10000"/>
                  <a:gd name="connsiteX5" fmla="*/ 9893 w 10000"/>
                  <a:gd name="connsiteY5" fmla="*/ 2866 h 10000"/>
                  <a:gd name="connsiteX6" fmla="*/ 9707 w 10000"/>
                  <a:gd name="connsiteY6" fmla="*/ 2984 h 10000"/>
                  <a:gd name="connsiteX7" fmla="*/ 9495 w 10000"/>
                  <a:gd name="connsiteY7" fmla="*/ 3072 h 10000"/>
                  <a:gd name="connsiteX8" fmla="*/ 9281 w 10000"/>
                  <a:gd name="connsiteY8" fmla="*/ 3161 h 10000"/>
                  <a:gd name="connsiteX9" fmla="*/ 9069 w 10000"/>
                  <a:gd name="connsiteY9" fmla="*/ 3250 h 10000"/>
                  <a:gd name="connsiteX10" fmla="*/ 8589 w 10000"/>
                  <a:gd name="connsiteY10" fmla="*/ 3397 h 10000"/>
                  <a:gd name="connsiteX11" fmla="*/ 8085 w 10000"/>
                  <a:gd name="connsiteY11" fmla="*/ 3545 h 10000"/>
                  <a:gd name="connsiteX12" fmla="*/ 7100 w 10000"/>
                  <a:gd name="connsiteY12" fmla="*/ 3840 h 10000"/>
                  <a:gd name="connsiteX13" fmla="*/ 6861 w 10000"/>
                  <a:gd name="connsiteY13" fmla="*/ 3914 h 10000"/>
                  <a:gd name="connsiteX14" fmla="*/ 6649 w 10000"/>
                  <a:gd name="connsiteY14" fmla="*/ 4003 h 10000"/>
                  <a:gd name="connsiteX15" fmla="*/ 6437 w 10000"/>
                  <a:gd name="connsiteY15" fmla="*/ 4106 h 10000"/>
                  <a:gd name="connsiteX16" fmla="*/ 6222 w 10000"/>
                  <a:gd name="connsiteY16" fmla="*/ 4195 h 10000"/>
                  <a:gd name="connsiteX17" fmla="*/ 6382 w 10000"/>
                  <a:gd name="connsiteY17" fmla="*/ 4417 h 10000"/>
                  <a:gd name="connsiteX18" fmla="*/ 6490 w 10000"/>
                  <a:gd name="connsiteY18" fmla="*/ 4623 h 10000"/>
                  <a:gd name="connsiteX19" fmla="*/ 6475 w 10000"/>
                  <a:gd name="connsiteY19" fmla="*/ 4845 h 10000"/>
                  <a:gd name="connsiteX20" fmla="*/ 6729 w 10000"/>
                  <a:gd name="connsiteY20" fmla="*/ 5318 h 10000"/>
                  <a:gd name="connsiteX21" fmla="*/ 6756 w 10000"/>
                  <a:gd name="connsiteY21" fmla="*/ 5539 h 10000"/>
                  <a:gd name="connsiteX22" fmla="*/ 6780 w 10000"/>
                  <a:gd name="connsiteY22" fmla="*/ 5775 h 10000"/>
                  <a:gd name="connsiteX23" fmla="*/ 6780 w 10000"/>
                  <a:gd name="connsiteY23" fmla="*/ 5997 h 10000"/>
                  <a:gd name="connsiteX24" fmla="*/ 6756 w 10000"/>
                  <a:gd name="connsiteY24" fmla="*/ 6233 h 10000"/>
                  <a:gd name="connsiteX25" fmla="*/ 6702 w 10000"/>
                  <a:gd name="connsiteY25" fmla="*/ 6470 h 10000"/>
                  <a:gd name="connsiteX26" fmla="*/ 6649 w 10000"/>
                  <a:gd name="connsiteY26" fmla="*/ 6677 h 10000"/>
                  <a:gd name="connsiteX27" fmla="*/ 6569 w 10000"/>
                  <a:gd name="connsiteY27" fmla="*/ 6898 h 10000"/>
                  <a:gd name="connsiteX28" fmla="*/ 6463 w 10000"/>
                  <a:gd name="connsiteY28" fmla="*/ 7105 h 10000"/>
                  <a:gd name="connsiteX29" fmla="*/ 6330 w 10000"/>
                  <a:gd name="connsiteY29" fmla="*/ 7297 h 10000"/>
                  <a:gd name="connsiteX30" fmla="*/ 6170 w 10000"/>
                  <a:gd name="connsiteY30" fmla="*/ 7489 h 10000"/>
                  <a:gd name="connsiteX31" fmla="*/ 6010 w 10000"/>
                  <a:gd name="connsiteY31" fmla="*/ 7681 h 10000"/>
                  <a:gd name="connsiteX32" fmla="*/ 6780 w 10000"/>
                  <a:gd name="connsiteY32" fmla="*/ 7799 h 10000"/>
                  <a:gd name="connsiteX33" fmla="*/ 7580 w 10000"/>
                  <a:gd name="connsiteY33" fmla="*/ 7962 h 10000"/>
                  <a:gd name="connsiteX34" fmla="*/ 7738 w 10000"/>
                  <a:gd name="connsiteY34" fmla="*/ 8021 h 10000"/>
                  <a:gd name="connsiteX35" fmla="*/ 7872 w 10000"/>
                  <a:gd name="connsiteY35" fmla="*/ 8080 h 10000"/>
                  <a:gd name="connsiteX36" fmla="*/ 8004 w 10000"/>
                  <a:gd name="connsiteY36" fmla="*/ 8139 h 10000"/>
                  <a:gd name="connsiteX37" fmla="*/ 8085 w 10000"/>
                  <a:gd name="connsiteY37" fmla="*/ 8227 h 10000"/>
                  <a:gd name="connsiteX38" fmla="*/ 8112 w 10000"/>
                  <a:gd name="connsiteY38" fmla="*/ 8301 h 10000"/>
                  <a:gd name="connsiteX39" fmla="*/ 8112 w 10000"/>
                  <a:gd name="connsiteY39" fmla="*/ 8405 h 10000"/>
                  <a:gd name="connsiteX40" fmla="*/ 8059 w 10000"/>
                  <a:gd name="connsiteY40" fmla="*/ 8523 h 10000"/>
                  <a:gd name="connsiteX41" fmla="*/ 7978 w 10000"/>
                  <a:gd name="connsiteY41" fmla="*/ 8641 h 10000"/>
                  <a:gd name="connsiteX42" fmla="*/ 7633 w 10000"/>
                  <a:gd name="connsiteY42" fmla="*/ 8552 h 10000"/>
                  <a:gd name="connsiteX43" fmla="*/ 7313 w 10000"/>
                  <a:gd name="connsiteY43" fmla="*/ 8449 h 10000"/>
                  <a:gd name="connsiteX44" fmla="*/ 6994 w 10000"/>
                  <a:gd name="connsiteY44" fmla="*/ 8360 h 10000"/>
                  <a:gd name="connsiteX45" fmla="*/ 6674 w 10000"/>
                  <a:gd name="connsiteY45" fmla="*/ 8287 h 10000"/>
                  <a:gd name="connsiteX46" fmla="*/ 6541 w 10000"/>
                  <a:gd name="connsiteY46" fmla="*/ 8449 h 10000"/>
                  <a:gd name="connsiteX47" fmla="*/ 6437 w 10000"/>
                  <a:gd name="connsiteY47" fmla="*/ 8597 h 10000"/>
                  <a:gd name="connsiteX48" fmla="*/ 6382 w 10000"/>
                  <a:gd name="connsiteY48" fmla="*/ 8656 h 10000"/>
                  <a:gd name="connsiteX49" fmla="*/ 6276 w 10000"/>
                  <a:gd name="connsiteY49" fmla="*/ 8700 h 10000"/>
                  <a:gd name="connsiteX50" fmla="*/ 6197 w 10000"/>
                  <a:gd name="connsiteY50" fmla="*/ 8744 h 10000"/>
                  <a:gd name="connsiteX51" fmla="*/ 6117 w 10000"/>
                  <a:gd name="connsiteY51" fmla="*/ 8774 h 10000"/>
                  <a:gd name="connsiteX52" fmla="*/ 6037 w 10000"/>
                  <a:gd name="connsiteY52" fmla="*/ 8804 h 10000"/>
                  <a:gd name="connsiteX53" fmla="*/ 5931 w 10000"/>
                  <a:gd name="connsiteY53" fmla="*/ 8818 h 10000"/>
                  <a:gd name="connsiteX54" fmla="*/ 5797 w 10000"/>
                  <a:gd name="connsiteY54" fmla="*/ 8833 h 10000"/>
                  <a:gd name="connsiteX55" fmla="*/ 5665 w 10000"/>
                  <a:gd name="connsiteY55" fmla="*/ 8833 h 10000"/>
                  <a:gd name="connsiteX56" fmla="*/ 5347 w 10000"/>
                  <a:gd name="connsiteY56" fmla="*/ 8818 h 10000"/>
                  <a:gd name="connsiteX57" fmla="*/ 4946 w 10000"/>
                  <a:gd name="connsiteY57" fmla="*/ 8744 h 10000"/>
                  <a:gd name="connsiteX58" fmla="*/ 4946 w 10000"/>
                  <a:gd name="connsiteY58" fmla="*/ 8922 h 10000"/>
                  <a:gd name="connsiteX59" fmla="*/ 4919 w 10000"/>
                  <a:gd name="connsiteY59" fmla="*/ 9069 h 10000"/>
                  <a:gd name="connsiteX60" fmla="*/ 4894 w 10000"/>
                  <a:gd name="connsiteY60" fmla="*/ 9232 h 10000"/>
                  <a:gd name="connsiteX61" fmla="*/ 4867 w 10000"/>
                  <a:gd name="connsiteY61" fmla="*/ 9365 h 10000"/>
                  <a:gd name="connsiteX62" fmla="*/ 4813 w 10000"/>
                  <a:gd name="connsiteY62" fmla="*/ 9498 h 10000"/>
                  <a:gd name="connsiteX63" fmla="*/ 4708 w 10000"/>
                  <a:gd name="connsiteY63" fmla="*/ 9616 h 10000"/>
                  <a:gd name="connsiteX64" fmla="*/ 4628 w 10000"/>
                  <a:gd name="connsiteY64" fmla="*/ 9734 h 10000"/>
                  <a:gd name="connsiteX65" fmla="*/ 4494 w 10000"/>
                  <a:gd name="connsiteY65" fmla="*/ 9838 h 10000"/>
                  <a:gd name="connsiteX66" fmla="*/ 4173 w 10000"/>
                  <a:gd name="connsiteY66" fmla="*/ 9897 h 10000"/>
                  <a:gd name="connsiteX67" fmla="*/ 3910 w 10000"/>
                  <a:gd name="connsiteY67" fmla="*/ 9941 h 10000"/>
                  <a:gd name="connsiteX68" fmla="*/ 3590 w 10000"/>
                  <a:gd name="connsiteY68" fmla="*/ 9985 h 10000"/>
                  <a:gd name="connsiteX69" fmla="*/ 3351 w 10000"/>
                  <a:gd name="connsiteY69" fmla="*/ 10000 h 10000"/>
                  <a:gd name="connsiteX70" fmla="*/ 2819 w 10000"/>
                  <a:gd name="connsiteY70" fmla="*/ 10000 h 10000"/>
                  <a:gd name="connsiteX71" fmla="*/ 2313 w 10000"/>
                  <a:gd name="connsiteY71" fmla="*/ 9985 h 10000"/>
                  <a:gd name="connsiteX72" fmla="*/ 1836 w 10000"/>
                  <a:gd name="connsiteY72" fmla="*/ 9941 h 10000"/>
                  <a:gd name="connsiteX73" fmla="*/ 1330 w 10000"/>
                  <a:gd name="connsiteY73" fmla="*/ 9911 h 10000"/>
                  <a:gd name="connsiteX74" fmla="*/ 1038 w 10000"/>
                  <a:gd name="connsiteY74" fmla="*/ 9911 h 10000"/>
                  <a:gd name="connsiteX75" fmla="*/ 771 w 10000"/>
                  <a:gd name="connsiteY75" fmla="*/ 9911 h 10000"/>
                  <a:gd name="connsiteX76" fmla="*/ 479 w 10000"/>
                  <a:gd name="connsiteY76" fmla="*/ 9926 h 10000"/>
                  <a:gd name="connsiteX77" fmla="*/ 186 w 10000"/>
                  <a:gd name="connsiteY77" fmla="*/ 9970 h 10000"/>
                  <a:gd name="connsiteX78" fmla="*/ 107 w 10000"/>
                  <a:gd name="connsiteY78" fmla="*/ 9867 h 10000"/>
                  <a:gd name="connsiteX79" fmla="*/ 54 w 10000"/>
                  <a:gd name="connsiteY79" fmla="*/ 9793 h 10000"/>
                  <a:gd name="connsiteX80" fmla="*/ 0 w 10000"/>
                  <a:gd name="connsiteY80" fmla="*/ 9705 h 10000"/>
                  <a:gd name="connsiteX81" fmla="*/ 0 w 10000"/>
                  <a:gd name="connsiteY81" fmla="*/ 9601 h 10000"/>
                  <a:gd name="connsiteX82" fmla="*/ 54 w 10000"/>
                  <a:gd name="connsiteY82" fmla="*/ 9424 h 10000"/>
                  <a:gd name="connsiteX83" fmla="*/ 107 w 10000"/>
                  <a:gd name="connsiteY83" fmla="*/ 9202 h 10000"/>
                  <a:gd name="connsiteX84" fmla="*/ 158 w 10000"/>
                  <a:gd name="connsiteY84" fmla="*/ 8996 h 10000"/>
                  <a:gd name="connsiteX85" fmla="*/ 213 w 10000"/>
                  <a:gd name="connsiteY85" fmla="*/ 8759 h 10000"/>
                  <a:gd name="connsiteX86" fmla="*/ 239 w 10000"/>
                  <a:gd name="connsiteY86" fmla="*/ 8641 h 10000"/>
                  <a:gd name="connsiteX87" fmla="*/ 239 w 10000"/>
                  <a:gd name="connsiteY87" fmla="*/ 8538 h 10000"/>
                  <a:gd name="connsiteX88" fmla="*/ 213 w 10000"/>
                  <a:gd name="connsiteY88" fmla="*/ 8405 h 10000"/>
                  <a:gd name="connsiteX89" fmla="*/ 186 w 10000"/>
                  <a:gd name="connsiteY89" fmla="*/ 8287 h 10000"/>
                  <a:gd name="connsiteX90" fmla="*/ 452 w 10000"/>
                  <a:gd name="connsiteY90" fmla="*/ 8213 h 10000"/>
                  <a:gd name="connsiteX91" fmla="*/ 718 w 10000"/>
                  <a:gd name="connsiteY91" fmla="*/ 8139 h 10000"/>
                  <a:gd name="connsiteX92" fmla="*/ 984 w 10000"/>
                  <a:gd name="connsiteY92" fmla="*/ 8095 h 10000"/>
                  <a:gd name="connsiteX93" fmla="*/ 1277 w 10000"/>
                  <a:gd name="connsiteY93" fmla="*/ 8065 h 10000"/>
                  <a:gd name="connsiteX94" fmla="*/ 1807 w 10000"/>
                  <a:gd name="connsiteY94" fmla="*/ 8021 h 10000"/>
                  <a:gd name="connsiteX95" fmla="*/ 2341 w 10000"/>
                  <a:gd name="connsiteY95" fmla="*/ 7976 h 10000"/>
                  <a:gd name="connsiteX96" fmla="*/ 2580 w 10000"/>
                  <a:gd name="connsiteY96" fmla="*/ 7947 h 10000"/>
                  <a:gd name="connsiteX97" fmla="*/ 2819 w 10000"/>
                  <a:gd name="connsiteY97" fmla="*/ 7917 h 10000"/>
                  <a:gd name="connsiteX98" fmla="*/ 3030 w 10000"/>
                  <a:gd name="connsiteY98" fmla="*/ 7843 h 10000"/>
                  <a:gd name="connsiteX99" fmla="*/ 3244 w 10000"/>
                  <a:gd name="connsiteY99" fmla="*/ 7784 h 10000"/>
                  <a:gd name="connsiteX100" fmla="*/ 3431 w 10000"/>
                  <a:gd name="connsiteY100" fmla="*/ 7710 h 10000"/>
                  <a:gd name="connsiteX101" fmla="*/ 3590 w 10000"/>
                  <a:gd name="connsiteY101" fmla="*/ 7592 h 10000"/>
                  <a:gd name="connsiteX102" fmla="*/ 3750 w 10000"/>
                  <a:gd name="connsiteY102" fmla="*/ 7474 h 10000"/>
                  <a:gd name="connsiteX103" fmla="*/ 3856 w 10000"/>
                  <a:gd name="connsiteY103" fmla="*/ 7312 h 10000"/>
                  <a:gd name="connsiteX104" fmla="*/ 3644 w 10000"/>
                  <a:gd name="connsiteY104" fmla="*/ 7238 h 10000"/>
                  <a:gd name="connsiteX105" fmla="*/ 3456 w 10000"/>
                  <a:gd name="connsiteY105" fmla="*/ 7179 h 10000"/>
                  <a:gd name="connsiteX106" fmla="*/ 3297 w 10000"/>
                  <a:gd name="connsiteY106" fmla="*/ 7090 h 10000"/>
                  <a:gd name="connsiteX107" fmla="*/ 3139 w 10000"/>
                  <a:gd name="connsiteY107" fmla="*/ 6987 h 10000"/>
                  <a:gd name="connsiteX108" fmla="*/ 3030 w 10000"/>
                  <a:gd name="connsiteY108" fmla="*/ 6869 h 10000"/>
                  <a:gd name="connsiteX109" fmla="*/ 2980 w 10000"/>
                  <a:gd name="connsiteY109" fmla="*/ 6721 h 10000"/>
                  <a:gd name="connsiteX110" fmla="*/ 2952 w 10000"/>
                  <a:gd name="connsiteY110" fmla="*/ 6558 h 10000"/>
                  <a:gd name="connsiteX111" fmla="*/ 2980 w 10000"/>
                  <a:gd name="connsiteY111" fmla="*/ 6352 h 10000"/>
                  <a:gd name="connsiteX112" fmla="*/ 2846 w 10000"/>
                  <a:gd name="connsiteY112" fmla="*/ 6322 h 10000"/>
                  <a:gd name="connsiteX113" fmla="*/ 2687 w 10000"/>
                  <a:gd name="connsiteY113" fmla="*/ 6292 h 10000"/>
                  <a:gd name="connsiteX114" fmla="*/ 2501 w 10000"/>
                  <a:gd name="connsiteY114" fmla="*/ 6278 h 10000"/>
                  <a:gd name="connsiteX115" fmla="*/ 2313 w 10000"/>
                  <a:gd name="connsiteY115" fmla="*/ 6263 h 10000"/>
                  <a:gd name="connsiteX116" fmla="*/ 1942 w 10000"/>
                  <a:gd name="connsiteY116" fmla="*/ 6248 h 10000"/>
                  <a:gd name="connsiteX117" fmla="*/ 1543 w 10000"/>
                  <a:gd name="connsiteY117" fmla="*/ 6263 h 10000"/>
                  <a:gd name="connsiteX118" fmla="*/ 1198 w 10000"/>
                  <a:gd name="connsiteY118" fmla="*/ 6278 h 10000"/>
                  <a:gd name="connsiteX119" fmla="*/ 877 w 10000"/>
                  <a:gd name="connsiteY119" fmla="*/ 6278 h 10000"/>
                  <a:gd name="connsiteX120" fmla="*/ 613 w 10000"/>
                  <a:gd name="connsiteY120" fmla="*/ 6263 h 10000"/>
                  <a:gd name="connsiteX121" fmla="*/ 399 w 10000"/>
                  <a:gd name="connsiteY121" fmla="*/ 6233 h 10000"/>
                  <a:gd name="connsiteX122" fmla="*/ 663 w 10000"/>
                  <a:gd name="connsiteY122" fmla="*/ 5805 h 10000"/>
                  <a:gd name="connsiteX123" fmla="*/ 958 w 10000"/>
                  <a:gd name="connsiteY123" fmla="*/ 5391 h 10000"/>
                  <a:gd name="connsiteX124" fmla="*/ 1065 w 10000"/>
                  <a:gd name="connsiteY124" fmla="*/ 5170 h 10000"/>
                  <a:gd name="connsiteX125" fmla="*/ 1143 w 10000"/>
                  <a:gd name="connsiteY125" fmla="*/ 4963 h 10000"/>
                  <a:gd name="connsiteX126" fmla="*/ 1169 w 10000"/>
                  <a:gd name="connsiteY126" fmla="*/ 4860 h 10000"/>
                  <a:gd name="connsiteX127" fmla="*/ 1143 w 10000"/>
                  <a:gd name="connsiteY127" fmla="*/ 4756 h 10000"/>
                  <a:gd name="connsiteX128" fmla="*/ 1117 w 10000"/>
                  <a:gd name="connsiteY128" fmla="*/ 4653 h 10000"/>
                  <a:gd name="connsiteX129" fmla="*/ 1038 w 10000"/>
                  <a:gd name="connsiteY129" fmla="*/ 4549 h 10000"/>
                  <a:gd name="connsiteX130" fmla="*/ 1330 w 10000"/>
                  <a:gd name="connsiteY130" fmla="*/ 4520 h 10000"/>
                  <a:gd name="connsiteX131" fmla="*/ 1543 w 10000"/>
                  <a:gd name="connsiteY131" fmla="*/ 4505 h 10000"/>
                  <a:gd name="connsiteX132" fmla="*/ 1729 w 10000"/>
                  <a:gd name="connsiteY132" fmla="*/ 4505 h 10000"/>
                  <a:gd name="connsiteX133" fmla="*/ 1888 w 10000"/>
                  <a:gd name="connsiteY133" fmla="*/ 4520 h 10000"/>
                  <a:gd name="connsiteX134" fmla="*/ 2022 w 10000"/>
                  <a:gd name="connsiteY134" fmla="*/ 4520 h 10000"/>
                  <a:gd name="connsiteX135" fmla="*/ 2181 w 10000"/>
                  <a:gd name="connsiteY135" fmla="*/ 4520 h 10000"/>
                  <a:gd name="connsiteX136" fmla="*/ 2341 w 10000"/>
                  <a:gd name="connsiteY136" fmla="*/ 4490 h 10000"/>
                  <a:gd name="connsiteX137" fmla="*/ 2552 w 10000"/>
                  <a:gd name="connsiteY137" fmla="*/ 4446 h 10000"/>
                  <a:gd name="connsiteX138" fmla="*/ 2552 w 10000"/>
                  <a:gd name="connsiteY138" fmla="*/ 4579 h 10000"/>
                  <a:gd name="connsiteX139" fmla="*/ 2552 w 10000"/>
                  <a:gd name="connsiteY139" fmla="*/ 4742 h 10000"/>
                  <a:gd name="connsiteX140" fmla="*/ 2552 w 10000"/>
                  <a:gd name="connsiteY140" fmla="*/ 4874 h 10000"/>
                  <a:gd name="connsiteX141" fmla="*/ 2552 w 10000"/>
                  <a:gd name="connsiteY141" fmla="*/ 5037 h 10000"/>
                  <a:gd name="connsiteX142" fmla="*/ 2792 w 10000"/>
                  <a:gd name="connsiteY142" fmla="*/ 5022 h 10000"/>
                  <a:gd name="connsiteX143" fmla="*/ 2952 w 10000"/>
                  <a:gd name="connsiteY143" fmla="*/ 5037 h 10000"/>
                  <a:gd name="connsiteX144" fmla="*/ 3085 w 10000"/>
                  <a:gd name="connsiteY144" fmla="*/ 5066 h 10000"/>
                  <a:gd name="connsiteX145" fmla="*/ 3218 w 10000"/>
                  <a:gd name="connsiteY145" fmla="*/ 5096 h 10000"/>
                  <a:gd name="connsiteX146" fmla="*/ 3325 w 10000"/>
                  <a:gd name="connsiteY146" fmla="*/ 5126 h 10000"/>
                  <a:gd name="connsiteX147" fmla="*/ 3456 w 10000"/>
                  <a:gd name="connsiteY147" fmla="*/ 5155 h 10000"/>
                  <a:gd name="connsiteX148" fmla="*/ 3617 w 10000"/>
                  <a:gd name="connsiteY148" fmla="*/ 5170 h 10000"/>
                  <a:gd name="connsiteX149" fmla="*/ 3856 w 10000"/>
                  <a:gd name="connsiteY149" fmla="*/ 5155 h 10000"/>
                  <a:gd name="connsiteX150" fmla="*/ 3936 w 10000"/>
                  <a:gd name="connsiteY150" fmla="*/ 5096 h 10000"/>
                  <a:gd name="connsiteX151" fmla="*/ 4015 w 10000"/>
                  <a:gd name="connsiteY151" fmla="*/ 5022 h 10000"/>
                  <a:gd name="connsiteX152" fmla="*/ 4042 w 10000"/>
                  <a:gd name="connsiteY152" fmla="*/ 4934 h 10000"/>
                  <a:gd name="connsiteX153" fmla="*/ 4070 w 10000"/>
                  <a:gd name="connsiteY153" fmla="*/ 4860 h 10000"/>
                  <a:gd name="connsiteX154" fmla="*/ 4095 w 10000"/>
                  <a:gd name="connsiteY154" fmla="*/ 4697 h 10000"/>
                  <a:gd name="connsiteX155" fmla="*/ 4070 w 10000"/>
                  <a:gd name="connsiteY155" fmla="*/ 4520 h 10000"/>
                  <a:gd name="connsiteX156" fmla="*/ 3989 w 10000"/>
                  <a:gd name="connsiteY156" fmla="*/ 4343 h 10000"/>
                  <a:gd name="connsiteX157" fmla="*/ 3910 w 10000"/>
                  <a:gd name="connsiteY157" fmla="*/ 4195 h 10000"/>
                  <a:gd name="connsiteX158" fmla="*/ 3776 w 10000"/>
                  <a:gd name="connsiteY158" fmla="*/ 4047 h 10000"/>
                  <a:gd name="connsiteX159" fmla="*/ 3644 w 10000"/>
                  <a:gd name="connsiteY159" fmla="*/ 3959 h 10000"/>
                  <a:gd name="connsiteX160" fmla="*/ 3803 w 10000"/>
                  <a:gd name="connsiteY160" fmla="*/ 3944 h 10000"/>
                  <a:gd name="connsiteX161" fmla="*/ 3936 w 10000"/>
                  <a:gd name="connsiteY161" fmla="*/ 3914 h 10000"/>
                  <a:gd name="connsiteX162" fmla="*/ 4042 w 10000"/>
                  <a:gd name="connsiteY162" fmla="*/ 3855 h 10000"/>
                  <a:gd name="connsiteX163" fmla="*/ 4173 w 10000"/>
                  <a:gd name="connsiteY163" fmla="*/ 3752 h 10000"/>
                  <a:gd name="connsiteX164" fmla="*/ 4308 w 10000"/>
                  <a:gd name="connsiteY164" fmla="*/ 3663 h 10000"/>
                  <a:gd name="connsiteX165" fmla="*/ 4414 w 10000"/>
                  <a:gd name="connsiteY165" fmla="*/ 3560 h 10000"/>
                  <a:gd name="connsiteX166" fmla="*/ 4494 w 10000"/>
                  <a:gd name="connsiteY166" fmla="*/ 3442 h 10000"/>
                  <a:gd name="connsiteX167" fmla="*/ 4575 w 10000"/>
                  <a:gd name="connsiteY167" fmla="*/ 3323 h 10000"/>
                  <a:gd name="connsiteX168" fmla="*/ 4628 w 10000"/>
                  <a:gd name="connsiteY168" fmla="*/ 3220 h 10000"/>
                  <a:gd name="connsiteX169" fmla="*/ 4653 w 10000"/>
                  <a:gd name="connsiteY169" fmla="*/ 3102 h 10000"/>
                  <a:gd name="connsiteX170" fmla="*/ 4681 w 10000"/>
                  <a:gd name="connsiteY170" fmla="*/ 3013 h 10000"/>
                  <a:gd name="connsiteX171" fmla="*/ 4653 w 10000"/>
                  <a:gd name="connsiteY171" fmla="*/ 2939 h 10000"/>
                  <a:gd name="connsiteX172" fmla="*/ 4628 w 10000"/>
                  <a:gd name="connsiteY172" fmla="*/ 2866 h 10000"/>
                  <a:gd name="connsiteX173" fmla="*/ 4548 w 10000"/>
                  <a:gd name="connsiteY173" fmla="*/ 2836 h 10000"/>
                  <a:gd name="connsiteX174" fmla="*/ 4442 w 10000"/>
                  <a:gd name="connsiteY174" fmla="*/ 2836 h 10000"/>
                  <a:gd name="connsiteX175" fmla="*/ 4308 w 10000"/>
                  <a:gd name="connsiteY175" fmla="*/ 2866 h 10000"/>
                  <a:gd name="connsiteX176" fmla="*/ 4414 w 10000"/>
                  <a:gd name="connsiteY176" fmla="*/ 2777 h 10000"/>
                  <a:gd name="connsiteX177" fmla="*/ 4469 w 10000"/>
                  <a:gd name="connsiteY177" fmla="*/ 2674 h 10000"/>
                  <a:gd name="connsiteX178" fmla="*/ 4494 w 10000"/>
                  <a:gd name="connsiteY178" fmla="*/ 2541 h 10000"/>
                  <a:gd name="connsiteX179" fmla="*/ 4494 w 10000"/>
                  <a:gd name="connsiteY179" fmla="*/ 2393 h 10000"/>
                  <a:gd name="connsiteX180" fmla="*/ 4520 w 10000"/>
                  <a:gd name="connsiteY180" fmla="*/ 2349 h 10000"/>
                  <a:gd name="connsiteX181" fmla="*/ 4575 w 10000"/>
                  <a:gd name="connsiteY181" fmla="*/ 2304 h 10000"/>
                  <a:gd name="connsiteX182" fmla="*/ 4628 w 10000"/>
                  <a:gd name="connsiteY182" fmla="*/ 2290 h 10000"/>
                  <a:gd name="connsiteX183" fmla="*/ 4708 w 10000"/>
                  <a:gd name="connsiteY183" fmla="*/ 2275 h 10000"/>
                  <a:gd name="connsiteX184" fmla="*/ 4946 w 10000"/>
                  <a:gd name="connsiteY184" fmla="*/ 2260 h 10000"/>
                  <a:gd name="connsiteX185" fmla="*/ 5158 w 10000"/>
                  <a:gd name="connsiteY185" fmla="*/ 2275 h 10000"/>
                  <a:gd name="connsiteX186" fmla="*/ 5132 w 10000"/>
                  <a:gd name="connsiteY186" fmla="*/ 2112 h 10000"/>
                  <a:gd name="connsiteX187" fmla="*/ 5080 w 10000"/>
                  <a:gd name="connsiteY187" fmla="*/ 1950 h 10000"/>
                  <a:gd name="connsiteX188" fmla="*/ 4999 w 10000"/>
                  <a:gd name="connsiteY188" fmla="*/ 1802 h 10000"/>
                  <a:gd name="connsiteX189" fmla="*/ 4894 w 10000"/>
                  <a:gd name="connsiteY189" fmla="*/ 1640 h 10000"/>
                  <a:gd name="connsiteX190" fmla="*/ 4628 w 10000"/>
                  <a:gd name="connsiteY190" fmla="*/ 1329 h 10000"/>
                  <a:gd name="connsiteX191" fmla="*/ 4362 w 10000"/>
                  <a:gd name="connsiteY191" fmla="*/ 1034 h 10000"/>
                  <a:gd name="connsiteX192" fmla="*/ 4228 w 10000"/>
                  <a:gd name="connsiteY192" fmla="*/ 901 h 10000"/>
                  <a:gd name="connsiteX193" fmla="*/ 4124 w 10000"/>
                  <a:gd name="connsiteY193" fmla="*/ 753 h 10000"/>
                  <a:gd name="connsiteX194" fmla="*/ 4042 w 10000"/>
                  <a:gd name="connsiteY194" fmla="*/ 620 h 10000"/>
                  <a:gd name="connsiteX195" fmla="*/ 4015 w 10000"/>
                  <a:gd name="connsiteY195" fmla="*/ 487 h 10000"/>
                  <a:gd name="connsiteX196" fmla="*/ 3989 w 10000"/>
                  <a:gd name="connsiteY196" fmla="*/ 355 h 10000"/>
                  <a:gd name="connsiteX197" fmla="*/ 4042 w 10000"/>
                  <a:gd name="connsiteY197" fmla="*/ 222 h 10000"/>
                  <a:gd name="connsiteX198" fmla="*/ 4070 w 10000"/>
                  <a:gd name="connsiteY198" fmla="*/ 162 h 10000"/>
                  <a:gd name="connsiteX199" fmla="*/ 4124 w 10000"/>
                  <a:gd name="connsiteY199" fmla="*/ 103 h 10000"/>
                  <a:gd name="connsiteX200" fmla="*/ 4203 w 10000"/>
                  <a:gd name="connsiteY200" fmla="*/ 59 h 10000"/>
                  <a:gd name="connsiteX201" fmla="*/ 4308 w 10000"/>
                  <a:gd name="connsiteY201" fmla="*/ 0 h 10000"/>
                  <a:gd name="connsiteX202" fmla="*/ 4494 w 10000"/>
                  <a:gd name="connsiteY202" fmla="*/ 0 h 10000"/>
                  <a:gd name="connsiteX203" fmla="*/ 4681 w 10000"/>
                  <a:gd name="connsiteY203" fmla="*/ 15 h 10000"/>
                  <a:gd name="connsiteX204" fmla="*/ 4867 w 10000"/>
                  <a:gd name="connsiteY204" fmla="*/ 44 h 10000"/>
                  <a:gd name="connsiteX205" fmla="*/ 4999 w 10000"/>
                  <a:gd name="connsiteY205" fmla="*/ 89 h 10000"/>
                  <a:gd name="connsiteX206" fmla="*/ 5213 w 10000"/>
                  <a:gd name="connsiteY206" fmla="*/ 192 h 10000"/>
                  <a:gd name="connsiteX207" fmla="*/ 5425 w 10000"/>
                  <a:gd name="connsiteY207" fmla="*/ 340 h 10000"/>
                  <a:gd name="connsiteX208" fmla="*/ 5585 w 10000"/>
                  <a:gd name="connsiteY208" fmla="*/ 473 h 10000"/>
                  <a:gd name="connsiteX209" fmla="*/ 5797 w 10000"/>
                  <a:gd name="connsiteY209" fmla="*/ 591 h 10000"/>
                  <a:gd name="connsiteX210" fmla="*/ 5931 w 10000"/>
                  <a:gd name="connsiteY210" fmla="*/ 650 h 10000"/>
                  <a:gd name="connsiteX211" fmla="*/ 6090 w 10000"/>
                  <a:gd name="connsiteY211" fmla="*/ 679 h 10000"/>
                  <a:gd name="connsiteX212" fmla="*/ 6251 w 10000"/>
                  <a:gd name="connsiteY212" fmla="*/ 709 h 10000"/>
                  <a:gd name="connsiteX213" fmla="*/ 6463 w 10000"/>
                  <a:gd name="connsiteY213" fmla="*/ 709 h 10000"/>
                  <a:gd name="connsiteX214" fmla="*/ 6463 w 10000"/>
                  <a:gd name="connsiteY214" fmla="*/ 768 h 10000"/>
                  <a:gd name="connsiteX215" fmla="*/ 6490 w 10000"/>
                  <a:gd name="connsiteY215" fmla="*/ 842 h 10000"/>
                  <a:gd name="connsiteX216" fmla="*/ 6541 w 10000"/>
                  <a:gd name="connsiteY216" fmla="*/ 916 h 10000"/>
                  <a:gd name="connsiteX217" fmla="*/ 6595 w 10000"/>
                  <a:gd name="connsiteY217" fmla="*/ 990 h 10000"/>
                  <a:gd name="connsiteX218" fmla="*/ 6674 w 10000"/>
                  <a:gd name="connsiteY218" fmla="*/ 1049 h 10000"/>
                  <a:gd name="connsiteX219" fmla="*/ 6780 w 10000"/>
                  <a:gd name="connsiteY219" fmla="*/ 1108 h 10000"/>
                  <a:gd name="connsiteX220" fmla="*/ 6914 w 10000"/>
                  <a:gd name="connsiteY220" fmla="*/ 1182 h 10000"/>
                  <a:gd name="connsiteX221" fmla="*/ 7020 w 10000"/>
                  <a:gd name="connsiteY221" fmla="*/ 1226 h 10000"/>
                  <a:gd name="connsiteX222" fmla="*/ 7127 w 10000"/>
                  <a:gd name="connsiteY222" fmla="*/ 1270 h 10000"/>
                  <a:gd name="connsiteX223" fmla="*/ 7234 w 10000"/>
                  <a:gd name="connsiteY223" fmla="*/ 1300 h 10000"/>
                  <a:gd name="connsiteX224" fmla="*/ 7340 w 10000"/>
                  <a:gd name="connsiteY224" fmla="*/ 1315 h 10000"/>
                  <a:gd name="connsiteX225" fmla="*/ 7474 w 10000"/>
                  <a:gd name="connsiteY225" fmla="*/ 1300 h 10000"/>
                  <a:gd name="connsiteX226" fmla="*/ 7580 w 10000"/>
                  <a:gd name="connsiteY226" fmla="*/ 1285 h 10000"/>
                  <a:gd name="connsiteX227" fmla="*/ 7659 w 10000"/>
                  <a:gd name="connsiteY227" fmla="*/ 1241 h 10000"/>
                  <a:gd name="connsiteX228" fmla="*/ 7714 w 10000"/>
                  <a:gd name="connsiteY228" fmla="*/ 1167 h 10000"/>
                  <a:gd name="connsiteX229" fmla="*/ 7738 w 10000"/>
                  <a:gd name="connsiteY229" fmla="*/ 1064 h 10000"/>
                  <a:gd name="connsiteX230" fmla="*/ 8138 w 10000"/>
                  <a:gd name="connsiteY230" fmla="*/ 1034 h 10000"/>
                  <a:gd name="connsiteX231" fmla="*/ 8509 w 10000"/>
                  <a:gd name="connsiteY231" fmla="*/ 1004 h 10000"/>
                  <a:gd name="connsiteX232" fmla="*/ 8830 w 10000"/>
                  <a:gd name="connsiteY232" fmla="*/ 990 h 10000"/>
                  <a:gd name="connsiteX233" fmla="*/ 9123 w 10000"/>
                  <a:gd name="connsiteY233" fmla="*/ 1004 h 10000"/>
                  <a:gd name="connsiteX234" fmla="*/ 9256 w 10000"/>
                  <a:gd name="connsiteY234" fmla="*/ 1019 h 10000"/>
                  <a:gd name="connsiteX235" fmla="*/ 9387 w 10000"/>
                  <a:gd name="connsiteY235" fmla="*/ 1034 h 10000"/>
                  <a:gd name="connsiteX236" fmla="*/ 9495 w 10000"/>
                  <a:gd name="connsiteY236" fmla="*/ 1064 h 10000"/>
                  <a:gd name="connsiteX237" fmla="*/ 9628 w 10000"/>
                  <a:gd name="connsiteY237" fmla="*/ 1108 h 10000"/>
                  <a:gd name="connsiteX238" fmla="*/ 9707 w 10000"/>
                  <a:gd name="connsiteY238" fmla="*/ 1182 h 10000"/>
                  <a:gd name="connsiteX239" fmla="*/ 9786 w 10000"/>
                  <a:gd name="connsiteY239" fmla="*/ 1241 h 10000"/>
                  <a:gd name="connsiteX240" fmla="*/ 9841 w 10000"/>
                  <a:gd name="connsiteY240" fmla="*/ 1329 h 10000"/>
                  <a:gd name="connsiteX241" fmla="*/ 9893 w 10000"/>
                  <a:gd name="connsiteY241" fmla="*/ 1433 h 10000"/>
                  <a:gd name="connsiteX242" fmla="*/ 9946 w 10000"/>
                  <a:gd name="connsiteY242" fmla="*/ 1551 h 10000"/>
                  <a:gd name="connsiteX243" fmla="*/ 9919 w 10000"/>
                  <a:gd name="connsiteY243" fmla="*/ 1625 h 10000"/>
                  <a:gd name="connsiteX244" fmla="*/ 9893 w 10000"/>
                  <a:gd name="connsiteY244" fmla="*/ 1684 h 10000"/>
                  <a:gd name="connsiteX245" fmla="*/ 9841 w 10000"/>
                  <a:gd name="connsiteY245" fmla="*/ 1758 h 10000"/>
                  <a:gd name="connsiteX246" fmla="*/ 9761 w 10000"/>
                  <a:gd name="connsiteY246" fmla="*/ 1802 h 10000"/>
                  <a:gd name="connsiteX247" fmla="*/ 9707 w 10000"/>
                  <a:gd name="connsiteY247" fmla="*/ 1861 h 10000"/>
                  <a:gd name="connsiteX248" fmla="*/ 9682 w 10000"/>
                  <a:gd name="connsiteY248" fmla="*/ 1935 h 10000"/>
                  <a:gd name="connsiteX249" fmla="*/ 9707 w 10000"/>
                  <a:gd name="connsiteY249" fmla="*/ 2024 h 10000"/>
                  <a:gd name="connsiteX250" fmla="*/ 10000 w 10000"/>
                  <a:gd name="connsiteY250" fmla="*/ 2157 h 10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</a:cxnLst>
                <a:rect l="l" t="t" r="r" b="b"/>
                <a:pathLst>
                  <a:path w="10000" h="10000">
                    <a:moveTo>
                      <a:pt x="9752" y="2310"/>
                    </a:moveTo>
                    <a:cubicBezTo>
                      <a:pt x="10256" y="2128"/>
                      <a:pt x="9821" y="3161"/>
                      <a:pt x="9866" y="3117"/>
                    </a:cubicBezTo>
                    <a:cubicBezTo>
                      <a:pt x="9874" y="3102"/>
                      <a:pt x="9884" y="3087"/>
                      <a:pt x="9893" y="3072"/>
                    </a:cubicBezTo>
                    <a:cubicBezTo>
                      <a:pt x="9903" y="3052"/>
                      <a:pt x="9911" y="3033"/>
                      <a:pt x="9919" y="3013"/>
                    </a:cubicBezTo>
                    <a:lnTo>
                      <a:pt x="9919" y="2954"/>
                    </a:lnTo>
                    <a:cubicBezTo>
                      <a:pt x="9911" y="2925"/>
                      <a:pt x="9903" y="2895"/>
                      <a:pt x="9893" y="2866"/>
                    </a:cubicBezTo>
                    <a:lnTo>
                      <a:pt x="9707" y="2984"/>
                    </a:lnTo>
                    <a:lnTo>
                      <a:pt x="9495" y="3072"/>
                    </a:lnTo>
                    <a:lnTo>
                      <a:pt x="9281" y="3161"/>
                    </a:lnTo>
                    <a:lnTo>
                      <a:pt x="9069" y="3250"/>
                    </a:lnTo>
                    <a:lnTo>
                      <a:pt x="8589" y="3397"/>
                    </a:lnTo>
                    <a:lnTo>
                      <a:pt x="8085" y="3545"/>
                    </a:lnTo>
                    <a:lnTo>
                      <a:pt x="7100" y="3840"/>
                    </a:lnTo>
                    <a:lnTo>
                      <a:pt x="6861" y="3914"/>
                    </a:lnTo>
                    <a:lnTo>
                      <a:pt x="6649" y="4003"/>
                    </a:lnTo>
                    <a:lnTo>
                      <a:pt x="6437" y="4106"/>
                    </a:lnTo>
                    <a:lnTo>
                      <a:pt x="6222" y="4195"/>
                    </a:lnTo>
                    <a:cubicBezTo>
                      <a:pt x="6276" y="4269"/>
                      <a:pt x="6330" y="4343"/>
                      <a:pt x="6382" y="4417"/>
                    </a:cubicBezTo>
                    <a:cubicBezTo>
                      <a:pt x="6417" y="4486"/>
                      <a:pt x="6454" y="4554"/>
                      <a:pt x="6490" y="4623"/>
                    </a:cubicBezTo>
                    <a:cubicBezTo>
                      <a:pt x="6524" y="4697"/>
                      <a:pt x="6441" y="4771"/>
                      <a:pt x="6475" y="4845"/>
                    </a:cubicBezTo>
                    <a:cubicBezTo>
                      <a:pt x="6515" y="4961"/>
                      <a:pt x="6682" y="5203"/>
                      <a:pt x="6729" y="5318"/>
                    </a:cubicBezTo>
                    <a:cubicBezTo>
                      <a:pt x="6737" y="5392"/>
                      <a:pt x="6747" y="5465"/>
                      <a:pt x="6756" y="5539"/>
                    </a:cubicBezTo>
                    <a:cubicBezTo>
                      <a:pt x="6764" y="5618"/>
                      <a:pt x="6772" y="5696"/>
                      <a:pt x="6780" y="5775"/>
                    </a:cubicBezTo>
                    <a:lnTo>
                      <a:pt x="6780" y="5997"/>
                    </a:lnTo>
                    <a:cubicBezTo>
                      <a:pt x="6772" y="6076"/>
                      <a:pt x="6764" y="6154"/>
                      <a:pt x="6756" y="6233"/>
                    </a:cubicBezTo>
                    <a:cubicBezTo>
                      <a:pt x="6738" y="6312"/>
                      <a:pt x="6719" y="6391"/>
                      <a:pt x="6702" y="6470"/>
                    </a:cubicBezTo>
                    <a:cubicBezTo>
                      <a:pt x="6685" y="6539"/>
                      <a:pt x="6666" y="6608"/>
                      <a:pt x="6649" y="6677"/>
                    </a:cubicBezTo>
                    <a:cubicBezTo>
                      <a:pt x="6622" y="6751"/>
                      <a:pt x="6595" y="6824"/>
                      <a:pt x="6569" y="6898"/>
                    </a:cubicBezTo>
                    <a:cubicBezTo>
                      <a:pt x="6534" y="6967"/>
                      <a:pt x="6498" y="7036"/>
                      <a:pt x="6463" y="7105"/>
                    </a:cubicBezTo>
                    <a:cubicBezTo>
                      <a:pt x="6418" y="7169"/>
                      <a:pt x="6375" y="7233"/>
                      <a:pt x="6330" y="7297"/>
                    </a:cubicBezTo>
                    <a:lnTo>
                      <a:pt x="6170" y="7489"/>
                    </a:lnTo>
                    <a:lnTo>
                      <a:pt x="6010" y="7681"/>
                    </a:lnTo>
                    <a:lnTo>
                      <a:pt x="6780" y="7799"/>
                    </a:lnTo>
                    <a:lnTo>
                      <a:pt x="7580" y="7962"/>
                    </a:lnTo>
                    <a:lnTo>
                      <a:pt x="7738" y="8021"/>
                    </a:lnTo>
                    <a:lnTo>
                      <a:pt x="7872" y="8080"/>
                    </a:lnTo>
                    <a:cubicBezTo>
                      <a:pt x="7915" y="8100"/>
                      <a:pt x="7961" y="8119"/>
                      <a:pt x="8004" y="8139"/>
                    </a:cubicBezTo>
                    <a:cubicBezTo>
                      <a:pt x="8032" y="8168"/>
                      <a:pt x="8059" y="8198"/>
                      <a:pt x="8085" y="8227"/>
                    </a:cubicBezTo>
                    <a:cubicBezTo>
                      <a:pt x="8093" y="8252"/>
                      <a:pt x="8103" y="8276"/>
                      <a:pt x="8112" y="8301"/>
                    </a:cubicBezTo>
                    <a:lnTo>
                      <a:pt x="8112" y="8405"/>
                    </a:lnTo>
                    <a:cubicBezTo>
                      <a:pt x="8093" y="8444"/>
                      <a:pt x="8076" y="8484"/>
                      <a:pt x="8059" y="8523"/>
                    </a:cubicBezTo>
                    <a:cubicBezTo>
                      <a:pt x="8032" y="8562"/>
                      <a:pt x="8005" y="8602"/>
                      <a:pt x="7978" y="8641"/>
                    </a:cubicBezTo>
                    <a:lnTo>
                      <a:pt x="7633" y="8552"/>
                    </a:lnTo>
                    <a:lnTo>
                      <a:pt x="7313" y="8449"/>
                    </a:lnTo>
                    <a:lnTo>
                      <a:pt x="6994" y="8360"/>
                    </a:lnTo>
                    <a:lnTo>
                      <a:pt x="6674" y="8287"/>
                    </a:lnTo>
                    <a:lnTo>
                      <a:pt x="6541" y="8449"/>
                    </a:lnTo>
                    <a:cubicBezTo>
                      <a:pt x="6506" y="8498"/>
                      <a:pt x="6472" y="8548"/>
                      <a:pt x="6437" y="8597"/>
                    </a:cubicBezTo>
                    <a:cubicBezTo>
                      <a:pt x="6419" y="8617"/>
                      <a:pt x="6400" y="8636"/>
                      <a:pt x="6382" y="8656"/>
                    </a:cubicBezTo>
                    <a:cubicBezTo>
                      <a:pt x="6347" y="8671"/>
                      <a:pt x="6311" y="8685"/>
                      <a:pt x="6276" y="8700"/>
                    </a:cubicBezTo>
                    <a:cubicBezTo>
                      <a:pt x="6251" y="8715"/>
                      <a:pt x="6222" y="8729"/>
                      <a:pt x="6197" y="8744"/>
                    </a:cubicBezTo>
                    <a:lnTo>
                      <a:pt x="6117" y="8774"/>
                    </a:lnTo>
                    <a:lnTo>
                      <a:pt x="6037" y="8804"/>
                    </a:lnTo>
                    <a:cubicBezTo>
                      <a:pt x="6002" y="8809"/>
                      <a:pt x="5966" y="8813"/>
                      <a:pt x="5931" y="8818"/>
                    </a:cubicBezTo>
                    <a:lnTo>
                      <a:pt x="5797" y="8833"/>
                    </a:lnTo>
                    <a:lnTo>
                      <a:pt x="5665" y="8833"/>
                    </a:lnTo>
                    <a:lnTo>
                      <a:pt x="5347" y="8818"/>
                    </a:lnTo>
                    <a:lnTo>
                      <a:pt x="4946" y="8744"/>
                    </a:lnTo>
                    <a:lnTo>
                      <a:pt x="4946" y="8922"/>
                    </a:lnTo>
                    <a:cubicBezTo>
                      <a:pt x="4938" y="8971"/>
                      <a:pt x="4928" y="9020"/>
                      <a:pt x="4919" y="9069"/>
                    </a:cubicBezTo>
                    <a:cubicBezTo>
                      <a:pt x="4911" y="9123"/>
                      <a:pt x="4903" y="9178"/>
                      <a:pt x="4894" y="9232"/>
                    </a:cubicBezTo>
                    <a:cubicBezTo>
                      <a:pt x="4883" y="9276"/>
                      <a:pt x="4875" y="9321"/>
                      <a:pt x="4867" y="9365"/>
                    </a:cubicBezTo>
                    <a:cubicBezTo>
                      <a:pt x="4850" y="9409"/>
                      <a:pt x="4832" y="9454"/>
                      <a:pt x="4813" y="9498"/>
                    </a:cubicBezTo>
                    <a:lnTo>
                      <a:pt x="4708" y="9616"/>
                    </a:lnTo>
                    <a:cubicBezTo>
                      <a:pt x="4680" y="9655"/>
                      <a:pt x="4654" y="9695"/>
                      <a:pt x="4628" y="9734"/>
                    </a:cubicBezTo>
                    <a:lnTo>
                      <a:pt x="4494" y="9838"/>
                    </a:lnTo>
                    <a:lnTo>
                      <a:pt x="4173" y="9897"/>
                    </a:lnTo>
                    <a:lnTo>
                      <a:pt x="3910" y="9941"/>
                    </a:lnTo>
                    <a:lnTo>
                      <a:pt x="3590" y="9985"/>
                    </a:lnTo>
                    <a:lnTo>
                      <a:pt x="3351" y="10000"/>
                    </a:lnTo>
                    <a:lnTo>
                      <a:pt x="2819" y="10000"/>
                    </a:lnTo>
                    <a:lnTo>
                      <a:pt x="2313" y="9985"/>
                    </a:lnTo>
                    <a:lnTo>
                      <a:pt x="1836" y="9941"/>
                    </a:lnTo>
                    <a:lnTo>
                      <a:pt x="1330" y="9911"/>
                    </a:lnTo>
                    <a:lnTo>
                      <a:pt x="1038" y="9911"/>
                    </a:lnTo>
                    <a:lnTo>
                      <a:pt x="771" y="9911"/>
                    </a:lnTo>
                    <a:lnTo>
                      <a:pt x="479" y="9926"/>
                    </a:lnTo>
                    <a:lnTo>
                      <a:pt x="186" y="9970"/>
                    </a:lnTo>
                    <a:cubicBezTo>
                      <a:pt x="158" y="9936"/>
                      <a:pt x="133" y="9901"/>
                      <a:pt x="107" y="9867"/>
                    </a:cubicBezTo>
                    <a:cubicBezTo>
                      <a:pt x="88" y="9842"/>
                      <a:pt x="70" y="9818"/>
                      <a:pt x="54" y="9793"/>
                    </a:cubicBezTo>
                    <a:cubicBezTo>
                      <a:pt x="34" y="9764"/>
                      <a:pt x="17" y="9734"/>
                      <a:pt x="0" y="9705"/>
                    </a:cubicBezTo>
                    <a:lnTo>
                      <a:pt x="0" y="9601"/>
                    </a:lnTo>
                    <a:cubicBezTo>
                      <a:pt x="17" y="9542"/>
                      <a:pt x="34" y="9483"/>
                      <a:pt x="54" y="9424"/>
                    </a:cubicBezTo>
                    <a:cubicBezTo>
                      <a:pt x="70" y="9350"/>
                      <a:pt x="88" y="9276"/>
                      <a:pt x="107" y="9202"/>
                    </a:cubicBezTo>
                    <a:cubicBezTo>
                      <a:pt x="125" y="9133"/>
                      <a:pt x="142" y="9065"/>
                      <a:pt x="158" y="8996"/>
                    </a:cubicBezTo>
                    <a:cubicBezTo>
                      <a:pt x="177" y="8917"/>
                      <a:pt x="196" y="8838"/>
                      <a:pt x="213" y="8759"/>
                    </a:cubicBezTo>
                    <a:cubicBezTo>
                      <a:pt x="221" y="8720"/>
                      <a:pt x="231" y="8680"/>
                      <a:pt x="239" y="8641"/>
                    </a:cubicBezTo>
                    <a:lnTo>
                      <a:pt x="239" y="8538"/>
                    </a:lnTo>
                    <a:cubicBezTo>
                      <a:pt x="231" y="8494"/>
                      <a:pt x="221" y="8449"/>
                      <a:pt x="213" y="8405"/>
                    </a:cubicBezTo>
                    <a:cubicBezTo>
                      <a:pt x="205" y="8366"/>
                      <a:pt x="194" y="8326"/>
                      <a:pt x="186" y="8287"/>
                    </a:cubicBezTo>
                    <a:lnTo>
                      <a:pt x="452" y="8213"/>
                    </a:lnTo>
                    <a:lnTo>
                      <a:pt x="718" y="8139"/>
                    </a:lnTo>
                    <a:lnTo>
                      <a:pt x="984" y="8095"/>
                    </a:lnTo>
                    <a:lnTo>
                      <a:pt x="1277" y="8065"/>
                    </a:lnTo>
                    <a:lnTo>
                      <a:pt x="1807" y="8021"/>
                    </a:lnTo>
                    <a:lnTo>
                      <a:pt x="2341" y="7976"/>
                    </a:lnTo>
                    <a:lnTo>
                      <a:pt x="2580" y="7947"/>
                    </a:lnTo>
                    <a:lnTo>
                      <a:pt x="2819" y="7917"/>
                    </a:lnTo>
                    <a:lnTo>
                      <a:pt x="3030" y="7843"/>
                    </a:lnTo>
                    <a:lnTo>
                      <a:pt x="3244" y="7784"/>
                    </a:lnTo>
                    <a:lnTo>
                      <a:pt x="3431" y="7710"/>
                    </a:lnTo>
                    <a:cubicBezTo>
                      <a:pt x="3485" y="7671"/>
                      <a:pt x="3536" y="7631"/>
                      <a:pt x="3590" y="7592"/>
                    </a:cubicBezTo>
                    <a:cubicBezTo>
                      <a:pt x="3644" y="7553"/>
                      <a:pt x="3696" y="7513"/>
                      <a:pt x="3750" y="7474"/>
                    </a:cubicBezTo>
                    <a:cubicBezTo>
                      <a:pt x="3784" y="7420"/>
                      <a:pt x="3822" y="7366"/>
                      <a:pt x="3856" y="7312"/>
                    </a:cubicBezTo>
                    <a:lnTo>
                      <a:pt x="3644" y="7238"/>
                    </a:lnTo>
                    <a:lnTo>
                      <a:pt x="3456" y="7179"/>
                    </a:lnTo>
                    <a:cubicBezTo>
                      <a:pt x="3405" y="7149"/>
                      <a:pt x="3351" y="7120"/>
                      <a:pt x="3297" y="7090"/>
                    </a:cubicBezTo>
                    <a:cubicBezTo>
                      <a:pt x="3244" y="7056"/>
                      <a:pt x="3192" y="7021"/>
                      <a:pt x="3139" y="6987"/>
                    </a:cubicBezTo>
                    <a:cubicBezTo>
                      <a:pt x="3102" y="6948"/>
                      <a:pt x="3067" y="6908"/>
                      <a:pt x="3030" y="6869"/>
                    </a:cubicBezTo>
                    <a:cubicBezTo>
                      <a:pt x="3014" y="6820"/>
                      <a:pt x="2997" y="6770"/>
                      <a:pt x="2980" y="6721"/>
                    </a:cubicBezTo>
                    <a:cubicBezTo>
                      <a:pt x="2969" y="6667"/>
                      <a:pt x="2960" y="6612"/>
                      <a:pt x="2952" y="6558"/>
                    </a:cubicBezTo>
                    <a:cubicBezTo>
                      <a:pt x="2960" y="6489"/>
                      <a:pt x="2969" y="6421"/>
                      <a:pt x="2980" y="6352"/>
                    </a:cubicBezTo>
                    <a:lnTo>
                      <a:pt x="2846" y="6322"/>
                    </a:lnTo>
                    <a:lnTo>
                      <a:pt x="2687" y="6292"/>
                    </a:lnTo>
                    <a:lnTo>
                      <a:pt x="2501" y="6278"/>
                    </a:lnTo>
                    <a:lnTo>
                      <a:pt x="2313" y="6263"/>
                    </a:lnTo>
                    <a:lnTo>
                      <a:pt x="1942" y="6248"/>
                    </a:lnTo>
                    <a:lnTo>
                      <a:pt x="1543" y="6263"/>
                    </a:lnTo>
                    <a:lnTo>
                      <a:pt x="1198" y="6278"/>
                    </a:lnTo>
                    <a:lnTo>
                      <a:pt x="877" y="6278"/>
                    </a:lnTo>
                    <a:lnTo>
                      <a:pt x="613" y="6263"/>
                    </a:lnTo>
                    <a:lnTo>
                      <a:pt x="399" y="6233"/>
                    </a:lnTo>
                    <a:lnTo>
                      <a:pt x="663" y="5805"/>
                    </a:lnTo>
                    <a:lnTo>
                      <a:pt x="958" y="5391"/>
                    </a:lnTo>
                    <a:cubicBezTo>
                      <a:pt x="993" y="5317"/>
                      <a:pt x="1029" y="5244"/>
                      <a:pt x="1065" y="5170"/>
                    </a:cubicBezTo>
                    <a:cubicBezTo>
                      <a:pt x="1090" y="5101"/>
                      <a:pt x="1118" y="5032"/>
                      <a:pt x="1143" y="4963"/>
                    </a:cubicBezTo>
                    <a:cubicBezTo>
                      <a:pt x="1151" y="4929"/>
                      <a:pt x="1161" y="4894"/>
                      <a:pt x="1169" y="4860"/>
                    </a:cubicBezTo>
                    <a:cubicBezTo>
                      <a:pt x="1161" y="4825"/>
                      <a:pt x="1151" y="4791"/>
                      <a:pt x="1143" y="4756"/>
                    </a:cubicBezTo>
                    <a:cubicBezTo>
                      <a:pt x="1135" y="4722"/>
                      <a:pt x="1127" y="4687"/>
                      <a:pt x="1117" y="4653"/>
                    </a:cubicBezTo>
                    <a:cubicBezTo>
                      <a:pt x="1090" y="4618"/>
                      <a:pt x="1064" y="4584"/>
                      <a:pt x="1038" y="4549"/>
                    </a:cubicBezTo>
                    <a:lnTo>
                      <a:pt x="1330" y="4520"/>
                    </a:lnTo>
                    <a:lnTo>
                      <a:pt x="1543" y="4505"/>
                    </a:lnTo>
                    <a:lnTo>
                      <a:pt x="1729" y="4505"/>
                    </a:lnTo>
                    <a:lnTo>
                      <a:pt x="1888" y="4520"/>
                    </a:lnTo>
                    <a:lnTo>
                      <a:pt x="2022" y="4520"/>
                    </a:lnTo>
                    <a:lnTo>
                      <a:pt x="2181" y="4520"/>
                    </a:lnTo>
                    <a:lnTo>
                      <a:pt x="2341" y="4490"/>
                    </a:lnTo>
                    <a:lnTo>
                      <a:pt x="2552" y="4446"/>
                    </a:lnTo>
                    <a:lnTo>
                      <a:pt x="2552" y="4579"/>
                    </a:lnTo>
                    <a:lnTo>
                      <a:pt x="2552" y="4742"/>
                    </a:lnTo>
                    <a:lnTo>
                      <a:pt x="2552" y="4874"/>
                    </a:lnTo>
                    <a:lnTo>
                      <a:pt x="2552" y="5037"/>
                    </a:lnTo>
                    <a:lnTo>
                      <a:pt x="2792" y="5022"/>
                    </a:lnTo>
                    <a:lnTo>
                      <a:pt x="2952" y="5037"/>
                    </a:lnTo>
                    <a:lnTo>
                      <a:pt x="3085" y="5066"/>
                    </a:lnTo>
                    <a:lnTo>
                      <a:pt x="3218" y="5096"/>
                    </a:lnTo>
                    <a:lnTo>
                      <a:pt x="3325" y="5126"/>
                    </a:lnTo>
                    <a:lnTo>
                      <a:pt x="3456" y="5155"/>
                    </a:lnTo>
                    <a:lnTo>
                      <a:pt x="3617" y="5170"/>
                    </a:lnTo>
                    <a:lnTo>
                      <a:pt x="3856" y="5155"/>
                    </a:lnTo>
                    <a:cubicBezTo>
                      <a:pt x="3883" y="5135"/>
                      <a:pt x="3911" y="5116"/>
                      <a:pt x="3936" y="5096"/>
                    </a:cubicBezTo>
                    <a:cubicBezTo>
                      <a:pt x="3963" y="5071"/>
                      <a:pt x="3989" y="5047"/>
                      <a:pt x="4015" y="5022"/>
                    </a:cubicBezTo>
                    <a:cubicBezTo>
                      <a:pt x="4023" y="4993"/>
                      <a:pt x="4032" y="4963"/>
                      <a:pt x="4042" y="4934"/>
                    </a:cubicBezTo>
                    <a:cubicBezTo>
                      <a:pt x="4051" y="4909"/>
                      <a:pt x="4062" y="4885"/>
                      <a:pt x="4070" y="4860"/>
                    </a:cubicBezTo>
                    <a:cubicBezTo>
                      <a:pt x="4078" y="4806"/>
                      <a:pt x="4086" y="4751"/>
                      <a:pt x="4095" y="4697"/>
                    </a:cubicBezTo>
                    <a:cubicBezTo>
                      <a:pt x="4087" y="4638"/>
                      <a:pt x="4078" y="4579"/>
                      <a:pt x="4070" y="4520"/>
                    </a:cubicBezTo>
                    <a:cubicBezTo>
                      <a:pt x="4043" y="4461"/>
                      <a:pt x="4015" y="4402"/>
                      <a:pt x="3989" y="4343"/>
                    </a:cubicBezTo>
                    <a:cubicBezTo>
                      <a:pt x="3963" y="4294"/>
                      <a:pt x="3935" y="4244"/>
                      <a:pt x="3910" y="4195"/>
                    </a:cubicBezTo>
                    <a:cubicBezTo>
                      <a:pt x="3864" y="4146"/>
                      <a:pt x="3821" y="4096"/>
                      <a:pt x="3776" y="4047"/>
                    </a:cubicBezTo>
                    <a:lnTo>
                      <a:pt x="3644" y="3959"/>
                    </a:lnTo>
                    <a:lnTo>
                      <a:pt x="3803" y="3944"/>
                    </a:lnTo>
                    <a:lnTo>
                      <a:pt x="3936" y="3914"/>
                    </a:lnTo>
                    <a:cubicBezTo>
                      <a:pt x="3971" y="3894"/>
                      <a:pt x="4007" y="3875"/>
                      <a:pt x="4042" y="3855"/>
                    </a:cubicBezTo>
                    <a:cubicBezTo>
                      <a:pt x="4086" y="3821"/>
                      <a:pt x="4129" y="3786"/>
                      <a:pt x="4173" y="3752"/>
                    </a:cubicBezTo>
                    <a:cubicBezTo>
                      <a:pt x="4219" y="3722"/>
                      <a:pt x="4264" y="3693"/>
                      <a:pt x="4308" y="3663"/>
                    </a:cubicBezTo>
                    <a:cubicBezTo>
                      <a:pt x="4344" y="3629"/>
                      <a:pt x="4379" y="3594"/>
                      <a:pt x="4414" y="3560"/>
                    </a:cubicBezTo>
                    <a:cubicBezTo>
                      <a:pt x="4441" y="3521"/>
                      <a:pt x="4467" y="3481"/>
                      <a:pt x="4494" y="3442"/>
                    </a:cubicBezTo>
                    <a:cubicBezTo>
                      <a:pt x="4520" y="3402"/>
                      <a:pt x="4549" y="3363"/>
                      <a:pt x="4575" y="3323"/>
                    </a:cubicBezTo>
                    <a:cubicBezTo>
                      <a:pt x="4591" y="3289"/>
                      <a:pt x="4611" y="3254"/>
                      <a:pt x="4628" y="3220"/>
                    </a:cubicBezTo>
                    <a:cubicBezTo>
                      <a:pt x="4637" y="3181"/>
                      <a:pt x="4645" y="3141"/>
                      <a:pt x="4653" y="3102"/>
                    </a:cubicBezTo>
                    <a:cubicBezTo>
                      <a:pt x="4662" y="3072"/>
                      <a:pt x="4671" y="3043"/>
                      <a:pt x="4681" y="3013"/>
                    </a:cubicBezTo>
                    <a:cubicBezTo>
                      <a:pt x="4671" y="2988"/>
                      <a:pt x="4662" y="2964"/>
                      <a:pt x="4653" y="2939"/>
                    </a:cubicBezTo>
                    <a:cubicBezTo>
                      <a:pt x="4645" y="2915"/>
                      <a:pt x="4637" y="2890"/>
                      <a:pt x="4628" y="2866"/>
                    </a:cubicBezTo>
                    <a:lnTo>
                      <a:pt x="4548" y="2836"/>
                    </a:lnTo>
                    <a:lnTo>
                      <a:pt x="4442" y="2836"/>
                    </a:lnTo>
                    <a:lnTo>
                      <a:pt x="4308" y="2866"/>
                    </a:lnTo>
                    <a:cubicBezTo>
                      <a:pt x="4343" y="2836"/>
                      <a:pt x="4379" y="2807"/>
                      <a:pt x="4414" y="2777"/>
                    </a:cubicBezTo>
                    <a:cubicBezTo>
                      <a:pt x="4431" y="2743"/>
                      <a:pt x="4451" y="2708"/>
                      <a:pt x="4469" y="2674"/>
                    </a:cubicBezTo>
                    <a:cubicBezTo>
                      <a:pt x="4478" y="2630"/>
                      <a:pt x="4486" y="2585"/>
                      <a:pt x="4494" y="2541"/>
                    </a:cubicBezTo>
                    <a:lnTo>
                      <a:pt x="4494" y="2393"/>
                    </a:lnTo>
                    <a:cubicBezTo>
                      <a:pt x="4502" y="2378"/>
                      <a:pt x="4512" y="2364"/>
                      <a:pt x="4520" y="2349"/>
                    </a:cubicBezTo>
                    <a:cubicBezTo>
                      <a:pt x="4539" y="2334"/>
                      <a:pt x="4557" y="2319"/>
                      <a:pt x="4575" y="2304"/>
                    </a:cubicBezTo>
                    <a:cubicBezTo>
                      <a:pt x="4591" y="2299"/>
                      <a:pt x="4611" y="2295"/>
                      <a:pt x="4628" y="2290"/>
                    </a:cubicBezTo>
                    <a:lnTo>
                      <a:pt x="4708" y="2275"/>
                    </a:lnTo>
                    <a:lnTo>
                      <a:pt x="4946" y="2260"/>
                    </a:lnTo>
                    <a:lnTo>
                      <a:pt x="5158" y="2275"/>
                    </a:lnTo>
                    <a:cubicBezTo>
                      <a:pt x="5150" y="2221"/>
                      <a:pt x="5141" y="2166"/>
                      <a:pt x="5132" y="2112"/>
                    </a:cubicBezTo>
                    <a:cubicBezTo>
                      <a:pt x="5116" y="2058"/>
                      <a:pt x="5097" y="2004"/>
                      <a:pt x="5080" y="1950"/>
                    </a:cubicBezTo>
                    <a:cubicBezTo>
                      <a:pt x="5054" y="1901"/>
                      <a:pt x="5026" y="1851"/>
                      <a:pt x="4999" y="1802"/>
                    </a:cubicBezTo>
                    <a:cubicBezTo>
                      <a:pt x="4966" y="1748"/>
                      <a:pt x="4928" y="1694"/>
                      <a:pt x="4894" y="1640"/>
                    </a:cubicBezTo>
                    <a:lnTo>
                      <a:pt x="4628" y="1329"/>
                    </a:lnTo>
                    <a:lnTo>
                      <a:pt x="4362" y="1034"/>
                    </a:lnTo>
                    <a:cubicBezTo>
                      <a:pt x="4316" y="990"/>
                      <a:pt x="4273" y="945"/>
                      <a:pt x="4228" y="901"/>
                    </a:cubicBezTo>
                    <a:cubicBezTo>
                      <a:pt x="4193" y="852"/>
                      <a:pt x="4159" y="802"/>
                      <a:pt x="4124" y="753"/>
                    </a:cubicBezTo>
                    <a:cubicBezTo>
                      <a:pt x="4095" y="709"/>
                      <a:pt x="4069" y="664"/>
                      <a:pt x="4042" y="620"/>
                    </a:cubicBezTo>
                    <a:cubicBezTo>
                      <a:pt x="4032" y="576"/>
                      <a:pt x="4023" y="531"/>
                      <a:pt x="4015" y="487"/>
                    </a:cubicBezTo>
                    <a:cubicBezTo>
                      <a:pt x="4007" y="443"/>
                      <a:pt x="3998" y="399"/>
                      <a:pt x="3989" y="355"/>
                    </a:cubicBezTo>
                    <a:cubicBezTo>
                      <a:pt x="4007" y="311"/>
                      <a:pt x="4023" y="266"/>
                      <a:pt x="4042" y="222"/>
                    </a:cubicBezTo>
                    <a:cubicBezTo>
                      <a:pt x="4051" y="202"/>
                      <a:pt x="4062" y="182"/>
                      <a:pt x="4070" y="162"/>
                    </a:cubicBezTo>
                    <a:cubicBezTo>
                      <a:pt x="4086" y="142"/>
                      <a:pt x="4103" y="123"/>
                      <a:pt x="4124" y="103"/>
                    </a:cubicBezTo>
                    <a:cubicBezTo>
                      <a:pt x="4149" y="88"/>
                      <a:pt x="4174" y="74"/>
                      <a:pt x="4203" y="59"/>
                    </a:cubicBezTo>
                    <a:cubicBezTo>
                      <a:pt x="4236" y="39"/>
                      <a:pt x="4274" y="20"/>
                      <a:pt x="4308" y="0"/>
                    </a:cubicBezTo>
                    <a:lnTo>
                      <a:pt x="4494" y="0"/>
                    </a:lnTo>
                    <a:lnTo>
                      <a:pt x="4681" y="15"/>
                    </a:lnTo>
                    <a:lnTo>
                      <a:pt x="4867" y="44"/>
                    </a:lnTo>
                    <a:lnTo>
                      <a:pt x="4999" y="89"/>
                    </a:lnTo>
                    <a:lnTo>
                      <a:pt x="5213" y="192"/>
                    </a:lnTo>
                    <a:lnTo>
                      <a:pt x="5425" y="340"/>
                    </a:lnTo>
                    <a:cubicBezTo>
                      <a:pt x="5479" y="384"/>
                      <a:pt x="5532" y="429"/>
                      <a:pt x="5585" y="473"/>
                    </a:cubicBezTo>
                    <a:lnTo>
                      <a:pt x="5797" y="591"/>
                    </a:lnTo>
                    <a:cubicBezTo>
                      <a:pt x="5841" y="611"/>
                      <a:pt x="5887" y="630"/>
                      <a:pt x="5931" y="650"/>
                    </a:cubicBezTo>
                    <a:lnTo>
                      <a:pt x="6090" y="679"/>
                    </a:lnTo>
                    <a:lnTo>
                      <a:pt x="6251" y="709"/>
                    </a:lnTo>
                    <a:lnTo>
                      <a:pt x="6463" y="709"/>
                    </a:lnTo>
                    <a:lnTo>
                      <a:pt x="6463" y="768"/>
                    </a:lnTo>
                    <a:cubicBezTo>
                      <a:pt x="6471" y="793"/>
                      <a:pt x="6480" y="817"/>
                      <a:pt x="6490" y="842"/>
                    </a:cubicBezTo>
                    <a:cubicBezTo>
                      <a:pt x="6507" y="867"/>
                      <a:pt x="6524" y="891"/>
                      <a:pt x="6541" y="916"/>
                    </a:cubicBezTo>
                    <a:cubicBezTo>
                      <a:pt x="6560" y="941"/>
                      <a:pt x="6579" y="965"/>
                      <a:pt x="6595" y="990"/>
                    </a:cubicBezTo>
                    <a:cubicBezTo>
                      <a:pt x="6622" y="1010"/>
                      <a:pt x="6649" y="1029"/>
                      <a:pt x="6674" y="1049"/>
                    </a:cubicBezTo>
                    <a:cubicBezTo>
                      <a:pt x="6709" y="1069"/>
                      <a:pt x="6747" y="1088"/>
                      <a:pt x="6780" y="1108"/>
                    </a:cubicBezTo>
                    <a:lnTo>
                      <a:pt x="6914" y="1182"/>
                    </a:lnTo>
                    <a:cubicBezTo>
                      <a:pt x="6949" y="1197"/>
                      <a:pt x="6985" y="1211"/>
                      <a:pt x="7020" y="1226"/>
                    </a:cubicBezTo>
                    <a:lnTo>
                      <a:pt x="7127" y="1270"/>
                    </a:lnTo>
                    <a:lnTo>
                      <a:pt x="7234" y="1300"/>
                    </a:lnTo>
                    <a:lnTo>
                      <a:pt x="7340" y="1315"/>
                    </a:lnTo>
                    <a:lnTo>
                      <a:pt x="7474" y="1300"/>
                    </a:lnTo>
                    <a:lnTo>
                      <a:pt x="7580" y="1285"/>
                    </a:lnTo>
                    <a:cubicBezTo>
                      <a:pt x="7606" y="1270"/>
                      <a:pt x="7633" y="1256"/>
                      <a:pt x="7659" y="1241"/>
                    </a:cubicBezTo>
                    <a:cubicBezTo>
                      <a:pt x="7676" y="1216"/>
                      <a:pt x="7694" y="1192"/>
                      <a:pt x="7714" y="1167"/>
                    </a:cubicBezTo>
                    <a:cubicBezTo>
                      <a:pt x="7722" y="1133"/>
                      <a:pt x="7730" y="1098"/>
                      <a:pt x="7738" y="1064"/>
                    </a:cubicBezTo>
                    <a:lnTo>
                      <a:pt x="8138" y="1034"/>
                    </a:lnTo>
                    <a:lnTo>
                      <a:pt x="8509" y="1004"/>
                    </a:lnTo>
                    <a:lnTo>
                      <a:pt x="8830" y="990"/>
                    </a:lnTo>
                    <a:lnTo>
                      <a:pt x="9123" y="1004"/>
                    </a:lnTo>
                    <a:lnTo>
                      <a:pt x="9256" y="1019"/>
                    </a:lnTo>
                    <a:lnTo>
                      <a:pt x="9387" y="1034"/>
                    </a:lnTo>
                    <a:lnTo>
                      <a:pt x="9495" y="1064"/>
                    </a:lnTo>
                    <a:cubicBezTo>
                      <a:pt x="9539" y="1079"/>
                      <a:pt x="9583" y="1093"/>
                      <a:pt x="9628" y="1108"/>
                    </a:cubicBezTo>
                    <a:cubicBezTo>
                      <a:pt x="9652" y="1133"/>
                      <a:pt x="9682" y="1157"/>
                      <a:pt x="9707" y="1182"/>
                    </a:cubicBezTo>
                    <a:cubicBezTo>
                      <a:pt x="9732" y="1202"/>
                      <a:pt x="9761" y="1221"/>
                      <a:pt x="9786" y="1241"/>
                    </a:cubicBezTo>
                    <a:cubicBezTo>
                      <a:pt x="9802" y="1270"/>
                      <a:pt x="9824" y="1300"/>
                      <a:pt x="9841" y="1329"/>
                    </a:cubicBezTo>
                    <a:cubicBezTo>
                      <a:pt x="9857" y="1364"/>
                      <a:pt x="9875" y="1398"/>
                      <a:pt x="9893" y="1433"/>
                    </a:cubicBezTo>
                    <a:cubicBezTo>
                      <a:pt x="9911" y="1472"/>
                      <a:pt x="9929" y="1512"/>
                      <a:pt x="9946" y="1551"/>
                    </a:cubicBezTo>
                    <a:cubicBezTo>
                      <a:pt x="9938" y="1576"/>
                      <a:pt x="9928" y="1600"/>
                      <a:pt x="9919" y="1625"/>
                    </a:cubicBezTo>
                    <a:cubicBezTo>
                      <a:pt x="9911" y="1645"/>
                      <a:pt x="9903" y="1664"/>
                      <a:pt x="9893" y="1684"/>
                    </a:cubicBezTo>
                    <a:cubicBezTo>
                      <a:pt x="9875" y="1709"/>
                      <a:pt x="9857" y="1733"/>
                      <a:pt x="9841" y="1758"/>
                    </a:cubicBezTo>
                    <a:cubicBezTo>
                      <a:pt x="9814" y="1773"/>
                      <a:pt x="9786" y="1787"/>
                      <a:pt x="9761" y="1802"/>
                    </a:cubicBezTo>
                    <a:cubicBezTo>
                      <a:pt x="9742" y="1822"/>
                      <a:pt x="9724" y="1841"/>
                      <a:pt x="9707" y="1861"/>
                    </a:cubicBezTo>
                    <a:cubicBezTo>
                      <a:pt x="9699" y="1886"/>
                      <a:pt x="9691" y="1910"/>
                      <a:pt x="9682" y="1935"/>
                    </a:cubicBezTo>
                    <a:cubicBezTo>
                      <a:pt x="9691" y="1965"/>
                      <a:pt x="9699" y="1994"/>
                      <a:pt x="9707" y="2024"/>
                    </a:cubicBezTo>
                    <a:lnTo>
                      <a:pt x="10000" y="2157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87" name="Roskilde"/>
              <p:cNvSpPr>
                <a:spLocks/>
              </p:cNvSpPr>
              <p:nvPr/>
            </p:nvSpPr>
            <p:spPr bwMode="auto">
              <a:xfrm>
                <a:off x="3567113" y="4908550"/>
                <a:ext cx="85725" cy="47625"/>
              </a:xfrm>
              <a:custGeom>
                <a:avLst/>
                <a:gdLst>
                  <a:gd name="T0" fmla="*/ 52 w 162"/>
                  <a:gd name="T1" fmla="*/ 11 h 90"/>
                  <a:gd name="T2" fmla="*/ 51 w 162"/>
                  <a:gd name="T3" fmla="*/ 13 h 90"/>
                  <a:gd name="T4" fmla="*/ 51 w 162"/>
                  <a:gd name="T5" fmla="*/ 14 h 90"/>
                  <a:gd name="T6" fmla="*/ 50 w 162"/>
                  <a:gd name="T7" fmla="*/ 15 h 90"/>
                  <a:gd name="T8" fmla="*/ 49 w 162"/>
                  <a:gd name="T9" fmla="*/ 17 h 90"/>
                  <a:gd name="T10" fmla="*/ 47 w 162"/>
                  <a:gd name="T11" fmla="*/ 19 h 90"/>
                  <a:gd name="T12" fmla="*/ 45 w 162"/>
                  <a:gd name="T13" fmla="*/ 21 h 90"/>
                  <a:gd name="T14" fmla="*/ 43 w 162"/>
                  <a:gd name="T15" fmla="*/ 22 h 90"/>
                  <a:gd name="T16" fmla="*/ 41 w 162"/>
                  <a:gd name="T17" fmla="*/ 24 h 90"/>
                  <a:gd name="T18" fmla="*/ 40 w 162"/>
                  <a:gd name="T19" fmla="*/ 26 h 90"/>
                  <a:gd name="T20" fmla="*/ 39 w 162"/>
                  <a:gd name="T21" fmla="*/ 27 h 90"/>
                  <a:gd name="T22" fmla="*/ 38 w 162"/>
                  <a:gd name="T23" fmla="*/ 28 h 90"/>
                  <a:gd name="T24" fmla="*/ 38 w 162"/>
                  <a:gd name="T25" fmla="*/ 30 h 90"/>
                  <a:gd name="T26" fmla="*/ 36 w 162"/>
                  <a:gd name="T27" fmla="*/ 30 h 90"/>
                  <a:gd name="T28" fmla="*/ 34 w 162"/>
                  <a:gd name="T29" fmla="*/ 30 h 90"/>
                  <a:gd name="T30" fmla="*/ 33 w 162"/>
                  <a:gd name="T31" fmla="*/ 29 h 90"/>
                  <a:gd name="T32" fmla="*/ 30 w 162"/>
                  <a:gd name="T33" fmla="*/ 29 h 90"/>
                  <a:gd name="T34" fmla="*/ 26 w 162"/>
                  <a:gd name="T35" fmla="*/ 27 h 90"/>
                  <a:gd name="T36" fmla="*/ 22 w 162"/>
                  <a:gd name="T37" fmla="*/ 24 h 90"/>
                  <a:gd name="T38" fmla="*/ 13 w 162"/>
                  <a:gd name="T39" fmla="*/ 19 h 90"/>
                  <a:gd name="T40" fmla="*/ 5 w 162"/>
                  <a:gd name="T41" fmla="*/ 14 h 90"/>
                  <a:gd name="T42" fmla="*/ 3 w 162"/>
                  <a:gd name="T43" fmla="*/ 12 h 90"/>
                  <a:gd name="T44" fmla="*/ 0 w 162"/>
                  <a:gd name="T45" fmla="*/ 11 h 90"/>
                  <a:gd name="T46" fmla="*/ 1 w 162"/>
                  <a:gd name="T47" fmla="*/ 8 h 90"/>
                  <a:gd name="T48" fmla="*/ 3 w 162"/>
                  <a:gd name="T49" fmla="*/ 6 h 90"/>
                  <a:gd name="T50" fmla="*/ 6 w 162"/>
                  <a:gd name="T51" fmla="*/ 7 h 90"/>
                  <a:gd name="T52" fmla="*/ 9 w 162"/>
                  <a:gd name="T53" fmla="*/ 7 h 90"/>
                  <a:gd name="T54" fmla="*/ 13 w 162"/>
                  <a:gd name="T55" fmla="*/ 8 h 90"/>
                  <a:gd name="T56" fmla="*/ 16 w 162"/>
                  <a:gd name="T57" fmla="*/ 8 h 90"/>
                  <a:gd name="T58" fmla="*/ 19 w 162"/>
                  <a:gd name="T59" fmla="*/ 8 h 90"/>
                  <a:gd name="T60" fmla="*/ 22 w 162"/>
                  <a:gd name="T61" fmla="*/ 7 h 90"/>
                  <a:gd name="T62" fmla="*/ 25 w 162"/>
                  <a:gd name="T63" fmla="*/ 6 h 90"/>
                  <a:gd name="T64" fmla="*/ 28 w 162"/>
                  <a:gd name="T65" fmla="*/ 6 h 90"/>
                  <a:gd name="T66" fmla="*/ 34 w 162"/>
                  <a:gd name="T67" fmla="*/ 3 h 90"/>
                  <a:gd name="T68" fmla="*/ 41 w 162"/>
                  <a:gd name="T69" fmla="*/ 2 h 90"/>
                  <a:gd name="T70" fmla="*/ 44 w 162"/>
                  <a:gd name="T71" fmla="*/ 1 h 90"/>
                  <a:gd name="T72" fmla="*/ 47 w 162"/>
                  <a:gd name="T73" fmla="*/ 0 h 90"/>
                  <a:gd name="T74" fmla="*/ 50 w 162"/>
                  <a:gd name="T75" fmla="*/ 0 h 90"/>
                  <a:gd name="T76" fmla="*/ 54 w 162"/>
                  <a:gd name="T77" fmla="*/ 0 h 90"/>
                  <a:gd name="T78" fmla="*/ 54 w 162"/>
                  <a:gd name="T79" fmla="*/ 3 h 90"/>
                  <a:gd name="T80" fmla="*/ 54 w 162"/>
                  <a:gd name="T81" fmla="*/ 6 h 90"/>
                  <a:gd name="T82" fmla="*/ 53 w 162"/>
                  <a:gd name="T83" fmla="*/ 9 h 90"/>
                  <a:gd name="T84" fmla="*/ 52 w 162"/>
                  <a:gd name="T85" fmla="*/ 11 h 90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62" h="90">
                    <a:moveTo>
                      <a:pt x="155" y="32"/>
                    </a:moveTo>
                    <a:lnTo>
                      <a:pt x="154" y="38"/>
                    </a:lnTo>
                    <a:lnTo>
                      <a:pt x="152" y="43"/>
                    </a:lnTo>
                    <a:lnTo>
                      <a:pt x="150" y="46"/>
                    </a:lnTo>
                    <a:lnTo>
                      <a:pt x="147" y="50"/>
                    </a:lnTo>
                    <a:lnTo>
                      <a:pt x="142" y="57"/>
                    </a:lnTo>
                    <a:lnTo>
                      <a:pt x="136" y="62"/>
                    </a:lnTo>
                    <a:lnTo>
                      <a:pt x="128" y="67"/>
                    </a:lnTo>
                    <a:lnTo>
                      <a:pt x="122" y="73"/>
                    </a:lnTo>
                    <a:lnTo>
                      <a:pt x="120" y="77"/>
                    </a:lnTo>
                    <a:lnTo>
                      <a:pt x="117" y="81"/>
                    </a:lnTo>
                    <a:lnTo>
                      <a:pt x="115" y="85"/>
                    </a:lnTo>
                    <a:lnTo>
                      <a:pt x="114" y="89"/>
                    </a:lnTo>
                    <a:lnTo>
                      <a:pt x="108" y="90"/>
                    </a:lnTo>
                    <a:lnTo>
                      <a:pt x="103" y="90"/>
                    </a:lnTo>
                    <a:lnTo>
                      <a:pt x="98" y="88"/>
                    </a:lnTo>
                    <a:lnTo>
                      <a:pt x="91" y="87"/>
                    </a:lnTo>
                    <a:lnTo>
                      <a:pt x="79" y="81"/>
                    </a:lnTo>
                    <a:lnTo>
                      <a:pt x="66" y="73"/>
                    </a:lnTo>
                    <a:lnTo>
                      <a:pt x="40" y="57"/>
                    </a:lnTo>
                    <a:lnTo>
                      <a:pt x="16" y="41"/>
                    </a:lnTo>
                    <a:lnTo>
                      <a:pt x="8" y="35"/>
                    </a:lnTo>
                    <a:lnTo>
                      <a:pt x="0" y="32"/>
                    </a:lnTo>
                    <a:lnTo>
                      <a:pt x="4" y="25"/>
                    </a:lnTo>
                    <a:lnTo>
                      <a:pt x="8" y="17"/>
                    </a:lnTo>
                    <a:lnTo>
                      <a:pt x="18" y="20"/>
                    </a:lnTo>
                    <a:lnTo>
                      <a:pt x="27" y="22"/>
                    </a:lnTo>
                    <a:lnTo>
                      <a:pt x="38" y="23"/>
                    </a:lnTo>
                    <a:lnTo>
                      <a:pt x="47" y="23"/>
                    </a:lnTo>
                    <a:lnTo>
                      <a:pt x="56" y="23"/>
                    </a:lnTo>
                    <a:lnTo>
                      <a:pt x="65" y="21"/>
                    </a:lnTo>
                    <a:lnTo>
                      <a:pt x="75" y="19"/>
                    </a:lnTo>
                    <a:lnTo>
                      <a:pt x="84" y="17"/>
                    </a:lnTo>
                    <a:lnTo>
                      <a:pt x="103" y="10"/>
                    </a:lnTo>
                    <a:lnTo>
                      <a:pt x="122" y="5"/>
                    </a:lnTo>
                    <a:lnTo>
                      <a:pt x="131" y="3"/>
                    </a:lnTo>
                    <a:lnTo>
                      <a:pt x="142" y="1"/>
                    </a:lnTo>
                    <a:lnTo>
                      <a:pt x="151" y="0"/>
                    </a:lnTo>
                    <a:lnTo>
                      <a:pt x="162" y="0"/>
                    </a:lnTo>
                    <a:lnTo>
                      <a:pt x="162" y="10"/>
                    </a:lnTo>
                    <a:lnTo>
                      <a:pt x="161" y="19"/>
                    </a:lnTo>
                    <a:lnTo>
                      <a:pt x="159" y="26"/>
                    </a:lnTo>
                    <a:lnTo>
                      <a:pt x="155" y="32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88" name="Roskilde kant"/>
              <p:cNvSpPr>
                <a:spLocks/>
              </p:cNvSpPr>
              <p:nvPr/>
            </p:nvSpPr>
            <p:spPr bwMode="auto">
              <a:xfrm>
                <a:off x="3567113" y="4908550"/>
                <a:ext cx="85725" cy="47625"/>
              </a:xfrm>
              <a:custGeom>
                <a:avLst/>
                <a:gdLst>
                  <a:gd name="T0" fmla="*/ 52 w 162"/>
                  <a:gd name="T1" fmla="*/ 11 h 90"/>
                  <a:gd name="T2" fmla="*/ 51 w 162"/>
                  <a:gd name="T3" fmla="*/ 13 h 90"/>
                  <a:gd name="T4" fmla="*/ 51 w 162"/>
                  <a:gd name="T5" fmla="*/ 14 h 90"/>
                  <a:gd name="T6" fmla="*/ 50 w 162"/>
                  <a:gd name="T7" fmla="*/ 15 h 90"/>
                  <a:gd name="T8" fmla="*/ 49 w 162"/>
                  <a:gd name="T9" fmla="*/ 17 h 90"/>
                  <a:gd name="T10" fmla="*/ 47 w 162"/>
                  <a:gd name="T11" fmla="*/ 19 h 90"/>
                  <a:gd name="T12" fmla="*/ 45 w 162"/>
                  <a:gd name="T13" fmla="*/ 21 h 90"/>
                  <a:gd name="T14" fmla="*/ 43 w 162"/>
                  <a:gd name="T15" fmla="*/ 22 h 90"/>
                  <a:gd name="T16" fmla="*/ 41 w 162"/>
                  <a:gd name="T17" fmla="*/ 24 h 90"/>
                  <a:gd name="T18" fmla="*/ 40 w 162"/>
                  <a:gd name="T19" fmla="*/ 26 h 90"/>
                  <a:gd name="T20" fmla="*/ 39 w 162"/>
                  <a:gd name="T21" fmla="*/ 27 h 90"/>
                  <a:gd name="T22" fmla="*/ 38 w 162"/>
                  <a:gd name="T23" fmla="*/ 28 h 90"/>
                  <a:gd name="T24" fmla="*/ 38 w 162"/>
                  <a:gd name="T25" fmla="*/ 30 h 90"/>
                  <a:gd name="T26" fmla="*/ 36 w 162"/>
                  <a:gd name="T27" fmla="*/ 30 h 90"/>
                  <a:gd name="T28" fmla="*/ 34 w 162"/>
                  <a:gd name="T29" fmla="*/ 30 h 90"/>
                  <a:gd name="T30" fmla="*/ 33 w 162"/>
                  <a:gd name="T31" fmla="*/ 29 h 90"/>
                  <a:gd name="T32" fmla="*/ 30 w 162"/>
                  <a:gd name="T33" fmla="*/ 29 h 90"/>
                  <a:gd name="T34" fmla="*/ 26 w 162"/>
                  <a:gd name="T35" fmla="*/ 27 h 90"/>
                  <a:gd name="T36" fmla="*/ 22 w 162"/>
                  <a:gd name="T37" fmla="*/ 24 h 90"/>
                  <a:gd name="T38" fmla="*/ 13 w 162"/>
                  <a:gd name="T39" fmla="*/ 19 h 90"/>
                  <a:gd name="T40" fmla="*/ 5 w 162"/>
                  <a:gd name="T41" fmla="*/ 14 h 90"/>
                  <a:gd name="T42" fmla="*/ 3 w 162"/>
                  <a:gd name="T43" fmla="*/ 12 h 90"/>
                  <a:gd name="T44" fmla="*/ 0 w 162"/>
                  <a:gd name="T45" fmla="*/ 11 h 90"/>
                  <a:gd name="T46" fmla="*/ 1 w 162"/>
                  <a:gd name="T47" fmla="*/ 8 h 90"/>
                  <a:gd name="T48" fmla="*/ 3 w 162"/>
                  <a:gd name="T49" fmla="*/ 6 h 90"/>
                  <a:gd name="T50" fmla="*/ 6 w 162"/>
                  <a:gd name="T51" fmla="*/ 7 h 90"/>
                  <a:gd name="T52" fmla="*/ 9 w 162"/>
                  <a:gd name="T53" fmla="*/ 7 h 90"/>
                  <a:gd name="T54" fmla="*/ 13 w 162"/>
                  <a:gd name="T55" fmla="*/ 8 h 90"/>
                  <a:gd name="T56" fmla="*/ 16 w 162"/>
                  <a:gd name="T57" fmla="*/ 8 h 90"/>
                  <a:gd name="T58" fmla="*/ 19 w 162"/>
                  <a:gd name="T59" fmla="*/ 8 h 90"/>
                  <a:gd name="T60" fmla="*/ 22 w 162"/>
                  <a:gd name="T61" fmla="*/ 7 h 90"/>
                  <a:gd name="T62" fmla="*/ 25 w 162"/>
                  <a:gd name="T63" fmla="*/ 6 h 90"/>
                  <a:gd name="T64" fmla="*/ 28 w 162"/>
                  <a:gd name="T65" fmla="*/ 6 h 90"/>
                  <a:gd name="T66" fmla="*/ 34 w 162"/>
                  <a:gd name="T67" fmla="*/ 3 h 90"/>
                  <a:gd name="T68" fmla="*/ 41 w 162"/>
                  <a:gd name="T69" fmla="*/ 2 h 90"/>
                  <a:gd name="T70" fmla="*/ 44 w 162"/>
                  <a:gd name="T71" fmla="*/ 1 h 90"/>
                  <a:gd name="T72" fmla="*/ 47 w 162"/>
                  <a:gd name="T73" fmla="*/ 0 h 90"/>
                  <a:gd name="T74" fmla="*/ 50 w 162"/>
                  <a:gd name="T75" fmla="*/ 0 h 90"/>
                  <a:gd name="T76" fmla="*/ 54 w 162"/>
                  <a:gd name="T77" fmla="*/ 0 h 90"/>
                  <a:gd name="T78" fmla="*/ 54 w 162"/>
                  <a:gd name="T79" fmla="*/ 3 h 90"/>
                  <a:gd name="T80" fmla="*/ 54 w 162"/>
                  <a:gd name="T81" fmla="*/ 6 h 90"/>
                  <a:gd name="T82" fmla="*/ 53 w 162"/>
                  <a:gd name="T83" fmla="*/ 9 h 90"/>
                  <a:gd name="T84" fmla="*/ 52 w 162"/>
                  <a:gd name="T85" fmla="*/ 11 h 90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62" h="90">
                    <a:moveTo>
                      <a:pt x="155" y="32"/>
                    </a:moveTo>
                    <a:lnTo>
                      <a:pt x="154" y="38"/>
                    </a:lnTo>
                    <a:lnTo>
                      <a:pt x="152" y="43"/>
                    </a:lnTo>
                    <a:lnTo>
                      <a:pt x="150" y="46"/>
                    </a:lnTo>
                    <a:lnTo>
                      <a:pt x="147" y="50"/>
                    </a:lnTo>
                    <a:lnTo>
                      <a:pt x="142" y="57"/>
                    </a:lnTo>
                    <a:lnTo>
                      <a:pt x="136" y="62"/>
                    </a:lnTo>
                    <a:lnTo>
                      <a:pt x="128" y="67"/>
                    </a:lnTo>
                    <a:lnTo>
                      <a:pt x="122" y="73"/>
                    </a:lnTo>
                    <a:lnTo>
                      <a:pt x="120" y="77"/>
                    </a:lnTo>
                    <a:lnTo>
                      <a:pt x="117" y="81"/>
                    </a:lnTo>
                    <a:lnTo>
                      <a:pt x="115" y="85"/>
                    </a:lnTo>
                    <a:lnTo>
                      <a:pt x="114" y="89"/>
                    </a:lnTo>
                    <a:lnTo>
                      <a:pt x="108" y="90"/>
                    </a:lnTo>
                    <a:lnTo>
                      <a:pt x="103" y="90"/>
                    </a:lnTo>
                    <a:lnTo>
                      <a:pt x="98" y="88"/>
                    </a:lnTo>
                    <a:lnTo>
                      <a:pt x="91" y="87"/>
                    </a:lnTo>
                    <a:lnTo>
                      <a:pt x="79" y="81"/>
                    </a:lnTo>
                    <a:lnTo>
                      <a:pt x="66" y="73"/>
                    </a:lnTo>
                    <a:lnTo>
                      <a:pt x="40" y="57"/>
                    </a:lnTo>
                    <a:lnTo>
                      <a:pt x="16" y="41"/>
                    </a:lnTo>
                    <a:lnTo>
                      <a:pt x="8" y="35"/>
                    </a:lnTo>
                    <a:lnTo>
                      <a:pt x="0" y="32"/>
                    </a:lnTo>
                    <a:lnTo>
                      <a:pt x="4" y="25"/>
                    </a:lnTo>
                    <a:lnTo>
                      <a:pt x="8" y="17"/>
                    </a:lnTo>
                    <a:lnTo>
                      <a:pt x="18" y="20"/>
                    </a:lnTo>
                    <a:lnTo>
                      <a:pt x="27" y="22"/>
                    </a:lnTo>
                    <a:lnTo>
                      <a:pt x="38" y="23"/>
                    </a:lnTo>
                    <a:lnTo>
                      <a:pt x="47" y="23"/>
                    </a:lnTo>
                    <a:lnTo>
                      <a:pt x="56" y="23"/>
                    </a:lnTo>
                    <a:lnTo>
                      <a:pt x="65" y="21"/>
                    </a:lnTo>
                    <a:lnTo>
                      <a:pt x="75" y="19"/>
                    </a:lnTo>
                    <a:lnTo>
                      <a:pt x="84" y="17"/>
                    </a:lnTo>
                    <a:lnTo>
                      <a:pt x="103" y="10"/>
                    </a:lnTo>
                    <a:lnTo>
                      <a:pt x="122" y="5"/>
                    </a:lnTo>
                    <a:lnTo>
                      <a:pt x="131" y="3"/>
                    </a:lnTo>
                    <a:lnTo>
                      <a:pt x="142" y="1"/>
                    </a:lnTo>
                    <a:lnTo>
                      <a:pt x="151" y="0"/>
                    </a:lnTo>
                    <a:lnTo>
                      <a:pt x="162" y="0"/>
                    </a:lnTo>
                    <a:lnTo>
                      <a:pt x="162" y="10"/>
                    </a:lnTo>
                    <a:lnTo>
                      <a:pt x="161" y="19"/>
                    </a:lnTo>
                    <a:lnTo>
                      <a:pt x="159" y="26"/>
                    </a:lnTo>
                    <a:lnTo>
                      <a:pt x="155" y="32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89" name="Roskilde"/>
              <p:cNvSpPr>
                <a:spLocks/>
              </p:cNvSpPr>
              <p:nvPr/>
            </p:nvSpPr>
            <p:spPr bwMode="auto">
              <a:xfrm>
                <a:off x="3622675" y="4976813"/>
                <a:ext cx="12700" cy="22225"/>
              </a:xfrm>
              <a:custGeom>
                <a:avLst/>
                <a:gdLst>
                  <a:gd name="T0" fmla="*/ 0 w 25"/>
                  <a:gd name="T1" fmla="*/ 12 h 40"/>
                  <a:gd name="T2" fmla="*/ 0 w 25"/>
                  <a:gd name="T3" fmla="*/ 9 h 40"/>
                  <a:gd name="T4" fmla="*/ 0 w 25"/>
                  <a:gd name="T5" fmla="*/ 7 h 40"/>
                  <a:gd name="T6" fmla="*/ 0 w 25"/>
                  <a:gd name="T7" fmla="*/ 6 h 40"/>
                  <a:gd name="T8" fmla="*/ 1 w 25"/>
                  <a:gd name="T9" fmla="*/ 5 h 40"/>
                  <a:gd name="T10" fmla="*/ 2 w 25"/>
                  <a:gd name="T11" fmla="*/ 3 h 40"/>
                  <a:gd name="T12" fmla="*/ 3 w 25"/>
                  <a:gd name="T13" fmla="*/ 0 h 40"/>
                  <a:gd name="T14" fmla="*/ 5 w 25"/>
                  <a:gd name="T15" fmla="*/ 0 h 40"/>
                  <a:gd name="T16" fmla="*/ 6 w 25"/>
                  <a:gd name="T17" fmla="*/ 1 h 40"/>
                  <a:gd name="T18" fmla="*/ 7 w 25"/>
                  <a:gd name="T19" fmla="*/ 3 h 40"/>
                  <a:gd name="T20" fmla="*/ 8 w 25"/>
                  <a:gd name="T21" fmla="*/ 5 h 40"/>
                  <a:gd name="T22" fmla="*/ 8 w 25"/>
                  <a:gd name="T23" fmla="*/ 9 h 40"/>
                  <a:gd name="T24" fmla="*/ 8 w 25"/>
                  <a:gd name="T25" fmla="*/ 14 h 40"/>
                  <a:gd name="T26" fmla="*/ 6 w 25"/>
                  <a:gd name="T27" fmla="*/ 13 h 40"/>
                  <a:gd name="T28" fmla="*/ 5 w 25"/>
                  <a:gd name="T29" fmla="*/ 12 h 40"/>
                  <a:gd name="T30" fmla="*/ 3 w 25"/>
                  <a:gd name="T31" fmla="*/ 12 h 40"/>
                  <a:gd name="T32" fmla="*/ 0 w 25"/>
                  <a:gd name="T33" fmla="*/ 12 h 4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0" t="0" r="r" b="b"/>
                <a:pathLst>
                  <a:path w="25" h="40">
                    <a:moveTo>
                      <a:pt x="0" y="33"/>
                    </a:moveTo>
                    <a:lnTo>
                      <a:pt x="0" y="27"/>
                    </a:lnTo>
                    <a:lnTo>
                      <a:pt x="0" y="21"/>
                    </a:lnTo>
                    <a:lnTo>
                      <a:pt x="1" y="18"/>
                    </a:lnTo>
                    <a:lnTo>
                      <a:pt x="2" y="14"/>
                    </a:lnTo>
                    <a:lnTo>
                      <a:pt x="5" y="8"/>
                    </a:lnTo>
                    <a:lnTo>
                      <a:pt x="9" y="0"/>
                    </a:lnTo>
                    <a:lnTo>
                      <a:pt x="15" y="1"/>
                    </a:lnTo>
                    <a:lnTo>
                      <a:pt x="19" y="4"/>
                    </a:lnTo>
                    <a:lnTo>
                      <a:pt x="22" y="8"/>
                    </a:lnTo>
                    <a:lnTo>
                      <a:pt x="24" y="13"/>
                    </a:lnTo>
                    <a:lnTo>
                      <a:pt x="25" y="26"/>
                    </a:lnTo>
                    <a:lnTo>
                      <a:pt x="25" y="40"/>
                    </a:lnTo>
                    <a:lnTo>
                      <a:pt x="20" y="37"/>
                    </a:lnTo>
                    <a:lnTo>
                      <a:pt x="15" y="35"/>
                    </a:lnTo>
                    <a:lnTo>
                      <a:pt x="9" y="33"/>
                    </a:lnTo>
                    <a:lnTo>
                      <a:pt x="0" y="33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90" name="Roskilde kant"/>
              <p:cNvSpPr>
                <a:spLocks/>
              </p:cNvSpPr>
              <p:nvPr/>
            </p:nvSpPr>
            <p:spPr bwMode="auto">
              <a:xfrm>
                <a:off x="3622675" y="4976813"/>
                <a:ext cx="12700" cy="22225"/>
              </a:xfrm>
              <a:custGeom>
                <a:avLst/>
                <a:gdLst>
                  <a:gd name="T0" fmla="*/ 0 w 25"/>
                  <a:gd name="T1" fmla="*/ 12 h 40"/>
                  <a:gd name="T2" fmla="*/ 0 w 25"/>
                  <a:gd name="T3" fmla="*/ 9 h 40"/>
                  <a:gd name="T4" fmla="*/ 0 w 25"/>
                  <a:gd name="T5" fmla="*/ 7 h 40"/>
                  <a:gd name="T6" fmla="*/ 0 w 25"/>
                  <a:gd name="T7" fmla="*/ 6 h 40"/>
                  <a:gd name="T8" fmla="*/ 1 w 25"/>
                  <a:gd name="T9" fmla="*/ 5 h 40"/>
                  <a:gd name="T10" fmla="*/ 2 w 25"/>
                  <a:gd name="T11" fmla="*/ 3 h 40"/>
                  <a:gd name="T12" fmla="*/ 3 w 25"/>
                  <a:gd name="T13" fmla="*/ 0 h 40"/>
                  <a:gd name="T14" fmla="*/ 5 w 25"/>
                  <a:gd name="T15" fmla="*/ 0 h 40"/>
                  <a:gd name="T16" fmla="*/ 6 w 25"/>
                  <a:gd name="T17" fmla="*/ 1 h 40"/>
                  <a:gd name="T18" fmla="*/ 7 w 25"/>
                  <a:gd name="T19" fmla="*/ 3 h 40"/>
                  <a:gd name="T20" fmla="*/ 8 w 25"/>
                  <a:gd name="T21" fmla="*/ 5 h 40"/>
                  <a:gd name="T22" fmla="*/ 8 w 25"/>
                  <a:gd name="T23" fmla="*/ 9 h 40"/>
                  <a:gd name="T24" fmla="*/ 8 w 25"/>
                  <a:gd name="T25" fmla="*/ 14 h 40"/>
                  <a:gd name="T26" fmla="*/ 6 w 25"/>
                  <a:gd name="T27" fmla="*/ 13 h 40"/>
                  <a:gd name="T28" fmla="*/ 5 w 25"/>
                  <a:gd name="T29" fmla="*/ 12 h 40"/>
                  <a:gd name="T30" fmla="*/ 3 w 25"/>
                  <a:gd name="T31" fmla="*/ 12 h 40"/>
                  <a:gd name="T32" fmla="*/ 0 w 25"/>
                  <a:gd name="T33" fmla="*/ 12 h 4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0" t="0" r="r" b="b"/>
                <a:pathLst>
                  <a:path w="25" h="40">
                    <a:moveTo>
                      <a:pt x="0" y="33"/>
                    </a:moveTo>
                    <a:lnTo>
                      <a:pt x="0" y="27"/>
                    </a:lnTo>
                    <a:lnTo>
                      <a:pt x="0" y="21"/>
                    </a:lnTo>
                    <a:lnTo>
                      <a:pt x="1" y="18"/>
                    </a:lnTo>
                    <a:lnTo>
                      <a:pt x="2" y="14"/>
                    </a:lnTo>
                    <a:lnTo>
                      <a:pt x="5" y="8"/>
                    </a:lnTo>
                    <a:lnTo>
                      <a:pt x="9" y="0"/>
                    </a:lnTo>
                    <a:lnTo>
                      <a:pt x="15" y="1"/>
                    </a:lnTo>
                    <a:lnTo>
                      <a:pt x="19" y="4"/>
                    </a:lnTo>
                    <a:lnTo>
                      <a:pt x="22" y="8"/>
                    </a:lnTo>
                    <a:lnTo>
                      <a:pt x="24" y="13"/>
                    </a:lnTo>
                    <a:lnTo>
                      <a:pt x="25" y="26"/>
                    </a:lnTo>
                    <a:lnTo>
                      <a:pt x="25" y="40"/>
                    </a:lnTo>
                    <a:lnTo>
                      <a:pt x="20" y="37"/>
                    </a:lnTo>
                    <a:lnTo>
                      <a:pt x="15" y="35"/>
                    </a:lnTo>
                    <a:lnTo>
                      <a:pt x="9" y="33"/>
                    </a:lnTo>
                    <a:lnTo>
                      <a:pt x="0" y="33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539" name="Vordingborg"/>
            <p:cNvGrpSpPr/>
            <p:nvPr/>
          </p:nvGrpSpPr>
          <p:grpSpPr>
            <a:xfrm>
              <a:off x="3300413" y="5713413"/>
              <a:ext cx="782637" cy="390525"/>
              <a:chOff x="3300413" y="5713413"/>
              <a:chExt cx="782637" cy="390525"/>
            </a:xfrm>
            <a:grpFill/>
          </p:grpSpPr>
          <p:sp>
            <p:nvSpPr>
              <p:cNvPr id="569" name="Vordingborg"/>
              <p:cNvSpPr>
                <a:spLocks/>
              </p:cNvSpPr>
              <p:nvPr/>
            </p:nvSpPr>
            <p:spPr bwMode="auto">
              <a:xfrm>
                <a:off x="3602038" y="5832475"/>
                <a:ext cx="481012" cy="271463"/>
              </a:xfrm>
              <a:custGeom>
                <a:avLst/>
                <a:gdLst>
                  <a:gd name="T0" fmla="*/ 238 w 909"/>
                  <a:gd name="T1" fmla="*/ 28 h 513"/>
                  <a:gd name="T2" fmla="*/ 273 w 909"/>
                  <a:gd name="T3" fmla="*/ 36 h 513"/>
                  <a:gd name="T4" fmla="*/ 291 w 909"/>
                  <a:gd name="T5" fmla="*/ 50 h 513"/>
                  <a:gd name="T6" fmla="*/ 303 w 909"/>
                  <a:gd name="T7" fmla="*/ 78 h 513"/>
                  <a:gd name="T8" fmla="*/ 300 w 909"/>
                  <a:gd name="T9" fmla="*/ 92 h 513"/>
                  <a:gd name="T10" fmla="*/ 291 w 909"/>
                  <a:gd name="T11" fmla="*/ 99 h 513"/>
                  <a:gd name="T12" fmla="*/ 265 w 909"/>
                  <a:gd name="T13" fmla="*/ 101 h 513"/>
                  <a:gd name="T14" fmla="*/ 247 w 909"/>
                  <a:gd name="T15" fmla="*/ 94 h 513"/>
                  <a:gd name="T16" fmla="*/ 239 w 909"/>
                  <a:gd name="T17" fmla="*/ 93 h 513"/>
                  <a:gd name="T18" fmla="*/ 236 w 909"/>
                  <a:gd name="T19" fmla="*/ 89 h 513"/>
                  <a:gd name="T20" fmla="*/ 219 w 909"/>
                  <a:gd name="T21" fmla="*/ 84 h 513"/>
                  <a:gd name="T22" fmla="*/ 206 w 909"/>
                  <a:gd name="T23" fmla="*/ 87 h 513"/>
                  <a:gd name="T24" fmla="*/ 211 w 909"/>
                  <a:gd name="T25" fmla="*/ 89 h 513"/>
                  <a:gd name="T26" fmla="*/ 193 w 909"/>
                  <a:gd name="T27" fmla="*/ 93 h 513"/>
                  <a:gd name="T28" fmla="*/ 170 w 909"/>
                  <a:gd name="T29" fmla="*/ 108 h 513"/>
                  <a:gd name="T30" fmla="*/ 139 w 909"/>
                  <a:gd name="T31" fmla="*/ 148 h 513"/>
                  <a:gd name="T32" fmla="*/ 112 w 909"/>
                  <a:gd name="T33" fmla="*/ 166 h 513"/>
                  <a:gd name="T34" fmla="*/ 96 w 909"/>
                  <a:gd name="T35" fmla="*/ 168 h 513"/>
                  <a:gd name="T36" fmla="*/ 81 w 909"/>
                  <a:gd name="T37" fmla="*/ 152 h 513"/>
                  <a:gd name="T38" fmla="*/ 55 w 909"/>
                  <a:gd name="T39" fmla="*/ 143 h 513"/>
                  <a:gd name="T40" fmla="*/ 35 w 909"/>
                  <a:gd name="T41" fmla="*/ 136 h 513"/>
                  <a:gd name="T42" fmla="*/ 16 w 909"/>
                  <a:gd name="T43" fmla="*/ 128 h 513"/>
                  <a:gd name="T44" fmla="*/ 11 w 909"/>
                  <a:gd name="T45" fmla="*/ 112 h 513"/>
                  <a:gd name="T46" fmla="*/ 0 w 909"/>
                  <a:gd name="T47" fmla="*/ 107 h 513"/>
                  <a:gd name="T48" fmla="*/ 5 w 909"/>
                  <a:gd name="T49" fmla="*/ 104 h 513"/>
                  <a:gd name="T50" fmla="*/ 12 w 909"/>
                  <a:gd name="T51" fmla="*/ 100 h 513"/>
                  <a:gd name="T52" fmla="*/ 19 w 909"/>
                  <a:gd name="T53" fmla="*/ 106 h 513"/>
                  <a:gd name="T54" fmla="*/ 27 w 909"/>
                  <a:gd name="T55" fmla="*/ 116 h 513"/>
                  <a:gd name="T56" fmla="*/ 45 w 909"/>
                  <a:gd name="T57" fmla="*/ 112 h 513"/>
                  <a:gd name="T58" fmla="*/ 61 w 909"/>
                  <a:gd name="T59" fmla="*/ 118 h 513"/>
                  <a:gd name="T60" fmla="*/ 64 w 909"/>
                  <a:gd name="T61" fmla="*/ 140 h 513"/>
                  <a:gd name="T62" fmla="*/ 70 w 909"/>
                  <a:gd name="T63" fmla="*/ 140 h 513"/>
                  <a:gd name="T64" fmla="*/ 71 w 909"/>
                  <a:gd name="T65" fmla="*/ 130 h 513"/>
                  <a:gd name="T66" fmla="*/ 73 w 909"/>
                  <a:gd name="T67" fmla="*/ 120 h 513"/>
                  <a:gd name="T68" fmla="*/ 83 w 909"/>
                  <a:gd name="T69" fmla="*/ 113 h 513"/>
                  <a:gd name="T70" fmla="*/ 77 w 909"/>
                  <a:gd name="T71" fmla="*/ 107 h 513"/>
                  <a:gd name="T72" fmla="*/ 77 w 909"/>
                  <a:gd name="T73" fmla="*/ 94 h 513"/>
                  <a:gd name="T74" fmla="*/ 86 w 909"/>
                  <a:gd name="T75" fmla="*/ 86 h 513"/>
                  <a:gd name="T76" fmla="*/ 92 w 909"/>
                  <a:gd name="T77" fmla="*/ 85 h 513"/>
                  <a:gd name="T78" fmla="*/ 101 w 909"/>
                  <a:gd name="T79" fmla="*/ 87 h 513"/>
                  <a:gd name="T80" fmla="*/ 106 w 909"/>
                  <a:gd name="T81" fmla="*/ 80 h 513"/>
                  <a:gd name="T82" fmla="*/ 104 w 909"/>
                  <a:gd name="T83" fmla="*/ 68 h 513"/>
                  <a:gd name="T84" fmla="*/ 121 w 909"/>
                  <a:gd name="T85" fmla="*/ 76 h 513"/>
                  <a:gd name="T86" fmla="*/ 136 w 909"/>
                  <a:gd name="T87" fmla="*/ 77 h 513"/>
                  <a:gd name="T88" fmla="*/ 152 w 909"/>
                  <a:gd name="T89" fmla="*/ 65 h 513"/>
                  <a:gd name="T90" fmla="*/ 155 w 909"/>
                  <a:gd name="T91" fmla="*/ 47 h 513"/>
                  <a:gd name="T92" fmla="*/ 151 w 909"/>
                  <a:gd name="T93" fmla="*/ 38 h 513"/>
                  <a:gd name="T94" fmla="*/ 143 w 909"/>
                  <a:gd name="T95" fmla="*/ 28 h 513"/>
                  <a:gd name="T96" fmla="*/ 130 w 909"/>
                  <a:gd name="T97" fmla="*/ 27 h 513"/>
                  <a:gd name="T98" fmla="*/ 118 w 909"/>
                  <a:gd name="T99" fmla="*/ 29 h 513"/>
                  <a:gd name="T100" fmla="*/ 106 w 909"/>
                  <a:gd name="T101" fmla="*/ 16 h 513"/>
                  <a:gd name="T102" fmla="*/ 118 w 909"/>
                  <a:gd name="T103" fmla="*/ 4 h 513"/>
                  <a:gd name="T104" fmla="*/ 133 w 909"/>
                  <a:gd name="T105" fmla="*/ 0 h 513"/>
                  <a:gd name="T106" fmla="*/ 138 w 909"/>
                  <a:gd name="T107" fmla="*/ 7 h 513"/>
                  <a:gd name="T108" fmla="*/ 131 w 909"/>
                  <a:gd name="T109" fmla="*/ 13 h 513"/>
                  <a:gd name="T110" fmla="*/ 133 w 909"/>
                  <a:gd name="T111" fmla="*/ 15 h 513"/>
                  <a:gd name="T112" fmla="*/ 142 w 909"/>
                  <a:gd name="T113" fmla="*/ 7 h 513"/>
                  <a:gd name="T114" fmla="*/ 153 w 909"/>
                  <a:gd name="T115" fmla="*/ 10 h 513"/>
                  <a:gd name="T116" fmla="*/ 164 w 909"/>
                  <a:gd name="T117" fmla="*/ 22 h 513"/>
                  <a:gd name="T118" fmla="*/ 176 w 909"/>
                  <a:gd name="T119" fmla="*/ 28 h 513"/>
                  <a:gd name="T120" fmla="*/ 187 w 909"/>
                  <a:gd name="T121" fmla="*/ 30 h 513"/>
                  <a:gd name="T122" fmla="*/ 209 w 909"/>
                  <a:gd name="T123" fmla="*/ 29 h 513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0" t="0" r="r" b="b"/>
                <a:pathLst>
                  <a:path w="909" h="513">
                    <a:moveTo>
                      <a:pt x="626" y="83"/>
                    </a:moveTo>
                    <a:lnTo>
                      <a:pt x="641" y="82"/>
                    </a:lnTo>
                    <a:lnTo>
                      <a:pt x="659" y="81"/>
                    </a:lnTo>
                    <a:lnTo>
                      <a:pt x="677" y="81"/>
                    </a:lnTo>
                    <a:lnTo>
                      <a:pt x="695" y="82"/>
                    </a:lnTo>
                    <a:lnTo>
                      <a:pt x="714" y="83"/>
                    </a:lnTo>
                    <a:lnTo>
                      <a:pt x="733" y="85"/>
                    </a:lnTo>
                    <a:lnTo>
                      <a:pt x="752" y="88"/>
                    </a:lnTo>
                    <a:lnTo>
                      <a:pt x="770" y="91"/>
                    </a:lnTo>
                    <a:lnTo>
                      <a:pt x="788" y="95"/>
                    </a:lnTo>
                    <a:lnTo>
                      <a:pt x="805" y="101"/>
                    </a:lnTo>
                    <a:lnTo>
                      <a:pt x="820" y="107"/>
                    </a:lnTo>
                    <a:lnTo>
                      <a:pt x="835" y="114"/>
                    </a:lnTo>
                    <a:lnTo>
                      <a:pt x="849" y="124"/>
                    </a:lnTo>
                    <a:lnTo>
                      <a:pt x="860" y="133"/>
                    </a:lnTo>
                    <a:lnTo>
                      <a:pt x="866" y="139"/>
                    </a:lnTo>
                    <a:lnTo>
                      <a:pt x="870" y="144"/>
                    </a:lnTo>
                    <a:lnTo>
                      <a:pt x="874" y="150"/>
                    </a:lnTo>
                    <a:lnTo>
                      <a:pt x="877" y="155"/>
                    </a:lnTo>
                    <a:lnTo>
                      <a:pt x="888" y="183"/>
                    </a:lnTo>
                    <a:lnTo>
                      <a:pt x="901" y="211"/>
                    </a:lnTo>
                    <a:lnTo>
                      <a:pt x="904" y="219"/>
                    </a:lnTo>
                    <a:lnTo>
                      <a:pt x="906" y="227"/>
                    </a:lnTo>
                    <a:lnTo>
                      <a:pt x="908" y="234"/>
                    </a:lnTo>
                    <a:lnTo>
                      <a:pt x="909" y="242"/>
                    </a:lnTo>
                    <a:lnTo>
                      <a:pt x="909" y="248"/>
                    </a:lnTo>
                    <a:lnTo>
                      <a:pt x="908" y="255"/>
                    </a:lnTo>
                    <a:lnTo>
                      <a:pt x="906" y="263"/>
                    </a:lnTo>
                    <a:lnTo>
                      <a:pt x="903" y="270"/>
                    </a:lnTo>
                    <a:lnTo>
                      <a:pt x="900" y="275"/>
                    </a:lnTo>
                    <a:lnTo>
                      <a:pt x="897" y="281"/>
                    </a:lnTo>
                    <a:lnTo>
                      <a:pt x="893" y="285"/>
                    </a:lnTo>
                    <a:lnTo>
                      <a:pt x="889" y="289"/>
                    </a:lnTo>
                    <a:lnTo>
                      <a:pt x="884" y="291"/>
                    </a:lnTo>
                    <a:lnTo>
                      <a:pt x="877" y="294"/>
                    </a:lnTo>
                    <a:lnTo>
                      <a:pt x="872" y="297"/>
                    </a:lnTo>
                    <a:lnTo>
                      <a:pt x="865" y="298"/>
                    </a:lnTo>
                    <a:lnTo>
                      <a:pt x="852" y="301"/>
                    </a:lnTo>
                    <a:lnTo>
                      <a:pt x="837" y="303"/>
                    </a:lnTo>
                    <a:lnTo>
                      <a:pt x="825" y="306"/>
                    </a:lnTo>
                    <a:lnTo>
                      <a:pt x="813" y="310"/>
                    </a:lnTo>
                    <a:lnTo>
                      <a:pt x="795" y="304"/>
                    </a:lnTo>
                    <a:lnTo>
                      <a:pt x="778" y="295"/>
                    </a:lnTo>
                    <a:lnTo>
                      <a:pt x="770" y="292"/>
                    </a:lnTo>
                    <a:lnTo>
                      <a:pt x="760" y="289"/>
                    </a:lnTo>
                    <a:lnTo>
                      <a:pt x="751" y="287"/>
                    </a:lnTo>
                    <a:lnTo>
                      <a:pt x="739" y="286"/>
                    </a:lnTo>
                    <a:lnTo>
                      <a:pt x="740" y="283"/>
                    </a:lnTo>
                    <a:lnTo>
                      <a:pt x="739" y="280"/>
                    </a:lnTo>
                    <a:lnTo>
                      <a:pt x="738" y="279"/>
                    </a:lnTo>
                    <a:lnTo>
                      <a:pt x="736" y="278"/>
                    </a:lnTo>
                    <a:lnTo>
                      <a:pt x="730" y="276"/>
                    </a:lnTo>
                    <a:lnTo>
                      <a:pt x="723" y="278"/>
                    </a:lnTo>
                    <a:lnTo>
                      <a:pt x="716" y="279"/>
                    </a:lnTo>
                    <a:lnTo>
                      <a:pt x="711" y="279"/>
                    </a:lnTo>
                    <a:lnTo>
                      <a:pt x="709" y="278"/>
                    </a:lnTo>
                    <a:lnTo>
                      <a:pt x="707" y="275"/>
                    </a:lnTo>
                    <a:lnTo>
                      <a:pt x="707" y="273"/>
                    </a:lnTo>
                    <a:lnTo>
                      <a:pt x="707" y="270"/>
                    </a:lnTo>
                    <a:lnTo>
                      <a:pt x="708" y="267"/>
                    </a:lnTo>
                    <a:lnTo>
                      <a:pt x="707" y="265"/>
                    </a:lnTo>
                    <a:lnTo>
                      <a:pt x="705" y="263"/>
                    </a:lnTo>
                    <a:lnTo>
                      <a:pt x="700" y="261"/>
                    </a:lnTo>
                    <a:lnTo>
                      <a:pt x="689" y="258"/>
                    </a:lnTo>
                    <a:lnTo>
                      <a:pt x="675" y="255"/>
                    </a:lnTo>
                    <a:lnTo>
                      <a:pt x="658" y="253"/>
                    </a:lnTo>
                    <a:lnTo>
                      <a:pt x="640" y="253"/>
                    </a:lnTo>
                    <a:lnTo>
                      <a:pt x="625" y="252"/>
                    </a:lnTo>
                    <a:lnTo>
                      <a:pt x="610" y="253"/>
                    </a:lnTo>
                    <a:lnTo>
                      <a:pt x="611" y="256"/>
                    </a:lnTo>
                    <a:lnTo>
                      <a:pt x="614" y="259"/>
                    </a:lnTo>
                    <a:lnTo>
                      <a:pt x="618" y="260"/>
                    </a:lnTo>
                    <a:lnTo>
                      <a:pt x="622" y="261"/>
                    </a:lnTo>
                    <a:lnTo>
                      <a:pt x="627" y="262"/>
                    </a:lnTo>
                    <a:lnTo>
                      <a:pt x="630" y="263"/>
                    </a:lnTo>
                    <a:lnTo>
                      <a:pt x="632" y="264"/>
                    </a:lnTo>
                    <a:lnTo>
                      <a:pt x="633" y="266"/>
                    </a:lnTo>
                    <a:lnTo>
                      <a:pt x="634" y="267"/>
                    </a:lnTo>
                    <a:lnTo>
                      <a:pt x="634" y="270"/>
                    </a:lnTo>
                    <a:lnTo>
                      <a:pt x="621" y="270"/>
                    </a:lnTo>
                    <a:lnTo>
                      <a:pt x="610" y="272"/>
                    </a:lnTo>
                    <a:lnTo>
                      <a:pt x="599" y="274"/>
                    </a:lnTo>
                    <a:lnTo>
                      <a:pt x="589" y="276"/>
                    </a:lnTo>
                    <a:lnTo>
                      <a:pt x="579" y="280"/>
                    </a:lnTo>
                    <a:lnTo>
                      <a:pt x="570" y="283"/>
                    </a:lnTo>
                    <a:lnTo>
                      <a:pt x="560" y="287"/>
                    </a:lnTo>
                    <a:lnTo>
                      <a:pt x="552" y="291"/>
                    </a:lnTo>
                    <a:lnTo>
                      <a:pt x="536" y="302"/>
                    </a:lnTo>
                    <a:lnTo>
                      <a:pt x="521" y="313"/>
                    </a:lnTo>
                    <a:lnTo>
                      <a:pt x="509" y="325"/>
                    </a:lnTo>
                    <a:lnTo>
                      <a:pt x="496" y="339"/>
                    </a:lnTo>
                    <a:lnTo>
                      <a:pt x="473" y="368"/>
                    </a:lnTo>
                    <a:lnTo>
                      <a:pt x="452" y="399"/>
                    </a:lnTo>
                    <a:lnTo>
                      <a:pt x="441" y="413"/>
                    </a:lnTo>
                    <a:lnTo>
                      <a:pt x="430" y="428"/>
                    </a:lnTo>
                    <a:lnTo>
                      <a:pt x="418" y="443"/>
                    </a:lnTo>
                    <a:lnTo>
                      <a:pt x="407" y="457"/>
                    </a:lnTo>
                    <a:lnTo>
                      <a:pt x="397" y="466"/>
                    </a:lnTo>
                    <a:lnTo>
                      <a:pt x="388" y="474"/>
                    </a:lnTo>
                    <a:lnTo>
                      <a:pt x="376" y="481"/>
                    </a:lnTo>
                    <a:lnTo>
                      <a:pt x="363" y="487"/>
                    </a:lnTo>
                    <a:lnTo>
                      <a:pt x="337" y="497"/>
                    </a:lnTo>
                    <a:lnTo>
                      <a:pt x="309" y="505"/>
                    </a:lnTo>
                    <a:lnTo>
                      <a:pt x="302" y="505"/>
                    </a:lnTo>
                    <a:lnTo>
                      <a:pt x="298" y="506"/>
                    </a:lnTo>
                    <a:lnTo>
                      <a:pt x="295" y="509"/>
                    </a:lnTo>
                    <a:lnTo>
                      <a:pt x="293" y="513"/>
                    </a:lnTo>
                    <a:lnTo>
                      <a:pt x="288" y="503"/>
                    </a:lnTo>
                    <a:lnTo>
                      <a:pt x="282" y="493"/>
                    </a:lnTo>
                    <a:lnTo>
                      <a:pt x="276" y="484"/>
                    </a:lnTo>
                    <a:lnTo>
                      <a:pt x="269" y="476"/>
                    </a:lnTo>
                    <a:lnTo>
                      <a:pt x="261" y="468"/>
                    </a:lnTo>
                    <a:lnTo>
                      <a:pt x="253" y="462"/>
                    </a:lnTo>
                    <a:lnTo>
                      <a:pt x="243" y="456"/>
                    </a:lnTo>
                    <a:lnTo>
                      <a:pt x="234" y="450"/>
                    </a:lnTo>
                    <a:lnTo>
                      <a:pt x="223" y="445"/>
                    </a:lnTo>
                    <a:lnTo>
                      <a:pt x="213" y="441"/>
                    </a:lnTo>
                    <a:lnTo>
                      <a:pt x="201" y="437"/>
                    </a:lnTo>
                    <a:lnTo>
                      <a:pt x="190" y="433"/>
                    </a:lnTo>
                    <a:lnTo>
                      <a:pt x="164" y="428"/>
                    </a:lnTo>
                    <a:lnTo>
                      <a:pt x="138" y="424"/>
                    </a:lnTo>
                    <a:lnTo>
                      <a:pt x="134" y="421"/>
                    </a:lnTo>
                    <a:lnTo>
                      <a:pt x="130" y="418"/>
                    </a:lnTo>
                    <a:lnTo>
                      <a:pt x="124" y="415"/>
                    </a:lnTo>
                    <a:lnTo>
                      <a:pt x="119" y="413"/>
                    </a:lnTo>
                    <a:lnTo>
                      <a:pt x="106" y="409"/>
                    </a:lnTo>
                    <a:lnTo>
                      <a:pt x="95" y="407"/>
                    </a:lnTo>
                    <a:lnTo>
                      <a:pt x="82" y="404"/>
                    </a:lnTo>
                    <a:lnTo>
                      <a:pt x="70" y="401"/>
                    </a:lnTo>
                    <a:lnTo>
                      <a:pt x="58" y="397"/>
                    </a:lnTo>
                    <a:lnTo>
                      <a:pt x="49" y="391"/>
                    </a:lnTo>
                    <a:lnTo>
                      <a:pt x="47" y="383"/>
                    </a:lnTo>
                    <a:lnTo>
                      <a:pt x="45" y="374"/>
                    </a:lnTo>
                    <a:lnTo>
                      <a:pt x="42" y="367"/>
                    </a:lnTo>
                    <a:lnTo>
                      <a:pt x="39" y="361"/>
                    </a:lnTo>
                    <a:lnTo>
                      <a:pt x="36" y="353"/>
                    </a:lnTo>
                    <a:lnTo>
                      <a:pt x="34" y="345"/>
                    </a:lnTo>
                    <a:lnTo>
                      <a:pt x="33" y="337"/>
                    </a:lnTo>
                    <a:lnTo>
                      <a:pt x="33" y="327"/>
                    </a:lnTo>
                    <a:lnTo>
                      <a:pt x="22" y="327"/>
                    </a:lnTo>
                    <a:lnTo>
                      <a:pt x="12" y="327"/>
                    </a:lnTo>
                    <a:lnTo>
                      <a:pt x="7" y="326"/>
                    </a:lnTo>
                    <a:lnTo>
                      <a:pt x="3" y="325"/>
                    </a:lnTo>
                    <a:lnTo>
                      <a:pt x="1" y="322"/>
                    </a:lnTo>
                    <a:lnTo>
                      <a:pt x="0" y="319"/>
                    </a:lnTo>
                    <a:lnTo>
                      <a:pt x="4" y="319"/>
                    </a:lnTo>
                    <a:lnTo>
                      <a:pt x="7" y="319"/>
                    </a:lnTo>
                    <a:lnTo>
                      <a:pt x="11" y="319"/>
                    </a:lnTo>
                    <a:lnTo>
                      <a:pt x="13" y="317"/>
                    </a:lnTo>
                    <a:lnTo>
                      <a:pt x="16" y="313"/>
                    </a:lnTo>
                    <a:lnTo>
                      <a:pt x="18" y="308"/>
                    </a:lnTo>
                    <a:lnTo>
                      <a:pt x="21" y="304"/>
                    </a:lnTo>
                    <a:lnTo>
                      <a:pt x="24" y="301"/>
                    </a:lnTo>
                    <a:lnTo>
                      <a:pt x="27" y="300"/>
                    </a:lnTo>
                    <a:lnTo>
                      <a:pt x="31" y="300"/>
                    </a:lnTo>
                    <a:lnTo>
                      <a:pt x="35" y="301"/>
                    </a:lnTo>
                    <a:lnTo>
                      <a:pt x="40" y="302"/>
                    </a:lnTo>
                    <a:lnTo>
                      <a:pt x="44" y="304"/>
                    </a:lnTo>
                    <a:lnTo>
                      <a:pt x="47" y="306"/>
                    </a:lnTo>
                    <a:lnTo>
                      <a:pt x="50" y="308"/>
                    </a:lnTo>
                    <a:lnTo>
                      <a:pt x="53" y="310"/>
                    </a:lnTo>
                    <a:lnTo>
                      <a:pt x="56" y="318"/>
                    </a:lnTo>
                    <a:lnTo>
                      <a:pt x="59" y="325"/>
                    </a:lnTo>
                    <a:lnTo>
                      <a:pt x="61" y="332"/>
                    </a:lnTo>
                    <a:lnTo>
                      <a:pt x="64" y="340"/>
                    </a:lnTo>
                    <a:lnTo>
                      <a:pt x="67" y="346"/>
                    </a:lnTo>
                    <a:lnTo>
                      <a:pt x="73" y="351"/>
                    </a:lnTo>
                    <a:lnTo>
                      <a:pt x="81" y="347"/>
                    </a:lnTo>
                    <a:lnTo>
                      <a:pt x="90" y="344"/>
                    </a:lnTo>
                    <a:lnTo>
                      <a:pt x="99" y="341"/>
                    </a:lnTo>
                    <a:lnTo>
                      <a:pt x="109" y="339"/>
                    </a:lnTo>
                    <a:lnTo>
                      <a:pt x="117" y="338"/>
                    </a:lnTo>
                    <a:lnTo>
                      <a:pt x="126" y="337"/>
                    </a:lnTo>
                    <a:lnTo>
                      <a:pt x="136" y="337"/>
                    </a:lnTo>
                    <a:lnTo>
                      <a:pt x="144" y="337"/>
                    </a:lnTo>
                    <a:lnTo>
                      <a:pt x="154" y="339"/>
                    </a:lnTo>
                    <a:lnTo>
                      <a:pt x="161" y="341"/>
                    </a:lnTo>
                    <a:lnTo>
                      <a:pt x="169" y="344"/>
                    </a:lnTo>
                    <a:lnTo>
                      <a:pt x="176" y="348"/>
                    </a:lnTo>
                    <a:lnTo>
                      <a:pt x="182" y="353"/>
                    </a:lnTo>
                    <a:lnTo>
                      <a:pt x="188" y="360"/>
                    </a:lnTo>
                    <a:lnTo>
                      <a:pt x="192" y="367"/>
                    </a:lnTo>
                    <a:lnTo>
                      <a:pt x="195" y="375"/>
                    </a:lnTo>
                    <a:lnTo>
                      <a:pt x="194" y="397"/>
                    </a:lnTo>
                    <a:lnTo>
                      <a:pt x="193" y="410"/>
                    </a:lnTo>
                    <a:lnTo>
                      <a:pt x="191" y="420"/>
                    </a:lnTo>
                    <a:lnTo>
                      <a:pt x="186" y="432"/>
                    </a:lnTo>
                    <a:lnTo>
                      <a:pt x="194" y="430"/>
                    </a:lnTo>
                    <a:lnTo>
                      <a:pt x="199" y="429"/>
                    </a:lnTo>
                    <a:lnTo>
                      <a:pt x="203" y="427"/>
                    </a:lnTo>
                    <a:lnTo>
                      <a:pt x="208" y="424"/>
                    </a:lnTo>
                    <a:lnTo>
                      <a:pt x="210" y="421"/>
                    </a:lnTo>
                    <a:lnTo>
                      <a:pt x="211" y="419"/>
                    </a:lnTo>
                    <a:lnTo>
                      <a:pt x="212" y="414"/>
                    </a:lnTo>
                    <a:lnTo>
                      <a:pt x="213" y="411"/>
                    </a:lnTo>
                    <a:lnTo>
                      <a:pt x="213" y="403"/>
                    </a:lnTo>
                    <a:lnTo>
                      <a:pt x="214" y="394"/>
                    </a:lnTo>
                    <a:lnTo>
                      <a:pt x="214" y="390"/>
                    </a:lnTo>
                    <a:lnTo>
                      <a:pt x="215" y="385"/>
                    </a:lnTo>
                    <a:lnTo>
                      <a:pt x="217" y="381"/>
                    </a:lnTo>
                    <a:lnTo>
                      <a:pt x="219" y="375"/>
                    </a:lnTo>
                    <a:lnTo>
                      <a:pt x="219" y="370"/>
                    </a:lnTo>
                    <a:lnTo>
                      <a:pt x="219" y="365"/>
                    </a:lnTo>
                    <a:lnTo>
                      <a:pt x="220" y="361"/>
                    </a:lnTo>
                    <a:lnTo>
                      <a:pt x="222" y="358"/>
                    </a:lnTo>
                    <a:lnTo>
                      <a:pt x="228" y="353"/>
                    </a:lnTo>
                    <a:lnTo>
                      <a:pt x="234" y="349"/>
                    </a:lnTo>
                    <a:lnTo>
                      <a:pt x="241" y="346"/>
                    </a:lnTo>
                    <a:lnTo>
                      <a:pt x="246" y="342"/>
                    </a:lnTo>
                    <a:lnTo>
                      <a:pt x="249" y="339"/>
                    </a:lnTo>
                    <a:lnTo>
                      <a:pt x="251" y="335"/>
                    </a:lnTo>
                    <a:lnTo>
                      <a:pt x="252" y="331"/>
                    </a:lnTo>
                    <a:lnTo>
                      <a:pt x="252" y="327"/>
                    </a:lnTo>
                    <a:lnTo>
                      <a:pt x="243" y="327"/>
                    </a:lnTo>
                    <a:lnTo>
                      <a:pt x="236" y="327"/>
                    </a:lnTo>
                    <a:lnTo>
                      <a:pt x="232" y="322"/>
                    </a:lnTo>
                    <a:lnTo>
                      <a:pt x="230" y="317"/>
                    </a:lnTo>
                    <a:lnTo>
                      <a:pt x="228" y="309"/>
                    </a:lnTo>
                    <a:lnTo>
                      <a:pt x="228" y="302"/>
                    </a:lnTo>
                    <a:lnTo>
                      <a:pt x="228" y="295"/>
                    </a:lnTo>
                    <a:lnTo>
                      <a:pt x="230" y="288"/>
                    </a:lnTo>
                    <a:lnTo>
                      <a:pt x="232" y="283"/>
                    </a:lnTo>
                    <a:lnTo>
                      <a:pt x="236" y="278"/>
                    </a:lnTo>
                    <a:lnTo>
                      <a:pt x="242" y="275"/>
                    </a:lnTo>
                    <a:lnTo>
                      <a:pt x="246" y="272"/>
                    </a:lnTo>
                    <a:lnTo>
                      <a:pt x="250" y="268"/>
                    </a:lnTo>
                    <a:lnTo>
                      <a:pt x="254" y="263"/>
                    </a:lnTo>
                    <a:lnTo>
                      <a:pt x="257" y="259"/>
                    </a:lnTo>
                    <a:lnTo>
                      <a:pt x="262" y="255"/>
                    </a:lnTo>
                    <a:lnTo>
                      <a:pt x="264" y="254"/>
                    </a:lnTo>
                    <a:lnTo>
                      <a:pt x="268" y="253"/>
                    </a:lnTo>
                    <a:lnTo>
                      <a:pt x="272" y="253"/>
                    </a:lnTo>
                    <a:lnTo>
                      <a:pt x="276" y="253"/>
                    </a:lnTo>
                    <a:lnTo>
                      <a:pt x="277" y="256"/>
                    </a:lnTo>
                    <a:lnTo>
                      <a:pt x="278" y="259"/>
                    </a:lnTo>
                    <a:lnTo>
                      <a:pt x="280" y="261"/>
                    </a:lnTo>
                    <a:lnTo>
                      <a:pt x="282" y="262"/>
                    </a:lnTo>
                    <a:lnTo>
                      <a:pt x="289" y="263"/>
                    </a:lnTo>
                    <a:lnTo>
                      <a:pt x="296" y="263"/>
                    </a:lnTo>
                    <a:lnTo>
                      <a:pt x="303" y="262"/>
                    </a:lnTo>
                    <a:lnTo>
                      <a:pt x="312" y="261"/>
                    </a:lnTo>
                    <a:lnTo>
                      <a:pt x="319" y="261"/>
                    </a:lnTo>
                    <a:lnTo>
                      <a:pt x="325" y="262"/>
                    </a:lnTo>
                    <a:lnTo>
                      <a:pt x="323" y="253"/>
                    </a:lnTo>
                    <a:lnTo>
                      <a:pt x="320" y="246"/>
                    </a:lnTo>
                    <a:lnTo>
                      <a:pt x="317" y="240"/>
                    </a:lnTo>
                    <a:lnTo>
                      <a:pt x="313" y="233"/>
                    </a:lnTo>
                    <a:lnTo>
                      <a:pt x="310" y="226"/>
                    </a:lnTo>
                    <a:lnTo>
                      <a:pt x="305" y="220"/>
                    </a:lnTo>
                    <a:lnTo>
                      <a:pt x="302" y="212"/>
                    </a:lnTo>
                    <a:lnTo>
                      <a:pt x="300" y="205"/>
                    </a:lnTo>
                    <a:lnTo>
                      <a:pt x="311" y="205"/>
                    </a:lnTo>
                    <a:lnTo>
                      <a:pt x="319" y="206"/>
                    </a:lnTo>
                    <a:lnTo>
                      <a:pt x="327" y="209"/>
                    </a:lnTo>
                    <a:lnTo>
                      <a:pt x="333" y="212"/>
                    </a:lnTo>
                    <a:lnTo>
                      <a:pt x="347" y="218"/>
                    </a:lnTo>
                    <a:lnTo>
                      <a:pt x="359" y="224"/>
                    </a:lnTo>
                    <a:lnTo>
                      <a:pt x="364" y="227"/>
                    </a:lnTo>
                    <a:lnTo>
                      <a:pt x="369" y="232"/>
                    </a:lnTo>
                    <a:lnTo>
                      <a:pt x="372" y="238"/>
                    </a:lnTo>
                    <a:lnTo>
                      <a:pt x="374" y="245"/>
                    </a:lnTo>
                    <a:lnTo>
                      <a:pt x="385" y="242"/>
                    </a:lnTo>
                    <a:lnTo>
                      <a:pt x="397" y="236"/>
                    </a:lnTo>
                    <a:lnTo>
                      <a:pt x="408" y="230"/>
                    </a:lnTo>
                    <a:lnTo>
                      <a:pt x="417" y="224"/>
                    </a:lnTo>
                    <a:lnTo>
                      <a:pt x="428" y="218"/>
                    </a:lnTo>
                    <a:lnTo>
                      <a:pt x="438" y="212"/>
                    </a:lnTo>
                    <a:lnTo>
                      <a:pt x="450" y="207"/>
                    </a:lnTo>
                    <a:lnTo>
                      <a:pt x="463" y="205"/>
                    </a:lnTo>
                    <a:lnTo>
                      <a:pt x="457" y="194"/>
                    </a:lnTo>
                    <a:lnTo>
                      <a:pt x="453" y="184"/>
                    </a:lnTo>
                    <a:lnTo>
                      <a:pt x="452" y="175"/>
                    </a:lnTo>
                    <a:lnTo>
                      <a:pt x="452" y="167"/>
                    </a:lnTo>
                    <a:lnTo>
                      <a:pt x="455" y="159"/>
                    </a:lnTo>
                    <a:lnTo>
                      <a:pt x="458" y="150"/>
                    </a:lnTo>
                    <a:lnTo>
                      <a:pt x="464" y="141"/>
                    </a:lnTo>
                    <a:lnTo>
                      <a:pt x="471" y="131"/>
                    </a:lnTo>
                    <a:lnTo>
                      <a:pt x="467" y="129"/>
                    </a:lnTo>
                    <a:lnTo>
                      <a:pt x="463" y="127"/>
                    </a:lnTo>
                    <a:lnTo>
                      <a:pt x="460" y="124"/>
                    </a:lnTo>
                    <a:lnTo>
                      <a:pt x="457" y="121"/>
                    </a:lnTo>
                    <a:lnTo>
                      <a:pt x="453" y="113"/>
                    </a:lnTo>
                    <a:lnTo>
                      <a:pt x="449" y="106"/>
                    </a:lnTo>
                    <a:lnTo>
                      <a:pt x="444" y="97"/>
                    </a:lnTo>
                    <a:lnTo>
                      <a:pt x="438" y="91"/>
                    </a:lnTo>
                    <a:lnTo>
                      <a:pt x="435" y="88"/>
                    </a:lnTo>
                    <a:lnTo>
                      <a:pt x="432" y="86"/>
                    </a:lnTo>
                    <a:lnTo>
                      <a:pt x="428" y="84"/>
                    </a:lnTo>
                    <a:lnTo>
                      <a:pt x="422" y="83"/>
                    </a:lnTo>
                    <a:lnTo>
                      <a:pt x="416" y="79"/>
                    </a:lnTo>
                    <a:lnTo>
                      <a:pt x="409" y="76"/>
                    </a:lnTo>
                    <a:lnTo>
                      <a:pt x="400" y="74"/>
                    </a:lnTo>
                    <a:lnTo>
                      <a:pt x="390" y="74"/>
                    </a:lnTo>
                    <a:lnTo>
                      <a:pt x="390" y="81"/>
                    </a:lnTo>
                    <a:lnTo>
                      <a:pt x="389" y="86"/>
                    </a:lnTo>
                    <a:lnTo>
                      <a:pt x="385" y="89"/>
                    </a:lnTo>
                    <a:lnTo>
                      <a:pt x="382" y="91"/>
                    </a:lnTo>
                    <a:lnTo>
                      <a:pt x="372" y="90"/>
                    </a:lnTo>
                    <a:lnTo>
                      <a:pt x="362" y="88"/>
                    </a:lnTo>
                    <a:lnTo>
                      <a:pt x="354" y="86"/>
                    </a:lnTo>
                    <a:lnTo>
                      <a:pt x="345" y="83"/>
                    </a:lnTo>
                    <a:lnTo>
                      <a:pt x="331" y="74"/>
                    </a:lnTo>
                    <a:lnTo>
                      <a:pt x="317" y="67"/>
                    </a:lnTo>
                    <a:lnTo>
                      <a:pt x="315" y="61"/>
                    </a:lnTo>
                    <a:lnTo>
                      <a:pt x="315" y="54"/>
                    </a:lnTo>
                    <a:lnTo>
                      <a:pt x="317" y="48"/>
                    </a:lnTo>
                    <a:lnTo>
                      <a:pt x="320" y="42"/>
                    </a:lnTo>
                    <a:lnTo>
                      <a:pt x="325" y="35"/>
                    </a:lnTo>
                    <a:lnTo>
                      <a:pt x="331" y="29"/>
                    </a:lnTo>
                    <a:lnTo>
                      <a:pt x="338" y="23"/>
                    </a:lnTo>
                    <a:lnTo>
                      <a:pt x="345" y="17"/>
                    </a:lnTo>
                    <a:lnTo>
                      <a:pt x="353" y="13"/>
                    </a:lnTo>
                    <a:lnTo>
                      <a:pt x="361" y="8"/>
                    </a:lnTo>
                    <a:lnTo>
                      <a:pt x="370" y="5"/>
                    </a:lnTo>
                    <a:lnTo>
                      <a:pt x="378" y="3"/>
                    </a:lnTo>
                    <a:lnTo>
                      <a:pt x="385" y="1"/>
                    </a:lnTo>
                    <a:lnTo>
                      <a:pt x="394" y="0"/>
                    </a:lnTo>
                    <a:lnTo>
                      <a:pt x="400" y="0"/>
                    </a:lnTo>
                    <a:lnTo>
                      <a:pt x="407" y="2"/>
                    </a:lnTo>
                    <a:lnTo>
                      <a:pt x="407" y="8"/>
                    </a:lnTo>
                    <a:lnTo>
                      <a:pt x="408" y="12"/>
                    </a:lnTo>
                    <a:lnTo>
                      <a:pt x="411" y="15"/>
                    </a:lnTo>
                    <a:lnTo>
                      <a:pt x="414" y="17"/>
                    </a:lnTo>
                    <a:lnTo>
                      <a:pt x="415" y="21"/>
                    </a:lnTo>
                    <a:lnTo>
                      <a:pt x="414" y="23"/>
                    </a:lnTo>
                    <a:lnTo>
                      <a:pt x="412" y="26"/>
                    </a:lnTo>
                    <a:lnTo>
                      <a:pt x="410" y="28"/>
                    </a:lnTo>
                    <a:lnTo>
                      <a:pt x="403" y="31"/>
                    </a:lnTo>
                    <a:lnTo>
                      <a:pt x="397" y="34"/>
                    </a:lnTo>
                    <a:lnTo>
                      <a:pt x="392" y="39"/>
                    </a:lnTo>
                    <a:lnTo>
                      <a:pt x="390" y="42"/>
                    </a:lnTo>
                    <a:lnTo>
                      <a:pt x="390" y="44"/>
                    </a:lnTo>
                    <a:lnTo>
                      <a:pt x="391" y="46"/>
                    </a:lnTo>
                    <a:lnTo>
                      <a:pt x="394" y="48"/>
                    </a:lnTo>
                    <a:lnTo>
                      <a:pt x="398" y="50"/>
                    </a:lnTo>
                    <a:lnTo>
                      <a:pt x="400" y="44"/>
                    </a:lnTo>
                    <a:lnTo>
                      <a:pt x="404" y="39"/>
                    </a:lnTo>
                    <a:lnTo>
                      <a:pt x="408" y="33"/>
                    </a:lnTo>
                    <a:lnTo>
                      <a:pt x="412" y="29"/>
                    </a:lnTo>
                    <a:lnTo>
                      <a:pt x="416" y="26"/>
                    </a:lnTo>
                    <a:lnTo>
                      <a:pt x="421" y="24"/>
                    </a:lnTo>
                    <a:lnTo>
                      <a:pt x="427" y="22"/>
                    </a:lnTo>
                    <a:lnTo>
                      <a:pt x="432" y="21"/>
                    </a:lnTo>
                    <a:lnTo>
                      <a:pt x="437" y="21"/>
                    </a:lnTo>
                    <a:lnTo>
                      <a:pt x="442" y="22"/>
                    </a:lnTo>
                    <a:lnTo>
                      <a:pt x="448" y="24"/>
                    </a:lnTo>
                    <a:lnTo>
                      <a:pt x="453" y="26"/>
                    </a:lnTo>
                    <a:lnTo>
                      <a:pt x="458" y="29"/>
                    </a:lnTo>
                    <a:lnTo>
                      <a:pt x="462" y="32"/>
                    </a:lnTo>
                    <a:lnTo>
                      <a:pt x="468" y="36"/>
                    </a:lnTo>
                    <a:lnTo>
                      <a:pt x="471" y="42"/>
                    </a:lnTo>
                    <a:lnTo>
                      <a:pt x="478" y="50"/>
                    </a:lnTo>
                    <a:lnTo>
                      <a:pt x="484" y="60"/>
                    </a:lnTo>
                    <a:lnTo>
                      <a:pt x="492" y="67"/>
                    </a:lnTo>
                    <a:lnTo>
                      <a:pt x="500" y="74"/>
                    </a:lnTo>
                    <a:lnTo>
                      <a:pt x="504" y="77"/>
                    </a:lnTo>
                    <a:lnTo>
                      <a:pt x="510" y="80"/>
                    </a:lnTo>
                    <a:lnTo>
                      <a:pt x="515" y="82"/>
                    </a:lnTo>
                    <a:lnTo>
                      <a:pt x="521" y="84"/>
                    </a:lnTo>
                    <a:lnTo>
                      <a:pt x="528" y="85"/>
                    </a:lnTo>
                    <a:lnTo>
                      <a:pt x="535" y="85"/>
                    </a:lnTo>
                    <a:lnTo>
                      <a:pt x="543" y="84"/>
                    </a:lnTo>
                    <a:lnTo>
                      <a:pt x="553" y="83"/>
                    </a:lnTo>
                    <a:lnTo>
                      <a:pt x="554" y="86"/>
                    </a:lnTo>
                    <a:lnTo>
                      <a:pt x="557" y="88"/>
                    </a:lnTo>
                    <a:lnTo>
                      <a:pt x="562" y="89"/>
                    </a:lnTo>
                    <a:lnTo>
                      <a:pt x="569" y="91"/>
                    </a:lnTo>
                    <a:lnTo>
                      <a:pt x="583" y="92"/>
                    </a:lnTo>
                    <a:lnTo>
                      <a:pt x="599" y="92"/>
                    </a:lnTo>
                    <a:lnTo>
                      <a:pt x="613" y="91"/>
                    </a:lnTo>
                    <a:lnTo>
                      <a:pt x="625" y="89"/>
                    </a:lnTo>
                    <a:lnTo>
                      <a:pt x="628" y="88"/>
                    </a:lnTo>
                    <a:lnTo>
                      <a:pt x="629" y="86"/>
                    </a:lnTo>
                    <a:lnTo>
                      <a:pt x="629" y="85"/>
                    </a:lnTo>
                    <a:lnTo>
                      <a:pt x="626" y="83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70" name="Vordingborg kant"/>
              <p:cNvSpPr>
                <a:spLocks/>
              </p:cNvSpPr>
              <p:nvPr/>
            </p:nvSpPr>
            <p:spPr bwMode="auto">
              <a:xfrm>
                <a:off x="3602038" y="5832475"/>
                <a:ext cx="481012" cy="271463"/>
              </a:xfrm>
              <a:custGeom>
                <a:avLst/>
                <a:gdLst>
                  <a:gd name="T0" fmla="*/ 238 w 909"/>
                  <a:gd name="T1" fmla="*/ 28 h 513"/>
                  <a:gd name="T2" fmla="*/ 273 w 909"/>
                  <a:gd name="T3" fmla="*/ 36 h 513"/>
                  <a:gd name="T4" fmla="*/ 291 w 909"/>
                  <a:gd name="T5" fmla="*/ 50 h 513"/>
                  <a:gd name="T6" fmla="*/ 303 w 909"/>
                  <a:gd name="T7" fmla="*/ 78 h 513"/>
                  <a:gd name="T8" fmla="*/ 300 w 909"/>
                  <a:gd name="T9" fmla="*/ 92 h 513"/>
                  <a:gd name="T10" fmla="*/ 291 w 909"/>
                  <a:gd name="T11" fmla="*/ 99 h 513"/>
                  <a:gd name="T12" fmla="*/ 265 w 909"/>
                  <a:gd name="T13" fmla="*/ 101 h 513"/>
                  <a:gd name="T14" fmla="*/ 247 w 909"/>
                  <a:gd name="T15" fmla="*/ 94 h 513"/>
                  <a:gd name="T16" fmla="*/ 239 w 909"/>
                  <a:gd name="T17" fmla="*/ 93 h 513"/>
                  <a:gd name="T18" fmla="*/ 236 w 909"/>
                  <a:gd name="T19" fmla="*/ 89 h 513"/>
                  <a:gd name="T20" fmla="*/ 219 w 909"/>
                  <a:gd name="T21" fmla="*/ 84 h 513"/>
                  <a:gd name="T22" fmla="*/ 206 w 909"/>
                  <a:gd name="T23" fmla="*/ 87 h 513"/>
                  <a:gd name="T24" fmla="*/ 211 w 909"/>
                  <a:gd name="T25" fmla="*/ 89 h 513"/>
                  <a:gd name="T26" fmla="*/ 193 w 909"/>
                  <a:gd name="T27" fmla="*/ 93 h 513"/>
                  <a:gd name="T28" fmla="*/ 170 w 909"/>
                  <a:gd name="T29" fmla="*/ 108 h 513"/>
                  <a:gd name="T30" fmla="*/ 139 w 909"/>
                  <a:gd name="T31" fmla="*/ 148 h 513"/>
                  <a:gd name="T32" fmla="*/ 112 w 909"/>
                  <a:gd name="T33" fmla="*/ 166 h 513"/>
                  <a:gd name="T34" fmla="*/ 96 w 909"/>
                  <a:gd name="T35" fmla="*/ 168 h 513"/>
                  <a:gd name="T36" fmla="*/ 81 w 909"/>
                  <a:gd name="T37" fmla="*/ 152 h 513"/>
                  <a:gd name="T38" fmla="*/ 55 w 909"/>
                  <a:gd name="T39" fmla="*/ 143 h 513"/>
                  <a:gd name="T40" fmla="*/ 35 w 909"/>
                  <a:gd name="T41" fmla="*/ 136 h 513"/>
                  <a:gd name="T42" fmla="*/ 16 w 909"/>
                  <a:gd name="T43" fmla="*/ 128 h 513"/>
                  <a:gd name="T44" fmla="*/ 11 w 909"/>
                  <a:gd name="T45" fmla="*/ 112 h 513"/>
                  <a:gd name="T46" fmla="*/ 0 w 909"/>
                  <a:gd name="T47" fmla="*/ 107 h 513"/>
                  <a:gd name="T48" fmla="*/ 5 w 909"/>
                  <a:gd name="T49" fmla="*/ 104 h 513"/>
                  <a:gd name="T50" fmla="*/ 12 w 909"/>
                  <a:gd name="T51" fmla="*/ 100 h 513"/>
                  <a:gd name="T52" fmla="*/ 19 w 909"/>
                  <a:gd name="T53" fmla="*/ 106 h 513"/>
                  <a:gd name="T54" fmla="*/ 27 w 909"/>
                  <a:gd name="T55" fmla="*/ 116 h 513"/>
                  <a:gd name="T56" fmla="*/ 45 w 909"/>
                  <a:gd name="T57" fmla="*/ 112 h 513"/>
                  <a:gd name="T58" fmla="*/ 61 w 909"/>
                  <a:gd name="T59" fmla="*/ 118 h 513"/>
                  <a:gd name="T60" fmla="*/ 64 w 909"/>
                  <a:gd name="T61" fmla="*/ 140 h 513"/>
                  <a:gd name="T62" fmla="*/ 70 w 909"/>
                  <a:gd name="T63" fmla="*/ 140 h 513"/>
                  <a:gd name="T64" fmla="*/ 71 w 909"/>
                  <a:gd name="T65" fmla="*/ 130 h 513"/>
                  <a:gd name="T66" fmla="*/ 73 w 909"/>
                  <a:gd name="T67" fmla="*/ 120 h 513"/>
                  <a:gd name="T68" fmla="*/ 83 w 909"/>
                  <a:gd name="T69" fmla="*/ 113 h 513"/>
                  <a:gd name="T70" fmla="*/ 77 w 909"/>
                  <a:gd name="T71" fmla="*/ 107 h 513"/>
                  <a:gd name="T72" fmla="*/ 77 w 909"/>
                  <a:gd name="T73" fmla="*/ 94 h 513"/>
                  <a:gd name="T74" fmla="*/ 86 w 909"/>
                  <a:gd name="T75" fmla="*/ 86 h 513"/>
                  <a:gd name="T76" fmla="*/ 92 w 909"/>
                  <a:gd name="T77" fmla="*/ 85 h 513"/>
                  <a:gd name="T78" fmla="*/ 101 w 909"/>
                  <a:gd name="T79" fmla="*/ 87 h 513"/>
                  <a:gd name="T80" fmla="*/ 106 w 909"/>
                  <a:gd name="T81" fmla="*/ 80 h 513"/>
                  <a:gd name="T82" fmla="*/ 104 w 909"/>
                  <a:gd name="T83" fmla="*/ 68 h 513"/>
                  <a:gd name="T84" fmla="*/ 121 w 909"/>
                  <a:gd name="T85" fmla="*/ 76 h 513"/>
                  <a:gd name="T86" fmla="*/ 136 w 909"/>
                  <a:gd name="T87" fmla="*/ 77 h 513"/>
                  <a:gd name="T88" fmla="*/ 152 w 909"/>
                  <a:gd name="T89" fmla="*/ 65 h 513"/>
                  <a:gd name="T90" fmla="*/ 155 w 909"/>
                  <a:gd name="T91" fmla="*/ 47 h 513"/>
                  <a:gd name="T92" fmla="*/ 151 w 909"/>
                  <a:gd name="T93" fmla="*/ 38 h 513"/>
                  <a:gd name="T94" fmla="*/ 143 w 909"/>
                  <a:gd name="T95" fmla="*/ 28 h 513"/>
                  <a:gd name="T96" fmla="*/ 130 w 909"/>
                  <a:gd name="T97" fmla="*/ 27 h 513"/>
                  <a:gd name="T98" fmla="*/ 118 w 909"/>
                  <a:gd name="T99" fmla="*/ 29 h 513"/>
                  <a:gd name="T100" fmla="*/ 106 w 909"/>
                  <a:gd name="T101" fmla="*/ 16 h 513"/>
                  <a:gd name="T102" fmla="*/ 118 w 909"/>
                  <a:gd name="T103" fmla="*/ 4 h 513"/>
                  <a:gd name="T104" fmla="*/ 133 w 909"/>
                  <a:gd name="T105" fmla="*/ 0 h 513"/>
                  <a:gd name="T106" fmla="*/ 138 w 909"/>
                  <a:gd name="T107" fmla="*/ 7 h 513"/>
                  <a:gd name="T108" fmla="*/ 131 w 909"/>
                  <a:gd name="T109" fmla="*/ 13 h 513"/>
                  <a:gd name="T110" fmla="*/ 133 w 909"/>
                  <a:gd name="T111" fmla="*/ 15 h 513"/>
                  <a:gd name="T112" fmla="*/ 142 w 909"/>
                  <a:gd name="T113" fmla="*/ 7 h 513"/>
                  <a:gd name="T114" fmla="*/ 153 w 909"/>
                  <a:gd name="T115" fmla="*/ 10 h 513"/>
                  <a:gd name="T116" fmla="*/ 164 w 909"/>
                  <a:gd name="T117" fmla="*/ 22 h 513"/>
                  <a:gd name="T118" fmla="*/ 176 w 909"/>
                  <a:gd name="T119" fmla="*/ 28 h 513"/>
                  <a:gd name="T120" fmla="*/ 187 w 909"/>
                  <a:gd name="T121" fmla="*/ 30 h 513"/>
                  <a:gd name="T122" fmla="*/ 209 w 909"/>
                  <a:gd name="T123" fmla="*/ 29 h 513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0" t="0" r="r" b="b"/>
                <a:pathLst>
                  <a:path w="909" h="513">
                    <a:moveTo>
                      <a:pt x="626" y="83"/>
                    </a:moveTo>
                    <a:lnTo>
                      <a:pt x="641" y="82"/>
                    </a:lnTo>
                    <a:lnTo>
                      <a:pt x="659" y="81"/>
                    </a:lnTo>
                    <a:lnTo>
                      <a:pt x="677" y="81"/>
                    </a:lnTo>
                    <a:lnTo>
                      <a:pt x="695" y="82"/>
                    </a:lnTo>
                    <a:lnTo>
                      <a:pt x="714" y="83"/>
                    </a:lnTo>
                    <a:lnTo>
                      <a:pt x="733" y="85"/>
                    </a:lnTo>
                    <a:lnTo>
                      <a:pt x="752" y="88"/>
                    </a:lnTo>
                    <a:lnTo>
                      <a:pt x="770" y="91"/>
                    </a:lnTo>
                    <a:lnTo>
                      <a:pt x="788" y="95"/>
                    </a:lnTo>
                    <a:lnTo>
                      <a:pt x="805" y="101"/>
                    </a:lnTo>
                    <a:lnTo>
                      <a:pt x="820" y="107"/>
                    </a:lnTo>
                    <a:lnTo>
                      <a:pt x="835" y="114"/>
                    </a:lnTo>
                    <a:lnTo>
                      <a:pt x="849" y="124"/>
                    </a:lnTo>
                    <a:lnTo>
                      <a:pt x="860" y="133"/>
                    </a:lnTo>
                    <a:lnTo>
                      <a:pt x="866" y="139"/>
                    </a:lnTo>
                    <a:lnTo>
                      <a:pt x="870" y="144"/>
                    </a:lnTo>
                    <a:lnTo>
                      <a:pt x="874" y="150"/>
                    </a:lnTo>
                    <a:lnTo>
                      <a:pt x="877" y="155"/>
                    </a:lnTo>
                    <a:lnTo>
                      <a:pt x="888" y="183"/>
                    </a:lnTo>
                    <a:lnTo>
                      <a:pt x="901" y="211"/>
                    </a:lnTo>
                    <a:lnTo>
                      <a:pt x="904" y="219"/>
                    </a:lnTo>
                    <a:lnTo>
                      <a:pt x="906" y="227"/>
                    </a:lnTo>
                    <a:lnTo>
                      <a:pt x="908" y="234"/>
                    </a:lnTo>
                    <a:lnTo>
                      <a:pt x="909" y="242"/>
                    </a:lnTo>
                    <a:lnTo>
                      <a:pt x="909" y="248"/>
                    </a:lnTo>
                    <a:lnTo>
                      <a:pt x="908" y="255"/>
                    </a:lnTo>
                    <a:lnTo>
                      <a:pt x="906" y="263"/>
                    </a:lnTo>
                    <a:lnTo>
                      <a:pt x="903" y="270"/>
                    </a:lnTo>
                    <a:lnTo>
                      <a:pt x="900" y="275"/>
                    </a:lnTo>
                    <a:lnTo>
                      <a:pt x="897" y="281"/>
                    </a:lnTo>
                    <a:lnTo>
                      <a:pt x="893" y="285"/>
                    </a:lnTo>
                    <a:lnTo>
                      <a:pt x="889" y="289"/>
                    </a:lnTo>
                    <a:lnTo>
                      <a:pt x="884" y="291"/>
                    </a:lnTo>
                    <a:lnTo>
                      <a:pt x="877" y="294"/>
                    </a:lnTo>
                    <a:lnTo>
                      <a:pt x="872" y="297"/>
                    </a:lnTo>
                    <a:lnTo>
                      <a:pt x="865" y="298"/>
                    </a:lnTo>
                    <a:lnTo>
                      <a:pt x="852" y="301"/>
                    </a:lnTo>
                    <a:lnTo>
                      <a:pt x="837" y="303"/>
                    </a:lnTo>
                    <a:lnTo>
                      <a:pt x="825" y="306"/>
                    </a:lnTo>
                    <a:lnTo>
                      <a:pt x="813" y="310"/>
                    </a:lnTo>
                    <a:lnTo>
                      <a:pt x="795" y="304"/>
                    </a:lnTo>
                    <a:lnTo>
                      <a:pt x="778" y="295"/>
                    </a:lnTo>
                    <a:lnTo>
                      <a:pt x="770" y="292"/>
                    </a:lnTo>
                    <a:lnTo>
                      <a:pt x="760" y="289"/>
                    </a:lnTo>
                    <a:lnTo>
                      <a:pt x="751" y="287"/>
                    </a:lnTo>
                    <a:lnTo>
                      <a:pt x="739" y="286"/>
                    </a:lnTo>
                    <a:lnTo>
                      <a:pt x="740" y="283"/>
                    </a:lnTo>
                    <a:lnTo>
                      <a:pt x="739" y="280"/>
                    </a:lnTo>
                    <a:lnTo>
                      <a:pt x="738" y="279"/>
                    </a:lnTo>
                    <a:lnTo>
                      <a:pt x="736" y="278"/>
                    </a:lnTo>
                    <a:lnTo>
                      <a:pt x="730" y="276"/>
                    </a:lnTo>
                    <a:lnTo>
                      <a:pt x="723" y="278"/>
                    </a:lnTo>
                    <a:lnTo>
                      <a:pt x="716" y="279"/>
                    </a:lnTo>
                    <a:lnTo>
                      <a:pt x="711" y="279"/>
                    </a:lnTo>
                    <a:lnTo>
                      <a:pt x="709" y="278"/>
                    </a:lnTo>
                    <a:lnTo>
                      <a:pt x="707" y="275"/>
                    </a:lnTo>
                    <a:lnTo>
                      <a:pt x="707" y="273"/>
                    </a:lnTo>
                    <a:lnTo>
                      <a:pt x="707" y="270"/>
                    </a:lnTo>
                    <a:lnTo>
                      <a:pt x="708" y="267"/>
                    </a:lnTo>
                    <a:lnTo>
                      <a:pt x="707" y="265"/>
                    </a:lnTo>
                    <a:lnTo>
                      <a:pt x="705" y="263"/>
                    </a:lnTo>
                    <a:lnTo>
                      <a:pt x="700" y="261"/>
                    </a:lnTo>
                    <a:lnTo>
                      <a:pt x="689" y="258"/>
                    </a:lnTo>
                    <a:lnTo>
                      <a:pt x="675" y="255"/>
                    </a:lnTo>
                    <a:lnTo>
                      <a:pt x="658" y="253"/>
                    </a:lnTo>
                    <a:lnTo>
                      <a:pt x="640" y="253"/>
                    </a:lnTo>
                    <a:lnTo>
                      <a:pt x="625" y="252"/>
                    </a:lnTo>
                    <a:lnTo>
                      <a:pt x="610" y="253"/>
                    </a:lnTo>
                    <a:lnTo>
                      <a:pt x="611" y="256"/>
                    </a:lnTo>
                    <a:lnTo>
                      <a:pt x="614" y="259"/>
                    </a:lnTo>
                    <a:lnTo>
                      <a:pt x="618" y="260"/>
                    </a:lnTo>
                    <a:lnTo>
                      <a:pt x="622" y="261"/>
                    </a:lnTo>
                    <a:lnTo>
                      <a:pt x="627" y="262"/>
                    </a:lnTo>
                    <a:lnTo>
                      <a:pt x="630" y="263"/>
                    </a:lnTo>
                    <a:lnTo>
                      <a:pt x="632" y="264"/>
                    </a:lnTo>
                    <a:lnTo>
                      <a:pt x="633" y="266"/>
                    </a:lnTo>
                    <a:lnTo>
                      <a:pt x="634" y="267"/>
                    </a:lnTo>
                    <a:lnTo>
                      <a:pt x="634" y="270"/>
                    </a:lnTo>
                    <a:lnTo>
                      <a:pt x="621" y="270"/>
                    </a:lnTo>
                    <a:lnTo>
                      <a:pt x="610" y="272"/>
                    </a:lnTo>
                    <a:lnTo>
                      <a:pt x="599" y="274"/>
                    </a:lnTo>
                    <a:lnTo>
                      <a:pt x="589" y="276"/>
                    </a:lnTo>
                    <a:lnTo>
                      <a:pt x="579" y="280"/>
                    </a:lnTo>
                    <a:lnTo>
                      <a:pt x="570" y="283"/>
                    </a:lnTo>
                    <a:lnTo>
                      <a:pt x="560" y="287"/>
                    </a:lnTo>
                    <a:lnTo>
                      <a:pt x="552" y="291"/>
                    </a:lnTo>
                    <a:lnTo>
                      <a:pt x="536" y="302"/>
                    </a:lnTo>
                    <a:lnTo>
                      <a:pt x="521" y="313"/>
                    </a:lnTo>
                    <a:lnTo>
                      <a:pt x="509" y="325"/>
                    </a:lnTo>
                    <a:lnTo>
                      <a:pt x="496" y="339"/>
                    </a:lnTo>
                    <a:lnTo>
                      <a:pt x="473" y="368"/>
                    </a:lnTo>
                    <a:lnTo>
                      <a:pt x="452" y="399"/>
                    </a:lnTo>
                    <a:lnTo>
                      <a:pt x="441" y="413"/>
                    </a:lnTo>
                    <a:lnTo>
                      <a:pt x="430" y="428"/>
                    </a:lnTo>
                    <a:lnTo>
                      <a:pt x="418" y="443"/>
                    </a:lnTo>
                    <a:lnTo>
                      <a:pt x="407" y="457"/>
                    </a:lnTo>
                    <a:lnTo>
                      <a:pt x="397" y="466"/>
                    </a:lnTo>
                    <a:lnTo>
                      <a:pt x="388" y="474"/>
                    </a:lnTo>
                    <a:lnTo>
                      <a:pt x="376" y="481"/>
                    </a:lnTo>
                    <a:lnTo>
                      <a:pt x="363" y="487"/>
                    </a:lnTo>
                    <a:lnTo>
                      <a:pt x="337" y="497"/>
                    </a:lnTo>
                    <a:lnTo>
                      <a:pt x="309" y="505"/>
                    </a:lnTo>
                    <a:lnTo>
                      <a:pt x="302" y="505"/>
                    </a:lnTo>
                    <a:lnTo>
                      <a:pt x="298" y="506"/>
                    </a:lnTo>
                    <a:lnTo>
                      <a:pt x="295" y="509"/>
                    </a:lnTo>
                    <a:lnTo>
                      <a:pt x="293" y="513"/>
                    </a:lnTo>
                    <a:lnTo>
                      <a:pt x="288" y="503"/>
                    </a:lnTo>
                    <a:lnTo>
                      <a:pt x="282" y="493"/>
                    </a:lnTo>
                    <a:lnTo>
                      <a:pt x="276" y="484"/>
                    </a:lnTo>
                    <a:lnTo>
                      <a:pt x="269" y="476"/>
                    </a:lnTo>
                    <a:lnTo>
                      <a:pt x="261" y="468"/>
                    </a:lnTo>
                    <a:lnTo>
                      <a:pt x="253" y="462"/>
                    </a:lnTo>
                    <a:lnTo>
                      <a:pt x="243" y="456"/>
                    </a:lnTo>
                    <a:lnTo>
                      <a:pt x="234" y="450"/>
                    </a:lnTo>
                    <a:lnTo>
                      <a:pt x="223" y="445"/>
                    </a:lnTo>
                    <a:lnTo>
                      <a:pt x="213" y="441"/>
                    </a:lnTo>
                    <a:lnTo>
                      <a:pt x="201" y="437"/>
                    </a:lnTo>
                    <a:lnTo>
                      <a:pt x="190" y="433"/>
                    </a:lnTo>
                    <a:lnTo>
                      <a:pt x="164" y="428"/>
                    </a:lnTo>
                    <a:lnTo>
                      <a:pt x="138" y="424"/>
                    </a:lnTo>
                    <a:lnTo>
                      <a:pt x="134" y="421"/>
                    </a:lnTo>
                    <a:lnTo>
                      <a:pt x="130" y="418"/>
                    </a:lnTo>
                    <a:lnTo>
                      <a:pt x="124" y="415"/>
                    </a:lnTo>
                    <a:lnTo>
                      <a:pt x="119" y="413"/>
                    </a:lnTo>
                    <a:lnTo>
                      <a:pt x="106" y="409"/>
                    </a:lnTo>
                    <a:lnTo>
                      <a:pt x="95" y="407"/>
                    </a:lnTo>
                    <a:lnTo>
                      <a:pt x="82" y="404"/>
                    </a:lnTo>
                    <a:lnTo>
                      <a:pt x="70" y="401"/>
                    </a:lnTo>
                    <a:lnTo>
                      <a:pt x="58" y="397"/>
                    </a:lnTo>
                    <a:lnTo>
                      <a:pt x="49" y="391"/>
                    </a:lnTo>
                    <a:lnTo>
                      <a:pt x="47" y="383"/>
                    </a:lnTo>
                    <a:lnTo>
                      <a:pt x="45" y="374"/>
                    </a:lnTo>
                    <a:lnTo>
                      <a:pt x="42" y="367"/>
                    </a:lnTo>
                    <a:lnTo>
                      <a:pt x="39" y="361"/>
                    </a:lnTo>
                    <a:lnTo>
                      <a:pt x="36" y="353"/>
                    </a:lnTo>
                    <a:lnTo>
                      <a:pt x="34" y="345"/>
                    </a:lnTo>
                    <a:lnTo>
                      <a:pt x="33" y="337"/>
                    </a:lnTo>
                    <a:lnTo>
                      <a:pt x="33" y="327"/>
                    </a:lnTo>
                    <a:lnTo>
                      <a:pt x="22" y="327"/>
                    </a:lnTo>
                    <a:lnTo>
                      <a:pt x="12" y="327"/>
                    </a:lnTo>
                    <a:lnTo>
                      <a:pt x="7" y="326"/>
                    </a:lnTo>
                    <a:lnTo>
                      <a:pt x="3" y="325"/>
                    </a:lnTo>
                    <a:lnTo>
                      <a:pt x="1" y="322"/>
                    </a:lnTo>
                    <a:lnTo>
                      <a:pt x="0" y="319"/>
                    </a:lnTo>
                    <a:lnTo>
                      <a:pt x="4" y="319"/>
                    </a:lnTo>
                    <a:lnTo>
                      <a:pt x="7" y="319"/>
                    </a:lnTo>
                    <a:lnTo>
                      <a:pt x="11" y="319"/>
                    </a:lnTo>
                    <a:lnTo>
                      <a:pt x="13" y="317"/>
                    </a:lnTo>
                    <a:lnTo>
                      <a:pt x="16" y="313"/>
                    </a:lnTo>
                    <a:lnTo>
                      <a:pt x="18" y="308"/>
                    </a:lnTo>
                    <a:lnTo>
                      <a:pt x="21" y="304"/>
                    </a:lnTo>
                    <a:lnTo>
                      <a:pt x="24" y="301"/>
                    </a:lnTo>
                    <a:lnTo>
                      <a:pt x="27" y="300"/>
                    </a:lnTo>
                    <a:lnTo>
                      <a:pt x="31" y="300"/>
                    </a:lnTo>
                    <a:lnTo>
                      <a:pt x="35" y="301"/>
                    </a:lnTo>
                    <a:lnTo>
                      <a:pt x="40" y="302"/>
                    </a:lnTo>
                    <a:lnTo>
                      <a:pt x="44" y="304"/>
                    </a:lnTo>
                    <a:lnTo>
                      <a:pt x="47" y="306"/>
                    </a:lnTo>
                    <a:lnTo>
                      <a:pt x="50" y="308"/>
                    </a:lnTo>
                    <a:lnTo>
                      <a:pt x="53" y="310"/>
                    </a:lnTo>
                    <a:lnTo>
                      <a:pt x="56" y="318"/>
                    </a:lnTo>
                    <a:lnTo>
                      <a:pt x="59" y="325"/>
                    </a:lnTo>
                    <a:lnTo>
                      <a:pt x="61" y="332"/>
                    </a:lnTo>
                    <a:lnTo>
                      <a:pt x="64" y="340"/>
                    </a:lnTo>
                    <a:lnTo>
                      <a:pt x="67" y="346"/>
                    </a:lnTo>
                    <a:lnTo>
                      <a:pt x="73" y="351"/>
                    </a:lnTo>
                    <a:lnTo>
                      <a:pt x="81" y="347"/>
                    </a:lnTo>
                    <a:lnTo>
                      <a:pt x="90" y="344"/>
                    </a:lnTo>
                    <a:lnTo>
                      <a:pt x="99" y="341"/>
                    </a:lnTo>
                    <a:lnTo>
                      <a:pt x="109" y="339"/>
                    </a:lnTo>
                    <a:lnTo>
                      <a:pt x="117" y="338"/>
                    </a:lnTo>
                    <a:lnTo>
                      <a:pt x="126" y="337"/>
                    </a:lnTo>
                    <a:lnTo>
                      <a:pt x="136" y="337"/>
                    </a:lnTo>
                    <a:lnTo>
                      <a:pt x="144" y="337"/>
                    </a:lnTo>
                    <a:lnTo>
                      <a:pt x="154" y="339"/>
                    </a:lnTo>
                    <a:lnTo>
                      <a:pt x="161" y="341"/>
                    </a:lnTo>
                    <a:lnTo>
                      <a:pt x="169" y="344"/>
                    </a:lnTo>
                    <a:lnTo>
                      <a:pt x="176" y="348"/>
                    </a:lnTo>
                    <a:lnTo>
                      <a:pt x="182" y="353"/>
                    </a:lnTo>
                    <a:lnTo>
                      <a:pt x="188" y="360"/>
                    </a:lnTo>
                    <a:lnTo>
                      <a:pt x="192" y="367"/>
                    </a:lnTo>
                    <a:lnTo>
                      <a:pt x="195" y="375"/>
                    </a:lnTo>
                    <a:lnTo>
                      <a:pt x="194" y="397"/>
                    </a:lnTo>
                    <a:lnTo>
                      <a:pt x="193" y="410"/>
                    </a:lnTo>
                    <a:lnTo>
                      <a:pt x="191" y="420"/>
                    </a:lnTo>
                    <a:lnTo>
                      <a:pt x="186" y="432"/>
                    </a:lnTo>
                    <a:lnTo>
                      <a:pt x="194" y="430"/>
                    </a:lnTo>
                    <a:lnTo>
                      <a:pt x="199" y="429"/>
                    </a:lnTo>
                    <a:lnTo>
                      <a:pt x="203" y="427"/>
                    </a:lnTo>
                    <a:lnTo>
                      <a:pt x="208" y="424"/>
                    </a:lnTo>
                    <a:lnTo>
                      <a:pt x="210" y="421"/>
                    </a:lnTo>
                    <a:lnTo>
                      <a:pt x="211" y="419"/>
                    </a:lnTo>
                    <a:lnTo>
                      <a:pt x="212" y="414"/>
                    </a:lnTo>
                    <a:lnTo>
                      <a:pt x="213" y="411"/>
                    </a:lnTo>
                    <a:lnTo>
                      <a:pt x="213" y="403"/>
                    </a:lnTo>
                    <a:lnTo>
                      <a:pt x="214" y="394"/>
                    </a:lnTo>
                    <a:lnTo>
                      <a:pt x="214" y="390"/>
                    </a:lnTo>
                    <a:lnTo>
                      <a:pt x="215" y="385"/>
                    </a:lnTo>
                    <a:lnTo>
                      <a:pt x="217" y="381"/>
                    </a:lnTo>
                    <a:lnTo>
                      <a:pt x="219" y="375"/>
                    </a:lnTo>
                    <a:lnTo>
                      <a:pt x="219" y="370"/>
                    </a:lnTo>
                    <a:lnTo>
                      <a:pt x="219" y="365"/>
                    </a:lnTo>
                    <a:lnTo>
                      <a:pt x="220" y="361"/>
                    </a:lnTo>
                    <a:lnTo>
                      <a:pt x="222" y="358"/>
                    </a:lnTo>
                    <a:lnTo>
                      <a:pt x="228" y="353"/>
                    </a:lnTo>
                    <a:lnTo>
                      <a:pt x="234" y="349"/>
                    </a:lnTo>
                    <a:lnTo>
                      <a:pt x="241" y="346"/>
                    </a:lnTo>
                    <a:lnTo>
                      <a:pt x="246" y="342"/>
                    </a:lnTo>
                    <a:lnTo>
                      <a:pt x="249" y="339"/>
                    </a:lnTo>
                    <a:lnTo>
                      <a:pt x="251" y="335"/>
                    </a:lnTo>
                    <a:lnTo>
                      <a:pt x="252" y="331"/>
                    </a:lnTo>
                    <a:lnTo>
                      <a:pt x="252" y="327"/>
                    </a:lnTo>
                    <a:lnTo>
                      <a:pt x="243" y="327"/>
                    </a:lnTo>
                    <a:lnTo>
                      <a:pt x="236" y="327"/>
                    </a:lnTo>
                    <a:lnTo>
                      <a:pt x="232" y="322"/>
                    </a:lnTo>
                    <a:lnTo>
                      <a:pt x="230" y="317"/>
                    </a:lnTo>
                    <a:lnTo>
                      <a:pt x="228" y="309"/>
                    </a:lnTo>
                    <a:lnTo>
                      <a:pt x="228" y="302"/>
                    </a:lnTo>
                    <a:lnTo>
                      <a:pt x="228" y="295"/>
                    </a:lnTo>
                    <a:lnTo>
                      <a:pt x="230" y="288"/>
                    </a:lnTo>
                    <a:lnTo>
                      <a:pt x="232" y="283"/>
                    </a:lnTo>
                    <a:lnTo>
                      <a:pt x="236" y="278"/>
                    </a:lnTo>
                    <a:lnTo>
                      <a:pt x="242" y="275"/>
                    </a:lnTo>
                    <a:lnTo>
                      <a:pt x="246" y="272"/>
                    </a:lnTo>
                    <a:lnTo>
                      <a:pt x="250" y="268"/>
                    </a:lnTo>
                    <a:lnTo>
                      <a:pt x="254" y="263"/>
                    </a:lnTo>
                    <a:lnTo>
                      <a:pt x="257" y="259"/>
                    </a:lnTo>
                    <a:lnTo>
                      <a:pt x="262" y="255"/>
                    </a:lnTo>
                    <a:lnTo>
                      <a:pt x="264" y="254"/>
                    </a:lnTo>
                    <a:lnTo>
                      <a:pt x="268" y="253"/>
                    </a:lnTo>
                    <a:lnTo>
                      <a:pt x="272" y="253"/>
                    </a:lnTo>
                    <a:lnTo>
                      <a:pt x="276" y="253"/>
                    </a:lnTo>
                    <a:lnTo>
                      <a:pt x="277" y="256"/>
                    </a:lnTo>
                    <a:lnTo>
                      <a:pt x="278" y="259"/>
                    </a:lnTo>
                    <a:lnTo>
                      <a:pt x="280" y="261"/>
                    </a:lnTo>
                    <a:lnTo>
                      <a:pt x="282" y="262"/>
                    </a:lnTo>
                    <a:lnTo>
                      <a:pt x="289" y="263"/>
                    </a:lnTo>
                    <a:lnTo>
                      <a:pt x="296" y="263"/>
                    </a:lnTo>
                    <a:lnTo>
                      <a:pt x="303" y="262"/>
                    </a:lnTo>
                    <a:lnTo>
                      <a:pt x="312" y="261"/>
                    </a:lnTo>
                    <a:lnTo>
                      <a:pt x="319" y="261"/>
                    </a:lnTo>
                    <a:lnTo>
                      <a:pt x="325" y="262"/>
                    </a:lnTo>
                    <a:lnTo>
                      <a:pt x="323" y="253"/>
                    </a:lnTo>
                    <a:lnTo>
                      <a:pt x="320" y="246"/>
                    </a:lnTo>
                    <a:lnTo>
                      <a:pt x="317" y="240"/>
                    </a:lnTo>
                    <a:lnTo>
                      <a:pt x="313" y="233"/>
                    </a:lnTo>
                    <a:lnTo>
                      <a:pt x="310" y="226"/>
                    </a:lnTo>
                    <a:lnTo>
                      <a:pt x="305" y="220"/>
                    </a:lnTo>
                    <a:lnTo>
                      <a:pt x="302" y="212"/>
                    </a:lnTo>
                    <a:lnTo>
                      <a:pt x="300" y="205"/>
                    </a:lnTo>
                    <a:lnTo>
                      <a:pt x="311" y="205"/>
                    </a:lnTo>
                    <a:lnTo>
                      <a:pt x="319" y="206"/>
                    </a:lnTo>
                    <a:lnTo>
                      <a:pt x="327" y="209"/>
                    </a:lnTo>
                    <a:lnTo>
                      <a:pt x="333" y="212"/>
                    </a:lnTo>
                    <a:lnTo>
                      <a:pt x="347" y="218"/>
                    </a:lnTo>
                    <a:lnTo>
                      <a:pt x="359" y="224"/>
                    </a:lnTo>
                    <a:lnTo>
                      <a:pt x="364" y="227"/>
                    </a:lnTo>
                    <a:lnTo>
                      <a:pt x="369" y="232"/>
                    </a:lnTo>
                    <a:lnTo>
                      <a:pt x="372" y="238"/>
                    </a:lnTo>
                    <a:lnTo>
                      <a:pt x="374" y="245"/>
                    </a:lnTo>
                    <a:lnTo>
                      <a:pt x="385" y="242"/>
                    </a:lnTo>
                    <a:lnTo>
                      <a:pt x="397" y="236"/>
                    </a:lnTo>
                    <a:lnTo>
                      <a:pt x="408" y="230"/>
                    </a:lnTo>
                    <a:lnTo>
                      <a:pt x="417" y="224"/>
                    </a:lnTo>
                    <a:lnTo>
                      <a:pt x="428" y="218"/>
                    </a:lnTo>
                    <a:lnTo>
                      <a:pt x="438" y="212"/>
                    </a:lnTo>
                    <a:lnTo>
                      <a:pt x="450" y="207"/>
                    </a:lnTo>
                    <a:lnTo>
                      <a:pt x="463" y="205"/>
                    </a:lnTo>
                    <a:lnTo>
                      <a:pt x="457" y="194"/>
                    </a:lnTo>
                    <a:lnTo>
                      <a:pt x="453" y="184"/>
                    </a:lnTo>
                    <a:lnTo>
                      <a:pt x="452" y="175"/>
                    </a:lnTo>
                    <a:lnTo>
                      <a:pt x="452" y="167"/>
                    </a:lnTo>
                    <a:lnTo>
                      <a:pt x="455" y="159"/>
                    </a:lnTo>
                    <a:lnTo>
                      <a:pt x="458" y="150"/>
                    </a:lnTo>
                    <a:lnTo>
                      <a:pt x="464" y="141"/>
                    </a:lnTo>
                    <a:lnTo>
                      <a:pt x="471" y="131"/>
                    </a:lnTo>
                    <a:lnTo>
                      <a:pt x="467" y="129"/>
                    </a:lnTo>
                    <a:lnTo>
                      <a:pt x="463" y="127"/>
                    </a:lnTo>
                    <a:lnTo>
                      <a:pt x="460" y="124"/>
                    </a:lnTo>
                    <a:lnTo>
                      <a:pt x="457" y="121"/>
                    </a:lnTo>
                    <a:lnTo>
                      <a:pt x="453" y="113"/>
                    </a:lnTo>
                    <a:lnTo>
                      <a:pt x="449" y="106"/>
                    </a:lnTo>
                    <a:lnTo>
                      <a:pt x="444" y="97"/>
                    </a:lnTo>
                    <a:lnTo>
                      <a:pt x="438" y="91"/>
                    </a:lnTo>
                    <a:lnTo>
                      <a:pt x="435" y="88"/>
                    </a:lnTo>
                    <a:lnTo>
                      <a:pt x="432" y="86"/>
                    </a:lnTo>
                    <a:lnTo>
                      <a:pt x="428" y="84"/>
                    </a:lnTo>
                    <a:lnTo>
                      <a:pt x="422" y="83"/>
                    </a:lnTo>
                    <a:lnTo>
                      <a:pt x="416" y="79"/>
                    </a:lnTo>
                    <a:lnTo>
                      <a:pt x="409" y="76"/>
                    </a:lnTo>
                    <a:lnTo>
                      <a:pt x="400" y="74"/>
                    </a:lnTo>
                    <a:lnTo>
                      <a:pt x="390" y="74"/>
                    </a:lnTo>
                    <a:lnTo>
                      <a:pt x="390" y="81"/>
                    </a:lnTo>
                    <a:lnTo>
                      <a:pt x="389" y="86"/>
                    </a:lnTo>
                    <a:lnTo>
                      <a:pt x="385" y="89"/>
                    </a:lnTo>
                    <a:lnTo>
                      <a:pt x="382" y="91"/>
                    </a:lnTo>
                    <a:lnTo>
                      <a:pt x="372" y="90"/>
                    </a:lnTo>
                    <a:lnTo>
                      <a:pt x="362" y="88"/>
                    </a:lnTo>
                    <a:lnTo>
                      <a:pt x="354" y="86"/>
                    </a:lnTo>
                    <a:lnTo>
                      <a:pt x="345" y="83"/>
                    </a:lnTo>
                    <a:lnTo>
                      <a:pt x="331" y="74"/>
                    </a:lnTo>
                    <a:lnTo>
                      <a:pt x="317" y="67"/>
                    </a:lnTo>
                    <a:lnTo>
                      <a:pt x="315" y="61"/>
                    </a:lnTo>
                    <a:lnTo>
                      <a:pt x="315" y="54"/>
                    </a:lnTo>
                    <a:lnTo>
                      <a:pt x="317" y="48"/>
                    </a:lnTo>
                    <a:lnTo>
                      <a:pt x="320" y="42"/>
                    </a:lnTo>
                    <a:lnTo>
                      <a:pt x="325" y="35"/>
                    </a:lnTo>
                    <a:lnTo>
                      <a:pt x="331" y="29"/>
                    </a:lnTo>
                    <a:lnTo>
                      <a:pt x="338" y="23"/>
                    </a:lnTo>
                    <a:lnTo>
                      <a:pt x="345" y="17"/>
                    </a:lnTo>
                    <a:lnTo>
                      <a:pt x="353" y="13"/>
                    </a:lnTo>
                    <a:lnTo>
                      <a:pt x="361" y="8"/>
                    </a:lnTo>
                    <a:lnTo>
                      <a:pt x="370" y="5"/>
                    </a:lnTo>
                    <a:lnTo>
                      <a:pt x="378" y="3"/>
                    </a:lnTo>
                    <a:lnTo>
                      <a:pt x="385" y="1"/>
                    </a:lnTo>
                    <a:lnTo>
                      <a:pt x="394" y="0"/>
                    </a:lnTo>
                    <a:lnTo>
                      <a:pt x="400" y="0"/>
                    </a:lnTo>
                    <a:lnTo>
                      <a:pt x="407" y="2"/>
                    </a:lnTo>
                    <a:lnTo>
                      <a:pt x="407" y="8"/>
                    </a:lnTo>
                    <a:lnTo>
                      <a:pt x="408" y="12"/>
                    </a:lnTo>
                    <a:lnTo>
                      <a:pt x="411" y="15"/>
                    </a:lnTo>
                    <a:lnTo>
                      <a:pt x="414" y="17"/>
                    </a:lnTo>
                    <a:lnTo>
                      <a:pt x="415" y="21"/>
                    </a:lnTo>
                    <a:lnTo>
                      <a:pt x="414" y="23"/>
                    </a:lnTo>
                    <a:lnTo>
                      <a:pt x="412" y="26"/>
                    </a:lnTo>
                    <a:lnTo>
                      <a:pt x="410" y="28"/>
                    </a:lnTo>
                    <a:lnTo>
                      <a:pt x="403" y="31"/>
                    </a:lnTo>
                    <a:lnTo>
                      <a:pt x="397" y="34"/>
                    </a:lnTo>
                    <a:lnTo>
                      <a:pt x="392" y="39"/>
                    </a:lnTo>
                    <a:lnTo>
                      <a:pt x="390" y="42"/>
                    </a:lnTo>
                    <a:lnTo>
                      <a:pt x="390" y="44"/>
                    </a:lnTo>
                    <a:lnTo>
                      <a:pt x="391" y="46"/>
                    </a:lnTo>
                    <a:lnTo>
                      <a:pt x="394" y="48"/>
                    </a:lnTo>
                    <a:lnTo>
                      <a:pt x="398" y="50"/>
                    </a:lnTo>
                    <a:lnTo>
                      <a:pt x="400" y="44"/>
                    </a:lnTo>
                    <a:lnTo>
                      <a:pt x="404" y="39"/>
                    </a:lnTo>
                    <a:lnTo>
                      <a:pt x="408" y="33"/>
                    </a:lnTo>
                    <a:lnTo>
                      <a:pt x="412" y="29"/>
                    </a:lnTo>
                    <a:lnTo>
                      <a:pt x="416" y="26"/>
                    </a:lnTo>
                    <a:lnTo>
                      <a:pt x="421" y="24"/>
                    </a:lnTo>
                    <a:lnTo>
                      <a:pt x="427" y="22"/>
                    </a:lnTo>
                    <a:lnTo>
                      <a:pt x="432" y="21"/>
                    </a:lnTo>
                    <a:lnTo>
                      <a:pt x="437" y="21"/>
                    </a:lnTo>
                    <a:lnTo>
                      <a:pt x="442" y="22"/>
                    </a:lnTo>
                    <a:lnTo>
                      <a:pt x="448" y="24"/>
                    </a:lnTo>
                    <a:lnTo>
                      <a:pt x="453" y="26"/>
                    </a:lnTo>
                    <a:lnTo>
                      <a:pt x="458" y="29"/>
                    </a:lnTo>
                    <a:lnTo>
                      <a:pt x="462" y="32"/>
                    </a:lnTo>
                    <a:lnTo>
                      <a:pt x="468" y="36"/>
                    </a:lnTo>
                    <a:lnTo>
                      <a:pt x="471" y="42"/>
                    </a:lnTo>
                    <a:lnTo>
                      <a:pt x="478" y="50"/>
                    </a:lnTo>
                    <a:lnTo>
                      <a:pt x="484" y="60"/>
                    </a:lnTo>
                    <a:lnTo>
                      <a:pt x="492" y="67"/>
                    </a:lnTo>
                    <a:lnTo>
                      <a:pt x="500" y="74"/>
                    </a:lnTo>
                    <a:lnTo>
                      <a:pt x="504" y="77"/>
                    </a:lnTo>
                    <a:lnTo>
                      <a:pt x="510" y="80"/>
                    </a:lnTo>
                    <a:lnTo>
                      <a:pt x="515" y="82"/>
                    </a:lnTo>
                    <a:lnTo>
                      <a:pt x="521" y="84"/>
                    </a:lnTo>
                    <a:lnTo>
                      <a:pt x="528" y="85"/>
                    </a:lnTo>
                    <a:lnTo>
                      <a:pt x="535" y="85"/>
                    </a:lnTo>
                    <a:lnTo>
                      <a:pt x="543" y="84"/>
                    </a:lnTo>
                    <a:lnTo>
                      <a:pt x="553" y="83"/>
                    </a:lnTo>
                    <a:lnTo>
                      <a:pt x="554" y="86"/>
                    </a:lnTo>
                    <a:lnTo>
                      <a:pt x="557" y="88"/>
                    </a:lnTo>
                    <a:lnTo>
                      <a:pt x="562" y="89"/>
                    </a:lnTo>
                    <a:lnTo>
                      <a:pt x="569" y="91"/>
                    </a:lnTo>
                    <a:lnTo>
                      <a:pt x="583" y="92"/>
                    </a:lnTo>
                    <a:lnTo>
                      <a:pt x="599" y="92"/>
                    </a:lnTo>
                    <a:lnTo>
                      <a:pt x="613" y="91"/>
                    </a:lnTo>
                    <a:lnTo>
                      <a:pt x="625" y="89"/>
                    </a:lnTo>
                    <a:lnTo>
                      <a:pt x="628" y="88"/>
                    </a:lnTo>
                    <a:lnTo>
                      <a:pt x="629" y="86"/>
                    </a:lnTo>
                    <a:lnTo>
                      <a:pt x="629" y="85"/>
                    </a:lnTo>
                    <a:lnTo>
                      <a:pt x="626" y="83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71" name="Freeform 542"/>
              <p:cNvSpPr>
                <a:spLocks/>
              </p:cNvSpPr>
              <p:nvPr/>
            </p:nvSpPr>
            <p:spPr bwMode="auto">
              <a:xfrm>
                <a:off x="3765550" y="6073775"/>
                <a:ext cx="50800" cy="25400"/>
              </a:xfrm>
              <a:custGeom>
                <a:avLst/>
                <a:gdLst>
                  <a:gd name="T0" fmla="*/ 0 w 98"/>
                  <a:gd name="T1" fmla="*/ 16 h 48"/>
                  <a:gd name="T2" fmla="*/ 9 w 98"/>
                  <a:gd name="T3" fmla="*/ 13 h 48"/>
                  <a:gd name="T4" fmla="*/ 18 w 98"/>
                  <a:gd name="T5" fmla="*/ 10 h 48"/>
                  <a:gd name="T6" fmla="*/ 22 w 98"/>
                  <a:gd name="T7" fmla="*/ 8 h 48"/>
                  <a:gd name="T8" fmla="*/ 26 w 98"/>
                  <a:gd name="T9" fmla="*/ 6 h 48"/>
                  <a:gd name="T10" fmla="*/ 29 w 98"/>
                  <a:gd name="T11" fmla="*/ 3 h 48"/>
                  <a:gd name="T12" fmla="*/ 32 w 98"/>
                  <a:gd name="T13" fmla="*/ 0 h 48"/>
                  <a:gd name="T14" fmla="*/ 31 w 98"/>
                  <a:gd name="T15" fmla="*/ 2 h 48"/>
                  <a:gd name="T16" fmla="*/ 31 w 98"/>
                  <a:gd name="T17" fmla="*/ 4 h 48"/>
                  <a:gd name="T18" fmla="*/ 30 w 98"/>
                  <a:gd name="T19" fmla="*/ 5 h 48"/>
                  <a:gd name="T20" fmla="*/ 29 w 98"/>
                  <a:gd name="T21" fmla="*/ 7 h 48"/>
                  <a:gd name="T22" fmla="*/ 28 w 98"/>
                  <a:gd name="T23" fmla="*/ 8 h 48"/>
                  <a:gd name="T24" fmla="*/ 27 w 98"/>
                  <a:gd name="T25" fmla="*/ 9 h 48"/>
                  <a:gd name="T26" fmla="*/ 26 w 98"/>
                  <a:gd name="T27" fmla="*/ 10 h 48"/>
                  <a:gd name="T28" fmla="*/ 24 w 98"/>
                  <a:gd name="T29" fmla="*/ 11 h 48"/>
                  <a:gd name="T30" fmla="*/ 21 w 98"/>
                  <a:gd name="T31" fmla="*/ 13 h 48"/>
                  <a:gd name="T32" fmla="*/ 18 w 98"/>
                  <a:gd name="T33" fmla="*/ 14 h 48"/>
                  <a:gd name="T34" fmla="*/ 14 w 98"/>
                  <a:gd name="T35" fmla="*/ 15 h 48"/>
                  <a:gd name="T36" fmla="*/ 10 w 98"/>
                  <a:gd name="T37" fmla="*/ 16 h 48"/>
                  <a:gd name="T38" fmla="*/ 8 w 98"/>
                  <a:gd name="T39" fmla="*/ 16 h 48"/>
                  <a:gd name="T40" fmla="*/ 5 w 98"/>
                  <a:gd name="T41" fmla="*/ 16 h 48"/>
                  <a:gd name="T42" fmla="*/ 3 w 98"/>
                  <a:gd name="T43" fmla="*/ 16 h 48"/>
                  <a:gd name="T44" fmla="*/ 0 w 98"/>
                  <a:gd name="T45" fmla="*/ 16 h 48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98" h="48">
                    <a:moveTo>
                      <a:pt x="0" y="48"/>
                    </a:moveTo>
                    <a:lnTo>
                      <a:pt x="28" y="40"/>
                    </a:lnTo>
                    <a:lnTo>
                      <a:pt x="54" y="30"/>
                    </a:lnTo>
                    <a:lnTo>
                      <a:pt x="67" y="24"/>
                    </a:lnTo>
                    <a:lnTo>
                      <a:pt x="79" y="17"/>
                    </a:lnTo>
                    <a:lnTo>
                      <a:pt x="88" y="9"/>
                    </a:lnTo>
                    <a:lnTo>
                      <a:pt x="98" y="0"/>
                    </a:lnTo>
                    <a:lnTo>
                      <a:pt x="96" y="6"/>
                    </a:lnTo>
                    <a:lnTo>
                      <a:pt x="94" y="11"/>
                    </a:lnTo>
                    <a:lnTo>
                      <a:pt x="92" y="16"/>
                    </a:lnTo>
                    <a:lnTo>
                      <a:pt x="90" y="21"/>
                    </a:lnTo>
                    <a:lnTo>
                      <a:pt x="87" y="25"/>
                    </a:lnTo>
                    <a:lnTo>
                      <a:pt x="83" y="28"/>
                    </a:lnTo>
                    <a:lnTo>
                      <a:pt x="80" y="31"/>
                    </a:lnTo>
                    <a:lnTo>
                      <a:pt x="74" y="34"/>
                    </a:lnTo>
                    <a:lnTo>
                      <a:pt x="65" y="39"/>
                    </a:lnTo>
                    <a:lnTo>
                      <a:pt x="55" y="43"/>
                    </a:lnTo>
                    <a:lnTo>
                      <a:pt x="44" y="46"/>
                    </a:lnTo>
                    <a:lnTo>
                      <a:pt x="32" y="48"/>
                    </a:lnTo>
                    <a:lnTo>
                      <a:pt x="24" y="48"/>
                    </a:lnTo>
                    <a:lnTo>
                      <a:pt x="16" y="48"/>
                    </a:lnTo>
                    <a:lnTo>
                      <a:pt x="8" y="48"/>
                    </a:lnTo>
                    <a:lnTo>
                      <a:pt x="0" y="48"/>
                    </a:ln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72" name="Vordingborg"/>
              <p:cNvSpPr>
                <a:spLocks/>
              </p:cNvSpPr>
              <p:nvPr/>
            </p:nvSpPr>
            <p:spPr bwMode="auto">
              <a:xfrm>
                <a:off x="3692525" y="5945188"/>
                <a:ext cx="38100" cy="30163"/>
              </a:xfrm>
              <a:custGeom>
                <a:avLst/>
                <a:gdLst>
                  <a:gd name="T0" fmla="*/ 3 w 72"/>
                  <a:gd name="T1" fmla="*/ 11 h 56"/>
                  <a:gd name="T2" fmla="*/ 8 w 72"/>
                  <a:gd name="T3" fmla="*/ 6 h 56"/>
                  <a:gd name="T4" fmla="*/ 14 w 72"/>
                  <a:gd name="T5" fmla="*/ 2 h 56"/>
                  <a:gd name="T6" fmla="*/ 15 w 72"/>
                  <a:gd name="T7" fmla="*/ 1 h 56"/>
                  <a:gd name="T8" fmla="*/ 16 w 72"/>
                  <a:gd name="T9" fmla="*/ 0 h 56"/>
                  <a:gd name="T10" fmla="*/ 17 w 72"/>
                  <a:gd name="T11" fmla="*/ 0 h 56"/>
                  <a:gd name="T12" fmla="*/ 18 w 72"/>
                  <a:gd name="T13" fmla="*/ 0 h 56"/>
                  <a:gd name="T14" fmla="*/ 20 w 72"/>
                  <a:gd name="T15" fmla="*/ 0 h 56"/>
                  <a:gd name="T16" fmla="*/ 21 w 72"/>
                  <a:gd name="T17" fmla="*/ 0 h 56"/>
                  <a:gd name="T18" fmla="*/ 23 w 72"/>
                  <a:gd name="T19" fmla="*/ 1 h 56"/>
                  <a:gd name="T20" fmla="*/ 24 w 72"/>
                  <a:gd name="T21" fmla="*/ 2 h 56"/>
                  <a:gd name="T22" fmla="*/ 24 w 72"/>
                  <a:gd name="T23" fmla="*/ 4 h 56"/>
                  <a:gd name="T24" fmla="*/ 23 w 72"/>
                  <a:gd name="T25" fmla="*/ 5 h 56"/>
                  <a:gd name="T26" fmla="*/ 21 w 72"/>
                  <a:gd name="T27" fmla="*/ 6 h 56"/>
                  <a:gd name="T28" fmla="*/ 20 w 72"/>
                  <a:gd name="T29" fmla="*/ 8 h 56"/>
                  <a:gd name="T30" fmla="*/ 19 w 72"/>
                  <a:gd name="T31" fmla="*/ 10 h 56"/>
                  <a:gd name="T32" fmla="*/ 18 w 72"/>
                  <a:gd name="T33" fmla="*/ 11 h 56"/>
                  <a:gd name="T34" fmla="*/ 19 w 72"/>
                  <a:gd name="T35" fmla="*/ 12 h 56"/>
                  <a:gd name="T36" fmla="*/ 19 w 72"/>
                  <a:gd name="T37" fmla="*/ 12 h 56"/>
                  <a:gd name="T38" fmla="*/ 20 w 72"/>
                  <a:gd name="T39" fmla="*/ 13 h 56"/>
                  <a:gd name="T40" fmla="*/ 22 w 72"/>
                  <a:gd name="T41" fmla="*/ 13 h 56"/>
                  <a:gd name="T42" fmla="*/ 21 w 72"/>
                  <a:gd name="T43" fmla="*/ 14 h 56"/>
                  <a:gd name="T44" fmla="*/ 20 w 72"/>
                  <a:gd name="T45" fmla="*/ 16 h 56"/>
                  <a:gd name="T46" fmla="*/ 20 w 72"/>
                  <a:gd name="T47" fmla="*/ 17 h 56"/>
                  <a:gd name="T48" fmla="*/ 19 w 72"/>
                  <a:gd name="T49" fmla="*/ 17 h 56"/>
                  <a:gd name="T50" fmla="*/ 18 w 72"/>
                  <a:gd name="T51" fmla="*/ 18 h 56"/>
                  <a:gd name="T52" fmla="*/ 16 w 72"/>
                  <a:gd name="T53" fmla="*/ 19 h 56"/>
                  <a:gd name="T54" fmla="*/ 15 w 72"/>
                  <a:gd name="T55" fmla="*/ 19 h 56"/>
                  <a:gd name="T56" fmla="*/ 13 w 72"/>
                  <a:gd name="T57" fmla="*/ 19 h 56"/>
                  <a:gd name="T58" fmla="*/ 12 w 72"/>
                  <a:gd name="T59" fmla="*/ 19 h 56"/>
                  <a:gd name="T60" fmla="*/ 11 w 72"/>
                  <a:gd name="T61" fmla="*/ 19 h 56"/>
                  <a:gd name="T62" fmla="*/ 10 w 72"/>
                  <a:gd name="T63" fmla="*/ 17 h 56"/>
                  <a:gd name="T64" fmla="*/ 9 w 72"/>
                  <a:gd name="T65" fmla="*/ 16 h 56"/>
                  <a:gd name="T66" fmla="*/ 8 w 72"/>
                  <a:gd name="T67" fmla="*/ 15 h 56"/>
                  <a:gd name="T68" fmla="*/ 8 w 72"/>
                  <a:gd name="T69" fmla="*/ 13 h 56"/>
                  <a:gd name="T70" fmla="*/ 8 w 72"/>
                  <a:gd name="T71" fmla="*/ 12 h 56"/>
                  <a:gd name="T72" fmla="*/ 9 w 72"/>
                  <a:gd name="T73" fmla="*/ 11 h 56"/>
                  <a:gd name="T74" fmla="*/ 10 w 72"/>
                  <a:gd name="T75" fmla="*/ 10 h 56"/>
                  <a:gd name="T76" fmla="*/ 11 w 72"/>
                  <a:gd name="T77" fmla="*/ 8 h 56"/>
                  <a:gd name="T78" fmla="*/ 10 w 72"/>
                  <a:gd name="T79" fmla="*/ 7 h 56"/>
                  <a:gd name="T80" fmla="*/ 9 w 72"/>
                  <a:gd name="T81" fmla="*/ 8 h 56"/>
                  <a:gd name="T82" fmla="*/ 8 w 72"/>
                  <a:gd name="T83" fmla="*/ 8 h 56"/>
                  <a:gd name="T84" fmla="*/ 8 w 72"/>
                  <a:gd name="T85" fmla="*/ 9 h 56"/>
                  <a:gd name="T86" fmla="*/ 7 w 72"/>
                  <a:gd name="T87" fmla="*/ 10 h 56"/>
                  <a:gd name="T88" fmla="*/ 6 w 72"/>
                  <a:gd name="T89" fmla="*/ 12 h 56"/>
                  <a:gd name="T90" fmla="*/ 6 w 72"/>
                  <a:gd name="T91" fmla="*/ 13 h 56"/>
                  <a:gd name="T92" fmla="*/ 5 w 72"/>
                  <a:gd name="T93" fmla="*/ 14 h 56"/>
                  <a:gd name="T94" fmla="*/ 5 w 72"/>
                  <a:gd name="T95" fmla="*/ 15 h 56"/>
                  <a:gd name="T96" fmla="*/ 4 w 72"/>
                  <a:gd name="T97" fmla="*/ 16 h 56"/>
                  <a:gd name="T98" fmla="*/ 3 w 72"/>
                  <a:gd name="T99" fmla="*/ 16 h 56"/>
                  <a:gd name="T100" fmla="*/ 3 w 72"/>
                  <a:gd name="T101" fmla="*/ 16 h 56"/>
                  <a:gd name="T102" fmla="*/ 2 w 72"/>
                  <a:gd name="T103" fmla="*/ 15 h 56"/>
                  <a:gd name="T104" fmla="*/ 2 w 72"/>
                  <a:gd name="T105" fmla="*/ 14 h 56"/>
                  <a:gd name="T106" fmla="*/ 2 w 72"/>
                  <a:gd name="T107" fmla="*/ 14 h 56"/>
                  <a:gd name="T108" fmla="*/ 1 w 72"/>
                  <a:gd name="T109" fmla="*/ 13 h 56"/>
                  <a:gd name="T110" fmla="*/ 1 w 72"/>
                  <a:gd name="T111" fmla="*/ 13 h 56"/>
                  <a:gd name="T112" fmla="*/ 0 w 72"/>
                  <a:gd name="T113" fmla="*/ 13 h 56"/>
                  <a:gd name="T114" fmla="*/ 0 w 72"/>
                  <a:gd name="T115" fmla="*/ 12 h 56"/>
                  <a:gd name="T116" fmla="*/ 0 w 72"/>
                  <a:gd name="T117" fmla="*/ 11 h 56"/>
                  <a:gd name="T118" fmla="*/ 1 w 72"/>
                  <a:gd name="T119" fmla="*/ 11 h 56"/>
                  <a:gd name="T120" fmla="*/ 1 w 72"/>
                  <a:gd name="T121" fmla="*/ 11 h 56"/>
                  <a:gd name="T122" fmla="*/ 2 w 72"/>
                  <a:gd name="T123" fmla="*/ 11 h 56"/>
                  <a:gd name="T124" fmla="*/ 3 w 72"/>
                  <a:gd name="T125" fmla="*/ 11 h 5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72" h="56">
                    <a:moveTo>
                      <a:pt x="8" y="31"/>
                    </a:moveTo>
                    <a:lnTo>
                      <a:pt x="25" y="17"/>
                    </a:lnTo>
                    <a:lnTo>
                      <a:pt x="41" y="6"/>
                    </a:lnTo>
                    <a:lnTo>
                      <a:pt x="44" y="4"/>
                    </a:lnTo>
                    <a:lnTo>
                      <a:pt x="48" y="1"/>
                    </a:lnTo>
                    <a:lnTo>
                      <a:pt x="52" y="0"/>
                    </a:lnTo>
                    <a:lnTo>
                      <a:pt x="55" y="0"/>
                    </a:lnTo>
                    <a:lnTo>
                      <a:pt x="60" y="0"/>
                    </a:lnTo>
                    <a:lnTo>
                      <a:pt x="64" y="1"/>
                    </a:lnTo>
                    <a:lnTo>
                      <a:pt x="68" y="4"/>
                    </a:lnTo>
                    <a:lnTo>
                      <a:pt x="72" y="7"/>
                    </a:lnTo>
                    <a:lnTo>
                      <a:pt x="71" y="11"/>
                    </a:lnTo>
                    <a:lnTo>
                      <a:pt x="68" y="15"/>
                    </a:lnTo>
                    <a:lnTo>
                      <a:pt x="64" y="19"/>
                    </a:lnTo>
                    <a:lnTo>
                      <a:pt x="60" y="25"/>
                    </a:lnTo>
                    <a:lnTo>
                      <a:pt x="57" y="29"/>
                    </a:lnTo>
                    <a:lnTo>
                      <a:pt x="55" y="32"/>
                    </a:lnTo>
                    <a:lnTo>
                      <a:pt x="57" y="34"/>
                    </a:lnTo>
                    <a:lnTo>
                      <a:pt x="58" y="36"/>
                    </a:lnTo>
                    <a:lnTo>
                      <a:pt x="61" y="38"/>
                    </a:lnTo>
                    <a:lnTo>
                      <a:pt x="65" y="39"/>
                    </a:lnTo>
                    <a:lnTo>
                      <a:pt x="63" y="42"/>
                    </a:lnTo>
                    <a:lnTo>
                      <a:pt x="61" y="47"/>
                    </a:lnTo>
                    <a:lnTo>
                      <a:pt x="59" y="49"/>
                    </a:lnTo>
                    <a:lnTo>
                      <a:pt x="57" y="51"/>
                    </a:lnTo>
                    <a:lnTo>
                      <a:pt x="53" y="53"/>
                    </a:lnTo>
                    <a:lnTo>
                      <a:pt x="49" y="55"/>
                    </a:lnTo>
                    <a:lnTo>
                      <a:pt x="45" y="55"/>
                    </a:lnTo>
                    <a:lnTo>
                      <a:pt x="40" y="56"/>
                    </a:lnTo>
                    <a:lnTo>
                      <a:pt x="37" y="56"/>
                    </a:lnTo>
                    <a:lnTo>
                      <a:pt x="32" y="56"/>
                    </a:lnTo>
                    <a:lnTo>
                      <a:pt x="29" y="51"/>
                    </a:lnTo>
                    <a:lnTo>
                      <a:pt x="27" y="47"/>
                    </a:lnTo>
                    <a:lnTo>
                      <a:pt x="25" y="44"/>
                    </a:lnTo>
                    <a:lnTo>
                      <a:pt x="25" y="39"/>
                    </a:lnTo>
                    <a:lnTo>
                      <a:pt x="25" y="35"/>
                    </a:lnTo>
                    <a:lnTo>
                      <a:pt x="27" y="32"/>
                    </a:lnTo>
                    <a:lnTo>
                      <a:pt x="29" y="28"/>
                    </a:lnTo>
                    <a:lnTo>
                      <a:pt x="32" y="24"/>
                    </a:lnTo>
                    <a:lnTo>
                      <a:pt x="29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3" y="26"/>
                    </a:lnTo>
                    <a:lnTo>
                      <a:pt x="20" y="30"/>
                    </a:lnTo>
                    <a:lnTo>
                      <a:pt x="19" y="34"/>
                    </a:lnTo>
                    <a:lnTo>
                      <a:pt x="18" y="38"/>
                    </a:lnTo>
                    <a:lnTo>
                      <a:pt x="15" y="42"/>
                    </a:lnTo>
                    <a:lnTo>
                      <a:pt x="14" y="45"/>
                    </a:lnTo>
                    <a:lnTo>
                      <a:pt x="12" y="46"/>
                    </a:lnTo>
                    <a:lnTo>
                      <a:pt x="10" y="47"/>
                    </a:lnTo>
                    <a:lnTo>
                      <a:pt x="8" y="48"/>
                    </a:lnTo>
                    <a:lnTo>
                      <a:pt x="7" y="44"/>
                    </a:lnTo>
                    <a:lnTo>
                      <a:pt x="6" y="41"/>
                    </a:lnTo>
                    <a:lnTo>
                      <a:pt x="5" y="40"/>
                    </a:lnTo>
                    <a:lnTo>
                      <a:pt x="4" y="39"/>
                    </a:lnTo>
                    <a:lnTo>
                      <a:pt x="2" y="39"/>
                    </a:lnTo>
                    <a:lnTo>
                      <a:pt x="0" y="39"/>
                    </a:lnTo>
                    <a:lnTo>
                      <a:pt x="0" y="36"/>
                    </a:lnTo>
                    <a:lnTo>
                      <a:pt x="1" y="33"/>
                    </a:lnTo>
                    <a:lnTo>
                      <a:pt x="2" y="32"/>
                    </a:lnTo>
                    <a:lnTo>
                      <a:pt x="4" y="31"/>
                    </a:lnTo>
                    <a:lnTo>
                      <a:pt x="5" y="31"/>
                    </a:lnTo>
                    <a:lnTo>
                      <a:pt x="8" y="31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73" name="Vordingborg kant"/>
              <p:cNvSpPr>
                <a:spLocks/>
              </p:cNvSpPr>
              <p:nvPr/>
            </p:nvSpPr>
            <p:spPr bwMode="auto">
              <a:xfrm>
                <a:off x="3692525" y="5945188"/>
                <a:ext cx="38100" cy="30163"/>
              </a:xfrm>
              <a:custGeom>
                <a:avLst/>
                <a:gdLst>
                  <a:gd name="T0" fmla="*/ 3 w 72"/>
                  <a:gd name="T1" fmla="*/ 11 h 56"/>
                  <a:gd name="T2" fmla="*/ 8 w 72"/>
                  <a:gd name="T3" fmla="*/ 6 h 56"/>
                  <a:gd name="T4" fmla="*/ 14 w 72"/>
                  <a:gd name="T5" fmla="*/ 2 h 56"/>
                  <a:gd name="T6" fmla="*/ 15 w 72"/>
                  <a:gd name="T7" fmla="*/ 1 h 56"/>
                  <a:gd name="T8" fmla="*/ 16 w 72"/>
                  <a:gd name="T9" fmla="*/ 0 h 56"/>
                  <a:gd name="T10" fmla="*/ 17 w 72"/>
                  <a:gd name="T11" fmla="*/ 0 h 56"/>
                  <a:gd name="T12" fmla="*/ 18 w 72"/>
                  <a:gd name="T13" fmla="*/ 0 h 56"/>
                  <a:gd name="T14" fmla="*/ 20 w 72"/>
                  <a:gd name="T15" fmla="*/ 0 h 56"/>
                  <a:gd name="T16" fmla="*/ 21 w 72"/>
                  <a:gd name="T17" fmla="*/ 0 h 56"/>
                  <a:gd name="T18" fmla="*/ 23 w 72"/>
                  <a:gd name="T19" fmla="*/ 1 h 56"/>
                  <a:gd name="T20" fmla="*/ 24 w 72"/>
                  <a:gd name="T21" fmla="*/ 2 h 56"/>
                  <a:gd name="T22" fmla="*/ 24 w 72"/>
                  <a:gd name="T23" fmla="*/ 4 h 56"/>
                  <a:gd name="T24" fmla="*/ 23 w 72"/>
                  <a:gd name="T25" fmla="*/ 5 h 56"/>
                  <a:gd name="T26" fmla="*/ 21 w 72"/>
                  <a:gd name="T27" fmla="*/ 6 h 56"/>
                  <a:gd name="T28" fmla="*/ 20 w 72"/>
                  <a:gd name="T29" fmla="*/ 8 h 56"/>
                  <a:gd name="T30" fmla="*/ 19 w 72"/>
                  <a:gd name="T31" fmla="*/ 10 h 56"/>
                  <a:gd name="T32" fmla="*/ 18 w 72"/>
                  <a:gd name="T33" fmla="*/ 11 h 56"/>
                  <a:gd name="T34" fmla="*/ 19 w 72"/>
                  <a:gd name="T35" fmla="*/ 12 h 56"/>
                  <a:gd name="T36" fmla="*/ 19 w 72"/>
                  <a:gd name="T37" fmla="*/ 12 h 56"/>
                  <a:gd name="T38" fmla="*/ 20 w 72"/>
                  <a:gd name="T39" fmla="*/ 13 h 56"/>
                  <a:gd name="T40" fmla="*/ 22 w 72"/>
                  <a:gd name="T41" fmla="*/ 13 h 56"/>
                  <a:gd name="T42" fmla="*/ 21 w 72"/>
                  <a:gd name="T43" fmla="*/ 14 h 56"/>
                  <a:gd name="T44" fmla="*/ 20 w 72"/>
                  <a:gd name="T45" fmla="*/ 16 h 56"/>
                  <a:gd name="T46" fmla="*/ 20 w 72"/>
                  <a:gd name="T47" fmla="*/ 17 h 56"/>
                  <a:gd name="T48" fmla="*/ 19 w 72"/>
                  <a:gd name="T49" fmla="*/ 17 h 56"/>
                  <a:gd name="T50" fmla="*/ 18 w 72"/>
                  <a:gd name="T51" fmla="*/ 18 h 56"/>
                  <a:gd name="T52" fmla="*/ 16 w 72"/>
                  <a:gd name="T53" fmla="*/ 19 h 56"/>
                  <a:gd name="T54" fmla="*/ 15 w 72"/>
                  <a:gd name="T55" fmla="*/ 19 h 56"/>
                  <a:gd name="T56" fmla="*/ 13 w 72"/>
                  <a:gd name="T57" fmla="*/ 19 h 56"/>
                  <a:gd name="T58" fmla="*/ 12 w 72"/>
                  <a:gd name="T59" fmla="*/ 19 h 56"/>
                  <a:gd name="T60" fmla="*/ 11 w 72"/>
                  <a:gd name="T61" fmla="*/ 19 h 56"/>
                  <a:gd name="T62" fmla="*/ 10 w 72"/>
                  <a:gd name="T63" fmla="*/ 17 h 56"/>
                  <a:gd name="T64" fmla="*/ 9 w 72"/>
                  <a:gd name="T65" fmla="*/ 16 h 56"/>
                  <a:gd name="T66" fmla="*/ 8 w 72"/>
                  <a:gd name="T67" fmla="*/ 15 h 56"/>
                  <a:gd name="T68" fmla="*/ 8 w 72"/>
                  <a:gd name="T69" fmla="*/ 13 h 56"/>
                  <a:gd name="T70" fmla="*/ 8 w 72"/>
                  <a:gd name="T71" fmla="*/ 12 h 56"/>
                  <a:gd name="T72" fmla="*/ 9 w 72"/>
                  <a:gd name="T73" fmla="*/ 11 h 56"/>
                  <a:gd name="T74" fmla="*/ 10 w 72"/>
                  <a:gd name="T75" fmla="*/ 10 h 56"/>
                  <a:gd name="T76" fmla="*/ 11 w 72"/>
                  <a:gd name="T77" fmla="*/ 8 h 56"/>
                  <a:gd name="T78" fmla="*/ 10 w 72"/>
                  <a:gd name="T79" fmla="*/ 7 h 56"/>
                  <a:gd name="T80" fmla="*/ 9 w 72"/>
                  <a:gd name="T81" fmla="*/ 8 h 56"/>
                  <a:gd name="T82" fmla="*/ 8 w 72"/>
                  <a:gd name="T83" fmla="*/ 8 h 56"/>
                  <a:gd name="T84" fmla="*/ 8 w 72"/>
                  <a:gd name="T85" fmla="*/ 9 h 56"/>
                  <a:gd name="T86" fmla="*/ 7 w 72"/>
                  <a:gd name="T87" fmla="*/ 10 h 56"/>
                  <a:gd name="T88" fmla="*/ 6 w 72"/>
                  <a:gd name="T89" fmla="*/ 12 h 56"/>
                  <a:gd name="T90" fmla="*/ 6 w 72"/>
                  <a:gd name="T91" fmla="*/ 13 h 56"/>
                  <a:gd name="T92" fmla="*/ 5 w 72"/>
                  <a:gd name="T93" fmla="*/ 14 h 56"/>
                  <a:gd name="T94" fmla="*/ 5 w 72"/>
                  <a:gd name="T95" fmla="*/ 15 h 56"/>
                  <a:gd name="T96" fmla="*/ 4 w 72"/>
                  <a:gd name="T97" fmla="*/ 16 h 56"/>
                  <a:gd name="T98" fmla="*/ 3 w 72"/>
                  <a:gd name="T99" fmla="*/ 16 h 56"/>
                  <a:gd name="T100" fmla="*/ 3 w 72"/>
                  <a:gd name="T101" fmla="*/ 16 h 56"/>
                  <a:gd name="T102" fmla="*/ 2 w 72"/>
                  <a:gd name="T103" fmla="*/ 15 h 56"/>
                  <a:gd name="T104" fmla="*/ 2 w 72"/>
                  <a:gd name="T105" fmla="*/ 14 h 56"/>
                  <a:gd name="T106" fmla="*/ 2 w 72"/>
                  <a:gd name="T107" fmla="*/ 14 h 56"/>
                  <a:gd name="T108" fmla="*/ 1 w 72"/>
                  <a:gd name="T109" fmla="*/ 13 h 56"/>
                  <a:gd name="T110" fmla="*/ 1 w 72"/>
                  <a:gd name="T111" fmla="*/ 13 h 56"/>
                  <a:gd name="T112" fmla="*/ 0 w 72"/>
                  <a:gd name="T113" fmla="*/ 13 h 56"/>
                  <a:gd name="T114" fmla="*/ 0 w 72"/>
                  <a:gd name="T115" fmla="*/ 12 h 56"/>
                  <a:gd name="T116" fmla="*/ 0 w 72"/>
                  <a:gd name="T117" fmla="*/ 11 h 56"/>
                  <a:gd name="T118" fmla="*/ 1 w 72"/>
                  <a:gd name="T119" fmla="*/ 11 h 56"/>
                  <a:gd name="T120" fmla="*/ 1 w 72"/>
                  <a:gd name="T121" fmla="*/ 11 h 56"/>
                  <a:gd name="T122" fmla="*/ 2 w 72"/>
                  <a:gd name="T123" fmla="*/ 11 h 56"/>
                  <a:gd name="T124" fmla="*/ 3 w 72"/>
                  <a:gd name="T125" fmla="*/ 11 h 5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72" h="56">
                    <a:moveTo>
                      <a:pt x="8" y="31"/>
                    </a:moveTo>
                    <a:lnTo>
                      <a:pt x="25" y="17"/>
                    </a:lnTo>
                    <a:lnTo>
                      <a:pt x="41" y="6"/>
                    </a:lnTo>
                    <a:lnTo>
                      <a:pt x="44" y="4"/>
                    </a:lnTo>
                    <a:lnTo>
                      <a:pt x="48" y="1"/>
                    </a:lnTo>
                    <a:lnTo>
                      <a:pt x="52" y="0"/>
                    </a:lnTo>
                    <a:lnTo>
                      <a:pt x="55" y="0"/>
                    </a:lnTo>
                    <a:lnTo>
                      <a:pt x="60" y="0"/>
                    </a:lnTo>
                    <a:lnTo>
                      <a:pt x="64" y="1"/>
                    </a:lnTo>
                    <a:lnTo>
                      <a:pt x="68" y="4"/>
                    </a:lnTo>
                    <a:lnTo>
                      <a:pt x="72" y="7"/>
                    </a:lnTo>
                    <a:lnTo>
                      <a:pt x="71" y="11"/>
                    </a:lnTo>
                    <a:lnTo>
                      <a:pt x="68" y="15"/>
                    </a:lnTo>
                    <a:lnTo>
                      <a:pt x="64" y="19"/>
                    </a:lnTo>
                    <a:lnTo>
                      <a:pt x="60" y="25"/>
                    </a:lnTo>
                    <a:lnTo>
                      <a:pt x="57" y="29"/>
                    </a:lnTo>
                    <a:lnTo>
                      <a:pt x="55" y="32"/>
                    </a:lnTo>
                    <a:lnTo>
                      <a:pt x="57" y="34"/>
                    </a:lnTo>
                    <a:lnTo>
                      <a:pt x="58" y="36"/>
                    </a:lnTo>
                    <a:lnTo>
                      <a:pt x="61" y="38"/>
                    </a:lnTo>
                    <a:lnTo>
                      <a:pt x="65" y="39"/>
                    </a:lnTo>
                    <a:lnTo>
                      <a:pt x="63" y="42"/>
                    </a:lnTo>
                    <a:lnTo>
                      <a:pt x="61" y="47"/>
                    </a:lnTo>
                    <a:lnTo>
                      <a:pt x="59" y="49"/>
                    </a:lnTo>
                    <a:lnTo>
                      <a:pt x="57" y="51"/>
                    </a:lnTo>
                    <a:lnTo>
                      <a:pt x="53" y="53"/>
                    </a:lnTo>
                    <a:lnTo>
                      <a:pt x="49" y="55"/>
                    </a:lnTo>
                    <a:lnTo>
                      <a:pt x="45" y="55"/>
                    </a:lnTo>
                    <a:lnTo>
                      <a:pt x="40" y="56"/>
                    </a:lnTo>
                    <a:lnTo>
                      <a:pt x="37" y="56"/>
                    </a:lnTo>
                    <a:lnTo>
                      <a:pt x="32" y="56"/>
                    </a:lnTo>
                    <a:lnTo>
                      <a:pt x="29" y="51"/>
                    </a:lnTo>
                    <a:lnTo>
                      <a:pt x="27" y="47"/>
                    </a:lnTo>
                    <a:lnTo>
                      <a:pt x="25" y="44"/>
                    </a:lnTo>
                    <a:lnTo>
                      <a:pt x="25" y="39"/>
                    </a:lnTo>
                    <a:lnTo>
                      <a:pt x="25" y="35"/>
                    </a:lnTo>
                    <a:lnTo>
                      <a:pt x="27" y="32"/>
                    </a:lnTo>
                    <a:lnTo>
                      <a:pt x="29" y="28"/>
                    </a:lnTo>
                    <a:lnTo>
                      <a:pt x="32" y="24"/>
                    </a:lnTo>
                    <a:lnTo>
                      <a:pt x="29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3" y="26"/>
                    </a:lnTo>
                    <a:lnTo>
                      <a:pt x="20" y="30"/>
                    </a:lnTo>
                    <a:lnTo>
                      <a:pt x="19" y="34"/>
                    </a:lnTo>
                    <a:lnTo>
                      <a:pt x="18" y="38"/>
                    </a:lnTo>
                    <a:lnTo>
                      <a:pt x="15" y="42"/>
                    </a:lnTo>
                    <a:lnTo>
                      <a:pt x="14" y="45"/>
                    </a:lnTo>
                    <a:lnTo>
                      <a:pt x="12" y="46"/>
                    </a:lnTo>
                    <a:lnTo>
                      <a:pt x="10" y="47"/>
                    </a:lnTo>
                    <a:lnTo>
                      <a:pt x="8" y="48"/>
                    </a:lnTo>
                    <a:lnTo>
                      <a:pt x="7" y="44"/>
                    </a:lnTo>
                    <a:lnTo>
                      <a:pt x="6" y="41"/>
                    </a:lnTo>
                    <a:lnTo>
                      <a:pt x="5" y="40"/>
                    </a:lnTo>
                    <a:lnTo>
                      <a:pt x="4" y="39"/>
                    </a:lnTo>
                    <a:lnTo>
                      <a:pt x="2" y="39"/>
                    </a:lnTo>
                    <a:lnTo>
                      <a:pt x="0" y="39"/>
                    </a:lnTo>
                    <a:lnTo>
                      <a:pt x="0" y="36"/>
                    </a:lnTo>
                    <a:lnTo>
                      <a:pt x="1" y="33"/>
                    </a:lnTo>
                    <a:lnTo>
                      <a:pt x="2" y="32"/>
                    </a:lnTo>
                    <a:lnTo>
                      <a:pt x="4" y="31"/>
                    </a:lnTo>
                    <a:lnTo>
                      <a:pt x="5" y="31"/>
                    </a:lnTo>
                    <a:lnTo>
                      <a:pt x="8" y="31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74" name="Vordingborg"/>
              <p:cNvSpPr>
                <a:spLocks/>
              </p:cNvSpPr>
              <p:nvPr/>
            </p:nvSpPr>
            <p:spPr bwMode="auto">
              <a:xfrm>
                <a:off x="3713163" y="5946775"/>
                <a:ext cx="47625" cy="34925"/>
              </a:xfrm>
              <a:custGeom>
                <a:avLst/>
                <a:gdLst>
                  <a:gd name="T0" fmla="*/ 28 w 89"/>
                  <a:gd name="T1" fmla="*/ 2 h 68"/>
                  <a:gd name="T2" fmla="*/ 29 w 89"/>
                  <a:gd name="T3" fmla="*/ 4 h 68"/>
                  <a:gd name="T4" fmla="*/ 29 w 89"/>
                  <a:gd name="T5" fmla="*/ 5 h 68"/>
                  <a:gd name="T6" fmla="*/ 30 w 89"/>
                  <a:gd name="T7" fmla="*/ 7 h 68"/>
                  <a:gd name="T8" fmla="*/ 30 w 89"/>
                  <a:gd name="T9" fmla="*/ 10 h 68"/>
                  <a:gd name="T10" fmla="*/ 29 w 89"/>
                  <a:gd name="T11" fmla="*/ 10 h 68"/>
                  <a:gd name="T12" fmla="*/ 28 w 89"/>
                  <a:gd name="T13" fmla="*/ 10 h 68"/>
                  <a:gd name="T14" fmla="*/ 27 w 89"/>
                  <a:gd name="T15" fmla="*/ 10 h 68"/>
                  <a:gd name="T16" fmla="*/ 26 w 89"/>
                  <a:gd name="T17" fmla="*/ 11 h 68"/>
                  <a:gd name="T18" fmla="*/ 24 w 89"/>
                  <a:gd name="T19" fmla="*/ 12 h 68"/>
                  <a:gd name="T20" fmla="*/ 22 w 89"/>
                  <a:gd name="T21" fmla="*/ 12 h 68"/>
                  <a:gd name="T22" fmla="*/ 21 w 89"/>
                  <a:gd name="T23" fmla="*/ 12 h 68"/>
                  <a:gd name="T24" fmla="*/ 19 w 89"/>
                  <a:gd name="T25" fmla="*/ 12 h 68"/>
                  <a:gd name="T26" fmla="*/ 18 w 89"/>
                  <a:gd name="T27" fmla="*/ 13 h 68"/>
                  <a:gd name="T28" fmla="*/ 17 w 89"/>
                  <a:gd name="T29" fmla="*/ 13 h 68"/>
                  <a:gd name="T30" fmla="*/ 16 w 89"/>
                  <a:gd name="T31" fmla="*/ 14 h 68"/>
                  <a:gd name="T32" fmla="*/ 14 w 89"/>
                  <a:gd name="T33" fmla="*/ 16 h 68"/>
                  <a:gd name="T34" fmla="*/ 13 w 89"/>
                  <a:gd name="T35" fmla="*/ 17 h 68"/>
                  <a:gd name="T36" fmla="*/ 12 w 89"/>
                  <a:gd name="T37" fmla="*/ 18 h 68"/>
                  <a:gd name="T38" fmla="*/ 10 w 89"/>
                  <a:gd name="T39" fmla="*/ 19 h 68"/>
                  <a:gd name="T40" fmla="*/ 8 w 89"/>
                  <a:gd name="T41" fmla="*/ 20 h 68"/>
                  <a:gd name="T42" fmla="*/ 7 w 89"/>
                  <a:gd name="T43" fmla="*/ 21 h 68"/>
                  <a:gd name="T44" fmla="*/ 6 w 89"/>
                  <a:gd name="T45" fmla="*/ 22 h 68"/>
                  <a:gd name="T46" fmla="*/ 5 w 89"/>
                  <a:gd name="T47" fmla="*/ 22 h 68"/>
                  <a:gd name="T48" fmla="*/ 4 w 89"/>
                  <a:gd name="T49" fmla="*/ 22 h 68"/>
                  <a:gd name="T50" fmla="*/ 2 w 89"/>
                  <a:gd name="T51" fmla="*/ 21 h 68"/>
                  <a:gd name="T52" fmla="*/ 0 w 89"/>
                  <a:gd name="T53" fmla="*/ 20 h 68"/>
                  <a:gd name="T54" fmla="*/ 0 w 89"/>
                  <a:gd name="T55" fmla="*/ 19 h 68"/>
                  <a:gd name="T56" fmla="*/ 0 w 89"/>
                  <a:gd name="T57" fmla="*/ 18 h 68"/>
                  <a:gd name="T58" fmla="*/ 2 w 89"/>
                  <a:gd name="T59" fmla="*/ 17 h 68"/>
                  <a:gd name="T60" fmla="*/ 3 w 89"/>
                  <a:gd name="T61" fmla="*/ 17 h 68"/>
                  <a:gd name="T62" fmla="*/ 4 w 89"/>
                  <a:gd name="T63" fmla="*/ 17 h 68"/>
                  <a:gd name="T64" fmla="*/ 6 w 89"/>
                  <a:gd name="T65" fmla="*/ 16 h 68"/>
                  <a:gd name="T66" fmla="*/ 6 w 89"/>
                  <a:gd name="T67" fmla="*/ 16 h 68"/>
                  <a:gd name="T68" fmla="*/ 7 w 89"/>
                  <a:gd name="T69" fmla="*/ 15 h 68"/>
                  <a:gd name="T70" fmla="*/ 8 w 89"/>
                  <a:gd name="T71" fmla="*/ 13 h 68"/>
                  <a:gd name="T72" fmla="*/ 8 w 89"/>
                  <a:gd name="T73" fmla="*/ 12 h 68"/>
                  <a:gd name="T74" fmla="*/ 8 w 89"/>
                  <a:gd name="T75" fmla="*/ 10 h 68"/>
                  <a:gd name="T76" fmla="*/ 8 w 89"/>
                  <a:gd name="T77" fmla="*/ 9 h 68"/>
                  <a:gd name="T78" fmla="*/ 9 w 89"/>
                  <a:gd name="T79" fmla="*/ 7 h 68"/>
                  <a:gd name="T80" fmla="*/ 10 w 89"/>
                  <a:gd name="T81" fmla="*/ 6 h 68"/>
                  <a:gd name="T82" fmla="*/ 11 w 89"/>
                  <a:gd name="T83" fmla="*/ 6 h 68"/>
                  <a:gd name="T84" fmla="*/ 13 w 89"/>
                  <a:gd name="T85" fmla="*/ 5 h 68"/>
                  <a:gd name="T86" fmla="*/ 13 w 89"/>
                  <a:gd name="T87" fmla="*/ 4 h 68"/>
                  <a:gd name="T88" fmla="*/ 14 w 89"/>
                  <a:gd name="T89" fmla="*/ 2 h 68"/>
                  <a:gd name="T90" fmla="*/ 17 w 89"/>
                  <a:gd name="T91" fmla="*/ 2 h 68"/>
                  <a:gd name="T92" fmla="*/ 19 w 89"/>
                  <a:gd name="T93" fmla="*/ 2 h 68"/>
                  <a:gd name="T94" fmla="*/ 21 w 89"/>
                  <a:gd name="T95" fmla="*/ 1 h 68"/>
                  <a:gd name="T96" fmla="*/ 22 w 89"/>
                  <a:gd name="T97" fmla="*/ 0 h 68"/>
                  <a:gd name="T98" fmla="*/ 23 w 89"/>
                  <a:gd name="T99" fmla="*/ 0 h 68"/>
                  <a:gd name="T100" fmla="*/ 24 w 89"/>
                  <a:gd name="T101" fmla="*/ 0 h 68"/>
                  <a:gd name="T102" fmla="*/ 26 w 89"/>
                  <a:gd name="T103" fmla="*/ 0 h 68"/>
                  <a:gd name="T104" fmla="*/ 28 w 89"/>
                  <a:gd name="T105" fmla="*/ 2 h 68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0" t="0" r="r" b="b"/>
                <a:pathLst>
                  <a:path w="89" h="68">
                    <a:moveTo>
                      <a:pt x="82" y="6"/>
                    </a:moveTo>
                    <a:lnTo>
                      <a:pt x="85" y="11"/>
                    </a:lnTo>
                    <a:lnTo>
                      <a:pt x="87" y="16"/>
                    </a:lnTo>
                    <a:lnTo>
                      <a:pt x="89" y="23"/>
                    </a:lnTo>
                    <a:lnTo>
                      <a:pt x="89" y="30"/>
                    </a:lnTo>
                    <a:lnTo>
                      <a:pt x="85" y="30"/>
                    </a:lnTo>
                    <a:lnTo>
                      <a:pt x="82" y="31"/>
                    </a:lnTo>
                    <a:lnTo>
                      <a:pt x="79" y="32"/>
                    </a:lnTo>
                    <a:lnTo>
                      <a:pt x="77" y="33"/>
                    </a:lnTo>
                    <a:lnTo>
                      <a:pt x="71" y="36"/>
                    </a:lnTo>
                    <a:lnTo>
                      <a:pt x="65" y="38"/>
                    </a:lnTo>
                    <a:lnTo>
                      <a:pt x="61" y="38"/>
                    </a:lnTo>
                    <a:lnTo>
                      <a:pt x="57" y="38"/>
                    </a:lnTo>
                    <a:lnTo>
                      <a:pt x="53" y="39"/>
                    </a:lnTo>
                    <a:lnTo>
                      <a:pt x="51" y="40"/>
                    </a:lnTo>
                    <a:lnTo>
                      <a:pt x="46" y="44"/>
                    </a:lnTo>
                    <a:lnTo>
                      <a:pt x="43" y="48"/>
                    </a:lnTo>
                    <a:lnTo>
                      <a:pt x="39" y="53"/>
                    </a:lnTo>
                    <a:lnTo>
                      <a:pt x="35" y="57"/>
                    </a:lnTo>
                    <a:lnTo>
                      <a:pt x="31" y="60"/>
                    </a:lnTo>
                    <a:lnTo>
                      <a:pt x="25" y="63"/>
                    </a:lnTo>
                    <a:lnTo>
                      <a:pt x="21" y="66"/>
                    </a:lnTo>
                    <a:lnTo>
                      <a:pt x="18" y="68"/>
                    </a:lnTo>
                    <a:lnTo>
                      <a:pt x="15" y="68"/>
                    </a:lnTo>
                    <a:lnTo>
                      <a:pt x="12" y="68"/>
                    </a:lnTo>
                    <a:lnTo>
                      <a:pt x="7" y="66"/>
                    </a:lnTo>
                    <a:lnTo>
                      <a:pt x="0" y="63"/>
                    </a:lnTo>
                    <a:lnTo>
                      <a:pt x="0" y="58"/>
                    </a:lnTo>
                    <a:lnTo>
                      <a:pt x="0" y="55"/>
                    </a:lnTo>
                    <a:lnTo>
                      <a:pt x="5" y="54"/>
                    </a:lnTo>
                    <a:lnTo>
                      <a:pt x="9" y="54"/>
                    </a:lnTo>
                    <a:lnTo>
                      <a:pt x="13" y="52"/>
                    </a:lnTo>
                    <a:lnTo>
                      <a:pt x="17" y="50"/>
                    </a:lnTo>
                    <a:lnTo>
                      <a:pt x="19" y="48"/>
                    </a:lnTo>
                    <a:lnTo>
                      <a:pt x="21" y="46"/>
                    </a:lnTo>
                    <a:lnTo>
                      <a:pt x="23" y="41"/>
                    </a:lnTo>
                    <a:lnTo>
                      <a:pt x="25" y="38"/>
                    </a:lnTo>
                    <a:lnTo>
                      <a:pt x="24" y="31"/>
                    </a:lnTo>
                    <a:lnTo>
                      <a:pt x="25" y="27"/>
                    </a:lnTo>
                    <a:lnTo>
                      <a:pt x="27" y="23"/>
                    </a:lnTo>
                    <a:lnTo>
                      <a:pt x="30" y="19"/>
                    </a:lnTo>
                    <a:lnTo>
                      <a:pt x="34" y="17"/>
                    </a:lnTo>
                    <a:lnTo>
                      <a:pt x="38" y="15"/>
                    </a:lnTo>
                    <a:lnTo>
                      <a:pt x="40" y="11"/>
                    </a:lnTo>
                    <a:lnTo>
                      <a:pt x="41" y="6"/>
                    </a:lnTo>
                    <a:lnTo>
                      <a:pt x="49" y="7"/>
                    </a:lnTo>
                    <a:lnTo>
                      <a:pt x="55" y="6"/>
                    </a:lnTo>
                    <a:lnTo>
                      <a:pt x="61" y="4"/>
                    </a:lnTo>
                    <a:lnTo>
                      <a:pt x="65" y="1"/>
                    </a:lnTo>
                    <a:lnTo>
                      <a:pt x="68" y="0"/>
                    </a:lnTo>
                    <a:lnTo>
                      <a:pt x="72" y="0"/>
                    </a:lnTo>
                    <a:lnTo>
                      <a:pt x="77" y="1"/>
                    </a:lnTo>
                    <a:lnTo>
                      <a:pt x="82" y="6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75" name="Vordingborg kant"/>
              <p:cNvSpPr>
                <a:spLocks/>
              </p:cNvSpPr>
              <p:nvPr/>
            </p:nvSpPr>
            <p:spPr bwMode="auto">
              <a:xfrm>
                <a:off x="3713163" y="5946775"/>
                <a:ext cx="47625" cy="34925"/>
              </a:xfrm>
              <a:custGeom>
                <a:avLst/>
                <a:gdLst>
                  <a:gd name="T0" fmla="*/ 28 w 89"/>
                  <a:gd name="T1" fmla="*/ 2 h 68"/>
                  <a:gd name="T2" fmla="*/ 29 w 89"/>
                  <a:gd name="T3" fmla="*/ 4 h 68"/>
                  <a:gd name="T4" fmla="*/ 29 w 89"/>
                  <a:gd name="T5" fmla="*/ 5 h 68"/>
                  <a:gd name="T6" fmla="*/ 30 w 89"/>
                  <a:gd name="T7" fmla="*/ 7 h 68"/>
                  <a:gd name="T8" fmla="*/ 30 w 89"/>
                  <a:gd name="T9" fmla="*/ 10 h 68"/>
                  <a:gd name="T10" fmla="*/ 29 w 89"/>
                  <a:gd name="T11" fmla="*/ 10 h 68"/>
                  <a:gd name="T12" fmla="*/ 28 w 89"/>
                  <a:gd name="T13" fmla="*/ 10 h 68"/>
                  <a:gd name="T14" fmla="*/ 27 w 89"/>
                  <a:gd name="T15" fmla="*/ 10 h 68"/>
                  <a:gd name="T16" fmla="*/ 26 w 89"/>
                  <a:gd name="T17" fmla="*/ 11 h 68"/>
                  <a:gd name="T18" fmla="*/ 24 w 89"/>
                  <a:gd name="T19" fmla="*/ 12 h 68"/>
                  <a:gd name="T20" fmla="*/ 22 w 89"/>
                  <a:gd name="T21" fmla="*/ 12 h 68"/>
                  <a:gd name="T22" fmla="*/ 21 w 89"/>
                  <a:gd name="T23" fmla="*/ 12 h 68"/>
                  <a:gd name="T24" fmla="*/ 19 w 89"/>
                  <a:gd name="T25" fmla="*/ 12 h 68"/>
                  <a:gd name="T26" fmla="*/ 18 w 89"/>
                  <a:gd name="T27" fmla="*/ 13 h 68"/>
                  <a:gd name="T28" fmla="*/ 17 w 89"/>
                  <a:gd name="T29" fmla="*/ 13 h 68"/>
                  <a:gd name="T30" fmla="*/ 16 w 89"/>
                  <a:gd name="T31" fmla="*/ 14 h 68"/>
                  <a:gd name="T32" fmla="*/ 14 w 89"/>
                  <a:gd name="T33" fmla="*/ 16 h 68"/>
                  <a:gd name="T34" fmla="*/ 13 w 89"/>
                  <a:gd name="T35" fmla="*/ 17 h 68"/>
                  <a:gd name="T36" fmla="*/ 12 w 89"/>
                  <a:gd name="T37" fmla="*/ 18 h 68"/>
                  <a:gd name="T38" fmla="*/ 10 w 89"/>
                  <a:gd name="T39" fmla="*/ 19 h 68"/>
                  <a:gd name="T40" fmla="*/ 8 w 89"/>
                  <a:gd name="T41" fmla="*/ 20 h 68"/>
                  <a:gd name="T42" fmla="*/ 7 w 89"/>
                  <a:gd name="T43" fmla="*/ 21 h 68"/>
                  <a:gd name="T44" fmla="*/ 6 w 89"/>
                  <a:gd name="T45" fmla="*/ 22 h 68"/>
                  <a:gd name="T46" fmla="*/ 5 w 89"/>
                  <a:gd name="T47" fmla="*/ 22 h 68"/>
                  <a:gd name="T48" fmla="*/ 4 w 89"/>
                  <a:gd name="T49" fmla="*/ 22 h 68"/>
                  <a:gd name="T50" fmla="*/ 2 w 89"/>
                  <a:gd name="T51" fmla="*/ 21 h 68"/>
                  <a:gd name="T52" fmla="*/ 0 w 89"/>
                  <a:gd name="T53" fmla="*/ 20 h 68"/>
                  <a:gd name="T54" fmla="*/ 0 w 89"/>
                  <a:gd name="T55" fmla="*/ 19 h 68"/>
                  <a:gd name="T56" fmla="*/ 0 w 89"/>
                  <a:gd name="T57" fmla="*/ 18 h 68"/>
                  <a:gd name="T58" fmla="*/ 2 w 89"/>
                  <a:gd name="T59" fmla="*/ 17 h 68"/>
                  <a:gd name="T60" fmla="*/ 3 w 89"/>
                  <a:gd name="T61" fmla="*/ 17 h 68"/>
                  <a:gd name="T62" fmla="*/ 4 w 89"/>
                  <a:gd name="T63" fmla="*/ 17 h 68"/>
                  <a:gd name="T64" fmla="*/ 6 w 89"/>
                  <a:gd name="T65" fmla="*/ 16 h 68"/>
                  <a:gd name="T66" fmla="*/ 6 w 89"/>
                  <a:gd name="T67" fmla="*/ 16 h 68"/>
                  <a:gd name="T68" fmla="*/ 7 w 89"/>
                  <a:gd name="T69" fmla="*/ 15 h 68"/>
                  <a:gd name="T70" fmla="*/ 8 w 89"/>
                  <a:gd name="T71" fmla="*/ 13 h 68"/>
                  <a:gd name="T72" fmla="*/ 8 w 89"/>
                  <a:gd name="T73" fmla="*/ 12 h 68"/>
                  <a:gd name="T74" fmla="*/ 8 w 89"/>
                  <a:gd name="T75" fmla="*/ 10 h 68"/>
                  <a:gd name="T76" fmla="*/ 8 w 89"/>
                  <a:gd name="T77" fmla="*/ 9 h 68"/>
                  <a:gd name="T78" fmla="*/ 9 w 89"/>
                  <a:gd name="T79" fmla="*/ 7 h 68"/>
                  <a:gd name="T80" fmla="*/ 10 w 89"/>
                  <a:gd name="T81" fmla="*/ 6 h 68"/>
                  <a:gd name="T82" fmla="*/ 11 w 89"/>
                  <a:gd name="T83" fmla="*/ 6 h 68"/>
                  <a:gd name="T84" fmla="*/ 13 w 89"/>
                  <a:gd name="T85" fmla="*/ 5 h 68"/>
                  <a:gd name="T86" fmla="*/ 13 w 89"/>
                  <a:gd name="T87" fmla="*/ 4 h 68"/>
                  <a:gd name="T88" fmla="*/ 14 w 89"/>
                  <a:gd name="T89" fmla="*/ 2 h 68"/>
                  <a:gd name="T90" fmla="*/ 17 w 89"/>
                  <a:gd name="T91" fmla="*/ 2 h 68"/>
                  <a:gd name="T92" fmla="*/ 19 w 89"/>
                  <a:gd name="T93" fmla="*/ 2 h 68"/>
                  <a:gd name="T94" fmla="*/ 21 w 89"/>
                  <a:gd name="T95" fmla="*/ 1 h 68"/>
                  <a:gd name="T96" fmla="*/ 22 w 89"/>
                  <a:gd name="T97" fmla="*/ 0 h 68"/>
                  <a:gd name="T98" fmla="*/ 23 w 89"/>
                  <a:gd name="T99" fmla="*/ 0 h 68"/>
                  <a:gd name="T100" fmla="*/ 24 w 89"/>
                  <a:gd name="T101" fmla="*/ 0 h 68"/>
                  <a:gd name="T102" fmla="*/ 26 w 89"/>
                  <a:gd name="T103" fmla="*/ 0 h 68"/>
                  <a:gd name="T104" fmla="*/ 28 w 89"/>
                  <a:gd name="T105" fmla="*/ 2 h 68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0" t="0" r="r" b="b"/>
                <a:pathLst>
                  <a:path w="89" h="68">
                    <a:moveTo>
                      <a:pt x="82" y="6"/>
                    </a:moveTo>
                    <a:lnTo>
                      <a:pt x="85" y="11"/>
                    </a:lnTo>
                    <a:lnTo>
                      <a:pt x="87" y="16"/>
                    </a:lnTo>
                    <a:lnTo>
                      <a:pt x="89" y="23"/>
                    </a:lnTo>
                    <a:lnTo>
                      <a:pt x="89" y="30"/>
                    </a:lnTo>
                    <a:lnTo>
                      <a:pt x="85" y="30"/>
                    </a:lnTo>
                    <a:lnTo>
                      <a:pt x="82" y="31"/>
                    </a:lnTo>
                    <a:lnTo>
                      <a:pt x="79" y="32"/>
                    </a:lnTo>
                    <a:lnTo>
                      <a:pt x="77" y="33"/>
                    </a:lnTo>
                    <a:lnTo>
                      <a:pt x="71" y="36"/>
                    </a:lnTo>
                    <a:lnTo>
                      <a:pt x="65" y="38"/>
                    </a:lnTo>
                    <a:lnTo>
                      <a:pt x="61" y="38"/>
                    </a:lnTo>
                    <a:lnTo>
                      <a:pt x="57" y="38"/>
                    </a:lnTo>
                    <a:lnTo>
                      <a:pt x="53" y="39"/>
                    </a:lnTo>
                    <a:lnTo>
                      <a:pt x="51" y="40"/>
                    </a:lnTo>
                    <a:lnTo>
                      <a:pt x="46" y="44"/>
                    </a:lnTo>
                    <a:lnTo>
                      <a:pt x="43" y="48"/>
                    </a:lnTo>
                    <a:lnTo>
                      <a:pt x="39" y="53"/>
                    </a:lnTo>
                    <a:lnTo>
                      <a:pt x="35" y="57"/>
                    </a:lnTo>
                    <a:lnTo>
                      <a:pt x="31" y="60"/>
                    </a:lnTo>
                    <a:lnTo>
                      <a:pt x="25" y="63"/>
                    </a:lnTo>
                    <a:lnTo>
                      <a:pt x="21" y="66"/>
                    </a:lnTo>
                    <a:lnTo>
                      <a:pt x="18" y="68"/>
                    </a:lnTo>
                    <a:lnTo>
                      <a:pt x="15" y="68"/>
                    </a:lnTo>
                    <a:lnTo>
                      <a:pt x="12" y="68"/>
                    </a:lnTo>
                    <a:lnTo>
                      <a:pt x="7" y="66"/>
                    </a:lnTo>
                    <a:lnTo>
                      <a:pt x="0" y="63"/>
                    </a:lnTo>
                    <a:lnTo>
                      <a:pt x="0" y="58"/>
                    </a:lnTo>
                    <a:lnTo>
                      <a:pt x="0" y="55"/>
                    </a:lnTo>
                    <a:lnTo>
                      <a:pt x="5" y="54"/>
                    </a:lnTo>
                    <a:lnTo>
                      <a:pt x="9" y="54"/>
                    </a:lnTo>
                    <a:lnTo>
                      <a:pt x="13" y="52"/>
                    </a:lnTo>
                    <a:lnTo>
                      <a:pt x="17" y="50"/>
                    </a:lnTo>
                    <a:lnTo>
                      <a:pt x="19" y="48"/>
                    </a:lnTo>
                    <a:lnTo>
                      <a:pt x="21" y="46"/>
                    </a:lnTo>
                    <a:lnTo>
                      <a:pt x="23" y="41"/>
                    </a:lnTo>
                    <a:lnTo>
                      <a:pt x="25" y="38"/>
                    </a:lnTo>
                    <a:lnTo>
                      <a:pt x="24" y="31"/>
                    </a:lnTo>
                    <a:lnTo>
                      <a:pt x="25" y="27"/>
                    </a:lnTo>
                    <a:lnTo>
                      <a:pt x="27" y="23"/>
                    </a:lnTo>
                    <a:lnTo>
                      <a:pt x="30" y="19"/>
                    </a:lnTo>
                    <a:lnTo>
                      <a:pt x="34" y="17"/>
                    </a:lnTo>
                    <a:lnTo>
                      <a:pt x="38" y="15"/>
                    </a:lnTo>
                    <a:lnTo>
                      <a:pt x="40" y="11"/>
                    </a:lnTo>
                    <a:lnTo>
                      <a:pt x="41" y="6"/>
                    </a:lnTo>
                    <a:lnTo>
                      <a:pt x="49" y="7"/>
                    </a:lnTo>
                    <a:lnTo>
                      <a:pt x="55" y="6"/>
                    </a:lnTo>
                    <a:lnTo>
                      <a:pt x="61" y="4"/>
                    </a:lnTo>
                    <a:lnTo>
                      <a:pt x="65" y="1"/>
                    </a:lnTo>
                    <a:lnTo>
                      <a:pt x="68" y="0"/>
                    </a:lnTo>
                    <a:lnTo>
                      <a:pt x="72" y="0"/>
                    </a:lnTo>
                    <a:lnTo>
                      <a:pt x="77" y="1"/>
                    </a:lnTo>
                    <a:lnTo>
                      <a:pt x="82" y="6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76" name="Vordingborg"/>
              <p:cNvSpPr>
                <a:spLocks/>
              </p:cNvSpPr>
              <p:nvPr/>
            </p:nvSpPr>
            <p:spPr bwMode="auto">
              <a:xfrm>
                <a:off x="3300413" y="5713413"/>
                <a:ext cx="468312" cy="274638"/>
              </a:xfrm>
              <a:custGeom>
                <a:avLst/>
                <a:gdLst>
                  <a:gd name="T0" fmla="*/ 19 w 887"/>
                  <a:gd name="T1" fmla="*/ 78 h 520"/>
                  <a:gd name="T2" fmla="*/ 1 w 887"/>
                  <a:gd name="T3" fmla="*/ 73 h 520"/>
                  <a:gd name="T4" fmla="*/ 5 w 887"/>
                  <a:gd name="T5" fmla="*/ 68 h 520"/>
                  <a:gd name="T6" fmla="*/ 37 w 887"/>
                  <a:gd name="T7" fmla="*/ 73 h 520"/>
                  <a:gd name="T8" fmla="*/ 86 w 887"/>
                  <a:gd name="T9" fmla="*/ 87 h 520"/>
                  <a:gd name="T10" fmla="*/ 108 w 887"/>
                  <a:gd name="T11" fmla="*/ 94 h 520"/>
                  <a:gd name="T12" fmla="*/ 98 w 887"/>
                  <a:gd name="T13" fmla="*/ 79 h 520"/>
                  <a:gd name="T14" fmla="*/ 87 w 887"/>
                  <a:gd name="T15" fmla="*/ 75 h 520"/>
                  <a:gd name="T16" fmla="*/ 75 w 887"/>
                  <a:gd name="T17" fmla="*/ 77 h 520"/>
                  <a:gd name="T18" fmla="*/ 65 w 887"/>
                  <a:gd name="T19" fmla="*/ 61 h 520"/>
                  <a:gd name="T20" fmla="*/ 53 w 887"/>
                  <a:gd name="T21" fmla="*/ 43 h 520"/>
                  <a:gd name="T22" fmla="*/ 53 w 887"/>
                  <a:gd name="T23" fmla="*/ 23 h 520"/>
                  <a:gd name="T24" fmla="*/ 56 w 887"/>
                  <a:gd name="T25" fmla="*/ 11 h 520"/>
                  <a:gd name="T26" fmla="*/ 64 w 887"/>
                  <a:gd name="T27" fmla="*/ 13 h 520"/>
                  <a:gd name="T28" fmla="*/ 63 w 887"/>
                  <a:gd name="T29" fmla="*/ 24 h 520"/>
                  <a:gd name="T30" fmla="*/ 73 w 887"/>
                  <a:gd name="T31" fmla="*/ 31 h 520"/>
                  <a:gd name="T32" fmla="*/ 86 w 887"/>
                  <a:gd name="T33" fmla="*/ 20 h 520"/>
                  <a:gd name="T34" fmla="*/ 109 w 887"/>
                  <a:gd name="T35" fmla="*/ 30 h 520"/>
                  <a:gd name="T36" fmla="*/ 131 w 887"/>
                  <a:gd name="T37" fmla="*/ 24 h 520"/>
                  <a:gd name="T38" fmla="*/ 148 w 887"/>
                  <a:gd name="T39" fmla="*/ 7 h 520"/>
                  <a:gd name="T40" fmla="*/ 163 w 887"/>
                  <a:gd name="T41" fmla="*/ 11 h 520"/>
                  <a:gd name="T42" fmla="*/ 170 w 887"/>
                  <a:gd name="T43" fmla="*/ 6 h 520"/>
                  <a:gd name="T44" fmla="*/ 182 w 887"/>
                  <a:gd name="T45" fmla="*/ 13 h 520"/>
                  <a:gd name="T46" fmla="*/ 193 w 887"/>
                  <a:gd name="T47" fmla="*/ 15 h 520"/>
                  <a:gd name="T48" fmla="*/ 195 w 887"/>
                  <a:gd name="T49" fmla="*/ 5 h 520"/>
                  <a:gd name="T50" fmla="*/ 202 w 887"/>
                  <a:gd name="T51" fmla="*/ 0 h 520"/>
                  <a:gd name="T52" fmla="*/ 212 w 887"/>
                  <a:gd name="T53" fmla="*/ 4 h 520"/>
                  <a:gd name="T54" fmla="*/ 218 w 887"/>
                  <a:gd name="T55" fmla="*/ 12 h 520"/>
                  <a:gd name="T56" fmla="*/ 227 w 887"/>
                  <a:gd name="T57" fmla="*/ 20 h 520"/>
                  <a:gd name="T58" fmla="*/ 240 w 887"/>
                  <a:gd name="T59" fmla="*/ 14 h 520"/>
                  <a:gd name="T60" fmla="*/ 243 w 887"/>
                  <a:gd name="T61" fmla="*/ 23 h 520"/>
                  <a:gd name="T62" fmla="*/ 245 w 887"/>
                  <a:gd name="T63" fmla="*/ 21 h 520"/>
                  <a:gd name="T64" fmla="*/ 251 w 887"/>
                  <a:gd name="T65" fmla="*/ 18 h 520"/>
                  <a:gd name="T66" fmla="*/ 257 w 887"/>
                  <a:gd name="T67" fmla="*/ 15 h 520"/>
                  <a:gd name="T68" fmla="*/ 261 w 887"/>
                  <a:gd name="T69" fmla="*/ 17 h 520"/>
                  <a:gd name="T70" fmla="*/ 267 w 887"/>
                  <a:gd name="T71" fmla="*/ 15 h 520"/>
                  <a:gd name="T72" fmla="*/ 287 w 887"/>
                  <a:gd name="T73" fmla="*/ 28 h 520"/>
                  <a:gd name="T74" fmla="*/ 289 w 887"/>
                  <a:gd name="T75" fmla="*/ 51 h 520"/>
                  <a:gd name="T76" fmla="*/ 280 w 887"/>
                  <a:gd name="T77" fmla="*/ 64 h 520"/>
                  <a:gd name="T78" fmla="*/ 269 w 887"/>
                  <a:gd name="T79" fmla="*/ 68 h 520"/>
                  <a:gd name="T80" fmla="*/ 267 w 887"/>
                  <a:gd name="T81" fmla="*/ 78 h 520"/>
                  <a:gd name="T82" fmla="*/ 283 w 887"/>
                  <a:gd name="T83" fmla="*/ 109 h 520"/>
                  <a:gd name="T84" fmla="*/ 291 w 887"/>
                  <a:gd name="T85" fmla="*/ 124 h 520"/>
                  <a:gd name="T86" fmla="*/ 289 w 887"/>
                  <a:gd name="T87" fmla="*/ 140 h 520"/>
                  <a:gd name="T88" fmla="*/ 276 w 887"/>
                  <a:gd name="T89" fmla="*/ 137 h 520"/>
                  <a:gd name="T90" fmla="*/ 268 w 887"/>
                  <a:gd name="T91" fmla="*/ 140 h 520"/>
                  <a:gd name="T92" fmla="*/ 253 w 887"/>
                  <a:gd name="T93" fmla="*/ 151 h 520"/>
                  <a:gd name="T94" fmla="*/ 246 w 887"/>
                  <a:gd name="T95" fmla="*/ 158 h 520"/>
                  <a:gd name="T96" fmla="*/ 237 w 887"/>
                  <a:gd name="T97" fmla="*/ 167 h 520"/>
                  <a:gd name="T98" fmla="*/ 206 w 887"/>
                  <a:gd name="T99" fmla="*/ 170 h 520"/>
                  <a:gd name="T100" fmla="*/ 188 w 887"/>
                  <a:gd name="T101" fmla="*/ 156 h 520"/>
                  <a:gd name="T102" fmla="*/ 171 w 887"/>
                  <a:gd name="T103" fmla="*/ 141 h 520"/>
                  <a:gd name="T104" fmla="*/ 161 w 887"/>
                  <a:gd name="T105" fmla="*/ 145 h 520"/>
                  <a:gd name="T106" fmla="*/ 152 w 887"/>
                  <a:gd name="T107" fmla="*/ 150 h 520"/>
                  <a:gd name="T108" fmla="*/ 154 w 887"/>
                  <a:gd name="T109" fmla="*/ 159 h 520"/>
                  <a:gd name="T110" fmla="*/ 142 w 887"/>
                  <a:gd name="T111" fmla="*/ 159 h 520"/>
                  <a:gd name="T112" fmla="*/ 136 w 887"/>
                  <a:gd name="T113" fmla="*/ 148 h 520"/>
                  <a:gd name="T114" fmla="*/ 136 w 887"/>
                  <a:gd name="T115" fmla="*/ 133 h 520"/>
                  <a:gd name="T116" fmla="*/ 80 w 887"/>
                  <a:gd name="T117" fmla="*/ 102 h 520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0" t="0" r="r" b="b"/>
                <a:pathLst>
                  <a:path w="887" h="520">
                    <a:moveTo>
                      <a:pt x="123" y="252"/>
                    </a:moveTo>
                    <a:lnTo>
                      <a:pt x="101" y="249"/>
                    </a:lnTo>
                    <a:lnTo>
                      <a:pt x="81" y="245"/>
                    </a:lnTo>
                    <a:lnTo>
                      <a:pt x="72" y="242"/>
                    </a:lnTo>
                    <a:lnTo>
                      <a:pt x="64" y="238"/>
                    </a:lnTo>
                    <a:lnTo>
                      <a:pt x="56" y="234"/>
                    </a:lnTo>
                    <a:lnTo>
                      <a:pt x="50" y="228"/>
                    </a:lnTo>
                    <a:lnTo>
                      <a:pt x="33" y="228"/>
                    </a:lnTo>
                    <a:lnTo>
                      <a:pt x="17" y="227"/>
                    </a:lnTo>
                    <a:lnTo>
                      <a:pt x="11" y="226"/>
                    </a:lnTo>
                    <a:lnTo>
                      <a:pt x="6" y="222"/>
                    </a:lnTo>
                    <a:lnTo>
                      <a:pt x="4" y="220"/>
                    </a:lnTo>
                    <a:lnTo>
                      <a:pt x="3" y="218"/>
                    </a:lnTo>
                    <a:lnTo>
                      <a:pt x="1" y="215"/>
                    </a:lnTo>
                    <a:lnTo>
                      <a:pt x="0" y="211"/>
                    </a:lnTo>
                    <a:lnTo>
                      <a:pt x="5" y="208"/>
                    </a:lnTo>
                    <a:lnTo>
                      <a:pt x="10" y="206"/>
                    </a:lnTo>
                    <a:lnTo>
                      <a:pt x="15" y="205"/>
                    </a:lnTo>
                    <a:lnTo>
                      <a:pt x="21" y="203"/>
                    </a:lnTo>
                    <a:lnTo>
                      <a:pt x="35" y="202"/>
                    </a:lnTo>
                    <a:lnTo>
                      <a:pt x="50" y="203"/>
                    </a:lnTo>
                    <a:lnTo>
                      <a:pt x="70" y="209"/>
                    </a:lnTo>
                    <a:lnTo>
                      <a:pt x="91" y="215"/>
                    </a:lnTo>
                    <a:lnTo>
                      <a:pt x="111" y="220"/>
                    </a:lnTo>
                    <a:lnTo>
                      <a:pt x="131" y="228"/>
                    </a:lnTo>
                    <a:lnTo>
                      <a:pt x="155" y="235"/>
                    </a:lnTo>
                    <a:lnTo>
                      <a:pt x="180" y="242"/>
                    </a:lnTo>
                    <a:lnTo>
                      <a:pt x="207" y="249"/>
                    </a:lnTo>
                    <a:lnTo>
                      <a:pt x="233" y="255"/>
                    </a:lnTo>
                    <a:lnTo>
                      <a:pt x="258" y="262"/>
                    </a:lnTo>
                    <a:lnTo>
                      <a:pt x="283" y="271"/>
                    </a:lnTo>
                    <a:lnTo>
                      <a:pt x="294" y="275"/>
                    </a:lnTo>
                    <a:lnTo>
                      <a:pt x="306" y="280"/>
                    </a:lnTo>
                    <a:lnTo>
                      <a:pt x="316" y="287"/>
                    </a:lnTo>
                    <a:lnTo>
                      <a:pt x="326" y="293"/>
                    </a:lnTo>
                    <a:lnTo>
                      <a:pt x="324" y="283"/>
                    </a:lnTo>
                    <a:lnTo>
                      <a:pt x="319" y="275"/>
                    </a:lnTo>
                    <a:lnTo>
                      <a:pt x="314" y="268"/>
                    </a:lnTo>
                    <a:lnTo>
                      <a:pt x="309" y="260"/>
                    </a:lnTo>
                    <a:lnTo>
                      <a:pt x="304" y="253"/>
                    </a:lnTo>
                    <a:lnTo>
                      <a:pt x="299" y="246"/>
                    </a:lnTo>
                    <a:lnTo>
                      <a:pt x="295" y="237"/>
                    </a:lnTo>
                    <a:lnTo>
                      <a:pt x="293" y="228"/>
                    </a:lnTo>
                    <a:lnTo>
                      <a:pt x="287" y="226"/>
                    </a:lnTo>
                    <a:lnTo>
                      <a:pt x="281" y="223"/>
                    </a:lnTo>
                    <a:lnTo>
                      <a:pt x="275" y="223"/>
                    </a:lnTo>
                    <a:lnTo>
                      <a:pt x="271" y="223"/>
                    </a:lnTo>
                    <a:lnTo>
                      <a:pt x="263" y="226"/>
                    </a:lnTo>
                    <a:lnTo>
                      <a:pt x="256" y="229"/>
                    </a:lnTo>
                    <a:lnTo>
                      <a:pt x="250" y="231"/>
                    </a:lnTo>
                    <a:lnTo>
                      <a:pt x="242" y="233"/>
                    </a:lnTo>
                    <a:lnTo>
                      <a:pt x="237" y="233"/>
                    </a:lnTo>
                    <a:lnTo>
                      <a:pt x="232" y="232"/>
                    </a:lnTo>
                    <a:lnTo>
                      <a:pt x="227" y="230"/>
                    </a:lnTo>
                    <a:lnTo>
                      <a:pt x="220" y="228"/>
                    </a:lnTo>
                    <a:lnTo>
                      <a:pt x="218" y="218"/>
                    </a:lnTo>
                    <a:lnTo>
                      <a:pt x="216" y="210"/>
                    </a:lnTo>
                    <a:lnTo>
                      <a:pt x="212" y="202"/>
                    </a:lnTo>
                    <a:lnTo>
                      <a:pt x="207" y="195"/>
                    </a:lnTo>
                    <a:lnTo>
                      <a:pt x="196" y="182"/>
                    </a:lnTo>
                    <a:lnTo>
                      <a:pt x="185" y="169"/>
                    </a:lnTo>
                    <a:lnTo>
                      <a:pt x="178" y="162"/>
                    </a:lnTo>
                    <a:lnTo>
                      <a:pt x="173" y="155"/>
                    </a:lnTo>
                    <a:lnTo>
                      <a:pt x="168" y="147"/>
                    </a:lnTo>
                    <a:lnTo>
                      <a:pt x="164" y="137"/>
                    </a:lnTo>
                    <a:lnTo>
                      <a:pt x="159" y="128"/>
                    </a:lnTo>
                    <a:lnTo>
                      <a:pt x="157" y="116"/>
                    </a:lnTo>
                    <a:lnTo>
                      <a:pt x="155" y="103"/>
                    </a:lnTo>
                    <a:lnTo>
                      <a:pt x="155" y="90"/>
                    </a:lnTo>
                    <a:lnTo>
                      <a:pt x="155" y="80"/>
                    </a:lnTo>
                    <a:lnTo>
                      <a:pt x="156" y="74"/>
                    </a:lnTo>
                    <a:lnTo>
                      <a:pt x="158" y="68"/>
                    </a:lnTo>
                    <a:lnTo>
                      <a:pt x="160" y="61"/>
                    </a:lnTo>
                    <a:lnTo>
                      <a:pt x="163" y="56"/>
                    </a:lnTo>
                    <a:lnTo>
                      <a:pt x="165" y="50"/>
                    </a:lnTo>
                    <a:lnTo>
                      <a:pt x="165" y="42"/>
                    </a:lnTo>
                    <a:lnTo>
                      <a:pt x="164" y="33"/>
                    </a:lnTo>
                    <a:lnTo>
                      <a:pt x="169" y="33"/>
                    </a:lnTo>
                    <a:lnTo>
                      <a:pt x="172" y="34"/>
                    </a:lnTo>
                    <a:lnTo>
                      <a:pt x="176" y="35"/>
                    </a:lnTo>
                    <a:lnTo>
                      <a:pt x="179" y="37"/>
                    </a:lnTo>
                    <a:lnTo>
                      <a:pt x="183" y="38"/>
                    </a:lnTo>
                    <a:lnTo>
                      <a:pt x="187" y="40"/>
                    </a:lnTo>
                    <a:lnTo>
                      <a:pt x="191" y="40"/>
                    </a:lnTo>
                    <a:lnTo>
                      <a:pt x="196" y="40"/>
                    </a:lnTo>
                    <a:lnTo>
                      <a:pt x="196" y="53"/>
                    </a:lnTo>
                    <a:lnTo>
                      <a:pt x="196" y="64"/>
                    </a:lnTo>
                    <a:lnTo>
                      <a:pt x="192" y="67"/>
                    </a:lnTo>
                    <a:lnTo>
                      <a:pt x="190" y="70"/>
                    </a:lnTo>
                    <a:lnTo>
                      <a:pt x="189" y="73"/>
                    </a:lnTo>
                    <a:lnTo>
                      <a:pt x="188" y="77"/>
                    </a:lnTo>
                    <a:lnTo>
                      <a:pt x="188" y="88"/>
                    </a:lnTo>
                    <a:lnTo>
                      <a:pt x="188" y="97"/>
                    </a:lnTo>
                    <a:lnTo>
                      <a:pt x="200" y="97"/>
                    </a:lnTo>
                    <a:lnTo>
                      <a:pt x="212" y="97"/>
                    </a:lnTo>
                    <a:lnTo>
                      <a:pt x="220" y="94"/>
                    </a:lnTo>
                    <a:lnTo>
                      <a:pt x="228" y="89"/>
                    </a:lnTo>
                    <a:lnTo>
                      <a:pt x="234" y="82"/>
                    </a:lnTo>
                    <a:lnTo>
                      <a:pt x="240" y="76"/>
                    </a:lnTo>
                    <a:lnTo>
                      <a:pt x="246" y="71"/>
                    </a:lnTo>
                    <a:lnTo>
                      <a:pt x="253" y="64"/>
                    </a:lnTo>
                    <a:lnTo>
                      <a:pt x="260" y="60"/>
                    </a:lnTo>
                    <a:lnTo>
                      <a:pt x="269" y="57"/>
                    </a:lnTo>
                    <a:lnTo>
                      <a:pt x="282" y="68"/>
                    </a:lnTo>
                    <a:lnTo>
                      <a:pt x="293" y="76"/>
                    </a:lnTo>
                    <a:lnTo>
                      <a:pt x="306" y="82"/>
                    </a:lnTo>
                    <a:lnTo>
                      <a:pt x="317" y="88"/>
                    </a:lnTo>
                    <a:lnTo>
                      <a:pt x="329" y="90"/>
                    </a:lnTo>
                    <a:lnTo>
                      <a:pt x="341" y="91"/>
                    </a:lnTo>
                    <a:lnTo>
                      <a:pt x="352" y="91"/>
                    </a:lnTo>
                    <a:lnTo>
                      <a:pt x="363" y="88"/>
                    </a:lnTo>
                    <a:lnTo>
                      <a:pt x="374" y="83"/>
                    </a:lnTo>
                    <a:lnTo>
                      <a:pt x="385" y="78"/>
                    </a:lnTo>
                    <a:lnTo>
                      <a:pt x="394" y="71"/>
                    </a:lnTo>
                    <a:lnTo>
                      <a:pt x="405" y="62"/>
                    </a:lnTo>
                    <a:lnTo>
                      <a:pt x="414" y="53"/>
                    </a:lnTo>
                    <a:lnTo>
                      <a:pt x="423" y="41"/>
                    </a:lnTo>
                    <a:lnTo>
                      <a:pt x="432" y="30"/>
                    </a:lnTo>
                    <a:lnTo>
                      <a:pt x="440" y="16"/>
                    </a:lnTo>
                    <a:lnTo>
                      <a:pt x="444" y="21"/>
                    </a:lnTo>
                    <a:lnTo>
                      <a:pt x="452" y="25"/>
                    </a:lnTo>
                    <a:lnTo>
                      <a:pt x="463" y="31"/>
                    </a:lnTo>
                    <a:lnTo>
                      <a:pt x="474" y="34"/>
                    </a:lnTo>
                    <a:lnTo>
                      <a:pt x="481" y="34"/>
                    </a:lnTo>
                    <a:lnTo>
                      <a:pt x="486" y="35"/>
                    </a:lnTo>
                    <a:lnTo>
                      <a:pt x="491" y="34"/>
                    </a:lnTo>
                    <a:lnTo>
                      <a:pt x="495" y="33"/>
                    </a:lnTo>
                    <a:lnTo>
                      <a:pt x="500" y="30"/>
                    </a:lnTo>
                    <a:lnTo>
                      <a:pt x="503" y="27"/>
                    </a:lnTo>
                    <a:lnTo>
                      <a:pt x="504" y="22"/>
                    </a:lnTo>
                    <a:lnTo>
                      <a:pt x="505" y="16"/>
                    </a:lnTo>
                    <a:lnTo>
                      <a:pt x="511" y="17"/>
                    </a:lnTo>
                    <a:lnTo>
                      <a:pt x="515" y="18"/>
                    </a:lnTo>
                    <a:lnTo>
                      <a:pt x="521" y="20"/>
                    </a:lnTo>
                    <a:lnTo>
                      <a:pt x="525" y="22"/>
                    </a:lnTo>
                    <a:lnTo>
                      <a:pt x="532" y="28"/>
                    </a:lnTo>
                    <a:lnTo>
                      <a:pt x="540" y="34"/>
                    </a:lnTo>
                    <a:lnTo>
                      <a:pt x="547" y="39"/>
                    </a:lnTo>
                    <a:lnTo>
                      <a:pt x="555" y="44"/>
                    </a:lnTo>
                    <a:lnTo>
                      <a:pt x="561" y="47"/>
                    </a:lnTo>
                    <a:lnTo>
                      <a:pt x="566" y="48"/>
                    </a:lnTo>
                    <a:lnTo>
                      <a:pt x="571" y="49"/>
                    </a:lnTo>
                    <a:lnTo>
                      <a:pt x="579" y="49"/>
                    </a:lnTo>
                    <a:lnTo>
                      <a:pt x="581" y="45"/>
                    </a:lnTo>
                    <a:lnTo>
                      <a:pt x="582" y="41"/>
                    </a:lnTo>
                    <a:lnTo>
                      <a:pt x="584" y="38"/>
                    </a:lnTo>
                    <a:lnTo>
                      <a:pt x="584" y="34"/>
                    </a:lnTo>
                    <a:lnTo>
                      <a:pt x="584" y="28"/>
                    </a:lnTo>
                    <a:lnTo>
                      <a:pt x="584" y="21"/>
                    </a:lnTo>
                    <a:lnTo>
                      <a:pt x="585" y="15"/>
                    </a:lnTo>
                    <a:lnTo>
                      <a:pt x="587" y="10"/>
                    </a:lnTo>
                    <a:lnTo>
                      <a:pt x="590" y="7"/>
                    </a:lnTo>
                    <a:lnTo>
                      <a:pt x="593" y="4"/>
                    </a:lnTo>
                    <a:lnTo>
                      <a:pt x="597" y="2"/>
                    </a:lnTo>
                    <a:lnTo>
                      <a:pt x="603" y="0"/>
                    </a:lnTo>
                    <a:lnTo>
                      <a:pt x="608" y="1"/>
                    </a:lnTo>
                    <a:lnTo>
                      <a:pt x="620" y="2"/>
                    </a:lnTo>
                    <a:lnTo>
                      <a:pt x="631" y="4"/>
                    </a:lnTo>
                    <a:lnTo>
                      <a:pt x="636" y="4"/>
                    </a:lnTo>
                    <a:lnTo>
                      <a:pt x="636" y="7"/>
                    </a:lnTo>
                    <a:lnTo>
                      <a:pt x="636" y="9"/>
                    </a:lnTo>
                    <a:lnTo>
                      <a:pt x="637" y="11"/>
                    </a:lnTo>
                    <a:lnTo>
                      <a:pt x="639" y="12"/>
                    </a:lnTo>
                    <a:lnTo>
                      <a:pt x="644" y="15"/>
                    </a:lnTo>
                    <a:lnTo>
                      <a:pt x="651" y="16"/>
                    </a:lnTo>
                    <a:lnTo>
                      <a:pt x="651" y="24"/>
                    </a:lnTo>
                    <a:lnTo>
                      <a:pt x="653" y="31"/>
                    </a:lnTo>
                    <a:lnTo>
                      <a:pt x="656" y="36"/>
                    </a:lnTo>
                    <a:lnTo>
                      <a:pt x="660" y="40"/>
                    </a:lnTo>
                    <a:lnTo>
                      <a:pt x="663" y="45"/>
                    </a:lnTo>
                    <a:lnTo>
                      <a:pt x="666" y="51"/>
                    </a:lnTo>
                    <a:lnTo>
                      <a:pt x="667" y="57"/>
                    </a:lnTo>
                    <a:lnTo>
                      <a:pt x="667" y="64"/>
                    </a:lnTo>
                    <a:lnTo>
                      <a:pt x="682" y="61"/>
                    </a:lnTo>
                    <a:lnTo>
                      <a:pt x="695" y="56"/>
                    </a:lnTo>
                    <a:lnTo>
                      <a:pt x="702" y="53"/>
                    </a:lnTo>
                    <a:lnTo>
                      <a:pt x="707" y="50"/>
                    </a:lnTo>
                    <a:lnTo>
                      <a:pt x="711" y="45"/>
                    </a:lnTo>
                    <a:lnTo>
                      <a:pt x="716" y="40"/>
                    </a:lnTo>
                    <a:lnTo>
                      <a:pt x="721" y="41"/>
                    </a:lnTo>
                    <a:lnTo>
                      <a:pt x="724" y="42"/>
                    </a:lnTo>
                    <a:lnTo>
                      <a:pt x="726" y="44"/>
                    </a:lnTo>
                    <a:lnTo>
                      <a:pt x="728" y="48"/>
                    </a:lnTo>
                    <a:lnTo>
                      <a:pt x="729" y="55"/>
                    </a:lnTo>
                    <a:lnTo>
                      <a:pt x="730" y="62"/>
                    </a:lnTo>
                    <a:lnTo>
                      <a:pt x="730" y="70"/>
                    </a:lnTo>
                    <a:lnTo>
                      <a:pt x="731" y="75"/>
                    </a:lnTo>
                    <a:lnTo>
                      <a:pt x="732" y="76"/>
                    </a:lnTo>
                    <a:lnTo>
                      <a:pt x="734" y="76"/>
                    </a:lnTo>
                    <a:lnTo>
                      <a:pt x="736" y="75"/>
                    </a:lnTo>
                    <a:lnTo>
                      <a:pt x="741" y="73"/>
                    </a:lnTo>
                    <a:lnTo>
                      <a:pt x="738" y="64"/>
                    </a:lnTo>
                    <a:lnTo>
                      <a:pt x="732" y="57"/>
                    </a:lnTo>
                    <a:lnTo>
                      <a:pt x="738" y="58"/>
                    </a:lnTo>
                    <a:lnTo>
                      <a:pt x="743" y="58"/>
                    </a:lnTo>
                    <a:lnTo>
                      <a:pt x="747" y="57"/>
                    </a:lnTo>
                    <a:lnTo>
                      <a:pt x="750" y="57"/>
                    </a:lnTo>
                    <a:lnTo>
                      <a:pt x="756" y="53"/>
                    </a:lnTo>
                    <a:lnTo>
                      <a:pt x="761" y="49"/>
                    </a:lnTo>
                    <a:lnTo>
                      <a:pt x="765" y="44"/>
                    </a:lnTo>
                    <a:lnTo>
                      <a:pt x="769" y="39"/>
                    </a:lnTo>
                    <a:lnTo>
                      <a:pt x="774" y="35"/>
                    </a:lnTo>
                    <a:lnTo>
                      <a:pt x="781" y="33"/>
                    </a:lnTo>
                    <a:lnTo>
                      <a:pt x="772" y="44"/>
                    </a:lnTo>
                    <a:lnTo>
                      <a:pt x="765" y="57"/>
                    </a:lnTo>
                    <a:lnTo>
                      <a:pt x="769" y="58"/>
                    </a:lnTo>
                    <a:lnTo>
                      <a:pt x="772" y="58"/>
                    </a:lnTo>
                    <a:lnTo>
                      <a:pt x="775" y="57"/>
                    </a:lnTo>
                    <a:lnTo>
                      <a:pt x="779" y="55"/>
                    </a:lnTo>
                    <a:lnTo>
                      <a:pt x="784" y="51"/>
                    </a:lnTo>
                    <a:lnTo>
                      <a:pt x="788" y="45"/>
                    </a:lnTo>
                    <a:lnTo>
                      <a:pt x="793" y="41"/>
                    </a:lnTo>
                    <a:lnTo>
                      <a:pt x="796" y="40"/>
                    </a:lnTo>
                    <a:lnTo>
                      <a:pt x="799" y="40"/>
                    </a:lnTo>
                    <a:lnTo>
                      <a:pt x="801" y="41"/>
                    </a:lnTo>
                    <a:lnTo>
                      <a:pt x="803" y="44"/>
                    </a:lnTo>
                    <a:lnTo>
                      <a:pt x="806" y="49"/>
                    </a:lnTo>
                    <a:lnTo>
                      <a:pt x="819" y="54"/>
                    </a:lnTo>
                    <a:lnTo>
                      <a:pt x="830" y="61"/>
                    </a:lnTo>
                    <a:lnTo>
                      <a:pt x="842" y="68"/>
                    </a:lnTo>
                    <a:lnTo>
                      <a:pt x="852" y="76"/>
                    </a:lnTo>
                    <a:lnTo>
                      <a:pt x="862" y="84"/>
                    </a:lnTo>
                    <a:lnTo>
                      <a:pt x="871" y="93"/>
                    </a:lnTo>
                    <a:lnTo>
                      <a:pt x="880" y="103"/>
                    </a:lnTo>
                    <a:lnTo>
                      <a:pt x="887" y="114"/>
                    </a:lnTo>
                    <a:lnTo>
                      <a:pt x="881" y="130"/>
                    </a:lnTo>
                    <a:lnTo>
                      <a:pt x="873" y="146"/>
                    </a:lnTo>
                    <a:lnTo>
                      <a:pt x="870" y="153"/>
                    </a:lnTo>
                    <a:lnTo>
                      <a:pt x="869" y="162"/>
                    </a:lnTo>
                    <a:lnTo>
                      <a:pt x="869" y="174"/>
                    </a:lnTo>
                    <a:lnTo>
                      <a:pt x="870" y="187"/>
                    </a:lnTo>
                    <a:lnTo>
                      <a:pt x="854" y="190"/>
                    </a:lnTo>
                    <a:lnTo>
                      <a:pt x="846" y="191"/>
                    </a:lnTo>
                    <a:lnTo>
                      <a:pt x="843" y="192"/>
                    </a:lnTo>
                    <a:lnTo>
                      <a:pt x="840" y="193"/>
                    </a:lnTo>
                    <a:lnTo>
                      <a:pt x="835" y="197"/>
                    </a:lnTo>
                    <a:lnTo>
                      <a:pt x="830" y="203"/>
                    </a:lnTo>
                    <a:lnTo>
                      <a:pt x="822" y="203"/>
                    </a:lnTo>
                    <a:lnTo>
                      <a:pt x="813" y="203"/>
                    </a:lnTo>
                    <a:lnTo>
                      <a:pt x="810" y="205"/>
                    </a:lnTo>
                    <a:lnTo>
                      <a:pt x="808" y="207"/>
                    </a:lnTo>
                    <a:lnTo>
                      <a:pt x="806" y="209"/>
                    </a:lnTo>
                    <a:lnTo>
                      <a:pt x="804" y="211"/>
                    </a:lnTo>
                    <a:lnTo>
                      <a:pt x="802" y="217"/>
                    </a:lnTo>
                    <a:lnTo>
                      <a:pt x="802" y="226"/>
                    </a:lnTo>
                    <a:lnTo>
                      <a:pt x="804" y="235"/>
                    </a:lnTo>
                    <a:lnTo>
                      <a:pt x="806" y="245"/>
                    </a:lnTo>
                    <a:lnTo>
                      <a:pt x="810" y="255"/>
                    </a:lnTo>
                    <a:lnTo>
                      <a:pt x="814" y="267"/>
                    </a:lnTo>
                    <a:lnTo>
                      <a:pt x="826" y="289"/>
                    </a:lnTo>
                    <a:lnTo>
                      <a:pt x="839" y="310"/>
                    </a:lnTo>
                    <a:lnTo>
                      <a:pt x="851" y="328"/>
                    </a:lnTo>
                    <a:lnTo>
                      <a:pt x="863" y="341"/>
                    </a:lnTo>
                    <a:lnTo>
                      <a:pt x="864" y="352"/>
                    </a:lnTo>
                    <a:lnTo>
                      <a:pt x="867" y="361"/>
                    </a:lnTo>
                    <a:lnTo>
                      <a:pt x="869" y="366"/>
                    </a:lnTo>
                    <a:lnTo>
                      <a:pt x="871" y="369"/>
                    </a:lnTo>
                    <a:lnTo>
                      <a:pt x="875" y="372"/>
                    </a:lnTo>
                    <a:lnTo>
                      <a:pt x="879" y="374"/>
                    </a:lnTo>
                    <a:lnTo>
                      <a:pt x="879" y="386"/>
                    </a:lnTo>
                    <a:lnTo>
                      <a:pt x="879" y="398"/>
                    </a:lnTo>
                    <a:lnTo>
                      <a:pt x="879" y="410"/>
                    </a:lnTo>
                    <a:lnTo>
                      <a:pt x="879" y="422"/>
                    </a:lnTo>
                    <a:lnTo>
                      <a:pt x="870" y="422"/>
                    </a:lnTo>
                    <a:lnTo>
                      <a:pt x="863" y="422"/>
                    </a:lnTo>
                    <a:lnTo>
                      <a:pt x="859" y="420"/>
                    </a:lnTo>
                    <a:lnTo>
                      <a:pt x="853" y="417"/>
                    </a:lnTo>
                    <a:lnTo>
                      <a:pt x="845" y="415"/>
                    </a:lnTo>
                    <a:lnTo>
                      <a:pt x="838" y="413"/>
                    </a:lnTo>
                    <a:lnTo>
                      <a:pt x="829" y="413"/>
                    </a:lnTo>
                    <a:lnTo>
                      <a:pt x="822" y="414"/>
                    </a:lnTo>
                    <a:lnTo>
                      <a:pt x="819" y="415"/>
                    </a:lnTo>
                    <a:lnTo>
                      <a:pt x="816" y="417"/>
                    </a:lnTo>
                    <a:lnTo>
                      <a:pt x="814" y="419"/>
                    </a:lnTo>
                    <a:lnTo>
                      <a:pt x="813" y="422"/>
                    </a:lnTo>
                    <a:lnTo>
                      <a:pt x="807" y="422"/>
                    </a:lnTo>
                    <a:lnTo>
                      <a:pt x="801" y="424"/>
                    </a:lnTo>
                    <a:lnTo>
                      <a:pt x="795" y="426"/>
                    </a:lnTo>
                    <a:lnTo>
                      <a:pt x="790" y="428"/>
                    </a:lnTo>
                    <a:lnTo>
                      <a:pt x="782" y="433"/>
                    </a:lnTo>
                    <a:lnTo>
                      <a:pt x="774" y="439"/>
                    </a:lnTo>
                    <a:lnTo>
                      <a:pt x="762" y="455"/>
                    </a:lnTo>
                    <a:lnTo>
                      <a:pt x="749" y="471"/>
                    </a:lnTo>
                    <a:lnTo>
                      <a:pt x="746" y="471"/>
                    </a:lnTo>
                    <a:lnTo>
                      <a:pt x="745" y="471"/>
                    </a:lnTo>
                    <a:lnTo>
                      <a:pt x="743" y="472"/>
                    </a:lnTo>
                    <a:lnTo>
                      <a:pt x="742" y="473"/>
                    </a:lnTo>
                    <a:lnTo>
                      <a:pt x="741" y="476"/>
                    </a:lnTo>
                    <a:lnTo>
                      <a:pt x="741" y="479"/>
                    </a:lnTo>
                    <a:lnTo>
                      <a:pt x="738" y="485"/>
                    </a:lnTo>
                    <a:lnTo>
                      <a:pt x="734" y="489"/>
                    </a:lnTo>
                    <a:lnTo>
                      <a:pt x="730" y="493"/>
                    </a:lnTo>
                    <a:lnTo>
                      <a:pt x="725" y="496"/>
                    </a:lnTo>
                    <a:lnTo>
                      <a:pt x="714" y="502"/>
                    </a:lnTo>
                    <a:lnTo>
                      <a:pt x="703" y="507"/>
                    </a:lnTo>
                    <a:lnTo>
                      <a:pt x="676" y="513"/>
                    </a:lnTo>
                    <a:lnTo>
                      <a:pt x="651" y="520"/>
                    </a:lnTo>
                    <a:lnTo>
                      <a:pt x="640" y="517"/>
                    </a:lnTo>
                    <a:lnTo>
                      <a:pt x="629" y="514"/>
                    </a:lnTo>
                    <a:lnTo>
                      <a:pt x="620" y="510"/>
                    </a:lnTo>
                    <a:lnTo>
                      <a:pt x="611" y="506"/>
                    </a:lnTo>
                    <a:lnTo>
                      <a:pt x="603" y="500"/>
                    </a:lnTo>
                    <a:lnTo>
                      <a:pt x="594" y="494"/>
                    </a:lnTo>
                    <a:lnTo>
                      <a:pt x="587" y="488"/>
                    </a:lnTo>
                    <a:lnTo>
                      <a:pt x="580" y="481"/>
                    </a:lnTo>
                    <a:lnTo>
                      <a:pt x="566" y="469"/>
                    </a:lnTo>
                    <a:lnTo>
                      <a:pt x="552" y="455"/>
                    </a:lnTo>
                    <a:lnTo>
                      <a:pt x="537" y="442"/>
                    </a:lnTo>
                    <a:lnTo>
                      <a:pt x="521" y="431"/>
                    </a:lnTo>
                    <a:lnTo>
                      <a:pt x="520" y="427"/>
                    </a:lnTo>
                    <a:lnTo>
                      <a:pt x="516" y="425"/>
                    </a:lnTo>
                    <a:lnTo>
                      <a:pt x="513" y="424"/>
                    </a:lnTo>
                    <a:lnTo>
                      <a:pt x="508" y="422"/>
                    </a:lnTo>
                    <a:lnTo>
                      <a:pt x="498" y="422"/>
                    </a:lnTo>
                    <a:lnTo>
                      <a:pt x="489" y="422"/>
                    </a:lnTo>
                    <a:lnTo>
                      <a:pt x="489" y="429"/>
                    </a:lnTo>
                    <a:lnTo>
                      <a:pt x="487" y="433"/>
                    </a:lnTo>
                    <a:lnTo>
                      <a:pt x="485" y="437"/>
                    </a:lnTo>
                    <a:lnTo>
                      <a:pt x="481" y="438"/>
                    </a:lnTo>
                    <a:lnTo>
                      <a:pt x="468" y="438"/>
                    </a:lnTo>
                    <a:lnTo>
                      <a:pt x="456" y="438"/>
                    </a:lnTo>
                    <a:lnTo>
                      <a:pt x="457" y="444"/>
                    </a:lnTo>
                    <a:lnTo>
                      <a:pt x="457" y="449"/>
                    </a:lnTo>
                    <a:lnTo>
                      <a:pt x="458" y="452"/>
                    </a:lnTo>
                    <a:lnTo>
                      <a:pt x="460" y="453"/>
                    </a:lnTo>
                    <a:lnTo>
                      <a:pt x="462" y="454"/>
                    </a:lnTo>
                    <a:lnTo>
                      <a:pt x="464" y="455"/>
                    </a:lnTo>
                    <a:lnTo>
                      <a:pt x="464" y="464"/>
                    </a:lnTo>
                    <a:lnTo>
                      <a:pt x="464" y="471"/>
                    </a:lnTo>
                    <a:lnTo>
                      <a:pt x="464" y="479"/>
                    </a:lnTo>
                    <a:lnTo>
                      <a:pt x="464" y="488"/>
                    </a:lnTo>
                    <a:lnTo>
                      <a:pt x="455" y="489"/>
                    </a:lnTo>
                    <a:lnTo>
                      <a:pt x="447" y="488"/>
                    </a:lnTo>
                    <a:lnTo>
                      <a:pt x="440" y="487"/>
                    </a:lnTo>
                    <a:lnTo>
                      <a:pt x="432" y="484"/>
                    </a:lnTo>
                    <a:lnTo>
                      <a:pt x="426" y="479"/>
                    </a:lnTo>
                    <a:lnTo>
                      <a:pt x="421" y="475"/>
                    </a:lnTo>
                    <a:lnTo>
                      <a:pt x="416" y="470"/>
                    </a:lnTo>
                    <a:lnTo>
                      <a:pt x="413" y="464"/>
                    </a:lnTo>
                    <a:lnTo>
                      <a:pt x="411" y="457"/>
                    </a:lnTo>
                    <a:lnTo>
                      <a:pt x="410" y="451"/>
                    </a:lnTo>
                    <a:lnTo>
                      <a:pt x="409" y="444"/>
                    </a:lnTo>
                    <a:lnTo>
                      <a:pt x="410" y="437"/>
                    </a:lnTo>
                    <a:lnTo>
                      <a:pt x="412" y="431"/>
                    </a:lnTo>
                    <a:lnTo>
                      <a:pt x="414" y="425"/>
                    </a:lnTo>
                    <a:lnTo>
                      <a:pt x="418" y="419"/>
                    </a:lnTo>
                    <a:lnTo>
                      <a:pt x="424" y="414"/>
                    </a:lnTo>
                    <a:lnTo>
                      <a:pt x="408" y="401"/>
                    </a:lnTo>
                    <a:lnTo>
                      <a:pt x="391" y="389"/>
                    </a:lnTo>
                    <a:lnTo>
                      <a:pt x="374" y="377"/>
                    </a:lnTo>
                    <a:lnTo>
                      <a:pt x="356" y="366"/>
                    </a:lnTo>
                    <a:lnTo>
                      <a:pt x="319" y="345"/>
                    </a:lnTo>
                    <a:lnTo>
                      <a:pt x="282" y="326"/>
                    </a:lnTo>
                    <a:lnTo>
                      <a:pt x="242" y="307"/>
                    </a:lnTo>
                    <a:lnTo>
                      <a:pt x="202" y="289"/>
                    </a:lnTo>
                    <a:lnTo>
                      <a:pt x="163" y="271"/>
                    </a:lnTo>
                    <a:lnTo>
                      <a:pt x="123" y="252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77" name="Vordingborg kant"/>
              <p:cNvSpPr>
                <a:spLocks/>
              </p:cNvSpPr>
              <p:nvPr/>
            </p:nvSpPr>
            <p:spPr bwMode="auto">
              <a:xfrm>
                <a:off x="3300413" y="5713413"/>
                <a:ext cx="468312" cy="274638"/>
              </a:xfrm>
              <a:custGeom>
                <a:avLst/>
                <a:gdLst>
                  <a:gd name="T0" fmla="*/ 19 w 887"/>
                  <a:gd name="T1" fmla="*/ 78 h 520"/>
                  <a:gd name="T2" fmla="*/ 1 w 887"/>
                  <a:gd name="T3" fmla="*/ 73 h 520"/>
                  <a:gd name="T4" fmla="*/ 5 w 887"/>
                  <a:gd name="T5" fmla="*/ 68 h 520"/>
                  <a:gd name="T6" fmla="*/ 37 w 887"/>
                  <a:gd name="T7" fmla="*/ 73 h 520"/>
                  <a:gd name="T8" fmla="*/ 86 w 887"/>
                  <a:gd name="T9" fmla="*/ 87 h 520"/>
                  <a:gd name="T10" fmla="*/ 108 w 887"/>
                  <a:gd name="T11" fmla="*/ 94 h 520"/>
                  <a:gd name="T12" fmla="*/ 98 w 887"/>
                  <a:gd name="T13" fmla="*/ 79 h 520"/>
                  <a:gd name="T14" fmla="*/ 87 w 887"/>
                  <a:gd name="T15" fmla="*/ 75 h 520"/>
                  <a:gd name="T16" fmla="*/ 75 w 887"/>
                  <a:gd name="T17" fmla="*/ 77 h 520"/>
                  <a:gd name="T18" fmla="*/ 65 w 887"/>
                  <a:gd name="T19" fmla="*/ 61 h 520"/>
                  <a:gd name="T20" fmla="*/ 53 w 887"/>
                  <a:gd name="T21" fmla="*/ 43 h 520"/>
                  <a:gd name="T22" fmla="*/ 53 w 887"/>
                  <a:gd name="T23" fmla="*/ 23 h 520"/>
                  <a:gd name="T24" fmla="*/ 56 w 887"/>
                  <a:gd name="T25" fmla="*/ 11 h 520"/>
                  <a:gd name="T26" fmla="*/ 64 w 887"/>
                  <a:gd name="T27" fmla="*/ 13 h 520"/>
                  <a:gd name="T28" fmla="*/ 63 w 887"/>
                  <a:gd name="T29" fmla="*/ 24 h 520"/>
                  <a:gd name="T30" fmla="*/ 73 w 887"/>
                  <a:gd name="T31" fmla="*/ 31 h 520"/>
                  <a:gd name="T32" fmla="*/ 86 w 887"/>
                  <a:gd name="T33" fmla="*/ 20 h 520"/>
                  <a:gd name="T34" fmla="*/ 109 w 887"/>
                  <a:gd name="T35" fmla="*/ 30 h 520"/>
                  <a:gd name="T36" fmla="*/ 131 w 887"/>
                  <a:gd name="T37" fmla="*/ 24 h 520"/>
                  <a:gd name="T38" fmla="*/ 148 w 887"/>
                  <a:gd name="T39" fmla="*/ 7 h 520"/>
                  <a:gd name="T40" fmla="*/ 163 w 887"/>
                  <a:gd name="T41" fmla="*/ 11 h 520"/>
                  <a:gd name="T42" fmla="*/ 170 w 887"/>
                  <a:gd name="T43" fmla="*/ 6 h 520"/>
                  <a:gd name="T44" fmla="*/ 182 w 887"/>
                  <a:gd name="T45" fmla="*/ 13 h 520"/>
                  <a:gd name="T46" fmla="*/ 193 w 887"/>
                  <a:gd name="T47" fmla="*/ 15 h 520"/>
                  <a:gd name="T48" fmla="*/ 195 w 887"/>
                  <a:gd name="T49" fmla="*/ 5 h 520"/>
                  <a:gd name="T50" fmla="*/ 202 w 887"/>
                  <a:gd name="T51" fmla="*/ 0 h 520"/>
                  <a:gd name="T52" fmla="*/ 212 w 887"/>
                  <a:gd name="T53" fmla="*/ 4 h 520"/>
                  <a:gd name="T54" fmla="*/ 218 w 887"/>
                  <a:gd name="T55" fmla="*/ 12 h 520"/>
                  <a:gd name="T56" fmla="*/ 227 w 887"/>
                  <a:gd name="T57" fmla="*/ 20 h 520"/>
                  <a:gd name="T58" fmla="*/ 240 w 887"/>
                  <a:gd name="T59" fmla="*/ 14 h 520"/>
                  <a:gd name="T60" fmla="*/ 243 w 887"/>
                  <a:gd name="T61" fmla="*/ 23 h 520"/>
                  <a:gd name="T62" fmla="*/ 245 w 887"/>
                  <a:gd name="T63" fmla="*/ 21 h 520"/>
                  <a:gd name="T64" fmla="*/ 251 w 887"/>
                  <a:gd name="T65" fmla="*/ 18 h 520"/>
                  <a:gd name="T66" fmla="*/ 257 w 887"/>
                  <a:gd name="T67" fmla="*/ 15 h 520"/>
                  <a:gd name="T68" fmla="*/ 261 w 887"/>
                  <a:gd name="T69" fmla="*/ 17 h 520"/>
                  <a:gd name="T70" fmla="*/ 267 w 887"/>
                  <a:gd name="T71" fmla="*/ 15 h 520"/>
                  <a:gd name="T72" fmla="*/ 287 w 887"/>
                  <a:gd name="T73" fmla="*/ 28 h 520"/>
                  <a:gd name="T74" fmla="*/ 289 w 887"/>
                  <a:gd name="T75" fmla="*/ 51 h 520"/>
                  <a:gd name="T76" fmla="*/ 280 w 887"/>
                  <a:gd name="T77" fmla="*/ 64 h 520"/>
                  <a:gd name="T78" fmla="*/ 269 w 887"/>
                  <a:gd name="T79" fmla="*/ 68 h 520"/>
                  <a:gd name="T80" fmla="*/ 267 w 887"/>
                  <a:gd name="T81" fmla="*/ 78 h 520"/>
                  <a:gd name="T82" fmla="*/ 283 w 887"/>
                  <a:gd name="T83" fmla="*/ 109 h 520"/>
                  <a:gd name="T84" fmla="*/ 291 w 887"/>
                  <a:gd name="T85" fmla="*/ 124 h 520"/>
                  <a:gd name="T86" fmla="*/ 289 w 887"/>
                  <a:gd name="T87" fmla="*/ 140 h 520"/>
                  <a:gd name="T88" fmla="*/ 276 w 887"/>
                  <a:gd name="T89" fmla="*/ 137 h 520"/>
                  <a:gd name="T90" fmla="*/ 268 w 887"/>
                  <a:gd name="T91" fmla="*/ 140 h 520"/>
                  <a:gd name="T92" fmla="*/ 253 w 887"/>
                  <a:gd name="T93" fmla="*/ 151 h 520"/>
                  <a:gd name="T94" fmla="*/ 246 w 887"/>
                  <a:gd name="T95" fmla="*/ 158 h 520"/>
                  <a:gd name="T96" fmla="*/ 237 w 887"/>
                  <a:gd name="T97" fmla="*/ 167 h 520"/>
                  <a:gd name="T98" fmla="*/ 206 w 887"/>
                  <a:gd name="T99" fmla="*/ 170 h 520"/>
                  <a:gd name="T100" fmla="*/ 188 w 887"/>
                  <a:gd name="T101" fmla="*/ 156 h 520"/>
                  <a:gd name="T102" fmla="*/ 171 w 887"/>
                  <a:gd name="T103" fmla="*/ 141 h 520"/>
                  <a:gd name="T104" fmla="*/ 161 w 887"/>
                  <a:gd name="T105" fmla="*/ 145 h 520"/>
                  <a:gd name="T106" fmla="*/ 152 w 887"/>
                  <a:gd name="T107" fmla="*/ 150 h 520"/>
                  <a:gd name="T108" fmla="*/ 154 w 887"/>
                  <a:gd name="T109" fmla="*/ 159 h 520"/>
                  <a:gd name="T110" fmla="*/ 142 w 887"/>
                  <a:gd name="T111" fmla="*/ 159 h 520"/>
                  <a:gd name="T112" fmla="*/ 136 w 887"/>
                  <a:gd name="T113" fmla="*/ 148 h 520"/>
                  <a:gd name="T114" fmla="*/ 136 w 887"/>
                  <a:gd name="T115" fmla="*/ 133 h 520"/>
                  <a:gd name="T116" fmla="*/ 80 w 887"/>
                  <a:gd name="T117" fmla="*/ 102 h 520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0" t="0" r="r" b="b"/>
                <a:pathLst>
                  <a:path w="887" h="520">
                    <a:moveTo>
                      <a:pt x="123" y="252"/>
                    </a:moveTo>
                    <a:lnTo>
                      <a:pt x="101" y="249"/>
                    </a:lnTo>
                    <a:lnTo>
                      <a:pt x="81" y="245"/>
                    </a:lnTo>
                    <a:lnTo>
                      <a:pt x="72" y="242"/>
                    </a:lnTo>
                    <a:lnTo>
                      <a:pt x="64" y="238"/>
                    </a:lnTo>
                    <a:lnTo>
                      <a:pt x="56" y="234"/>
                    </a:lnTo>
                    <a:lnTo>
                      <a:pt x="50" y="228"/>
                    </a:lnTo>
                    <a:lnTo>
                      <a:pt x="33" y="228"/>
                    </a:lnTo>
                    <a:lnTo>
                      <a:pt x="17" y="227"/>
                    </a:lnTo>
                    <a:lnTo>
                      <a:pt x="11" y="226"/>
                    </a:lnTo>
                    <a:lnTo>
                      <a:pt x="6" y="222"/>
                    </a:lnTo>
                    <a:lnTo>
                      <a:pt x="4" y="220"/>
                    </a:lnTo>
                    <a:lnTo>
                      <a:pt x="3" y="218"/>
                    </a:lnTo>
                    <a:lnTo>
                      <a:pt x="1" y="215"/>
                    </a:lnTo>
                    <a:lnTo>
                      <a:pt x="0" y="211"/>
                    </a:lnTo>
                    <a:lnTo>
                      <a:pt x="5" y="208"/>
                    </a:lnTo>
                    <a:lnTo>
                      <a:pt x="10" y="206"/>
                    </a:lnTo>
                    <a:lnTo>
                      <a:pt x="15" y="205"/>
                    </a:lnTo>
                    <a:lnTo>
                      <a:pt x="21" y="203"/>
                    </a:lnTo>
                    <a:lnTo>
                      <a:pt x="35" y="202"/>
                    </a:lnTo>
                    <a:lnTo>
                      <a:pt x="50" y="203"/>
                    </a:lnTo>
                    <a:lnTo>
                      <a:pt x="70" y="209"/>
                    </a:lnTo>
                    <a:lnTo>
                      <a:pt x="91" y="215"/>
                    </a:lnTo>
                    <a:lnTo>
                      <a:pt x="111" y="220"/>
                    </a:lnTo>
                    <a:lnTo>
                      <a:pt x="131" y="228"/>
                    </a:lnTo>
                    <a:lnTo>
                      <a:pt x="155" y="235"/>
                    </a:lnTo>
                    <a:lnTo>
                      <a:pt x="180" y="242"/>
                    </a:lnTo>
                    <a:lnTo>
                      <a:pt x="207" y="249"/>
                    </a:lnTo>
                    <a:lnTo>
                      <a:pt x="233" y="255"/>
                    </a:lnTo>
                    <a:lnTo>
                      <a:pt x="258" y="262"/>
                    </a:lnTo>
                    <a:lnTo>
                      <a:pt x="283" y="271"/>
                    </a:lnTo>
                    <a:lnTo>
                      <a:pt x="294" y="275"/>
                    </a:lnTo>
                    <a:lnTo>
                      <a:pt x="306" y="280"/>
                    </a:lnTo>
                    <a:lnTo>
                      <a:pt x="316" y="287"/>
                    </a:lnTo>
                    <a:lnTo>
                      <a:pt x="326" y="293"/>
                    </a:lnTo>
                    <a:lnTo>
                      <a:pt x="324" y="283"/>
                    </a:lnTo>
                    <a:lnTo>
                      <a:pt x="319" y="275"/>
                    </a:lnTo>
                    <a:lnTo>
                      <a:pt x="314" y="268"/>
                    </a:lnTo>
                    <a:lnTo>
                      <a:pt x="309" y="260"/>
                    </a:lnTo>
                    <a:lnTo>
                      <a:pt x="304" y="253"/>
                    </a:lnTo>
                    <a:lnTo>
                      <a:pt x="299" y="246"/>
                    </a:lnTo>
                    <a:lnTo>
                      <a:pt x="295" y="237"/>
                    </a:lnTo>
                    <a:lnTo>
                      <a:pt x="293" y="228"/>
                    </a:lnTo>
                    <a:lnTo>
                      <a:pt x="287" y="226"/>
                    </a:lnTo>
                    <a:lnTo>
                      <a:pt x="281" y="223"/>
                    </a:lnTo>
                    <a:lnTo>
                      <a:pt x="275" y="223"/>
                    </a:lnTo>
                    <a:lnTo>
                      <a:pt x="271" y="223"/>
                    </a:lnTo>
                    <a:lnTo>
                      <a:pt x="263" y="226"/>
                    </a:lnTo>
                    <a:lnTo>
                      <a:pt x="256" y="229"/>
                    </a:lnTo>
                    <a:lnTo>
                      <a:pt x="250" y="231"/>
                    </a:lnTo>
                    <a:lnTo>
                      <a:pt x="242" y="233"/>
                    </a:lnTo>
                    <a:lnTo>
                      <a:pt x="237" y="233"/>
                    </a:lnTo>
                    <a:lnTo>
                      <a:pt x="232" y="232"/>
                    </a:lnTo>
                    <a:lnTo>
                      <a:pt x="227" y="230"/>
                    </a:lnTo>
                    <a:lnTo>
                      <a:pt x="220" y="228"/>
                    </a:lnTo>
                    <a:lnTo>
                      <a:pt x="218" y="218"/>
                    </a:lnTo>
                    <a:lnTo>
                      <a:pt x="216" y="210"/>
                    </a:lnTo>
                    <a:lnTo>
                      <a:pt x="212" y="202"/>
                    </a:lnTo>
                    <a:lnTo>
                      <a:pt x="207" y="195"/>
                    </a:lnTo>
                    <a:lnTo>
                      <a:pt x="196" y="182"/>
                    </a:lnTo>
                    <a:lnTo>
                      <a:pt x="185" y="169"/>
                    </a:lnTo>
                    <a:lnTo>
                      <a:pt x="178" y="162"/>
                    </a:lnTo>
                    <a:lnTo>
                      <a:pt x="173" y="155"/>
                    </a:lnTo>
                    <a:lnTo>
                      <a:pt x="168" y="147"/>
                    </a:lnTo>
                    <a:lnTo>
                      <a:pt x="164" y="137"/>
                    </a:lnTo>
                    <a:lnTo>
                      <a:pt x="159" y="128"/>
                    </a:lnTo>
                    <a:lnTo>
                      <a:pt x="157" y="116"/>
                    </a:lnTo>
                    <a:lnTo>
                      <a:pt x="155" y="103"/>
                    </a:lnTo>
                    <a:lnTo>
                      <a:pt x="155" y="90"/>
                    </a:lnTo>
                    <a:lnTo>
                      <a:pt x="155" y="80"/>
                    </a:lnTo>
                    <a:lnTo>
                      <a:pt x="156" y="74"/>
                    </a:lnTo>
                    <a:lnTo>
                      <a:pt x="158" y="68"/>
                    </a:lnTo>
                    <a:lnTo>
                      <a:pt x="160" y="61"/>
                    </a:lnTo>
                    <a:lnTo>
                      <a:pt x="163" y="56"/>
                    </a:lnTo>
                    <a:lnTo>
                      <a:pt x="165" y="50"/>
                    </a:lnTo>
                    <a:lnTo>
                      <a:pt x="165" y="42"/>
                    </a:lnTo>
                    <a:lnTo>
                      <a:pt x="164" y="33"/>
                    </a:lnTo>
                    <a:lnTo>
                      <a:pt x="169" y="33"/>
                    </a:lnTo>
                    <a:lnTo>
                      <a:pt x="172" y="34"/>
                    </a:lnTo>
                    <a:lnTo>
                      <a:pt x="176" y="35"/>
                    </a:lnTo>
                    <a:lnTo>
                      <a:pt x="179" y="37"/>
                    </a:lnTo>
                    <a:lnTo>
                      <a:pt x="183" y="38"/>
                    </a:lnTo>
                    <a:lnTo>
                      <a:pt x="187" y="40"/>
                    </a:lnTo>
                    <a:lnTo>
                      <a:pt x="191" y="40"/>
                    </a:lnTo>
                    <a:lnTo>
                      <a:pt x="196" y="40"/>
                    </a:lnTo>
                    <a:lnTo>
                      <a:pt x="196" y="53"/>
                    </a:lnTo>
                    <a:lnTo>
                      <a:pt x="196" y="64"/>
                    </a:lnTo>
                    <a:lnTo>
                      <a:pt x="192" y="67"/>
                    </a:lnTo>
                    <a:lnTo>
                      <a:pt x="190" y="70"/>
                    </a:lnTo>
                    <a:lnTo>
                      <a:pt x="189" y="73"/>
                    </a:lnTo>
                    <a:lnTo>
                      <a:pt x="188" y="77"/>
                    </a:lnTo>
                    <a:lnTo>
                      <a:pt x="188" y="88"/>
                    </a:lnTo>
                    <a:lnTo>
                      <a:pt x="188" y="97"/>
                    </a:lnTo>
                    <a:lnTo>
                      <a:pt x="200" y="97"/>
                    </a:lnTo>
                    <a:lnTo>
                      <a:pt x="212" y="97"/>
                    </a:lnTo>
                    <a:lnTo>
                      <a:pt x="220" y="94"/>
                    </a:lnTo>
                    <a:lnTo>
                      <a:pt x="228" y="89"/>
                    </a:lnTo>
                    <a:lnTo>
                      <a:pt x="234" y="82"/>
                    </a:lnTo>
                    <a:lnTo>
                      <a:pt x="240" y="76"/>
                    </a:lnTo>
                    <a:lnTo>
                      <a:pt x="246" y="71"/>
                    </a:lnTo>
                    <a:lnTo>
                      <a:pt x="253" y="64"/>
                    </a:lnTo>
                    <a:lnTo>
                      <a:pt x="260" y="60"/>
                    </a:lnTo>
                    <a:lnTo>
                      <a:pt x="269" y="57"/>
                    </a:lnTo>
                    <a:lnTo>
                      <a:pt x="282" y="68"/>
                    </a:lnTo>
                    <a:lnTo>
                      <a:pt x="293" y="76"/>
                    </a:lnTo>
                    <a:lnTo>
                      <a:pt x="306" y="82"/>
                    </a:lnTo>
                    <a:lnTo>
                      <a:pt x="317" y="88"/>
                    </a:lnTo>
                    <a:lnTo>
                      <a:pt x="329" y="90"/>
                    </a:lnTo>
                    <a:lnTo>
                      <a:pt x="341" y="91"/>
                    </a:lnTo>
                    <a:lnTo>
                      <a:pt x="352" y="91"/>
                    </a:lnTo>
                    <a:lnTo>
                      <a:pt x="363" y="88"/>
                    </a:lnTo>
                    <a:lnTo>
                      <a:pt x="374" y="83"/>
                    </a:lnTo>
                    <a:lnTo>
                      <a:pt x="385" y="78"/>
                    </a:lnTo>
                    <a:lnTo>
                      <a:pt x="394" y="71"/>
                    </a:lnTo>
                    <a:lnTo>
                      <a:pt x="405" y="62"/>
                    </a:lnTo>
                    <a:lnTo>
                      <a:pt x="414" y="53"/>
                    </a:lnTo>
                    <a:lnTo>
                      <a:pt x="423" y="41"/>
                    </a:lnTo>
                    <a:lnTo>
                      <a:pt x="432" y="30"/>
                    </a:lnTo>
                    <a:lnTo>
                      <a:pt x="440" y="16"/>
                    </a:lnTo>
                    <a:lnTo>
                      <a:pt x="444" y="21"/>
                    </a:lnTo>
                    <a:lnTo>
                      <a:pt x="452" y="25"/>
                    </a:lnTo>
                    <a:lnTo>
                      <a:pt x="463" y="31"/>
                    </a:lnTo>
                    <a:lnTo>
                      <a:pt x="474" y="34"/>
                    </a:lnTo>
                    <a:lnTo>
                      <a:pt x="481" y="34"/>
                    </a:lnTo>
                    <a:lnTo>
                      <a:pt x="486" y="35"/>
                    </a:lnTo>
                    <a:lnTo>
                      <a:pt x="491" y="34"/>
                    </a:lnTo>
                    <a:lnTo>
                      <a:pt x="495" y="33"/>
                    </a:lnTo>
                    <a:lnTo>
                      <a:pt x="500" y="30"/>
                    </a:lnTo>
                    <a:lnTo>
                      <a:pt x="503" y="27"/>
                    </a:lnTo>
                    <a:lnTo>
                      <a:pt x="504" y="22"/>
                    </a:lnTo>
                    <a:lnTo>
                      <a:pt x="505" y="16"/>
                    </a:lnTo>
                    <a:lnTo>
                      <a:pt x="511" y="17"/>
                    </a:lnTo>
                    <a:lnTo>
                      <a:pt x="515" y="18"/>
                    </a:lnTo>
                    <a:lnTo>
                      <a:pt x="521" y="20"/>
                    </a:lnTo>
                    <a:lnTo>
                      <a:pt x="525" y="22"/>
                    </a:lnTo>
                    <a:lnTo>
                      <a:pt x="532" y="28"/>
                    </a:lnTo>
                    <a:lnTo>
                      <a:pt x="540" y="34"/>
                    </a:lnTo>
                    <a:lnTo>
                      <a:pt x="547" y="39"/>
                    </a:lnTo>
                    <a:lnTo>
                      <a:pt x="555" y="44"/>
                    </a:lnTo>
                    <a:lnTo>
                      <a:pt x="561" y="47"/>
                    </a:lnTo>
                    <a:lnTo>
                      <a:pt x="566" y="48"/>
                    </a:lnTo>
                    <a:lnTo>
                      <a:pt x="571" y="49"/>
                    </a:lnTo>
                    <a:lnTo>
                      <a:pt x="579" y="49"/>
                    </a:lnTo>
                    <a:lnTo>
                      <a:pt x="581" y="45"/>
                    </a:lnTo>
                    <a:lnTo>
                      <a:pt x="582" y="41"/>
                    </a:lnTo>
                    <a:lnTo>
                      <a:pt x="584" y="38"/>
                    </a:lnTo>
                    <a:lnTo>
                      <a:pt x="584" y="34"/>
                    </a:lnTo>
                    <a:lnTo>
                      <a:pt x="584" y="28"/>
                    </a:lnTo>
                    <a:lnTo>
                      <a:pt x="584" y="21"/>
                    </a:lnTo>
                    <a:lnTo>
                      <a:pt x="585" y="15"/>
                    </a:lnTo>
                    <a:lnTo>
                      <a:pt x="587" y="10"/>
                    </a:lnTo>
                    <a:lnTo>
                      <a:pt x="590" y="7"/>
                    </a:lnTo>
                    <a:lnTo>
                      <a:pt x="593" y="4"/>
                    </a:lnTo>
                    <a:lnTo>
                      <a:pt x="597" y="2"/>
                    </a:lnTo>
                    <a:lnTo>
                      <a:pt x="603" y="0"/>
                    </a:lnTo>
                    <a:lnTo>
                      <a:pt x="608" y="1"/>
                    </a:lnTo>
                    <a:lnTo>
                      <a:pt x="620" y="2"/>
                    </a:lnTo>
                    <a:lnTo>
                      <a:pt x="631" y="4"/>
                    </a:lnTo>
                    <a:lnTo>
                      <a:pt x="636" y="4"/>
                    </a:lnTo>
                    <a:lnTo>
                      <a:pt x="636" y="7"/>
                    </a:lnTo>
                    <a:lnTo>
                      <a:pt x="636" y="9"/>
                    </a:lnTo>
                    <a:lnTo>
                      <a:pt x="637" y="11"/>
                    </a:lnTo>
                    <a:lnTo>
                      <a:pt x="639" y="12"/>
                    </a:lnTo>
                    <a:lnTo>
                      <a:pt x="644" y="15"/>
                    </a:lnTo>
                    <a:lnTo>
                      <a:pt x="651" y="16"/>
                    </a:lnTo>
                    <a:lnTo>
                      <a:pt x="651" y="24"/>
                    </a:lnTo>
                    <a:lnTo>
                      <a:pt x="653" y="31"/>
                    </a:lnTo>
                    <a:lnTo>
                      <a:pt x="656" y="36"/>
                    </a:lnTo>
                    <a:lnTo>
                      <a:pt x="660" y="40"/>
                    </a:lnTo>
                    <a:lnTo>
                      <a:pt x="663" y="45"/>
                    </a:lnTo>
                    <a:lnTo>
                      <a:pt x="666" y="51"/>
                    </a:lnTo>
                    <a:lnTo>
                      <a:pt x="667" y="57"/>
                    </a:lnTo>
                    <a:lnTo>
                      <a:pt x="667" y="64"/>
                    </a:lnTo>
                    <a:lnTo>
                      <a:pt x="682" y="61"/>
                    </a:lnTo>
                    <a:lnTo>
                      <a:pt x="695" y="56"/>
                    </a:lnTo>
                    <a:lnTo>
                      <a:pt x="702" y="53"/>
                    </a:lnTo>
                    <a:lnTo>
                      <a:pt x="707" y="50"/>
                    </a:lnTo>
                    <a:lnTo>
                      <a:pt x="711" y="45"/>
                    </a:lnTo>
                    <a:lnTo>
                      <a:pt x="716" y="40"/>
                    </a:lnTo>
                    <a:lnTo>
                      <a:pt x="721" y="41"/>
                    </a:lnTo>
                    <a:lnTo>
                      <a:pt x="724" y="42"/>
                    </a:lnTo>
                    <a:lnTo>
                      <a:pt x="726" y="44"/>
                    </a:lnTo>
                    <a:lnTo>
                      <a:pt x="728" y="48"/>
                    </a:lnTo>
                    <a:lnTo>
                      <a:pt x="729" y="55"/>
                    </a:lnTo>
                    <a:lnTo>
                      <a:pt x="730" y="62"/>
                    </a:lnTo>
                    <a:lnTo>
                      <a:pt x="730" y="70"/>
                    </a:lnTo>
                    <a:lnTo>
                      <a:pt x="731" y="75"/>
                    </a:lnTo>
                    <a:lnTo>
                      <a:pt x="732" y="76"/>
                    </a:lnTo>
                    <a:lnTo>
                      <a:pt x="734" y="76"/>
                    </a:lnTo>
                    <a:lnTo>
                      <a:pt x="736" y="75"/>
                    </a:lnTo>
                    <a:lnTo>
                      <a:pt x="741" y="73"/>
                    </a:lnTo>
                    <a:lnTo>
                      <a:pt x="738" y="64"/>
                    </a:lnTo>
                    <a:lnTo>
                      <a:pt x="732" y="57"/>
                    </a:lnTo>
                    <a:lnTo>
                      <a:pt x="738" y="58"/>
                    </a:lnTo>
                    <a:lnTo>
                      <a:pt x="743" y="58"/>
                    </a:lnTo>
                    <a:lnTo>
                      <a:pt x="747" y="57"/>
                    </a:lnTo>
                    <a:lnTo>
                      <a:pt x="750" y="57"/>
                    </a:lnTo>
                    <a:lnTo>
                      <a:pt x="756" y="53"/>
                    </a:lnTo>
                    <a:lnTo>
                      <a:pt x="761" y="49"/>
                    </a:lnTo>
                    <a:lnTo>
                      <a:pt x="765" y="44"/>
                    </a:lnTo>
                    <a:lnTo>
                      <a:pt x="769" y="39"/>
                    </a:lnTo>
                    <a:lnTo>
                      <a:pt x="774" y="35"/>
                    </a:lnTo>
                    <a:lnTo>
                      <a:pt x="781" y="33"/>
                    </a:lnTo>
                    <a:lnTo>
                      <a:pt x="772" y="44"/>
                    </a:lnTo>
                    <a:lnTo>
                      <a:pt x="765" y="57"/>
                    </a:lnTo>
                    <a:lnTo>
                      <a:pt x="769" y="58"/>
                    </a:lnTo>
                    <a:lnTo>
                      <a:pt x="772" y="58"/>
                    </a:lnTo>
                    <a:lnTo>
                      <a:pt x="775" y="57"/>
                    </a:lnTo>
                    <a:lnTo>
                      <a:pt x="779" y="55"/>
                    </a:lnTo>
                    <a:lnTo>
                      <a:pt x="784" y="51"/>
                    </a:lnTo>
                    <a:lnTo>
                      <a:pt x="788" y="45"/>
                    </a:lnTo>
                    <a:lnTo>
                      <a:pt x="793" y="41"/>
                    </a:lnTo>
                    <a:lnTo>
                      <a:pt x="796" y="40"/>
                    </a:lnTo>
                    <a:lnTo>
                      <a:pt x="799" y="40"/>
                    </a:lnTo>
                    <a:lnTo>
                      <a:pt x="801" y="41"/>
                    </a:lnTo>
                    <a:lnTo>
                      <a:pt x="803" y="44"/>
                    </a:lnTo>
                    <a:lnTo>
                      <a:pt x="806" y="49"/>
                    </a:lnTo>
                    <a:lnTo>
                      <a:pt x="819" y="54"/>
                    </a:lnTo>
                    <a:lnTo>
                      <a:pt x="830" y="61"/>
                    </a:lnTo>
                    <a:lnTo>
                      <a:pt x="842" y="68"/>
                    </a:lnTo>
                    <a:lnTo>
                      <a:pt x="852" y="76"/>
                    </a:lnTo>
                    <a:lnTo>
                      <a:pt x="862" y="84"/>
                    </a:lnTo>
                    <a:lnTo>
                      <a:pt x="871" y="93"/>
                    </a:lnTo>
                    <a:lnTo>
                      <a:pt x="880" y="103"/>
                    </a:lnTo>
                    <a:lnTo>
                      <a:pt x="887" y="114"/>
                    </a:lnTo>
                    <a:lnTo>
                      <a:pt x="881" y="130"/>
                    </a:lnTo>
                    <a:lnTo>
                      <a:pt x="873" y="146"/>
                    </a:lnTo>
                    <a:lnTo>
                      <a:pt x="870" y="153"/>
                    </a:lnTo>
                    <a:lnTo>
                      <a:pt x="869" y="162"/>
                    </a:lnTo>
                    <a:lnTo>
                      <a:pt x="869" y="174"/>
                    </a:lnTo>
                    <a:lnTo>
                      <a:pt x="870" y="187"/>
                    </a:lnTo>
                    <a:lnTo>
                      <a:pt x="854" y="190"/>
                    </a:lnTo>
                    <a:lnTo>
                      <a:pt x="846" y="191"/>
                    </a:lnTo>
                    <a:lnTo>
                      <a:pt x="843" y="192"/>
                    </a:lnTo>
                    <a:lnTo>
                      <a:pt x="840" y="193"/>
                    </a:lnTo>
                    <a:lnTo>
                      <a:pt x="835" y="197"/>
                    </a:lnTo>
                    <a:lnTo>
                      <a:pt x="830" y="203"/>
                    </a:lnTo>
                    <a:lnTo>
                      <a:pt x="822" y="203"/>
                    </a:lnTo>
                    <a:lnTo>
                      <a:pt x="813" y="203"/>
                    </a:lnTo>
                    <a:lnTo>
                      <a:pt x="810" y="205"/>
                    </a:lnTo>
                    <a:lnTo>
                      <a:pt x="808" y="207"/>
                    </a:lnTo>
                    <a:lnTo>
                      <a:pt x="806" y="209"/>
                    </a:lnTo>
                    <a:lnTo>
                      <a:pt x="804" y="211"/>
                    </a:lnTo>
                    <a:lnTo>
                      <a:pt x="802" y="217"/>
                    </a:lnTo>
                    <a:lnTo>
                      <a:pt x="802" y="226"/>
                    </a:lnTo>
                    <a:lnTo>
                      <a:pt x="804" y="235"/>
                    </a:lnTo>
                    <a:lnTo>
                      <a:pt x="806" y="245"/>
                    </a:lnTo>
                    <a:lnTo>
                      <a:pt x="810" y="255"/>
                    </a:lnTo>
                    <a:lnTo>
                      <a:pt x="814" y="267"/>
                    </a:lnTo>
                    <a:lnTo>
                      <a:pt x="826" y="289"/>
                    </a:lnTo>
                    <a:lnTo>
                      <a:pt x="839" y="310"/>
                    </a:lnTo>
                    <a:lnTo>
                      <a:pt x="851" y="328"/>
                    </a:lnTo>
                    <a:lnTo>
                      <a:pt x="863" y="341"/>
                    </a:lnTo>
                    <a:lnTo>
                      <a:pt x="864" y="352"/>
                    </a:lnTo>
                    <a:lnTo>
                      <a:pt x="867" y="361"/>
                    </a:lnTo>
                    <a:lnTo>
                      <a:pt x="869" y="366"/>
                    </a:lnTo>
                    <a:lnTo>
                      <a:pt x="871" y="369"/>
                    </a:lnTo>
                    <a:lnTo>
                      <a:pt x="875" y="372"/>
                    </a:lnTo>
                    <a:lnTo>
                      <a:pt x="879" y="374"/>
                    </a:lnTo>
                    <a:lnTo>
                      <a:pt x="879" y="386"/>
                    </a:lnTo>
                    <a:lnTo>
                      <a:pt x="879" y="398"/>
                    </a:lnTo>
                    <a:lnTo>
                      <a:pt x="879" y="410"/>
                    </a:lnTo>
                    <a:lnTo>
                      <a:pt x="879" y="422"/>
                    </a:lnTo>
                    <a:lnTo>
                      <a:pt x="870" y="422"/>
                    </a:lnTo>
                    <a:lnTo>
                      <a:pt x="863" y="422"/>
                    </a:lnTo>
                    <a:lnTo>
                      <a:pt x="859" y="420"/>
                    </a:lnTo>
                    <a:lnTo>
                      <a:pt x="853" y="417"/>
                    </a:lnTo>
                    <a:lnTo>
                      <a:pt x="845" y="415"/>
                    </a:lnTo>
                    <a:lnTo>
                      <a:pt x="838" y="413"/>
                    </a:lnTo>
                    <a:lnTo>
                      <a:pt x="829" y="413"/>
                    </a:lnTo>
                    <a:lnTo>
                      <a:pt x="822" y="414"/>
                    </a:lnTo>
                    <a:lnTo>
                      <a:pt x="819" y="415"/>
                    </a:lnTo>
                    <a:lnTo>
                      <a:pt x="816" y="417"/>
                    </a:lnTo>
                    <a:lnTo>
                      <a:pt x="814" y="419"/>
                    </a:lnTo>
                    <a:lnTo>
                      <a:pt x="813" y="422"/>
                    </a:lnTo>
                    <a:lnTo>
                      <a:pt x="807" y="422"/>
                    </a:lnTo>
                    <a:lnTo>
                      <a:pt x="801" y="424"/>
                    </a:lnTo>
                    <a:lnTo>
                      <a:pt x="795" y="426"/>
                    </a:lnTo>
                    <a:lnTo>
                      <a:pt x="790" y="428"/>
                    </a:lnTo>
                    <a:lnTo>
                      <a:pt x="782" y="433"/>
                    </a:lnTo>
                    <a:lnTo>
                      <a:pt x="774" y="439"/>
                    </a:lnTo>
                    <a:lnTo>
                      <a:pt x="762" y="455"/>
                    </a:lnTo>
                    <a:lnTo>
                      <a:pt x="749" y="471"/>
                    </a:lnTo>
                    <a:lnTo>
                      <a:pt x="746" y="471"/>
                    </a:lnTo>
                    <a:lnTo>
                      <a:pt x="745" y="471"/>
                    </a:lnTo>
                    <a:lnTo>
                      <a:pt x="743" y="472"/>
                    </a:lnTo>
                    <a:lnTo>
                      <a:pt x="742" y="473"/>
                    </a:lnTo>
                    <a:lnTo>
                      <a:pt x="741" y="476"/>
                    </a:lnTo>
                    <a:lnTo>
                      <a:pt x="741" y="479"/>
                    </a:lnTo>
                    <a:lnTo>
                      <a:pt x="738" y="485"/>
                    </a:lnTo>
                    <a:lnTo>
                      <a:pt x="734" y="489"/>
                    </a:lnTo>
                    <a:lnTo>
                      <a:pt x="730" y="493"/>
                    </a:lnTo>
                    <a:lnTo>
                      <a:pt x="725" y="496"/>
                    </a:lnTo>
                    <a:lnTo>
                      <a:pt x="714" y="502"/>
                    </a:lnTo>
                    <a:lnTo>
                      <a:pt x="703" y="507"/>
                    </a:lnTo>
                    <a:lnTo>
                      <a:pt x="676" y="513"/>
                    </a:lnTo>
                    <a:lnTo>
                      <a:pt x="651" y="520"/>
                    </a:lnTo>
                    <a:lnTo>
                      <a:pt x="640" y="517"/>
                    </a:lnTo>
                    <a:lnTo>
                      <a:pt x="629" y="514"/>
                    </a:lnTo>
                    <a:lnTo>
                      <a:pt x="620" y="510"/>
                    </a:lnTo>
                    <a:lnTo>
                      <a:pt x="611" y="506"/>
                    </a:lnTo>
                    <a:lnTo>
                      <a:pt x="603" y="500"/>
                    </a:lnTo>
                    <a:lnTo>
                      <a:pt x="594" y="494"/>
                    </a:lnTo>
                    <a:lnTo>
                      <a:pt x="587" y="488"/>
                    </a:lnTo>
                    <a:lnTo>
                      <a:pt x="580" y="481"/>
                    </a:lnTo>
                    <a:lnTo>
                      <a:pt x="566" y="469"/>
                    </a:lnTo>
                    <a:lnTo>
                      <a:pt x="552" y="455"/>
                    </a:lnTo>
                    <a:lnTo>
                      <a:pt x="537" y="442"/>
                    </a:lnTo>
                    <a:lnTo>
                      <a:pt x="521" y="431"/>
                    </a:lnTo>
                    <a:lnTo>
                      <a:pt x="520" y="427"/>
                    </a:lnTo>
                    <a:lnTo>
                      <a:pt x="516" y="425"/>
                    </a:lnTo>
                    <a:lnTo>
                      <a:pt x="513" y="424"/>
                    </a:lnTo>
                    <a:lnTo>
                      <a:pt x="508" y="422"/>
                    </a:lnTo>
                    <a:lnTo>
                      <a:pt x="498" y="422"/>
                    </a:lnTo>
                    <a:lnTo>
                      <a:pt x="489" y="422"/>
                    </a:lnTo>
                    <a:lnTo>
                      <a:pt x="489" y="429"/>
                    </a:lnTo>
                    <a:lnTo>
                      <a:pt x="487" y="433"/>
                    </a:lnTo>
                    <a:lnTo>
                      <a:pt x="485" y="437"/>
                    </a:lnTo>
                    <a:lnTo>
                      <a:pt x="481" y="438"/>
                    </a:lnTo>
                    <a:lnTo>
                      <a:pt x="468" y="438"/>
                    </a:lnTo>
                    <a:lnTo>
                      <a:pt x="456" y="438"/>
                    </a:lnTo>
                    <a:lnTo>
                      <a:pt x="457" y="444"/>
                    </a:lnTo>
                    <a:lnTo>
                      <a:pt x="457" y="449"/>
                    </a:lnTo>
                    <a:lnTo>
                      <a:pt x="458" y="452"/>
                    </a:lnTo>
                    <a:lnTo>
                      <a:pt x="460" y="453"/>
                    </a:lnTo>
                    <a:lnTo>
                      <a:pt x="462" y="454"/>
                    </a:lnTo>
                    <a:lnTo>
                      <a:pt x="464" y="455"/>
                    </a:lnTo>
                    <a:lnTo>
                      <a:pt x="464" y="464"/>
                    </a:lnTo>
                    <a:lnTo>
                      <a:pt x="464" y="471"/>
                    </a:lnTo>
                    <a:lnTo>
                      <a:pt x="464" y="479"/>
                    </a:lnTo>
                    <a:lnTo>
                      <a:pt x="464" y="488"/>
                    </a:lnTo>
                    <a:lnTo>
                      <a:pt x="455" y="489"/>
                    </a:lnTo>
                    <a:lnTo>
                      <a:pt x="447" y="488"/>
                    </a:lnTo>
                    <a:lnTo>
                      <a:pt x="440" y="487"/>
                    </a:lnTo>
                    <a:lnTo>
                      <a:pt x="432" y="484"/>
                    </a:lnTo>
                    <a:lnTo>
                      <a:pt x="426" y="479"/>
                    </a:lnTo>
                    <a:lnTo>
                      <a:pt x="421" y="475"/>
                    </a:lnTo>
                    <a:lnTo>
                      <a:pt x="416" y="470"/>
                    </a:lnTo>
                    <a:lnTo>
                      <a:pt x="413" y="464"/>
                    </a:lnTo>
                    <a:lnTo>
                      <a:pt x="411" y="457"/>
                    </a:lnTo>
                    <a:lnTo>
                      <a:pt x="410" y="451"/>
                    </a:lnTo>
                    <a:lnTo>
                      <a:pt x="409" y="444"/>
                    </a:lnTo>
                    <a:lnTo>
                      <a:pt x="410" y="437"/>
                    </a:lnTo>
                    <a:lnTo>
                      <a:pt x="412" y="431"/>
                    </a:lnTo>
                    <a:lnTo>
                      <a:pt x="414" y="425"/>
                    </a:lnTo>
                    <a:lnTo>
                      <a:pt x="418" y="419"/>
                    </a:lnTo>
                    <a:lnTo>
                      <a:pt x="424" y="414"/>
                    </a:lnTo>
                    <a:lnTo>
                      <a:pt x="408" y="401"/>
                    </a:lnTo>
                    <a:lnTo>
                      <a:pt x="391" y="389"/>
                    </a:lnTo>
                    <a:lnTo>
                      <a:pt x="374" y="377"/>
                    </a:lnTo>
                    <a:lnTo>
                      <a:pt x="356" y="366"/>
                    </a:lnTo>
                    <a:lnTo>
                      <a:pt x="319" y="345"/>
                    </a:lnTo>
                    <a:lnTo>
                      <a:pt x="282" y="326"/>
                    </a:lnTo>
                    <a:lnTo>
                      <a:pt x="242" y="307"/>
                    </a:lnTo>
                    <a:lnTo>
                      <a:pt x="202" y="289"/>
                    </a:lnTo>
                    <a:lnTo>
                      <a:pt x="163" y="271"/>
                    </a:lnTo>
                    <a:lnTo>
                      <a:pt x="123" y="252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78" name="Vordingborg"/>
              <p:cNvSpPr>
                <a:spLocks/>
              </p:cNvSpPr>
              <p:nvPr/>
            </p:nvSpPr>
            <p:spPr bwMode="auto">
              <a:xfrm>
                <a:off x="3730625" y="5930900"/>
                <a:ext cx="25400" cy="14288"/>
              </a:xfrm>
              <a:custGeom>
                <a:avLst/>
                <a:gdLst>
                  <a:gd name="T0" fmla="*/ 0 w 50"/>
                  <a:gd name="T1" fmla="*/ 3 h 25"/>
                  <a:gd name="T2" fmla="*/ 0 w 50"/>
                  <a:gd name="T3" fmla="*/ 2 h 25"/>
                  <a:gd name="T4" fmla="*/ 1 w 50"/>
                  <a:gd name="T5" fmla="*/ 1 h 25"/>
                  <a:gd name="T6" fmla="*/ 2 w 50"/>
                  <a:gd name="T7" fmla="*/ 1 h 25"/>
                  <a:gd name="T8" fmla="*/ 3 w 50"/>
                  <a:gd name="T9" fmla="*/ 0 h 25"/>
                  <a:gd name="T10" fmla="*/ 5 w 50"/>
                  <a:gd name="T11" fmla="*/ 0 h 25"/>
                  <a:gd name="T12" fmla="*/ 8 w 50"/>
                  <a:gd name="T13" fmla="*/ 0 h 25"/>
                  <a:gd name="T14" fmla="*/ 10 w 50"/>
                  <a:gd name="T15" fmla="*/ 1 h 25"/>
                  <a:gd name="T16" fmla="*/ 13 w 50"/>
                  <a:gd name="T17" fmla="*/ 1 h 25"/>
                  <a:gd name="T18" fmla="*/ 15 w 50"/>
                  <a:gd name="T19" fmla="*/ 3 h 25"/>
                  <a:gd name="T20" fmla="*/ 16 w 50"/>
                  <a:gd name="T21" fmla="*/ 3 h 25"/>
                  <a:gd name="T22" fmla="*/ 16 w 50"/>
                  <a:gd name="T23" fmla="*/ 5 h 25"/>
                  <a:gd name="T24" fmla="*/ 16 w 50"/>
                  <a:gd name="T25" fmla="*/ 6 h 25"/>
                  <a:gd name="T26" fmla="*/ 15 w 50"/>
                  <a:gd name="T27" fmla="*/ 6 h 25"/>
                  <a:gd name="T28" fmla="*/ 14 w 50"/>
                  <a:gd name="T29" fmla="*/ 6 h 25"/>
                  <a:gd name="T30" fmla="*/ 12 w 50"/>
                  <a:gd name="T31" fmla="*/ 7 h 25"/>
                  <a:gd name="T32" fmla="*/ 9 w 50"/>
                  <a:gd name="T33" fmla="*/ 6 h 25"/>
                  <a:gd name="T34" fmla="*/ 7 w 50"/>
                  <a:gd name="T35" fmla="*/ 6 h 25"/>
                  <a:gd name="T36" fmla="*/ 4 w 50"/>
                  <a:gd name="T37" fmla="*/ 6 h 25"/>
                  <a:gd name="T38" fmla="*/ 4 w 50"/>
                  <a:gd name="T39" fmla="*/ 6 h 25"/>
                  <a:gd name="T40" fmla="*/ 3 w 50"/>
                  <a:gd name="T41" fmla="*/ 7 h 25"/>
                  <a:gd name="T42" fmla="*/ 3 w 50"/>
                  <a:gd name="T43" fmla="*/ 8 h 25"/>
                  <a:gd name="T44" fmla="*/ 3 w 50"/>
                  <a:gd name="T45" fmla="*/ 9 h 25"/>
                  <a:gd name="T46" fmla="*/ 2 w 50"/>
                  <a:gd name="T47" fmla="*/ 9 h 25"/>
                  <a:gd name="T48" fmla="*/ 0 w 50"/>
                  <a:gd name="T49" fmla="*/ 7 h 25"/>
                  <a:gd name="T50" fmla="*/ 0 w 50"/>
                  <a:gd name="T51" fmla="*/ 6 h 25"/>
                  <a:gd name="T52" fmla="*/ 0 w 50"/>
                  <a:gd name="T53" fmla="*/ 3 h 25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0" h="25">
                    <a:moveTo>
                      <a:pt x="0" y="9"/>
                    </a:moveTo>
                    <a:lnTo>
                      <a:pt x="1" y="6"/>
                    </a:lnTo>
                    <a:lnTo>
                      <a:pt x="3" y="4"/>
                    </a:lnTo>
                    <a:lnTo>
                      <a:pt x="6" y="2"/>
                    </a:lnTo>
                    <a:lnTo>
                      <a:pt x="9" y="1"/>
                    </a:lnTo>
                    <a:lnTo>
                      <a:pt x="16" y="0"/>
                    </a:lnTo>
                    <a:lnTo>
                      <a:pt x="25" y="0"/>
                    </a:lnTo>
                    <a:lnTo>
                      <a:pt x="32" y="2"/>
                    </a:lnTo>
                    <a:lnTo>
                      <a:pt x="40" y="4"/>
                    </a:lnTo>
                    <a:lnTo>
                      <a:pt x="46" y="7"/>
                    </a:lnTo>
                    <a:lnTo>
                      <a:pt x="50" y="9"/>
                    </a:lnTo>
                    <a:lnTo>
                      <a:pt x="50" y="14"/>
                    </a:lnTo>
                    <a:lnTo>
                      <a:pt x="49" y="16"/>
                    </a:lnTo>
                    <a:lnTo>
                      <a:pt x="47" y="18"/>
                    </a:lnTo>
                    <a:lnTo>
                      <a:pt x="45" y="18"/>
                    </a:lnTo>
                    <a:lnTo>
                      <a:pt x="37" y="19"/>
                    </a:lnTo>
                    <a:lnTo>
                      <a:pt x="29" y="18"/>
                    </a:lnTo>
                    <a:lnTo>
                      <a:pt x="21" y="17"/>
                    </a:lnTo>
                    <a:lnTo>
                      <a:pt x="14" y="17"/>
                    </a:lnTo>
                    <a:lnTo>
                      <a:pt x="12" y="18"/>
                    </a:lnTo>
                    <a:lnTo>
                      <a:pt x="10" y="20"/>
                    </a:lnTo>
                    <a:lnTo>
                      <a:pt x="9" y="22"/>
                    </a:lnTo>
                    <a:lnTo>
                      <a:pt x="9" y="25"/>
                    </a:lnTo>
                    <a:lnTo>
                      <a:pt x="5" y="24"/>
                    </a:lnTo>
                    <a:lnTo>
                      <a:pt x="1" y="20"/>
                    </a:lnTo>
                    <a:lnTo>
                      <a:pt x="0" y="16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79" name="Vordingborg kant"/>
              <p:cNvSpPr>
                <a:spLocks/>
              </p:cNvSpPr>
              <p:nvPr/>
            </p:nvSpPr>
            <p:spPr bwMode="auto">
              <a:xfrm>
                <a:off x="3730625" y="5930900"/>
                <a:ext cx="25400" cy="14288"/>
              </a:xfrm>
              <a:custGeom>
                <a:avLst/>
                <a:gdLst>
                  <a:gd name="T0" fmla="*/ 0 w 50"/>
                  <a:gd name="T1" fmla="*/ 3 h 25"/>
                  <a:gd name="T2" fmla="*/ 0 w 50"/>
                  <a:gd name="T3" fmla="*/ 2 h 25"/>
                  <a:gd name="T4" fmla="*/ 1 w 50"/>
                  <a:gd name="T5" fmla="*/ 1 h 25"/>
                  <a:gd name="T6" fmla="*/ 2 w 50"/>
                  <a:gd name="T7" fmla="*/ 1 h 25"/>
                  <a:gd name="T8" fmla="*/ 3 w 50"/>
                  <a:gd name="T9" fmla="*/ 0 h 25"/>
                  <a:gd name="T10" fmla="*/ 5 w 50"/>
                  <a:gd name="T11" fmla="*/ 0 h 25"/>
                  <a:gd name="T12" fmla="*/ 8 w 50"/>
                  <a:gd name="T13" fmla="*/ 0 h 25"/>
                  <a:gd name="T14" fmla="*/ 10 w 50"/>
                  <a:gd name="T15" fmla="*/ 1 h 25"/>
                  <a:gd name="T16" fmla="*/ 13 w 50"/>
                  <a:gd name="T17" fmla="*/ 1 h 25"/>
                  <a:gd name="T18" fmla="*/ 15 w 50"/>
                  <a:gd name="T19" fmla="*/ 3 h 25"/>
                  <a:gd name="T20" fmla="*/ 16 w 50"/>
                  <a:gd name="T21" fmla="*/ 3 h 25"/>
                  <a:gd name="T22" fmla="*/ 16 w 50"/>
                  <a:gd name="T23" fmla="*/ 5 h 25"/>
                  <a:gd name="T24" fmla="*/ 16 w 50"/>
                  <a:gd name="T25" fmla="*/ 6 h 25"/>
                  <a:gd name="T26" fmla="*/ 15 w 50"/>
                  <a:gd name="T27" fmla="*/ 6 h 25"/>
                  <a:gd name="T28" fmla="*/ 14 w 50"/>
                  <a:gd name="T29" fmla="*/ 6 h 25"/>
                  <a:gd name="T30" fmla="*/ 12 w 50"/>
                  <a:gd name="T31" fmla="*/ 7 h 25"/>
                  <a:gd name="T32" fmla="*/ 9 w 50"/>
                  <a:gd name="T33" fmla="*/ 6 h 25"/>
                  <a:gd name="T34" fmla="*/ 7 w 50"/>
                  <a:gd name="T35" fmla="*/ 6 h 25"/>
                  <a:gd name="T36" fmla="*/ 4 w 50"/>
                  <a:gd name="T37" fmla="*/ 6 h 25"/>
                  <a:gd name="T38" fmla="*/ 4 w 50"/>
                  <a:gd name="T39" fmla="*/ 6 h 25"/>
                  <a:gd name="T40" fmla="*/ 3 w 50"/>
                  <a:gd name="T41" fmla="*/ 7 h 25"/>
                  <a:gd name="T42" fmla="*/ 3 w 50"/>
                  <a:gd name="T43" fmla="*/ 8 h 25"/>
                  <a:gd name="T44" fmla="*/ 3 w 50"/>
                  <a:gd name="T45" fmla="*/ 9 h 25"/>
                  <a:gd name="T46" fmla="*/ 2 w 50"/>
                  <a:gd name="T47" fmla="*/ 9 h 25"/>
                  <a:gd name="T48" fmla="*/ 0 w 50"/>
                  <a:gd name="T49" fmla="*/ 7 h 25"/>
                  <a:gd name="T50" fmla="*/ 0 w 50"/>
                  <a:gd name="T51" fmla="*/ 6 h 25"/>
                  <a:gd name="T52" fmla="*/ 0 w 50"/>
                  <a:gd name="T53" fmla="*/ 3 h 25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0" h="25">
                    <a:moveTo>
                      <a:pt x="0" y="9"/>
                    </a:moveTo>
                    <a:lnTo>
                      <a:pt x="1" y="6"/>
                    </a:lnTo>
                    <a:lnTo>
                      <a:pt x="3" y="4"/>
                    </a:lnTo>
                    <a:lnTo>
                      <a:pt x="6" y="2"/>
                    </a:lnTo>
                    <a:lnTo>
                      <a:pt x="9" y="1"/>
                    </a:lnTo>
                    <a:lnTo>
                      <a:pt x="16" y="0"/>
                    </a:lnTo>
                    <a:lnTo>
                      <a:pt x="25" y="0"/>
                    </a:lnTo>
                    <a:lnTo>
                      <a:pt x="32" y="2"/>
                    </a:lnTo>
                    <a:lnTo>
                      <a:pt x="40" y="4"/>
                    </a:lnTo>
                    <a:lnTo>
                      <a:pt x="46" y="7"/>
                    </a:lnTo>
                    <a:lnTo>
                      <a:pt x="50" y="9"/>
                    </a:lnTo>
                    <a:lnTo>
                      <a:pt x="50" y="14"/>
                    </a:lnTo>
                    <a:lnTo>
                      <a:pt x="49" y="16"/>
                    </a:lnTo>
                    <a:lnTo>
                      <a:pt x="47" y="18"/>
                    </a:lnTo>
                    <a:lnTo>
                      <a:pt x="45" y="18"/>
                    </a:lnTo>
                    <a:lnTo>
                      <a:pt x="37" y="19"/>
                    </a:lnTo>
                    <a:lnTo>
                      <a:pt x="29" y="18"/>
                    </a:lnTo>
                    <a:lnTo>
                      <a:pt x="21" y="17"/>
                    </a:lnTo>
                    <a:lnTo>
                      <a:pt x="14" y="17"/>
                    </a:lnTo>
                    <a:lnTo>
                      <a:pt x="12" y="18"/>
                    </a:lnTo>
                    <a:lnTo>
                      <a:pt x="10" y="20"/>
                    </a:lnTo>
                    <a:lnTo>
                      <a:pt x="9" y="22"/>
                    </a:lnTo>
                    <a:lnTo>
                      <a:pt x="9" y="25"/>
                    </a:lnTo>
                    <a:lnTo>
                      <a:pt x="5" y="24"/>
                    </a:lnTo>
                    <a:lnTo>
                      <a:pt x="1" y="20"/>
                    </a:lnTo>
                    <a:lnTo>
                      <a:pt x="0" y="16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80" name="Vordingborg kant"/>
              <p:cNvSpPr>
                <a:spLocks/>
              </p:cNvSpPr>
              <p:nvPr/>
            </p:nvSpPr>
            <p:spPr bwMode="auto">
              <a:xfrm>
                <a:off x="3748088" y="5940425"/>
                <a:ext cx="25400" cy="31750"/>
              </a:xfrm>
              <a:custGeom>
                <a:avLst/>
                <a:gdLst>
                  <a:gd name="T0" fmla="*/ 6 w 49"/>
                  <a:gd name="T1" fmla="*/ 6 h 58"/>
                  <a:gd name="T2" fmla="*/ 6 w 49"/>
                  <a:gd name="T3" fmla="*/ 3 h 58"/>
                  <a:gd name="T4" fmla="*/ 6 w 49"/>
                  <a:gd name="T5" fmla="*/ 2 h 58"/>
                  <a:gd name="T6" fmla="*/ 6 w 49"/>
                  <a:gd name="T7" fmla="*/ 1 h 58"/>
                  <a:gd name="T8" fmla="*/ 7 w 49"/>
                  <a:gd name="T9" fmla="*/ 0 h 58"/>
                  <a:gd name="T10" fmla="*/ 7 w 49"/>
                  <a:gd name="T11" fmla="*/ 0 h 58"/>
                  <a:gd name="T12" fmla="*/ 8 w 49"/>
                  <a:gd name="T13" fmla="*/ 0 h 58"/>
                  <a:gd name="T14" fmla="*/ 8 w 49"/>
                  <a:gd name="T15" fmla="*/ 2 h 58"/>
                  <a:gd name="T16" fmla="*/ 9 w 49"/>
                  <a:gd name="T17" fmla="*/ 5 h 58"/>
                  <a:gd name="T18" fmla="*/ 11 w 49"/>
                  <a:gd name="T19" fmla="*/ 7 h 58"/>
                  <a:gd name="T20" fmla="*/ 12 w 49"/>
                  <a:gd name="T21" fmla="*/ 10 h 58"/>
                  <a:gd name="T22" fmla="*/ 13 w 49"/>
                  <a:gd name="T23" fmla="*/ 12 h 58"/>
                  <a:gd name="T24" fmla="*/ 14 w 49"/>
                  <a:gd name="T25" fmla="*/ 14 h 58"/>
                  <a:gd name="T26" fmla="*/ 15 w 49"/>
                  <a:gd name="T27" fmla="*/ 17 h 58"/>
                  <a:gd name="T28" fmla="*/ 16 w 49"/>
                  <a:gd name="T29" fmla="*/ 20 h 58"/>
                  <a:gd name="T30" fmla="*/ 14 w 49"/>
                  <a:gd name="T31" fmla="*/ 19 h 58"/>
                  <a:gd name="T32" fmla="*/ 12 w 49"/>
                  <a:gd name="T33" fmla="*/ 19 h 58"/>
                  <a:gd name="T34" fmla="*/ 9 w 49"/>
                  <a:gd name="T35" fmla="*/ 20 h 58"/>
                  <a:gd name="T36" fmla="*/ 7 w 49"/>
                  <a:gd name="T37" fmla="*/ 20 h 58"/>
                  <a:gd name="T38" fmla="*/ 4 w 49"/>
                  <a:gd name="T39" fmla="*/ 20 h 58"/>
                  <a:gd name="T40" fmla="*/ 2 w 49"/>
                  <a:gd name="T41" fmla="*/ 20 h 58"/>
                  <a:gd name="T42" fmla="*/ 1 w 49"/>
                  <a:gd name="T43" fmla="*/ 19 h 58"/>
                  <a:gd name="T44" fmla="*/ 1 w 49"/>
                  <a:gd name="T45" fmla="*/ 19 h 58"/>
                  <a:gd name="T46" fmla="*/ 0 w 49"/>
                  <a:gd name="T47" fmla="*/ 18 h 58"/>
                  <a:gd name="T48" fmla="*/ 0 w 49"/>
                  <a:gd name="T49" fmla="*/ 17 h 58"/>
                  <a:gd name="T50" fmla="*/ 2 w 49"/>
                  <a:gd name="T51" fmla="*/ 16 h 58"/>
                  <a:gd name="T52" fmla="*/ 4 w 49"/>
                  <a:gd name="T53" fmla="*/ 15 h 58"/>
                  <a:gd name="T54" fmla="*/ 5 w 49"/>
                  <a:gd name="T55" fmla="*/ 14 h 58"/>
                  <a:gd name="T56" fmla="*/ 6 w 49"/>
                  <a:gd name="T57" fmla="*/ 14 h 58"/>
                  <a:gd name="T58" fmla="*/ 7 w 49"/>
                  <a:gd name="T59" fmla="*/ 14 h 58"/>
                  <a:gd name="T60" fmla="*/ 8 w 49"/>
                  <a:gd name="T61" fmla="*/ 14 h 58"/>
                  <a:gd name="T62" fmla="*/ 8 w 49"/>
                  <a:gd name="T63" fmla="*/ 11 h 58"/>
                  <a:gd name="T64" fmla="*/ 7 w 49"/>
                  <a:gd name="T65" fmla="*/ 9 h 58"/>
                  <a:gd name="T66" fmla="*/ 7 w 49"/>
                  <a:gd name="T67" fmla="*/ 7 h 58"/>
                  <a:gd name="T68" fmla="*/ 6 w 49"/>
                  <a:gd name="T69" fmla="*/ 6 h 58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0" t="0" r="r" b="b"/>
                <a:pathLst>
                  <a:path w="49" h="58">
                    <a:moveTo>
                      <a:pt x="17" y="16"/>
                    </a:moveTo>
                    <a:lnTo>
                      <a:pt x="18" y="10"/>
                    </a:lnTo>
                    <a:lnTo>
                      <a:pt x="18" y="5"/>
                    </a:lnTo>
                    <a:lnTo>
                      <a:pt x="19" y="3"/>
                    </a:lnTo>
                    <a:lnTo>
                      <a:pt x="20" y="1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6" y="7"/>
                    </a:lnTo>
                    <a:lnTo>
                      <a:pt x="29" y="15"/>
                    </a:lnTo>
                    <a:lnTo>
                      <a:pt x="34" y="21"/>
                    </a:lnTo>
                    <a:lnTo>
                      <a:pt x="37" y="28"/>
                    </a:lnTo>
                    <a:lnTo>
                      <a:pt x="41" y="35"/>
                    </a:lnTo>
                    <a:lnTo>
                      <a:pt x="44" y="41"/>
                    </a:lnTo>
                    <a:lnTo>
                      <a:pt x="47" y="48"/>
                    </a:lnTo>
                    <a:lnTo>
                      <a:pt x="49" y="57"/>
                    </a:lnTo>
                    <a:lnTo>
                      <a:pt x="43" y="56"/>
                    </a:lnTo>
                    <a:lnTo>
                      <a:pt x="36" y="56"/>
                    </a:lnTo>
                    <a:lnTo>
                      <a:pt x="27" y="57"/>
                    </a:lnTo>
                    <a:lnTo>
                      <a:pt x="20" y="58"/>
                    </a:lnTo>
                    <a:lnTo>
                      <a:pt x="13" y="58"/>
                    </a:lnTo>
                    <a:lnTo>
                      <a:pt x="6" y="57"/>
                    </a:lnTo>
                    <a:lnTo>
                      <a:pt x="4" y="56"/>
                    </a:lnTo>
                    <a:lnTo>
                      <a:pt x="2" y="54"/>
                    </a:lnTo>
                    <a:lnTo>
                      <a:pt x="1" y="51"/>
                    </a:lnTo>
                    <a:lnTo>
                      <a:pt x="0" y="48"/>
                    </a:lnTo>
                    <a:lnTo>
                      <a:pt x="6" y="46"/>
                    </a:lnTo>
                    <a:lnTo>
                      <a:pt x="12" y="43"/>
                    </a:lnTo>
                    <a:lnTo>
                      <a:pt x="14" y="42"/>
                    </a:lnTo>
                    <a:lnTo>
                      <a:pt x="17" y="41"/>
                    </a:lnTo>
                    <a:lnTo>
                      <a:pt x="20" y="40"/>
                    </a:lnTo>
                    <a:lnTo>
                      <a:pt x="24" y="40"/>
                    </a:lnTo>
                    <a:lnTo>
                      <a:pt x="24" y="33"/>
                    </a:lnTo>
                    <a:lnTo>
                      <a:pt x="22" y="26"/>
                    </a:lnTo>
                    <a:lnTo>
                      <a:pt x="20" y="21"/>
                    </a:lnTo>
                    <a:lnTo>
                      <a:pt x="17" y="16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81" name="Vordingborg"/>
              <p:cNvSpPr>
                <a:spLocks/>
              </p:cNvSpPr>
              <p:nvPr/>
            </p:nvSpPr>
            <p:spPr bwMode="auto">
              <a:xfrm>
                <a:off x="3675063" y="5980113"/>
                <a:ext cx="41275" cy="25400"/>
              </a:xfrm>
              <a:custGeom>
                <a:avLst/>
                <a:gdLst>
                  <a:gd name="T0" fmla="*/ 24 w 78"/>
                  <a:gd name="T1" fmla="*/ 5 h 50"/>
                  <a:gd name="T2" fmla="*/ 24 w 78"/>
                  <a:gd name="T3" fmla="*/ 8 h 50"/>
                  <a:gd name="T4" fmla="*/ 24 w 78"/>
                  <a:gd name="T5" fmla="*/ 11 h 50"/>
                  <a:gd name="T6" fmla="*/ 23 w 78"/>
                  <a:gd name="T7" fmla="*/ 12 h 50"/>
                  <a:gd name="T8" fmla="*/ 22 w 78"/>
                  <a:gd name="T9" fmla="*/ 13 h 50"/>
                  <a:gd name="T10" fmla="*/ 21 w 78"/>
                  <a:gd name="T11" fmla="*/ 13 h 50"/>
                  <a:gd name="T12" fmla="*/ 19 w 78"/>
                  <a:gd name="T13" fmla="*/ 13 h 50"/>
                  <a:gd name="T14" fmla="*/ 18 w 78"/>
                  <a:gd name="T15" fmla="*/ 13 h 50"/>
                  <a:gd name="T16" fmla="*/ 16 w 78"/>
                  <a:gd name="T17" fmla="*/ 13 h 50"/>
                  <a:gd name="T18" fmla="*/ 15 w 78"/>
                  <a:gd name="T19" fmla="*/ 13 h 50"/>
                  <a:gd name="T20" fmla="*/ 13 w 78"/>
                  <a:gd name="T21" fmla="*/ 13 h 50"/>
                  <a:gd name="T22" fmla="*/ 10 w 78"/>
                  <a:gd name="T23" fmla="*/ 14 h 50"/>
                  <a:gd name="T24" fmla="*/ 7 w 78"/>
                  <a:gd name="T25" fmla="*/ 15 h 50"/>
                  <a:gd name="T26" fmla="*/ 6 w 78"/>
                  <a:gd name="T27" fmla="*/ 16 h 50"/>
                  <a:gd name="T28" fmla="*/ 4 w 78"/>
                  <a:gd name="T29" fmla="*/ 16 h 50"/>
                  <a:gd name="T30" fmla="*/ 3 w 78"/>
                  <a:gd name="T31" fmla="*/ 16 h 50"/>
                  <a:gd name="T32" fmla="*/ 2 w 78"/>
                  <a:gd name="T33" fmla="*/ 16 h 50"/>
                  <a:gd name="T34" fmla="*/ 1 w 78"/>
                  <a:gd name="T35" fmla="*/ 15 h 50"/>
                  <a:gd name="T36" fmla="*/ 1 w 78"/>
                  <a:gd name="T37" fmla="*/ 14 h 50"/>
                  <a:gd name="T38" fmla="*/ 0 w 78"/>
                  <a:gd name="T39" fmla="*/ 12 h 50"/>
                  <a:gd name="T40" fmla="*/ 0 w 78"/>
                  <a:gd name="T41" fmla="*/ 10 h 50"/>
                  <a:gd name="T42" fmla="*/ 0 w 78"/>
                  <a:gd name="T43" fmla="*/ 9 h 50"/>
                  <a:gd name="T44" fmla="*/ 1 w 78"/>
                  <a:gd name="T45" fmla="*/ 8 h 50"/>
                  <a:gd name="T46" fmla="*/ 1 w 78"/>
                  <a:gd name="T47" fmla="*/ 8 h 50"/>
                  <a:gd name="T48" fmla="*/ 1 w 78"/>
                  <a:gd name="T49" fmla="*/ 8 h 50"/>
                  <a:gd name="T50" fmla="*/ 2 w 78"/>
                  <a:gd name="T51" fmla="*/ 8 h 50"/>
                  <a:gd name="T52" fmla="*/ 3 w 78"/>
                  <a:gd name="T53" fmla="*/ 8 h 50"/>
                  <a:gd name="T54" fmla="*/ 7 w 78"/>
                  <a:gd name="T55" fmla="*/ 5 h 50"/>
                  <a:gd name="T56" fmla="*/ 12 w 78"/>
                  <a:gd name="T57" fmla="*/ 2 h 50"/>
                  <a:gd name="T58" fmla="*/ 14 w 78"/>
                  <a:gd name="T59" fmla="*/ 1 h 50"/>
                  <a:gd name="T60" fmla="*/ 17 w 78"/>
                  <a:gd name="T61" fmla="*/ 0 h 50"/>
                  <a:gd name="T62" fmla="*/ 20 w 78"/>
                  <a:gd name="T63" fmla="*/ 0 h 50"/>
                  <a:gd name="T64" fmla="*/ 24 w 78"/>
                  <a:gd name="T65" fmla="*/ 0 h 50"/>
                  <a:gd name="T66" fmla="*/ 25 w 78"/>
                  <a:gd name="T67" fmla="*/ 2 h 50"/>
                  <a:gd name="T68" fmla="*/ 26 w 78"/>
                  <a:gd name="T69" fmla="*/ 3 h 50"/>
                  <a:gd name="T70" fmla="*/ 26 w 78"/>
                  <a:gd name="T71" fmla="*/ 4 h 50"/>
                  <a:gd name="T72" fmla="*/ 26 w 78"/>
                  <a:gd name="T73" fmla="*/ 4 h 50"/>
                  <a:gd name="T74" fmla="*/ 26 w 78"/>
                  <a:gd name="T75" fmla="*/ 4 h 50"/>
                  <a:gd name="T76" fmla="*/ 24 w 78"/>
                  <a:gd name="T77" fmla="*/ 5 h 50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</a:gdLst>
                <a:ahLst/>
                <a:cxnLst>
                  <a:cxn ang="T78">
                    <a:pos x="T0" y="T1"/>
                  </a:cxn>
                  <a:cxn ang="T79">
                    <a:pos x="T2" y="T3"/>
                  </a:cxn>
                  <a:cxn ang="T80">
                    <a:pos x="T4" y="T5"/>
                  </a:cxn>
                  <a:cxn ang="T81">
                    <a:pos x="T6" y="T7"/>
                  </a:cxn>
                  <a:cxn ang="T82">
                    <a:pos x="T8" y="T9"/>
                  </a:cxn>
                  <a:cxn ang="T83">
                    <a:pos x="T10" y="T11"/>
                  </a:cxn>
                  <a:cxn ang="T84">
                    <a:pos x="T12" y="T13"/>
                  </a:cxn>
                  <a:cxn ang="T85">
                    <a:pos x="T14" y="T15"/>
                  </a:cxn>
                  <a:cxn ang="T86">
                    <a:pos x="T16" y="T17"/>
                  </a:cxn>
                  <a:cxn ang="T87">
                    <a:pos x="T18" y="T19"/>
                  </a:cxn>
                  <a:cxn ang="T88">
                    <a:pos x="T20" y="T21"/>
                  </a:cxn>
                  <a:cxn ang="T89">
                    <a:pos x="T22" y="T23"/>
                  </a:cxn>
                  <a:cxn ang="T90">
                    <a:pos x="T24" y="T25"/>
                  </a:cxn>
                  <a:cxn ang="T91">
                    <a:pos x="T26" y="T27"/>
                  </a:cxn>
                  <a:cxn ang="T92">
                    <a:pos x="T28" y="T29"/>
                  </a:cxn>
                  <a:cxn ang="T93">
                    <a:pos x="T30" y="T31"/>
                  </a:cxn>
                  <a:cxn ang="T94">
                    <a:pos x="T32" y="T33"/>
                  </a:cxn>
                  <a:cxn ang="T95">
                    <a:pos x="T34" y="T35"/>
                  </a:cxn>
                  <a:cxn ang="T96">
                    <a:pos x="T36" y="T37"/>
                  </a:cxn>
                  <a:cxn ang="T97">
                    <a:pos x="T38" y="T39"/>
                  </a:cxn>
                  <a:cxn ang="T98">
                    <a:pos x="T40" y="T41"/>
                  </a:cxn>
                  <a:cxn ang="T99">
                    <a:pos x="T42" y="T43"/>
                  </a:cxn>
                  <a:cxn ang="T100">
                    <a:pos x="T44" y="T45"/>
                  </a:cxn>
                  <a:cxn ang="T101">
                    <a:pos x="T46" y="T47"/>
                  </a:cxn>
                  <a:cxn ang="T102">
                    <a:pos x="T48" y="T49"/>
                  </a:cxn>
                  <a:cxn ang="T103">
                    <a:pos x="T50" y="T51"/>
                  </a:cxn>
                  <a:cxn ang="T104">
                    <a:pos x="T52" y="T53"/>
                  </a:cxn>
                  <a:cxn ang="T105">
                    <a:pos x="T54" y="T55"/>
                  </a:cxn>
                  <a:cxn ang="T106">
                    <a:pos x="T56" y="T57"/>
                  </a:cxn>
                  <a:cxn ang="T107">
                    <a:pos x="T58" y="T59"/>
                  </a:cxn>
                  <a:cxn ang="T108">
                    <a:pos x="T60" y="T61"/>
                  </a:cxn>
                  <a:cxn ang="T109">
                    <a:pos x="T62" y="T63"/>
                  </a:cxn>
                  <a:cxn ang="T110">
                    <a:pos x="T64" y="T65"/>
                  </a:cxn>
                  <a:cxn ang="T111">
                    <a:pos x="T66" y="T67"/>
                  </a:cxn>
                  <a:cxn ang="T112">
                    <a:pos x="T68" y="T69"/>
                  </a:cxn>
                  <a:cxn ang="T113">
                    <a:pos x="T70" y="T71"/>
                  </a:cxn>
                  <a:cxn ang="T114">
                    <a:pos x="T72" y="T73"/>
                  </a:cxn>
                  <a:cxn ang="T115">
                    <a:pos x="T74" y="T75"/>
                  </a:cxn>
                  <a:cxn ang="T116">
                    <a:pos x="T76" y="T77"/>
                  </a:cxn>
                </a:cxnLst>
                <a:rect l="0" t="0" r="r" b="b"/>
                <a:pathLst>
                  <a:path w="78" h="50">
                    <a:moveTo>
                      <a:pt x="73" y="16"/>
                    </a:moveTo>
                    <a:lnTo>
                      <a:pt x="73" y="26"/>
                    </a:lnTo>
                    <a:lnTo>
                      <a:pt x="72" y="34"/>
                    </a:lnTo>
                    <a:lnTo>
                      <a:pt x="70" y="37"/>
                    </a:lnTo>
                    <a:lnTo>
                      <a:pt x="66" y="40"/>
                    </a:lnTo>
                    <a:lnTo>
                      <a:pt x="62" y="41"/>
                    </a:lnTo>
                    <a:lnTo>
                      <a:pt x="57" y="41"/>
                    </a:lnTo>
                    <a:lnTo>
                      <a:pt x="53" y="40"/>
                    </a:lnTo>
                    <a:lnTo>
                      <a:pt x="48" y="40"/>
                    </a:lnTo>
                    <a:lnTo>
                      <a:pt x="44" y="41"/>
                    </a:lnTo>
                    <a:lnTo>
                      <a:pt x="40" y="42"/>
                    </a:lnTo>
                    <a:lnTo>
                      <a:pt x="31" y="45"/>
                    </a:lnTo>
                    <a:lnTo>
                      <a:pt x="21" y="48"/>
                    </a:lnTo>
                    <a:lnTo>
                      <a:pt x="17" y="49"/>
                    </a:lnTo>
                    <a:lnTo>
                      <a:pt x="13" y="50"/>
                    </a:lnTo>
                    <a:lnTo>
                      <a:pt x="9" y="50"/>
                    </a:lnTo>
                    <a:lnTo>
                      <a:pt x="6" y="49"/>
                    </a:lnTo>
                    <a:lnTo>
                      <a:pt x="4" y="47"/>
                    </a:lnTo>
                    <a:lnTo>
                      <a:pt x="2" y="43"/>
                    </a:lnTo>
                    <a:lnTo>
                      <a:pt x="0" y="39"/>
                    </a:lnTo>
                    <a:lnTo>
                      <a:pt x="0" y="32"/>
                    </a:lnTo>
                    <a:lnTo>
                      <a:pt x="0" y="29"/>
                    </a:lnTo>
                    <a:lnTo>
                      <a:pt x="2" y="26"/>
                    </a:lnTo>
                    <a:lnTo>
                      <a:pt x="3" y="25"/>
                    </a:lnTo>
                    <a:lnTo>
                      <a:pt x="4" y="24"/>
                    </a:lnTo>
                    <a:lnTo>
                      <a:pt x="6" y="24"/>
                    </a:lnTo>
                    <a:lnTo>
                      <a:pt x="8" y="24"/>
                    </a:lnTo>
                    <a:lnTo>
                      <a:pt x="22" y="15"/>
                    </a:lnTo>
                    <a:lnTo>
                      <a:pt x="36" y="7"/>
                    </a:lnTo>
                    <a:lnTo>
                      <a:pt x="43" y="4"/>
                    </a:lnTo>
                    <a:lnTo>
                      <a:pt x="52" y="1"/>
                    </a:lnTo>
                    <a:lnTo>
                      <a:pt x="61" y="0"/>
                    </a:lnTo>
                    <a:lnTo>
                      <a:pt x="73" y="0"/>
                    </a:lnTo>
                    <a:lnTo>
                      <a:pt x="75" y="6"/>
                    </a:lnTo>
                    <a:lnTo>
                      <a:pt x="77" y="10"/>
                    </a:lnTo>
                    <a:lnTo>
                      <a:pt x="78" y="12"/>
                    </a:lnTo>
                    <a:lnTo>
                      <a:pt x="78" y="13"/>
                    </a:lnTo>
                    <a:lnTo>
                      <a:pt x="77" y="14"/>
                    </a:lnTo>
                    <a:lnTo>
                      <a:pt x="73" y="16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82" name="Vordingborg kant"/>
              <p:cNvSpPr>
                <a:spLocks/>
              </p:cNvSpPr>
              <p:nvPr/>
            </p:nvSpPr>
            <p:spPr bwMode="auto">
              <a:xfrm>
                <a:off x="3675063" y="5980113"/>
                <a:ext cx="41275" cy="25400"/>
              </a:xfrm>
              <a:custGeom>
                <a:avLst/>
                <a:gdLst>
                  <a:gd name="T0" fmla="*/ 24 w 78"/>
                  <a:gd name="T1" fmla="*/ 5 h 50"/>
                  <a:gd name="T2" fmla="*/ 24 w 78"/>
                  <a:gd name="T3" fmla="*/ 8 h 50"/>
                  <a:gd name="T4" fmla="*/ 24 w 78"/>
                  <a:gd name="T5" fmla="*/ 11 h 50"/>
                  <a:gd name="T6" fmla="*/ 23 w 78"/>
                  <a:gd name="T7" fmla="*/ 12 h 50"/>
                  <a:gd name="T8" fmla="*/ 22 w 78"/>
                  <a:gd name="T9" fmla="*/ 13 h 50"/>
                  <a:gd name="T10" fmla="*/ 21 w 78"/>
                  <a:gd name="T11" fmla="*/ 13 h 50"/>
                  <a:gd name="T12" fmla="*/ 19 w 78"/>
                  <a:gd name="T13" fmla="*/ 13 h 50"/>
                  <a:gd name="T14" fmla="*/ 18 w 78"/>
                  <a:gd name="T15" fmla="*/ 13 h 50"/>
                  <a:gd name="T16" fmla="*/ 16 w 78"/>
                  <a:gd name="T17" fmla="*/ 13 h 50"/>
                  <a:gd name="T18" fmla="*/ 15 w 78"/>
                  <a:gd name="T19" fmla="*/ 13 h 50"/>
                  <a:gd name="T20" fmla="*/ 13 w 78"/>
                  <a:gd name="T21" fmla="*/ 13 h 50"/>
                  <a:gd name="T22" fmla="*/ 10 w 78"/>
                  <a:gd name="T23" fmla="*/ 14 h 50"/>
                  <a:gd name="T24" fmla="*/ 7 w 78"/>
                  <a:gd name="T25" fmla="*/ 15 h 50"/>
                  <a:gd name="T26" fmla="*/ 6 w 78"/>
                  <a:gd name="T27" fmla="*/ 16 h 50"/>
                  <a:gd name="T28" fmla="*/ 4 w 78"/>
                  <a:gd name="T29" fmla="*/ 16 h 50"/>
                  <a:gd name="T30" fmla="*/ 3 w 78"/>
                  <a:gd name="T31" fmla="*/ 16 h 50"/>
                  <a:gd name="T32" fmla="*/ 2 w 78"/>
                  <a:gd name="T33" fmla="*/ 16 h 50"/>
                  <a:gd name="T34" fmla="*/ 1 w 78"/>
                  <a:gd name="T35" fmla="*/ 15 h 50"/>
                  <a:gd name="T36" fmla="*/ 1 w 78"/>
                  <a:gd name="T37" fmla="*/ 14 h 50"/>
                  <a:gd name="T38" fmla="*/ 0 w 78"/>
                  <a:gd name="T39" fmla="*/ 12 h 50"/>
                  <a:gd name="T40" fmla="*/ 0 w 78"/>
                  <a:gd name="T41" fmla="*/ 10 h 50"/>
                  <a:gd name="T42" fmla="*/ 0 w 78"/>
                  <a:gd name="T43" fmla="*/ 9 h 50"/>
                  <a:gd name="T44" fmla="*/ 1 w 78"/>
                  <a:gd name="T45" fmla="*/ 8 h 50"/>
                  <a:gd name="T46" fmla="*/ 1 w 78"/>
                  <a:gd name="T47" fmla="*/ 8 h 50"/>
                  <a:gd name="T48" fmla="*/ 1 w 78"/>
                  <a:gd name="T49" fmla="*/ 8 h 50"/>
                  <a:gd name="T50" fmla="*/ 2 w 78"/>
                  <a:gd name="T51" fmla="*/ 8 h 50"/>
                  <a:gd name="T52" fmla="*/ 3 w 78"/>
                  <a:gd name="T53" fmla="*/ 8 h 50"/>
                  <a:gd name="T54" fmla="*/ 7 w 78"/>
                  <a:gd name="T55" fmla="*/ 5 h 50"/>
                  <a:gd name="T56" fmla="*/ 12 w 78"/>
                  <a:gd name="T57" fmla="*/ 2 h 50"/>
                  <a:gd name="T58" fmla="*/ 14 w 78"/>
                  <a:gd name="T59" fmla="*/ 1 h 50"/>
                  <a:gd name="T60" fmla="*/ 17 w 78"/>
                  <a:gd name="T61" fmla="*/ 0 h 50"/>
                  <a:gd name="T62" fmla="*/ 20 w 78"/>
                  <a:gd name="T63" fmla="*/ 0 h 50"/>
                  <a:gd name="T64" fmla="*/ 24 w 78"/>
                  <a:gd name="T65" fmla="*/ 0 h 50"/>
                  <a:gd name="T66" fmla="*/ 25 w 78"/>
                  <a:gd name="T67" fmla="*/ 2 h 50"/>
                  <a:gd name="T68" fmla="*/ 26 w 78"/>
                  <a:gd name="T69" fmla="*/ 3 h 50"/>
                  <a:gd name="T70" fmla="*/ 26 w 78"/>
                  <a:gd name="T71" fmla="*/ 4 h 50"/>
                  <a:gd name="T72" fmla="*/ 26 w 78"/>
                  <a:gd name="T73" fmla="*/ 4 h 50"/>
                  <a:gd name="T74" fmla="*/ 26 w 78"/>
                  <a:gd name="T75" fmla="*/ 4 h 50"/>
                  <a:gd name="T76" fmla="*/ 24 w 78"/>
                  <a:gd name="T77" fmla="*/ 5 h 50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</a:gdLst>
                <a:ahLst/>
                <a:cxnLst>
                  <a:cxn ang="T78">
                    <a:pos x="T0" y="T1"/>
                  </a:cxn>
                  <a:cxn ang="T79">
                    <a:pos x="T2" y="T3"/>
                  </a:cxn>
                  <a:cxn ang="T80">
                    <a:pos x="T4" y="T5"/>
                  </a:cxn>
                  <a:cxn ang="T81">
                    <a:pos x="T6" y="T7"/>
                  </a:cxn>
                  <a:cxn ang="T82">
                    <a:pos x="T8" y="T9"/>
                  </a:cxn>
                  <a:cxn ang="T83">
                    <a:pos x="T10" y="T11"/>
                  </a:cxn>
                  <a:cxn ang="T84">
                    <a:pos x="T12" y="T13"/>
                  </a:cxn>
                  <a:cxn ang="T85">
                    <a:pos x="T14" y="T15"/>
                  </a:cxn>
                  <a:cxn ang="T86">
                    <a:pos x="T16" y="T17"/>
                  </a:cxn>
                  <a:cxn ang="T87">
                    <a:pos x="T18" y="T19"/>
                  </a:cxn>
                  <a:cxn ang="T88">
                    <a:pos x="T20" y="T21"/>
                  </a:cxn>
                  <a:cxn ang="T89">
                    <a:pos x="T22" y="T23"/>
                  </a:cxn>
                  <a:cxn ang="T90">
                    <a:pos x="T24" y="T25"/>
                  </a:cxn>
                  <a:cxn ang="T91">
                    <a:pos x="T26" y="T27"/>
                  </a:cxn>
                  <a:cxn ang="T92">
                    <a:pos x="T28" y="T29"/>
                  </a:cxn>
                  <a:cxn ang="T93">
                    <a:pos x="T30" y="T31"/>
                  </a:cxn>
                  <a:cxn ang="T94">
                    <a:pos x="T32" y="T33"/>
                  </a:cxn>
                  <a:cxn ang="T95">
                    <a:pos x="T34" y="T35"/>
                  </a:cxn>
                  <a:cxn ang="T96">
                    <a:pos x="T36" y="T37"/>
                  </a:cxn>
                  <a:cxn ang="T97">
                    <a:pos x="T38" y="T39"/>
                  </a:cxn>
                  <a:cxn ang="T98">
                    <a:pos x="T40" y="T41"/>
                  </a:cxn>
                  <a:cxn ang="T99">
                    <a:pos x="T42" y="T43"/>
                  </a:cxn>
                  <a:cxn ang="T100">
                    <a:pos x="T44" y="T45"/>
                  </a:cxn>
                  <a:cxn ang="T101">
                    <a:pos x="T46" y="T47"/>
                  </a:cxn>
                  <a:cxn ang="T102">
                    <a:pos x="T48" y="T49"/>
                  </a:cxn>
                  <a:cxn ang="T103">
                    <a:pos x="T50" y="T51"/>
                  </a:cxn>
                  <a:cxn ang="T104">
                    <a:pos x="T52" y="T53"/>
                  </a:cxn>
                  <a:cxn ang="T105">
                    <a:pos x="T54" y="T55"/>
                  </a:cxn>
                  <a:cxn ang="T106">
                    <a:pos x="T56" y="T57"/>
                  </a:cxn>
                  <a:cxn ang="T107">
                    <a:pos x="T58" y="T59"/>
                  </a:cxn>
                  <a:cxn ang="T108">
                    <a:pos x="T60" y="T61"/>
                  </a:cxn>
                  <a:cxn ang="T109">
                    <a:pos x="T62" y="T63"/>
                  </a:cxn>
                  <a:cxn ang="T110">
                    <a:pos x="T64" y="T65"/>
                  </a:cxn>
                  <a:cxn ang="T111">
                    <a:pos x="T66" y="T67"/>
                  </a:cxn>
                  <a:cxn ang="T112">
                    <a:pos x="T68" y="T69"/>
                  </a:cxn>
                  <a:cxn ang="T113">
                    <a:pos x="T70" y="T71"/>
                  </a:cxn>
                  <a:cxn ang="T114">
                    <a:pos x="T72" y="T73"/>
                  </a:cxn>
                  <a:cxn ang="T115">
                    <a:pos x="T74" y="T75"/>
                  </a:cxn>
                  <a:cxn ang="T116">
                    <a:pos x="T76" y="T77"/>
                  </a:cxn>
                </a:cxnLst>
                <a:rect l="0" t="0" r="r" b="b"/>
                <a:pathLst>
                  <a:path w="78" h="50">
                    <a:moveTo>
                      <a:pt x="73" y="16"/>
                    </a:moveTo>
                    <a:lnTo>
                      <a:pt x="73" y="26"/>
                    </a:lnTo>
                    <a:lnTo>
                      <a:pt x="72" y="34"/>
                    </a:lnTo>
                    <a:lnTo>
                      <a:pt x="70" y="37"/>
                    </a:lnTo>
                    <a:lnTo>
                      <a:pt x="66" y="40"/>
                    </a:lnTo>
                    <a:lnTo>
                      <a:pt x="62" y="41"/>
                    </a:lnTo>
                    <a:lnTo>
                      <a:pt x="57" y="41"/>
                    </a:lnTo>
                    <a:lnTo>
                      <a:pt x="53" y="40"/>
                    </a:lnTo>
                    <a:lnTo>
                      <a:pt x="48" y="40"/>
                    </a:lnTo>
                    <a:lnTo>
                      <a:pt x="44" y="41"/>
                    </a:lnTo>
                    <a:lnTo>
                      <a:pt x="40" y="42"/>
                    </a:lnTo>
                    <a:lnTo>
                      <a:pt x="31" y="45"/>
                    </a:lnTo>
                    <a:lnTo>
                      <a:pt x="21" y="48"/>
                    </a:lnTo>
                    <a:lnTo>
                      <a:pt x="17" y="49"/>
                    </a:lnTo>
                    <a:lnTo>
                      <a:pt x="13" y="50"/>
                    </a:lnTo>
                    <a:lnTo>
                      <a:pt x="9" y="50"/>
                    </a:lnTo>
                    <a:lnTo>
                      <a:pt x="6" y="49"/>
                    </a:lnTo>
                    <a:lnTo>
                      <a:pt x="4" y="47"/>
                    </a:lnTo>
                    <a:lnTo>
                      <a:pt x="2" y="43"/>
                    </a:lnTo>
                    <a:lnTo>
                      <a:pt x="0" y="39"/>
                    </a:lnTo>
                    <a:lnTo>
                      <a:pt x="0" y="32"/>
                    </a:lnTo>
                    <a:lnTo>
                      <a:pt x="0" y="29"/>
                    </a:lnTo>
                    <a:lnTo>
                      <a:pt x="2" y="26"/>
                    </a:lnTo>
                    <a:lnTo>
                      <a:pt x="3" y="25"/>
                    </a:lnTo>
                    <a:lnTo>
                      <a:pt x="4" y="24"/>
                    </a:lnTo>
                    <a:lnTo>
                      <a:pt x="6" y="24"/>
                    </a:lnTo>
                    <a:lnTo>
                      <a:pt x="8" y="24"/>
                    </a:lnTo>
                    <a:lnTo>
                      <a:pt x="22" y="15"/>
                    </a:lnTo>
                    <a:lnTo>
                      <a:pt x="36" y="7"/>
                    </a:lnTo>
                    <a:lnTo>
                      <a:pt x="43" y="4"/>
                    </a:lnTo>
                    <a:lnTo>
                      <a:pt x="52" y="1"/>
                    </a:lnTo>
                    <a:lnTo>
                      <a:pt x="61" y="0"/>
                    </a:lnTo>
                    <a:lnTo>
                      <a:pt x="73" y="0"/>
                    </a:lnTo>
                    <a:lnTo>
                      <a:pt x="75" y="6"/>
                    </a:lnTo>
                    <a:lnTo>
                      <a:pt x="77" y="10"/>
                    </a:lnTo>
                    <a:lnTo>
                      <a:pt x="78" y="12"/>
                    </a:lnTo>
                    <a:lnTo>
                      <a:pt x="78" y="13"/>
                    </a:lnTo>
                    <a:lnTo>
                      <a:pt x="77" y="14"/>
                    </a:lnTo>
                    <a:lnTo>
                      <a:pt x="73" y="16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83" name="Vordingborg"/>
              <p:cNvSpPr>
                <a:spLocks/>
              </p:cNvSpPr>
              <p:nvPr/>
            </p:nvSpPr>
            <p:spPr bwMode="auto">
              <a:xfrm>
                <a:off x="3403600" y="5734050"/>
                <a:ext cx="38100" cy="30163"/>
              </a:xfrm>
              <a:custGeom>
                <a:avLst/>
                <a:gdLst>
                  <a:gd name="T0" fmla="*/ 0 w 73"/>
                  <a:gd name="T1" fmla="*/ 8 h 57"/>
                  <a:gd name="T2" fmla="*/ 0 w 73"/>
                  <a:gd name="T3" fmla="*/ 4 h 57"/>
                  <a:gd name="T4" fmla="*/ 0 w 73"/>
                  <a:gd name="T5" fmla="*/ 0 h 57"/>
                  <a:gd name="T6" fmla="*/ 4 w 73"/>
                  <a:gd name="T7" fmla="*/ 0 h 57"/>
                  <a:gd name="T8" fmla="*/ 7 w 73"/>
                  <a:gd name="T9" fmla="*/ 1 h 57"/>
                  <a:gd name="T10" fmla="*/ 10 w 73"/>
                  <a:gd name="T11" fmla="*/ 2 h 57"/>
                  <a:gd name="T12" fmla="*/ 12 w 73"/>
                  <a:gd name="T13" fmla="*/ 3 h 57"/>
                  <a:gd name="T14" fmla="*/ 18 w 73"/>
                  <a:gd name="T15" fmla="*/ 4 h 57"/>
                  <a:gd name="T16" fmla="*/ 24 w 73"/>
                  <a:gd name="T17" fmla="*/ 6 h 57"/>
                  <a:gd name="T18" fmla="*/ 21 w 73"/>
                  <a:gd name="T19" fmla="*/ 7 h 57"/>
                  <a:gd name="T20" fmla="*/ 19 w 73"/>
                  <a:gd name="T21" fmla="*/ 8 h 57"/>
                  <a:gd name="T22" fmla="*/ 16 w 73"/>
                  <a:gd name="T23" fmla="*/ 10 h 57"/>
                  <a:gd name="T24" fmla="*/ 14 w 73"/>
                  <a:gd name="T25" fmla="*/ 12 h 57"/>
                  <a:gd name="T26" fmla="*/ 12 w 73"/>
                  <a:gd name="T27" fmla="*/ 14 h 57"/>
                  <a:gd name="T28" fmla="*/ 11 w 73"/>
                  <a:gd name="T29" fmla="*/ 16 h 57"/>
                  <a:gd name="T30" fmla="*/ 8 w 73"/>
                  <a:gd name="T31" fmla="*/ 18 h 57"/>
                  <a:gd name="T32" fmla="*/ 5 w 73"/>
                  <a:gd name="T33" fmla="*/ 19 h 57"/>
                  <a:gd name="T34" fmla="*/ 5 w 73"/>
                  <a:gd name="T35" fmla="*/ 15 h 57"/>
                  <a:gd name="T36" fmla="*/ 6 w 73"/>
                  <a:gd name="T37" fmla="*/ 11 h 57"/>
                  <a:gd name="T38" fmla="*/ 5 w 73"/>
                  <a:gd name="T39" fmla="*/ 10 h 57"/>
                  <a:gd name="T40" fmla="*/ 5 w 73"/>
                  <a:gd name="T41" fmla="*/ 9 h 57"/>
                  <a:gd name="T42" fmla="*/ 5 w 73"/>
                  <a:gd name="T43" fmla="*/ 9 h 57"/>
                  <a:gd name="T44" fmla="*/ 4 w 73"/>
                  <a:gd name="T45" fmla="*/ 8 h 57"/>
                  <a:gd name="T46" fmla="*/ 4 w 73"/>
                  <a:gd name="T47" fmla="*/ 8 h 57"/>
                  <a:gd name="T48" fmla="*/ 3 w 73"/>
                  <a:gd name="T49" fmla="*/ 8 h 57"/>
                  <a:gd name="T50" fmla="*/ 1 w 73"/>
                  <a:gd name="T51" fmla="*/ 8 h 57"/>
                  <a:gd name="T52" fmla="*/ 0 w 73"/>
                  <a:gd name="T53" fmla="*/ 8 h 57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73" h="57">
                    <a:moveTo>
                      <a:pt x="0" y="24"/>
                    </a:moveTo>
                    <a:lnTo>
                      <a:pt x="0" y="13"/>
                    </a:lnTo>
                    <a:lnTo>
                      <a:pt x="0" y="0"/>
                    </a:lnTo>
                    <a:lnTo>
                      <a:pt x="11" y="1"/>
                    </a:lnTo>
                    <a:lnTo>
                      <a:pt x="20" y="2"/>
                    </a:lnTo>
                    <a:lnTo>
                      <a:pt x="29" y="5"/>
                    </a:lnTo>
                    <a:lnTo>
                      <a:pt x="38" y="8"/>
                    </a:lnTo>
                    <a:lnTo>
                      <a:pt x="55" y="13"/>
                    </a:lnTo>
                    <a:lnTo>
                      <a:pt x="73" y="17"/>
                    </a:lnTo>
                    <a:lnTo>
                      <a:pt x="64" y="20"/>
                    </a:lnTo>
                    <a:lnTo>
                      <a:pt x="57" y="24"/>
                    </a:lnTo>
                    <a:lnTo>
                      <a:pt x="50" y="31"/>
                    </a:lnTo>
                    <a:lnTo>
                      <a:pt x="44" y="36"/>
                    </a:lnTo>
                    <a:lnTo>
                      <a:pt x="38" y="42"/>
                    </a:lnTo>
                    <a:lnTo>
                      <a:pt x="32" y="49"/>
                    </a:lnTo>
                    <a:lnTo>
                      <a:pt x="24" y="54"/>
                    </a:lnTo>
                    <a:lnTo>
                      <a:pt x="16" y="57"/>
                    </a:lnTo>
                    <a:lnTo>
                      <a:pt x="16" y="46"/>
                    </a:lnTo>
                    <a:lnTo>
                      <a:pt x="17" y="33"/>
                    </a:lnTo>
                    <a:lnTo>
                      <a:pt x="16" y="30"/>
                    </a:lnTo>
                    <a:lnTo>
                      <a:pt x="15" y="28"/>
                    </a:lnTo>
                    <a:lnTo>
                      <a:pt x="14" y="26"/>
                    </a:lnTo>
                    <a:lnTo>
                      <a:pt x="13" y="24"/>
                    </a:lnTo>
                    <a:lnTo>
                      <a:pt x="11" y="23"/>
                    </a:lnTo>
                    <a:lnTo>
                      <a:pt x="8" y="23"/>
                    </a:lnTo>
                    <a:lnTo>
                      <a:pt x="4" y="23"/>
                    </a:lnTo>
                    <a:lnTo>
                      <a:pt x="0" y="24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84" name="Vordingborg kant"/>
              <p:cNvSpPr>
                <a:spLocks/>
              </p:cNvSpPr>
              <p:nvPr/>
            </p:nvSpPr>
            <p:spPr bwMode="auto">
              <a:xfrm>
                <a:off x="3403600" y="5734050"/>
                <a:ext cx="38100" cy="30163"/>
              </a:xfrm>
              <a:custGeom>
                <a:avLst/>
                <a:gdLst>
                  <a:gd name="T0" fmla="*/ 0 w 73"/>
                  <a:gd name="T1" fmla="*/ 8 h 57"/>
                  <a:gd name="T2" fmla="*/ 0 w 73"/>
                  <a:gd name="T3" fmla="*/ 4 h 57"/>
                  <a:gd name="T4" fmla="*/ 0 w 73"/>
                  <a:gd name="T5" fmla="*/ 0 h 57"/>
                  <a:gd name="T6" fmla="*/ 4 w 73"/>
                  <a:gd name="T7" fmla="*/ 0 h 57"/>
                  <a:gd name="T8" fmla="*/ 7 w 73"/>
                  <a:gd name="T9" fmla="*/ 1 h 57"/>
                  <a:gd name="T10" fmla="*/ 10 w 73"/>
                  <a:gd name="T11" fmla="*/ 2 h 57"/>
                  <a:gd name="T12" fmla="*/ 12 w 73"/>
                  <a:gd name="T13" fmla="*/ 3 h 57"/>
                  <a:gd name="T14" fmla="*/ 18 w 73"/>
                  <a:gd name="T15" fmla="*/ 4 h 57"/>
                  <a:gd name="T16" fmla="*/ 24 w 73"/>
                  <a:gd name="T17" fmla="*/ 6 h 57"/>
                  <a:gd name="T18" fmla="*/ 21 w 73"/>
                  <a:gd name="T19" fmla="*/ 7 h 57"/>
                  <a:gd name="T20" fmla="*/ 19 w 73"/>
                  <a:gd name="T21" fmla="*/ 8 h 57"/>
                  <a:gd name="T22" fmla="*/ 16 w 73"/>
                  <a:gd name="T23" fmla="*/ 10 h 57"/>
                  <a:gd name="T24" fmla="*/ 14 w 73"/>
                  <a:gd name="T25" fmla="*/ 12 h 57"/>
                  <a:gd name="T26" fmla="*/ 12 w 73"/>
                  <a:gd name="T27" fmla="*/ 14 h 57"/>
                  <a:gd name="T28" fmla="*/ 11 w 73"/>
                  <a:gd name="T29" fmla="*/ 16 h 57"/>
                  <a:gd name="T30" fmla="*/ 8 w 73"/>
                  <a:gd name="T31" fmla="*/ 18 h 57"/>
                  <a:gd name="T32" fmla="*/ 5 w 73"/>
                  <a:gd name="T33" fmla="*/ 19 h 57"/>
                  <a:gd name="T34" fmla="*/ 5 w 73"/>
                  <a:gd name="T35" fmla="*/ 15 h 57"/>
                  <a:gd name="T36" fmla="*/ 6 w 73"/>
                  <a:gd name="T37" fmla="*/ 11 h 57"/>
                  <a:gd name="T38" fmla="*/ 5 w 73"/>
                  <a:gd name="T39" fmla="*/ 10 h 57"/>
                  <a:gd name="T40" fmla="*/ 5 w 73"/>
                  <a:gd name="T41" fmla="*/ 9 h 57"/>
                  <a:gd name="T42" fmla="*/ 5 w 73"/>
                  <a:gd name="T43" fmla="*/ 9 h 57"/>
                  <a:gd name="T44" fmla="*/ 4 w 73"/>
                  <a:gd name="T45" fmla="*/ 8 h 57"/>
                  <a:gd name="T46" fmla="*/ 4 w 73"/>
                  <a:gd name="T47" fmla="*/ 8 h 57"/>
                  <a:gd name="T48" fmla="*/ 3 w 73"/>
                  <a:gd name="T49" fmla="*/ 8 h 57"/>
                  <a:gd name="T50" fmla="*/ 1 w 73"/>
                  <a:gd name="T51" fmla="*/ 8 h 57"/>
                  <a:gd name="T52" fmla="*/ 0 w 73"/>
                  <a:gd name="T53" fmla="*/ 8 h 57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73" h="57">
                    <a:moveTo>
                      <a:pt x="0" y="24"/>
                    </a:moveTo>
                    <a:lnTo>
                      <a:pt x="0" y="13"/>
                    </a:lnTo>
                    <a:lnTo>
                      <a:pt x="0" y="0"/>
                    </a:lnTo>
                    <a:lnTo>
                      <a:pt x="11" y="1"/>
                    </a:lnTo>
                    <a:lnTo>
                      <a:pt x="20" y="2"/>
                    </a:lnTo>
                    <a:lnTo>
                      <a:pt x="29" y="5"/>
                    </a:lnTo>
                    <a:lnTo>
                      <a:pt x="38" y="8"/>
                    </a:lnTo>
                    <a:lnTo>
                      <a:pt x="55" y="13"/>
                    </a:lnTo>
                    <a:lnTo>
                      <a:pt x="73" y="17"/>
                    </a:lnTo>
                    <a:lnTo>
                      <a:pt x="64" y="20"/>
                    </a:lnTo>
                    <a:lnTo>
                      <a:pt x="57" y="24"/>
                    </a:lnTo>
                    <a:lnTo>
                      <a:pt x="50" y="31"/>
                    </a:lnTo>
                    <a:lnTo>
                      <a:pt x="44" y="36"/>
                    </a:lnTo>
                    <a:lnTo>
                      <a:pt x="38" y="42"/>
                    </a:lnTo>
                    <a:lnTo>
                      <a:pt x="32" y="49"/>
                    </a:lnTo>
                    <a:lnTo>
                      <a:pt x="24" y="54"/>
                    </a:lnTo>
                    <a:lnTo>
                      <a:pt x="16" y="57"/>
                    </a:lnTo>
                    <a:lnTo>
                      <a:pt x="16" y="46"/>
                    </a:lnTo>
                    <a:lnTo>
                      <a:pt x="17" y="33"/>
                    </a:lnTo>
                    <a:lnTo>
                      <a:pt x="16" y="30"/>
                    </a:lnTo>
                    <a:lnTo>
                      <a:pt x="15" y="28"/>
                    </a:lnTo>
                    <a:lnTo>
                      <a:pt x="14" y="26"/>
                    </a:lnTo>
                    <a:lnTo>
                      <a:pt x="13" y="24"/>
                    </a:lnTo>
                    <a:lnTo>
                      <a:pt x="11" y="23"/>
                    </a:lnTo>
                    <a:lnTo>
                      <a:pt x="8" y="23"/>
                    </a:lnTo>
                    <a:lnTo>
                      <a:pt x="4" y="23"/>
                    </a:lnTo>
                    <a:lnTo>
                      <a:pt x="0" y="24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540" name="Odsherred"/>
            <p:cNvGrpSpPr/>
            <p:nvPr/>
          </p:nvGrpSpPr>
          <p:grpSpPr>
            <a:xfrm>
              <a:off x="2832100" y="4540250"/>
              <a:ext cx="619125" cy="361950"/>
              <a:chOff x="2832100" y="4540250"/>
              <a:chExt cx="619125" cy="361950"/>
            </a:xfrm>
            <a:grpFill/>
          </p:grpSpPr>
          <p:sp>
            <p:nvSpPr>
              <p:cNvPr id="561" name="Odsherred"/>
              <p:cNvSpPr>
                <a:spLocks/>
              </p:cNvSpPr>
              <p:nvPr/>
            </p:nvSpPr>
            <p:spPr bwMode="auto">
              <a:xfrm>
                <a:off x="3321050" y="4608513"/>
                <a:ext cx="130175" cy="184150"/>
              </a:xfrm>
              <a:custGeom>
                <a:avLst/>
                <a:gdLst>
                  <a:gd name="T0" fmla="*/ 65 w 246"/>
                  <a:gd name="T1" fmla="*/ 14 h 347"/>
                  <a:gd name="T2" fmla="*/ 70 w 246"/>
                  <a:gd name="T3" fmla="*/ 39 h 347"/>
                  <a:gd name="T4" fmla="*/ 75 w 246"/>
                  <a:gd name="T5" fmla="*/ 64 h 347"/>
                  <a:gd name="T6" fmla="*/ 79 w 246"/>
                  <a:gd name="T7" fmla="*/ 90 h 347"/>
                  <a:gd name="T8" fmla="*/ 76 w 246"/>
                  <a:gd name="T9" fmla="*/ 104 h 347"/>
                  <a:gd name="T10" fmla="*/ 65 w 246"/>
                  <a:gd name="T11" fmla="*/ 107 h 347"/>
                  <a:gd name="T12" fmla="*/ 54 w 246"/>
                  <a:gd name="T13" fmla="*/ 111 h 347"/>
                  <a:gd name="T14" fmla="*/ 42 w 246"/>
                  <a:gd name="T15" fmla="*/ 115 h 347"/>
                  <a:gd name="T16" fmla="*/ 34 w 246"/>
                  <a:gd name="T17" fmla="*/ 113 h 347"/>
                  <a:gd name="T18" fmla="*/ 33 w 246"/>
                  <a:gd name="T19" fmla="*/ 106 h 347"/>
                  <a:gd name="T20" fmla="*/ 31 w 246"/>
                  <a:gd name="T21" fmla="*/ 98 h 347"/>
                  <a:gd name="T22" fmla="*/ 29 w 246"/>
                  <a:gd name="T23" fmla="*/ 94 h 347"/>
                  <a:gd name="T24" fmla="*/ 26 w 246"/>
                  <a:gd name="T25" fmla="*/ 92 h 347"/>
                  <a:gd name="T26" fmla="*/ 23 w 246"/>
                  <a:gd name="T27" fmla="*/ 86 h 347"/>
                  <a:gd name="T28" fmla="*/ 17 w 246"/>
                  <a:gd name="T29" fmla="*/ 77 h 347"/>
                  <a:gd name="T30" fmla="*/ 11 w 246"/>
                  <a:gd name="T31" fmla="*/ 68 h 347"/>
                  <a:gd name="T32" fmla="*/ 4 w 246"/>
                  <a:gd name="T33" fmla="*/ 60 h 347"/>
                  <a:gd name="T34" fmla="*/ 1 w 246"/>
                  <a:gd name="T35" fmla="*/ 53 h 347"/>
                  <a:gd name="T36" fmla="*/ 0 w 246"/>
                  <a:gd name="T37" fmla="*/ 47 h 347"/>
                  <a:gd name="T38" fmla="*/ 0 w 246"/>
                  <a:gd name="T39" fmla="*/ 40 h 347"/>
                  <a:gd name="T40" fmla="*/ 1 w 246"/>
                  <a:gd name="T41" fmla="*/ 37 h 347"/>
                  <a:gd name="T42" fmla="*/ 2 w 246"/>
                  <a:gd name="T43" fmla="*/ 35 h 347"/>
                  <a:gd name="T44" fmla="*/ 8 w 246"/>
                  <a:gd name="T45" fmla="*/ 37 h 347"/>
                  <a:gd name="T46" fmla="*/ 13 w 246"/>
                  <a:gd name="T47" fmla="*/ 40 h 347"/>
                  <a:gd name="T48" fmla="*/ 16 w 246"/>
                  <a:gd name="T49" fmla="*/ 40 h 347"/>
                  <a:gd name="T50" fmla="*/ 18 w 246"/>
                  <a:gd name="T51" fmla="*/ 41 h 347"/>
                  <a:gd name="T52" fmla="*/ 20 w 246"/>
                  <a:gd name="T53" fmla="*/ 42 h 347"/>
                  <a:gd name="T54" fmla="*/ 22 w 246"/>
                  <a:gd name="T55" fmla="*/ 44 h 347"/>
                  <a:gd name="T56" fmla="*/ 25 w 246"/>
                  <a:gd name="T57" fmla="*/ 46 h 347"/>
                  <a:gd name="T58" fmla="*/ 30 w 246"/>
                  <a:gd name="T59" fmla="*/ 47 h 347"/>
                  <a:gd name="T60" fmla="*/ 35 w 246"/>
                  <a:gd name="T61" fmla="*/ 46 h 347"/>
                  <a:gd name="T62" fmla="*/ 39 w 246"/>
                  <a:gd name="T63" fmla="*/ 44 h 347"/>
                  <a:gd name="T64" fmla="*/ 40 w 246"/>
                  <a:gd name="T65" fmla="*/ 39 h 347"/>
                  <a:gd name="T66" fmla="*/ 38 w 246"/>
                  <a:gd name="T67" fmla="*/ 31 h 347"/>
                  <a:gd name="T68" fmla="*/ 39 w 246"/>
                  <a:gd name="T69" fmla="*/ 23 h 347"/>
                  <a:gd name="T70" fmla="*/ 41 w 246"/>
                  <a:gd name="T71" fmla="*/ 15 h 347"/>
                  <a:gd name="T72" fmla="*/ 43 w 246"/>
                  <a:gd name="T73" fmla="*/ 9 h 347"/>
                  <a:gd name="T74" fmla="*/ 48 w 246"/>
                  <a:gd name="T75" fmla="*/ 4 h 347"/>
                  <a:gd name="T76" fmla="*/ 51 w 246"/>
                  <a:gd name="T77" fmla="*/ 1 h 347"/>
                  <a:gd name="T78" fmla="*/ 55 w 246"/>
                  <a:gd name="T79" fmla="*/ 0 h 347"/>
                  <a:gd name="T80" fmla="*/ 58 w 246"/>
                  <a:gd name="T81" fmla="*/ 0 h 347"/>
                  <a:gd name="T82" fmla="*/ 61 w 246"/>
                  <a:gd name="T83" fmla="*/ 1 h 347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0" t="0" r="r" b="b"/>
                <a:pathLst>
                  <a:path w="246" h="347">
                    <a:moveTo>
                      <a:pt x="189" y="6"/>
                    </a:moveTo>
                    <a:lnTo>
                      <a:pt x="196" y="42"/>
                    </a:lnTo>
                    <a:lnTo>
                      <a:pt x="204" y="79"/>
                    </a:lnTo>
                    <a:lnTo>
                      <a:pt x="211" y="117"/>
                    </a:lnTo>
                    <a:lnTo>
                      <a:pt x="218" y="154"/>
                    </a:lnTo>
                    <a:lnTo>
                      <a:pt x="226" y="192"/>
                    </a:lnTo>
                    <a:lnTo>
                      <a:pt x="232" y="230"/>
                    </a:lnTo>
                    <a:lnTo>
                      <a:pt x="238" y="268"/>
                    </a:lnTo>
                    <a:lnTo>
                      <a:pt x="246" y="306"/>
                    </a:lnTo>
                    <a:lnTo>
                      <a:pt x="228" y="310"/>
                    </a:lnTo>
                    <a:lnTo>
                      <a:pt x="210" y="316"/>
                    </a:lnTo>
                    <a:lnTo>
                      <a:pt x="194" y="321"/>
                    </a:lnTo>
                    <a:lnTo>
                      <a:pt x="177" y="328"/>
                    </a:lnTo>
                    <a:lnTo>
                      <a:pt x="162" y="333"/>
                    </a:lnTo>
                    <a:lnTo>
                      <a:pt x="144" y="338"/>
                    </a:lnTo>
                    <a:lnTo>
                      <a:pt x="127" y="344"/>
                    </a:lnTo>
                    <a:lnTo>
                      <a:pt x="107" y="347"/>
                    </a:lnTo>
                    <a:lnTo>
                      <a:pt x="103" y="337"/>
                    </a:lnTo>
                    <a:lnTo>
                      <a:pt x="100" y="327"/>
                    </a:lnTo>
                    <a:lnTo>
                      <a:pt x="98" y="316"/>
                    </a:lnTo>
                    <a:lnTo>
                      <a:pt x="96" y="305"/>
                    </a:lnTo>
                    <a:lnTo>
                      <a:pt x="94" y="294"/>
                    </a:lnTo>
                    <a:lnTo>
                      <a:pt x="90" y="285"/>
                    </a:lnTo>
                    <a:lnTo>
                      <a:pt x="88" y="280"/>
                    </a:lnTo>
                    <a:lnTo>
                      <a:pt x="84" y="277"/>
                    </a:lnTo>
                    <a:lnTo>
                      <a:pt x="79" y="275"/>
                    </a:lnTo>
                    <a:lnTo>
                      <a:pt x="75" y="273"/>
                    </a:lnTo>
                    <a:lnTo>
                      <a:pt x="68" y="258"/>
                    </a:lnTo>
                    <a:lnTo>
                      <a:pt x="59" y="243"/>
                    </a:lnTo>
                    <a:lnTo>
                      <a:pt x="51" y="230"/>
                    </a:lnTo>
                    <a:lnTo>
                      <a:pt x="43" y="216"/>
                    </a:lnTo>
                    <a:lnTo>
                      <a:pt x="33" y="203"/>
                    </a:lnTo>
                    <a:lnTo>
                      <a:pt x="24" y="191"/>
                    </a:lnTo>
                    <a:lnTo>
                      <a:pt x="13" y="179"/>
                    </a:lnTo>
                    <a:lnTo>
                      <a:pt x="1" y="168"/>
                    </a:lnTo>
                    <a:lnTo>
                      <a:pt x="3" y="159"/>
                    </a:lnTo>
                    <a:lnTo>
                      <a:pt x="3" y="150"/>
                    </a:lnTo>
                    <a:lnTo>
                      <a:pt x="1" y="140"/>
                    </a:lnTo>
                    <a:lnTo>
                      <a:pt x="0" y="130"/>
                    </a:lnTo>
                    <a:lnTo>
                      <a:pt x="0" y="121"/>
                    </a:lnTo>
                    <a:lnTo>
                      <a:pt x="1" y="113"/>
                    </a:lnTo>
                    <a:lnTo>
                      <a:pt x="3" y="110"/>
                    </a:lnTo>
                    <a:lnTo>
                      <a:pt x="5" y="107"/>
                    </a:lnTo>
                    <a:lnTo>
                      <a:pt x="7" y="104"/>
                    </a:lnTo>
                    <a:lnTo>
                      <a:pt x="10" y="102"/>
                    </a:lnTo>
                    <a:lnTo>
                      <a:pt x="23" y="111"/>
                    </a:lnTo>
                    <a:lnTo>
                      <a:pt x="34" y="119"/>
                    </a:lnTo>
                    <a:lnTo>
                      <a:pt x="39" y="119"/>
                    </a:lnTo>
                    <a:lnTo>
                      <a:pt x="44" y="119"/>
                    </a:lnTo>
                    <a:lnTo>
                      <a:pt x="47" y="121"/>
                    </a:lnTo>
                    <a:lnTo>
                      <a:pt x="51" y="122"/>
                    </a:lnTo>
                    <a:lnTo>
                      <a:pt x="54" y="124"/>
                    </a:lnTo>
                    <a:lnTo>
                      <a:pt x="57" y="126"/>
                    </a:lnTo>
                    <a:lnTo>
                      <a:pt x="61" y="127"/>
                    </a:lnTo>
                    <a:lnTo>
                      <a:pt x="67" y="127"/>
                    </a:lnTo>
                    <a:lnTo>
                      <a:pt x="67" y="131"/>
                    </a:lnTo>
                    <a:lnTo>
                      <a:pt x="67" y="135"/>
                    </a:lnTo>
                    <a:lnTo>
                      <a:pt x="75" y="138"/>
                    </a:lnTo>
                    <a:lnTo>
                      <a:pt x="84" y="140"/>
                    </a:lnTo>
                    <a:lnTo>
                      <a:pt x="91" y="141"/>
                    </a:lnTo>
                    <a:lnTo>
                      <a:pt x="98" y="141"/>
                    </a:lnTo>
                    <a:lnTo>
                      <a:pt x="105" y="139"/>
                    </a:lnTo>
                    <a:lnTo>
                      <a:pt x="111" y="137"/>
                    </a:lnTo>
                    <a:lnTo>
                      <a:pt x="117" y="133"/>
                    </a:lnTo>
                    <a:lnTo>
                      <a:pt x="124" y="127"/>
                    </a:lnTo>
                    <a:lnTo>
                      <a:pt x="119" y="116"/>
                    </a:lnTo>
                    <a:lnTo>
                      <a:pt x="117" y="103"/>
                    </a:lnTo>
                    <a:lnTo>
                      <a:pt x="115" y="92"/>
                    </a:lnTo>
                    <a:lnTo>
                      <a:pt x="115" y="79"/>
                    </a:lnTo>
                    <a:lnTo>
                      <a:pt x="116" y="68"/>
                    </a:lnTo>
                    <a:lnTo>
                      <a:pt x="118" y="56"/>
                    </a:lnTo>
                    <a:lnTo>
                      <a:pt x="122" y="44"/>
                    </a:lnTo>
                    <a:lnTo>
                      <a:pt x="125" y="35"/>
                    </a:lnTo>
                    <a:lnTo>
                      <a:pt x="130" y="26"/>
                    </a:lnTo>
                    <a:lnTo>
                      <a:pt x="136" y="17"/>
                    </a:lnTo>
                    <a:lnTo>
                      <a:pt x="143" y="11"/>
                    </a:lnTo>
                    <a:lnTo>
                      <a:pt x="151" y="6"/>
                    </a:lnTo>
                    <a:lnTo>
                      <a:pt x="154" y="3"/>
                    </a:lnTo>
                    <a:lnTo>
                      <a:pt x="159" y="2"/>
                    </a:lnTo>
                    <a:lnTo>
                      <a:pt x="164" y="1"/>
                    </a:lnTo>
                    <a:lnTo>
                      <a:pt x="168" y="0"/>
                    </a:lnTo>
                    <a:lnTo>
                      <a:pt x="173" y="1"/>
                    </a:lnTo>
                    <a:lnTo>
                      <a:pt x="178" y="1"/>
                    </a:lnTo>
                    <a:lnTo>
                      <a:pt x="184" y="3"/>
                    </a:lnTo>
                    <a:lnTo>
                      <a:pt x="189" y="6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62" name="Odsherred kant"/>
              <p:cNvSpPr>
                <a:spLocks/>
              </p:cNvSpPr>
              <p:nvPr/>
            </p:nvSpPr>
            <p:spPr bwMode="auto">
              <a:xfrm>
                <a:off x="3321050" y="4608513"/>
                <a:ext cx="130175" cy="184150"/>
              </a:xfrm>
              <a:custGeom>
                <a:avLst/>
                <a:gdLst>
                  <a:gd name="T0" fmla="*/ 65 w 246"/>
                  <a:gd name="T1" fmla="*/ 14 h 347"/>
                  <a:gd name="T2" fmla="*/ 70 w 246"/>
                  <a:gd name="T3" fmla="*/ 39 h 347"/>
                  <a:gd name="T4" fmla="*/ 75 w 246"/>
                  <a:gd name="T5" fmla="*/ 64 h 347"/>
                  <a:gd name="T6" fmla="*/ 79 w 246"/>
                  <a:gd name="T7" fmla="*/ 90 h 347"/>
                  <a:gd name="T8" fmla="*/ 76 w 246"/>
                  <a:gd name="T9" fmla="*/ 104 h 347"/>
                  <a:gd name="T10" fmla="*/ 65 w 246"/>
                  <a:gd name="T11" fmla="*/ 107 h 347"/>
                  <a:gd name="T12" fmla="*/ 54 w 246"/>
                  <a:gd name="T13" fmla="*/ 111 h 347"/>
                  <a:gd name="T14" fmla="*/ 42 w 246"/>
                  <a:gd name="T15" fmla="*/ 115 h 347"/>
                  <a:gd name="T16" fmla="*/ 34 w 246"/>
                  <a:gd name="T17" fmla="*/ 113 h 347"/>
                  <a:gd name="T18" fmla="*/ 33 w 246"/>
                  <a:gd name="T19" fmla="*/ 106 h 347"/>
                  <a:gd name="T20" fmla="*/ 31 w 246"/>
                  <a:gd name="T21" fmla="*/ 98 h 347"/>
                  <a:gd name="T22" fmla="*/ 29 w 246"/>
                  <a:gd name="T23" fmla="*/ 94 h 347"/>
                  <a:gd name="T24" fmla="*/ 26 w 246"/>
                  <a:gd name="T25" fmla="*/ 92 h 347"/>
                  <a:gd name="T26" fmla="*/ 23 w 246"/>
                  <a:gd name="T27" fmla="*/ 86 h 347"/>
                  <a:gd name="T28" fmla="*/ 17 w 246"/>
                  <a:gd name="T29" fmla="*/ 77 h 347"/>
                  <a:gd name="T30" fmla="*/ 11 w 246"/>
                  <a:gd name="T31" fmla="*/ 68 h 347"/>
                  <a:gd name="T32" fmla="*/ 4 w 246"/>
                  <a:gd name="T33" fmla="*/ 60 h 347"/>
                  <a:gd name="T34" fmla="*/ 1 w 246"/>
                  <a:gd name="T35" fmla="*/ 53 h 347"/>
                  <a:gd name="T36" fmla="*/ 0 w 246"/>
                  <a:gd name="T37" fmla="*/ 47 h 347"/>
                  <a:gd name="T38" fmla="*/ 0 w 246"/>
                  <a:gd name="T39" fmla="*/ 40 h 347"/>
                  <a:gd name="T40" fmla="*/ 1 w 246"/>
                  <a:gd name="T41" fmla="*/ 37 h 347"/>
                  <a:gd name="T42" fmla="*/ 2 w 246"/>
                  <a:gd name="T43" fmla="*/ 35 h 347"/>
                  <a:gd name="T44" fmla="*/ 8 w 246"/>
                  <a:gd name="T45" fmla="*/ 37 h 347"/>
                  <a:gd name="T46" fmla="*/ 13 w 246"/>
                  <a:gd name="T47" fmla="*/ 40 h 347"/>
                  <a:gd name="T48" fmla="*/ 16 w 246"/>
                  <a:gd name="T49" fmla="*/ 40 h 347"/>
                  <a:gd name="T50" fmla="*/ 18 w 246"/>
                  <a:gd name="T51" fmla="*/ 41 h 347"/>
                  <a:gd name="T52" fmla="*/ 20 w 246"/>
                  <a:gd name="T53" fmla="*/ 42 h 347"/>
                  <a:gd name="T54" fmla="*/ 22 w 246"/>
                  <a:gd name="T55" fmla="*/ 44 h 347"/>
                  <a:gd name="T56" fmla="*/ 25 w 246"/>
                  <a:gd name="T57" fmla="*/ 46 h 347"/>
                  <a:gd name="T58" fmla="*/ 30 w 246"/>
                  <a:gd name="T59" fmla="*/ 47 h 347"/>
                  <a:gd name="T60" fmla="*/ 35 w 246"/>
                  <a:gd name="T61" fmla="*/ 46 h 347"/>
                  <a:gd name="T62" fmla="*/ 39 w 246"/>
                  <a:gd name="T63" fmla="*/ 44 h 347"/>
                  <a:gd name="T64" fmla="*/ 40 w 246"/>
                  <a:gd name="T65" fmla="*/ 39 h 347"/>
                  <a:gd name="T66" fmla="*/ 38 w 246"/>
                  <a:gd name="T67" fmla="*/ 31 h 347"/>
                  <a:gd name="T68" fmla="*/ 39 w 246"/>
                  <a:gd name="T69" fmla="*/ 23 h 347"/>
                  <a:gd name="T70" fmla="*/ 41 w 246"/>
                  <a:gd name="T71" fmla="*/ 15 h 347"/>
                  <a:gd name="T72" fmla="*/ 43 w 246"/>
                  <a:gd name="T73" fmla="*/ 9 h 347"/>
                  <a:gd name="T74" fmla="*/ 48 w 246"/>
                  <a:gd name="T75" fmla="*/ 4 h 347"/>
                  <a:gd name="T76" fmla="*/ 51 w 246"/>
                  <a:gd name="T77" fmla="*/ 1 h 347"/>
                  <a:gd name="T78" fmla="*/ 55 w 246"/>
                  <a:gd name="T79" fmla="*/ 0 h 347"/>
                  <a:gd name="T80" fmla="*/ 58 w 246"/>
                  <a:gd name="T81" fmla="*/ 0 h 347"/>
                  <a:gd name="T82" fmla="*/ 61 w 246"/>
                  <a:gd name="T83" fmla="*/ 1 h 347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0" t="0" r="r" b="b"/>
                <a:pathLst>
                  <a:path w="246" h="347">
                    <a:moveTo>
                      <a:pt x="189" y="6"/>
                    </a:moveTo>
                    <a:lnTo>
                      <a:pt x="196" y="42"/>
                    </a:lnTo>
                    <a:lnTo>
                      <a:pt x="204" y="79"/>
                    </a:lnTo>
                    <a:lnTo>
                      <a:pt x="211" y="117"/>
                    </a:lnTo>
                    <a:lnTo>
                      <a:pt x="218" y="154"/>
                    </a:lnTo>
                    <a:lnTo>
                      <a:pt x="226" y="192"/>
                    </a:lnTo>
                    <a:lnTo>
                      <a:pt x="232" y="230"/>
                    </a:lnTo>
                    <a:lnTo>
                      <a:pt x="238" y="268"/>
                    </a:lnTo>
                    <a:lnTo>
                      <a:pt x="246" y="306"/>
                    </a:lnTo>
                    <a:lnTo>
                      <a:pt x="228" y="310"/>
                    </a:lnTo>
                    <a:lnTo>
                      <a:pt x="210" y="316"/>
                    </a:lnTo>
                    <a:lnTo>
                      <a:pt x="194" y="321"/>
                    </a:lnTo>
                    <a:lnTo>
                      <a:pt x="177" y="328"/>
                    </a:lnTo>
                    <a:lnTo>
                      <a:pt x="162" y="333"/>
                    </a:lnTo>
                    <a:lnTo>
                      <a:pt x="144" y="338"/>
                    </a:lnTo>
                    <a:lnTo>
                      <a:pt x="127" y="344"/>
                    </a:lnTo>
                    <a:lnTo>
                      <a:pt x="107" y="347"/>
                    </a:lnTo>
                    <a:lnTo>
                      <a:pt x="103" y="337"/>
                    </a:lnTo>
                    <a:lnTo>
                      <a:pt x="100" y="327"/>
                    </a:lnTo>
                    <a:lnTo>
                      <a:pt x="98" y="316"/>
                    </a:lnTo>
                    <a:lnTo>
                      <a:pt x="96" y="305"/>
                    </a:lnTo>
                    <a:lnTo>
                      <a:pt x="94" y="294"/>
                    </a:lnTo>
                    <a:lnTo>
                      <a:pt x="90" y="285"/>
                    </a:lnTo>
                    <a:lnTo>
                      <a:pt x="88" y="280"/>
                    </a:lnTo>
                    <a:lnTo>
                      <a:pt x="84" y="277"/>
                    </a:lnTo>
                    <a:lnTo>
                      <a:pt x="79" y="275"/>
                    </a:lnTo>
                    <a:lnTo>
                      <a:pt x="75" y="273"/>
                    </a:lnTo>
                    <a:lnTo>
                      <a:pt x="68" y="258"/>
                    </a:lnTo>
                    <a:lnTo>
                      <a:pt x="59" y="243"/>
                    </a:lnTo>
                    <a:lnTo>
                      <a:pt x="51" y="230"/>
                    </a:lnTo>
                    <a:lnTo>
                      <a:pt x="43" y="216"/>
                    </a:lnTo>
                    <a:lnTo>
                      <a:pt x="33" y="203"/>
                    </a:lnTo>
                    <a:lnTo>
                      <a:pt x="24" y="191"/>
                    </a:lnTo>
                    <a:lnTo>
                      <a:pt x="13" y="179"/>
                    </a:lnTo>
                    <a:lnTo>
                      <a:pt x="1" y="168"/>
                    </a:lnTo>
                    <a:lnTo>
                      <a:pt x="3" y="159"/>
                    </a:lnTo>
                    <a:lnTo>
                      <a:pt x="3" y="150"/>
                    </a:lnTo>
                    <a:lnTo>
                      <a:pt x="1" y="140"/>
                    </a:lnTo>
                    <a:lnTo>
                      <a:pt x="0" y="130"/>
                    </a:lnTo>
                    <a:lnTo>
                      <a:pt x="0" y="121"/>
                    </a:lnTo>
                    <a:lnTo>
                      <a:pt x="1" y="113"/>
                    </a:lnTo>
                    <a:lnTo>
                      <a:pt x="3" y="110"/>
                    </a:lnTo>
                    <a:lnTo>
                      <a:pt x="5" y="107"/>
                    </a:lnTo>
                    <a:lnTo>
                      <a:pt x="7" y="104"/>
                    </a:lnTo>
                    <a:lnTo>
                      <a:pt x="10" y="102"/>
                    </a:lnTo>
                    <a:lnTo>
                      <a:pt x="23" y="111"/>
                    </a:lnTo>
                    <a:lnTo>
                      <a:pt x="34" y="119"/>
                    </a:lnTo>
                    <a:lnTo>
                      <a:pt x="39" y="119"/>
                    </a:lnTo>
                    <a:lnTo>
                      <a:pt x="44" y="119"/>
                    </a:lnTo>
                    <a:lnTo>
                      <a:pt x="47" y="121"/>
                    </a:lnTo>
                    <a:lnTo>
                      <a:pt x="51" y="122"/>
                    </a:lnTo>
                    <a:lnTo>
                      <a:pt x="54" y="124"/>
                    </a:lnTo>
                    <a:lnTo>
                      <a:pt x="57" y="126"/>
                    </a:lnTo>
                    <a:lnTo>
                      <a:pt x="61" y="127"/>
                    </a:lnTo>
                    <a:lnTo>
                      <a:pt x="67" y="127"/>
                    </a:lnTo>
                    <a:lnTo>
                      <a:pt x="67" y="131"/>
                    </a:lnTo>
                    <a:lnTo>
                      <a:pt x="67" y="135"/>
                    </a:lnTo>
                    <a:lnTo>
                      <a:pt x="75" y="138"/>
                    </a:lnTo>
                    <a:lnTo>
                      <a:pt x="84" y="140"/>
                    </a:lnTo>
                    <a:lnTo>
                      <a:pt x="91" y="141"/>
                    </a:lnTo>
                    <a:lnTo>
                      <a:pt x="98" y="141"/>
                    </a:lnTo>
                    <a:lnTo>
                      <a:pt x="105" y="139"/>
                    </a:lnTo>
                    <a:lnTo>
                      <a:pt x="111" y="137"/>
                    </a:lnTo>
                    <a:lnTo>
                      <a:pt x="117" y="133"/>
                    </a:lnTo>
                    <a:lnTo>
                      <a:pt x="124" y="127"/>
                    </a:lnTo>
                    <a:lnTo>
                      <a:pt x="119" y="116"/>
                    </a:lnTo>
                    <a:lnTo>
                      <a:pt x="117" y="103"/>
                    </a:lnTo>
                    <a:lnTo>
                      <a:pt x="115" y="92"/>
                    </a:lnTo>
                    <a:lnTo>
                      <a:pt x="115" y="79"/>
                    </a:lnTo>
                    <a:lnTo>
                      <a:pt x="116" y="68"/>
                    </a:lnTo>
                    <a:lnTo>
                      <a:pt x="118" y="56"/>
                    </a:lnTo>
                    <a:lnTo>
                      <a:pt x="122" y="44"/>
                    </a:lnTo>
                    <a:lnTo>
                      <a:pt x="125" y="35"/>
                    </a:lnTo>
                    <a:lnTo>
                      <a:pt x="130" y="26"/>
                    </a:lnTo>
                    <a:lnTo>
                      <a:pt x="136" y="17"/>
                    </a:lnTo>
                    <a:lnTo>
                      <a:pt x="143" y="11"/>
                    </a:lnTo>
                    <a:lnTo>
                      <a:pt x="151" y="6"/>
                    </a:lnTo>
                    <a:lnTo>
                      <a:pt x="154" y="3"/>
                    </a:lnTo>
                    <a:lnTo>
                      <a:pt x="159" y="2"/>
                    </a:lnTo>
                    <a:lnTo>
                      <a:pt x="164" y="1"/>
                    </a:lnTo>
                    <a:lnTo>
                      <a:pt x="168" y="0"/>
                    </a:lnTo>
                    <a:lnTo>
                      <a:pt x="173" y="1"/>
                    </a:lnTo>
                    <a:lnTo>
                      <a:pt x="178" y="1"/>
                    </a:lnTo>
                    <a:lnTo>
                      <a:pt x="184" y="3"/>
                    </a:lnTo>
                    <a:lnTo>
                      <a:pt x="189" y="6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63" name="Odsherred"/>
              <p:cNvSpPr>
                <a:spLocks/>
              </p:cNvSpPr>
              <p:nvPr/>
            </p:nvSpPr>
            <p:spPr bwMode="auto">
              <a:xfrm>
                <a:off x="3001963" y="4540250"/>
                <a:ext cx="393700" cy="361950"/>
              </a:xfrm>
              <a:custGeom>
                <a:avLst/>
                <a:gdLst>
                  <a:gd name="T0" fmla="*/ 26 w 746"/>
                  <a:gd name="T1" fmla="*/ 28 h 684"/>
                  <a:gd name="T2" fmla="*/ 49 w 746"/>
                  <a:gd name="T3" fmla="*/ 40 h 684"/>
                  <a:gd name="T4" fmla="*/ 82 w 746"/>
                  <a:gd name="T5" fmla="*/ 41 h 684"/>
                  <a:gd name="T6" fmla="*/ 101 w 746"/>
                  <a:gd name="T7" fmla="*/ 45 h 684"/>
                  <a:gd name="T8" fmla="*/ 111 w 746"/>
                  <a:gd name="T9" fmla="*/ 52 h 684"/>
                  <a:gd name="T10" fmla="*/ 118 w 746"/>
                  <a:gd name="T11" fmla="*/ 68 h 684"/>
                  <a:gd name="T12" fmla="*/ 120 w 746"/>
                  <a:gd name="T13" fmla="*/ 91 h 684"/>
                  <a:gd name="T14" fmla="*/ 117 w 746"/>
                  <a:gd name="T15" fmla="*/ 106 h 684"/>
                  <a:gd name="T16" fmla="*/ 111 w 746"/>
                  <a:gd name="T17" fmla="*/ 119 h 684"/>
                  <a:gd name="T18" fmla="*/ 102 w 746"/>
                  <a:gd name="T19" fmla="*/ 129 h 684"/>
                  <a:gd name="T20" fmla="*/ 74 w 746"/>
                  <a:gd name="T21" fmla="*/ 135 h 684"/>
                  <a:gd name="T22" fmla="*/ 48 w 746"/>
                  <a:gd name="T23" fmla="*/ 139 h 684"/>
                  <a:gd name="T24" fmla="*/ 44 w 746"/>
                  <a:gd name="T25" fmla="*/ 142 h 684"/>
                  <a:gd name="T26" fmla="*/ 50 w 746"/>
                  <a:gd name="T27" fmla="*/ 156 h 684"/>
                  <a:gd name="T28" fmla="*/ 52 w 746"/>
                  <a:gd name="T29" fmla="*/ 175 h 684"/>
                  <a:gd name="T30" fmla="*/ 46 w 746"/>
                  <a:gd name="T31" fmla="*/ 198 h 684"/>
                  <a:gd name="T32" fmla="*/ 42 w 746"/>
                  <a:gd name="T33" fmla="*/ 213 h 684"/>
                  <a:gd name="T34" fmla="*/ 51 w 746"/>
                  <a:gd name="T35" fmla="*/ 223 h 684"/>
                  <a:gd name="T36" fmla="*/ 54 w 746"/>
                  <a:gd name="T37" fmla="*/ 228 h 684"/>
                  <a:gd name="T38" fmla="*/ 65 w 746"/>
                  <a:gd name="T39" fmla="*/ 227 h 684"/>
                  <a:gd name="T40" fmla="*/ 121 w 746"/>
                  <a:gd name="T41" fmla="*/ 194 h 684"/>
                  <a:gd name="T42" fmla="*/ 174 w 746"/>
                  <a:gd name="T43" fmla="*/ 179 h 684"/>
                  <a:gd name="T44" fmla="*/ 181 w 746"/>
                  <a:gd name="T45" fmla="*/ 165 h 684"/>
                  <a:gd name="T46" fmla="*/ 189 w 746"/>
                  <a:gd name="T47" fmla="*/ 158 h 684"/>
                  <a:gd name="T48" fmla="*/ 199 w 746"/>
                  <a:gd name="T49" fmla="*/ 155 h 684"/>
                  <a:gd name="T50" fmla="*/ 212 w 746"/>
                  <a:gd name="T51" fmla="*/ 155 h 684"/>
                  <a:gd name="T52" fmla="*/ 216 w 746"/>
                  <a:gd name="T53" fmla="*/ 129 h 684"/>
                  <a:gd name="T54" fmla="*/ 199 w 746"/>
                  <a:gd name="T55" fmla="*/ 102 h 684"/>
                  <a:gd name="T56" fmla="*/ 189 w 746"/>
                  <a:gd name="T57" fmla="*/ 82 h 684"/>
                  <a:gd name="T58" fmla="*/ 190 w 746"/>
                  <a:gd name="T59" fmla="*/ 72 h 684"/>
                  <a:gd name="T60" fmla="*/ 196 w 746"/>
                  <a:gd name="T61" fmla="*/ 67 h 684"/>
                  <a:gd name="T62" fmla="*/ 204 w 746"/>
                  <a:gd name="T63" fmla="*/ 68 h 684"/>
                  <a:gd name="T64" fmla="*/ 210 w 746"/>
                  <a:gd name="T65" fmla="*/ 73 h 684"/>
                  <a:gd name="T66" fmla="*/ 217 w 746"/>
                  <a:gd name="T67" fmla="*/ 79 h 684"/>
                  <a:gd name="T68" fmla="*/ 226 w 746"/>
                  <a:gd name="T69" fmla="*/ 77 h 684"/>
                  <a:gd name="T70" fmla="*/ 231 w 746"/>
                  <a:gd name="T71" fmla="*/ 62 h 684"/>
                  <a:gd name="T72" fmla="*/ 234 w 746"/>
                  <a:gd name="T73" fmla="*/ 40 h 684"/>
                  <a:gd name="T74" fmla="*/ 246 w 746"/>
                  <a:gd name="T75" fmla="*/ 29 h 684"/>
                  <a:gd name="T76" fmla="*/ 246 w 746"/>
                  <a:gd name="T77" fmla="*/ 20 h 684"/>
                  <a:gd name="T78" fmla="*/ 239 w 746"/>
                  <a:gd name="T79" fmla="*/ 14 h 684"/>
                  <a:gd name="T80" fmla="*/ 227 w 746"/>
                  <a:gd name="T81" fmla="*/ 18 h 684"/>
                  <a:gd name="T82" fmla="*/ 200 w 746"/>
                  <a:gd name="T83" fmla="*/ 37 h 684"/>
                  <a:gd name="T84" fmla="*/ 160 w 746"/>
                  <a:gd name="T85" fmla="*/ 38 h 684"/>
                  <a:gd name="T86" fmla="*/ 153 w 746"/>
                  <a:gd name="T87" fmla="*/ 30 h 684"/>
                  <a:gd name="T88" fmla="*/ 140 w 746"/>
                  <a:gd name="T89" fmla="*/ 28 h 684"/>
                  <a:gd name="T90" fmla="*/ 131 w 746"/>
                  <a:gd name="T91" fmla="*/ 31 h 684"/>
                  <a:gd name="T92" fmla="*/ 120 w 746"/>
                  <a:gd name="T93" fmla="*/ 38 h 684"/>
                  <a:gd name="T94" fmla="*/ 107 w 746"/>
                  <a:gd name="T95" fmla="*/ 32 h 684"/>
                  <a:gd name="T96" fmla="*/ 80 w 746"/>
                  <a:gd name="T97" fmla="*/ 30 h 684"/>
                  <a:gd name="T98" fmla="*/ 65 w 746"/>
                  <a:gd name="T99" fmla="*/ 31 h 684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0" t="0" r="r" b="b"/>
                <a:pathLst>
                  <a:path w="746" h="684">
                    <a:moveTo>
                      <a:pt x="0" y="22"/>
                    </a:moveTo>
                    <a:lnTo>
                      <a:pt x="17" y="35"/>
                    </a:lnTo>
                    <a:lnTo>
                      <a:pt x="56" y="66"/>
                    </a:lnTo>
                    <a:lnTo>
                      <a:pt x="79" y="83"/>
                    </a:lnTo>
                    <a:lnTo>
                      <a:pt x="100" y="99"/>
                    </a:lnTo>
                    <a:lnTo>
                      <a:pt x="120" y="111"/>
                    </a:lnTo>
                    <a:lnTo>
                      <a:pt x="134" y="120"/>
                    </a:lnTo>
                    <a:lnTo>
                      <a:pt x="148" y="119"/>
                    </a:lnTo>
                    <a:lnTo>
                      <a:pt x="171" y="119"/>
                    </a:lnTo>
                    <a:lnTo>
                      <a:pt x="199" y="120"/>
                    </a:lnTo>
                    <a:lnTo>
                      <a:pt x="231" y="122"/>
                    </a:lnTo>
                    <a:lnTo>
                      <a:pt x="246" y="123"/>
                    </a:lnTo>
                    <a:lnTo>
                      <a:pt x="262" y="125"/>
                    </a:lnTo>
                    <a:lnTo>
                      <a:pt x="277" y="127"/>
                    </a:lnTo>
                    <a:lnTo>
                      <a:pt x="291" y="130"/>
                    </a:lnTo>
                    <a:lnTo>
                      <a:pt x="303" y="134"/>
                    </a:lnTo>
                    <a:lnTo>
                      <a:pt x="314" y="139"/>
                    </a:lnTo>
                    <a:lnTo>
                      <a:pt x="322" y="143"/>
                    </a:lnTo>
                    <a:lnTo>
                      <a:pt x="329" y="149"/>
                    </a:lnTo>
                    <a:lnTo>
                      <a:pt x="334" y="156"/>
                    </a:lnTo>
                    <a:lnTo>
                      <a:pt x="339" y="165"/>
                    </a:lnTo>
                    <a:lnTo>
                      <a:pt x="344" y="177"/>
                    </a:lnTo>
                    <a:lnTo>
                      <a:pt x="350" y="189"/>
                    </a:lnTo>
                    <a:lnTo>
                      <a:pt x="354" y="204"/>
                    </a:lnTo>
                    <a:lnTo>
                      <a:pt x="358" y="220"/>
                    </a:lnTo>
                    <a:lnTo>
                      <a:pt x="360" y="237"/>
                    </a:lnTo>
                    <a:lnTo>
                      <a:pt x="361" y="254"/>
                    </a:lnTo>
                    <a:lnTo>
                      <a:pt x="361" y="272"/>
                    </a:lnTo>
                    <a:lnTo>
                      <a:pt x="359" y="291"/>
                    </a:lnTo>
                    <a:lnTo>
                      <a:pt x="357" y="301"/>
                    </a:lnTo>
                    <a:lnTo>
                      <a:pt x="355" y="310"/>
                    </a:lnTo>
                    <a:lnTo>
                      <a:pt x="353" y="319"/>
                    </a:lnTo>
                    <a:lnTo>
                      <a:pt x="349" y="328"/>
                    </a:lnTo>
                    <a:lnTo>
                      <a:pt x="344" y="338"/>
                    </a:lnTo>
                    <a:lnTo>
                      <a:pt x="340" y="346"/>
                    </a:lnTo>
                    <a:lnTo>
                      <a:pt x="335" y="356"/>
                    </a:lnTo>
                    <a:lnTo>
                      <a:pt x="329" y="364"/>
                    </a:lnTo>
                    <a:lnTo>
                      <a:pt x="322" y="372"/>
                    </a:lnTo>
                    <a:lnTo>
                      <a:pt x="315" y="381"/>
                    </a:lnTo>
                    <a:lnTo>
                      <a:pt x="306" y="388"/>
                    </a:lnTo>
                    <a:lnTo>
                      <a:pt x="297" y="396"/>
                    </a:lnTo>
                    <a:lnTo>
                      <a:pt x="276" y="399"/>
                    </a:lnTo>
                    <a:lnTo>
                      <a:pt x="251" y="401"/>
                    </a:lnTo>
                    <a:lnTo>
                      <a:pt x="224" y="404"/>
                    </a:lnTo>
                    <a:lnTo>
                      <a:pt x="198" y="407"/>
                    </a:lnTo>
                    <a:lnTo>
                      <a:pt x="174" y="410"/>
                    </a:lnTo>
                    <a:lnTo>
                      <a:pt x="153" y="413"/>
                    </a:lnTo>
                    <a:lnTo>
                      <a:pt x="144" y="416"/>
                    </a:lnTo>
                    <a:lnTo>
                      <a:pt x="137" y="418"/>
                    </a:lnTo>
                    <a:lnTo>
                      <a:pt x="132" y="419"/>
                    </a:lnTo>
                    <a:lnTo>
                      <a:pt x="130" y="421"/>
                    </a:lnTo>
                    <a:lnTo>
                      <a:pt x="132" y="427"/>
                    </a:lnTo>
                    <a:lnTo>
                      <a:pt x="139" y="439"/>
                    </a:lnTo>
                    <a:lnTo>
                      <a:pt x="142" y="447"/>
                    </a:lnTo>
                    <a:lnTo>
                      <a:pt x="146" y="457"/>
                    </a:lnTo>
                    <a:lnTo>
                      <a:pt x="151" y="467"/>
                    </a:lnTo>
                    <a:lnTo>
                      <a:pt x="154" y="480"/>
                    </a:lnTo>
                    <a:lnTo>
                      <a:pt x="156" y="494"/>
                    </a:lnTo>
                    <a:lnTo>
                      <a:pt x="157" y="509"/>
                    </a:lnTo>
                    <a:lnTo>
                      <a:pt x="156" y="525"/>
                    </a:lnTo>
                    <a:lnTo>
                      <a:pt x="154" y="543"/>
                    </a:lnTo>
                    <a:lnTo>
                      <a:pt x="148" y="563"/>
                    </a:lnTo>
                    <a:lnTo>
                      <a:pt x="141" y="584"/>
                    </a:lnTo>
                    <a:lnTo>
                      <a:pt x="137" y="595"/>
                    </a:lnTo>
                    <a:lnTo>
                      <a:pt x="132" y="606"/>
                    </a:lnTo>
                    <a:lnTo>
                      <a:pt x="125" y="618"/>
                    </a:lnTo>
                    <a:lnTo>
                      <a:pt x="118" y="629"/>
                    </a:lnTo>
                    <a:lnTo>
                      <a:pt x="125" y="640"/>
                    </a:lnTo>
                    <a:lnTo>
                      <a:pt x="134" y="649"/>
                    </a:lnTo>
                    <a:lnTo>
                      <a:pt x="141" y="658"/>
                    </a:lnTo>
                    <a:lnTo>
                      <a:pt x="147" y="664"/>
                    </a:lnTo>
                    <a:lnTo>
                      <a:pt x="153" y="669"/>
                    </a:lnTo>
                    <a:lnTo>
                      <a:pt x="157" y="674"/>
                    </a:lnTo>
                    <a:lnTo>
                      <a:pt x="160" y="678"/>
                    </a:lnTo>
                    <a:lnTo>
                      <a:pt x="161" y="681"/>
                    </a:lnTo>
                    <a:lnTo>
                      <a:pt x="162" y="683"/>
                    </a:lnTo>
                    <a:lnTo>
                      <a:pt x="165" y="683"/>
                    </a:lnTo>
                    <a:lnTo>
                      <a:pt x="172" y="684"/>
                    </a:lnTo>
                    <a:lnTo>
                      <a:pt x="178" y="683"/>
                    </a:lnTo>
                    <a:lnTo>
                      <a:pt x="196" y="682"/>
                    </a:lnTo>
                    <a:lnTo>
                      <a:pt x="217" y="679"/>
                    </a:lnTo>
                    <a:lnTo>
                      <a:pt x="255" y="674"/>
                    </a:lnTo>
                    <a:lnTo>
                      <a:pt x="272" y="670"/>
                    </a:lnTo>
                    <a:lnTo>
                      <a:pt x="365" y="582"/>
                    </a:lnTo>
                    <a:lnTo>
                      <a:pt x="519" y="566"/>
                    </a:lnTo>
                    <a:lnTo>
                      <a:pt x="520" y="561"/>
                    </a:lnTo>
                    <a:lnTo>
                      <a:pt x="522" y="546"/>
                    </a:lnTo>
                    <a:lnTo>
                      <a:pt x="524" y="537"/>
                    </a:lnTo>
                    <a:lnTo>
                      <a:pt x="528" y="527"/>
                    </a:lnTo>
                    <a:lnTo>
                      <a:pt x="532" y="517"/>
                    </a:lnTo>
                    <a:lnTo>
                      <a:pt x="538" y="506"/>
                    </a:lnTo>
                    <a:lnTo>
                      <a:pt x="545" y="496"/>
                    </a:lnTo>
                    <a:lnTo>
                      <a:pt x="554" y="486"/>
                    </a:lnTo>
                    <a:lnTo>
                      <a:pt x="559" y="481"/>
                    </a:lnTo>
                    <a:lnTo>
                      <a:pt x="564" y="477"/>
                    </a:lnTo>
                    <a:lnTo>
                      <a:pt x="570" y="474"/>
                    </a:lnTo>
                    <a:lnTo>
                      <a:pt x="576" y="470"/>
                    </a:lnTo>
                    <a:lnTo>
                      <a:pt x="583" y="467"/>
                    </a:lnTo>
                    <a:lnTo>
                      <a:pt x="591" y="465"/>
                    </a:lnTo>
                    <a:lnTo>
                      <a:pt x="599" y="464"/>
                    </a:lnTo>
                    <a:lnTo>
                      <a:pt x="608" y="463"/>
                    </a:lnTo>
                    <a:lnTo>
                      <a:pt x="617" y="462"/>
                    </a:lnTo>
                    <a:lnTo>
                      <a:pt x="627" y="463"/>
                    </a:lnTo>
                    <a:lnTo>
                      <a:pt x="637" y="464"/>
                    </a:lnTo>
                    <a:lnTo>
                      <a:pt x="649" y="466"/>
                    </a:lnTo>
                    <a:lnTo>
                      <a:pt x="650" y="433"/>
                    </a:lnTo>
                    <a:lnTo>
                      <a:pt x="650" y="406"/>
                    </a:lnTo>
                    <a:lnTo>
                      <a:pt x="649" y="387"/>
                    </a:lnTo>
                    <a:lnTo>
                      <a:pt x="649" y="380"/>
                    </a:lnTo>
                    <a:lnTo>
                      <a:pt x="638" y="366"/>
                    </a:lnTo>
                    <a:lnTo>
                      <a:pt x="613" y="329"/>
                    </a:lnTo>
                    <a:lnTo>
                      <a:pt x="599" y="307"/>
                    </a:lnTo>
                    <a:lnTo>
                      <a:pt x="585" y="283"/>
                    </a:lnTo>
                    <a:lnTo>
                      <a:pt x="579" y="270"/>
                    </a:lnTo>
                    <a:lnTo>
                      <a:pt x="573" y="258"/>
                    </a:lnTo>
                    <a:lnTo>
                      <a:pt x="569" y="246"/>
                    </a:lnTo>
                    <a:lnTo>
                      <a:pt x="564" y="234"/>
                    </a:lnTo>
                    <a:lnTo>
                      <a:pt x="565" y="228"/>
                    </a:lnTo>
                    <a:lnTo>
                      <a:pt x="569" y="221"/>
                    </a:lnTo>
                    <a:lnTo>
                      <a:pt x="572" y="216"/>
                    </a:lnTo>
                    <a:lnTo>
                      <a:pt x="575" y="211"/>
                    </a:lnTo>
                    <a:lnTo>
                      <a:pt x="579" y="207"/>
                    </a:lnTo>
                    <a:lnTo>
                      <a:pt x="584" y="204"/>
                    </a:lnTo>
                    <a:lnTo>
                      <a:pt x="590" y="202"/>
                    </a:lnTo>
                    <a:lnTo>
                      <a:pt x="596" y="201"/>
                    </a:lnTo>
                    <a:lnTo>
                      <a:pt x="601" y="201"/>
                    </a:lnTo>
                    <a:lnTo>
                      <a:pt x="608" y="201"/>
                    </a:lnTo>
                    <a:lnTo>
                      <a:pt x="613" y="203"/>
                    </a:lnTo>
                    <a:lnTo>
                      <a:pt x="619" y="205"/>
                    </a:lnTo>
                    <a:lnTo>
                      <a:pt x="624" y="209"/>
                    </a:lnTo>
                    <a:lnTo>
                      <a:pt x="629" y="213"/>
                    </a:lnTo>
                    <a:lnTo>
                      <a:pt x="633" y="219"/>
                    </a:lnTo>
                    <a:lnTo>
                      <a:pt x="637" y="226"/>
                    </a:lnTo>
                    <a:lnTo>
                      <a:pt x="642" y="231"/>
                    </a:lnTo>
                    <a:lnTo>
                      <a:pt x="648" y="236"/>
                    </a:lnTo>
                    <a:lnTo>
                      <a:pt x="654" y="238"/>
                    </a:lnTo>
                    <a:lnTo>
                      <a:pt x="659" y="239"/>
                    </a:lnTo>
                    <a:lnTo>
                      <a:pt x="667" y="238"/>
                    </a:lnTo>
                    <a:lnTo>
                      <a:pt x="673" y="236"/>
                    </a:lnTo>
                    <a:lnTo>
                      <a:pt x="681" y="231"/>
                    </a:lnTo>
                    <a:lnTo>
                      <a:pt x="689" y="226"/>
                    </a:lnTo>
                    <a:lnTo>
                      <a:pt x="692" y="217"/>
                    </a:lnTo>
                    <a:lnTo>
                      <a:pt x="693" y="203"/>
                    </a:lnTo>
                    <a:lnTo>
                      <a:pt x="694" y="187"/>
                    </a:lnTo>
                    <a:lnTo>
                      <a:pt x="695" y="169"/>
                    </a:lnTo>
                    <a:lnTo>
                      <a:pt x="696" y="138"/>
                    </a:lnTo>
                    <a:lnTo>
                      <a:pt x="696" y="124"/>
                    </a:lnTo>
                    <a:lnTo>
                      <a:pt x="703" y="120"/>
                    </a:lnTo>
                    <a:lnTo>
                      <a:pt x="720" y="109"/>
                    </a:lnTo>
                    <a:lnTo>
                      <a:pt x="729" y="102"/>
                    </a:lnTo>
                    <a:lnTo>
                      <a:pt x="737" y="92"/>
                    </a:lnTo>
                    <a:lnTo>
                      <a:pt x="740" y="87"/>
                    </a:lnTo>
                    <a:lnTo>
                      <a:pt x="743" y="82"/>
                    </a:lnTo>
                    <a:lnTo>
                      <a:pt x="744" y="75"/>
                    </a:lnTo>
                    <a:lnTo>
                      <a:pt x="746" y="69"/>
                    </a:lnTo>
                    <a:lnTo>
                      <a:pt x="741" y="61"/>
                    </a:lnTo>
                    <a:lnTo>
                      <a:pt x="737" y="53"/>
                    </a:lnTo>
                    <a:lnTo>
                      <a:pt x="732" y="48"/>
                    </a:lnTo>
                    <a:lnTo>
                      <a:pt x="727" y="44"/>
                    </a:lnTo>
                    <a:lnTo>
                      <a:pt x="720" y="42"/>
                    </a:lnTo>
                    <a:lnTo>
                      <a:pt x="714" y="42"/>
                    </a:lnTo>
                    <a:lnTo>
                      <a:pt x="706" y="43"/>
                    </a:lnTo>
                    <a:lnTo>
                      <a:pt x="696" y="45"/>
                    </a:lnTo>
                    <a:lnTo>
                      <a:pt x="684" y="54"/>
                    </a:lnTo>
                    <a:lnTo>
                      <a:pt x="670" y="66"/>
                    </a:lnTo>
                    <a:lnTo>
                      <a:pt x="652" y="79"/>
                    </a:lnTo>
                    <a:lnTo>
                      <a:pt x="634" y="91"/>
                    </a:lnTo>
                    <a:lnTo>
                      <a:pt x="603" y="112"/>
                    </a:lnTo>
                    <a:lnTo>
                      <a:pt x="590" y="122"/>
                    </a:lnTo>
                    <a:lnTo>
                      <a:pt x="488" y="126"/>
                    </a:lnTo>
                    <a:lnTo>
                      <a:pt x="485" y="123"/>
                    </a:lnTo>
                    <a:lnTo>
                      <a:pt x="481" y="113"/>
                    </a:lnTo>
                    <a:lnTo>
                      <a:pt x="477" y="108"/>
                    </a:lnTo>
                    <a:lnTo>
                      <a:pt x="473" y="102"/>
                    </a:lnTo>
                    <a:lnTo>
                      <a:pt x="466" y="97"/>
                    </a:lnTo>
                    <a:lnTo>
                      <a:pt x="460" y="91"/>
                    </a:lnTo>
                    <a:lnTo>
                      <a:pt x="452" y="87"/>
                    </a:lnTo>
                    <a:lnTo>
                      <a:pt x="442" y="85"/>
                    </a:lnTo>
                    <a:lnTo>
                      <a:pt x="432" y="83"/>
                    </a:lnTo>
                    <a:lnTo>
                      <a:pt x="420" y="84"/>
                    </a:lnTo>
                    <a:lnTo>
                      <a:pt x="414" y="85"/>
                    </a:lnTo>
                    <a:lnTo>
                      <a:pt x="408" y="87"/>
                    </a:lnTo>
                    <a:lnTo>
                      <a:pt x="400" y="90"/>
                    </a:lnTo>
                    <a:lnTo>
                      <a:pt x="393" y="93"/>
                    </a:lnTo>
                    <a:lnTo>
                      <a:pt x="385" y="98"/>
                    </a:lnTo>
                    <a:lnTo>
                      <a:pt x="378" y="102"/>
                    </a:lnTo>
                    <a:lnTo>
                      <a:pt x="370" y="108"/>
                    </a:lnTo>
                    <a:lnTo>
                      <a:pt x="360" y="114"/>
                    </a:lnTo>
                    <a:lnTo>
                      <a:pt x="353" y="110"/>
                    </a:lnTo>
                    <a:lnTo>
                      <a:pt x="344" y="105"/>
                    </a:lnTo>
                    <a:lnTo>
                      <a:pt x="335" y="100"/>
                    </a:lnTo>
                    <a:lnTo>
                      <a:pt x="323" y="95"/>
                    </a:lnTo>
                    <a:lnTo>
                      <a:pt x="310" y="91"/>
                    </a:lnTo>
                    <a:lnTo>
                      <a:pt x="292" y="89"/>
                    </a:lnTo>
                    <a:lnTo>
                      <a:pt x="270" y="88"/>
                    </a:lnTo>
                    <a:lnTo>
                      <a:pt x="242" y="90"/>
                    </a:lnTo>
                    <a:lnTo>
                      <a:pt x="217" y="91"/>
                    </a:lnTo>
                    <a:lnTo>
                      <a:pt x="203" y="92"/>
                    </a:lnTo>
                    <a:lnTo>
                      <a:pt x="198" y="92"/>
                    </a:lnTo>
                    <a:lnTo>
                      <a:pt x="197" y="92"/>
                    </a:lnTo>
                    <a:lnTo>
                      <a:pt x="12" y="0"/>
                    </a:lnTo>
                    <a:lnTo>
                      <a:pt x="0" y="22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64" name="Odsherred kant"/>
              <p:cNvSpPr>
                <a:spLocks/>
              </p:cNvSpPr>
              <p:nvPr/>
            </p:nvSpPr>
            <p:spPr bwMode="auto">
              <a:xfrm>
                <a:off x="3001963" y="4540250"/>
                <a:ext cx="393700" cy="361950"/>
              </a:xfrm>
              <a:custGeom>
                <a:avLst/>
                <a:gdLst>
                  <a:gd name="T0" fmla="*/ 26 w 746"/>
                  <a:gd name="T1" fmla="*/ 28 h 684"/>
                  <a:gd name="T2" fmla="*/ 49 w 746"/>
                  <a:gd name="T3" fmla="*/ 40 h 684"/>
                  <a:gd name="T4" fmla="*/ 82 w 746"/>
                  <a:gd name="T5" fmla="*/ 41 h 684"/>
                  <a:gd name="T6" fmla="*/ 101 w 746"/>
                  <a:gd name="T7" fmla="*/ 45 h 684"/>
                  <a:gd name="T8" fmla="*/ 111 w 746"/>
                  <a:gd name="T9" fmla="*/ 52 h 684"/>
                  <a:gd name="T10" fmla="*/ 118 w 746"/>
                  <a:gd name="T11" fmla="*/ 68 h 684"/>
                  <a:gd name="T12" fmla="*/ 120 w 746"/>
                  <a:gd name="T13" fmla="*/ 91 h 684"/>
                  <a:gd name="T14" fmla="*/ 117 w 746"/>
                  <a:gd name="T15" fmla="*/ 106 h 684"/>
                  <a:gd name="T16" fmla="*/ 111 w 746"/>
                  <a:gd name="T17" fmla="*/ 119 h 684"/>
                  <a:gd name="T18" fmla="*/ 102 w 746"/>
                  <a:gd name="T19" fmla="*/ 129 h 684"/>
                  <a:gd name="T20" fmla="*/ 74 w 746"/>
                  <a:gd name="T21" fmla="*/ 135 h 684"/>
                  <a:gd name="T22" fmla="*/ 48 w 746"/>
                  <a:gd name="T23" fmla="*/ 139 h 684"/>
                  <a:gd name="T24" fmla="*/ 44 w 746"/>
                  <a:gd name="T25" fmla="*/ 142 h 684"/>
                  <a:gd name="T26" fmla="*/ 50 w 746"/>
                  <a:gd name="T27" fmla="*/ 156 h 684"/>
                  <a:gd name="T28" fmla="*/ 52 w 746"/>
                  <a:gd name="T29" fmla="*/ 175 h 684"/>
                  <a:gd name="T30" fmla="*/ 46 w 746"/>
                  <a:gd name="T31" fmla="*/ 198 h 684"/>
                  <a:gd name="T32" fmla="*/ 42 w 746"/>
                  <a:gd name="T33" fmla="*/ 213 h 684"/>
                  <a:gd name="T34" fmla="*/ 51 w 746"/>
                  <a:gd name="T35" fmla="*/ 223 h 684"/>
                  <a:gd name="T36" fmla="*/ 54 w 746"/>
                  <a:gd name="T37" fmla="*/ 228 h 684"/>
                  <a:gd name="T38" fmla="*/ 65 w 746"/>
                  <a:gd name="T39" fmla="*/ 227 h 684"/>
                  <a:gd name="T40" fmla="*/ 121 w 746"/>
                  <a:gd name="T41" fmla="*/ 194 h 684"/>
                  <a:gd name="T42" fmla="*/ 174 w 746"/>
                  <a:gd name="T43" fmla="*/ 179 h 684"/>
                  <a:gd name="T44" fmla="*/ 181 w 746"/>
                  <a:gd name="T45" fmla="*/ 165 h 684"/>
                  <a:gd name="T46" fmla="*/ 189 w 746"/>
                  <a:gd name="T47" fmla="*/ 158 h 684"/>
                  <a:gd name="T48" fmla="*/ 199 w 746"/>
                  <a:gd name="T49" fmla="*/ 155 h 684"/>
                  <a:gd name="T50" fmla="*/ 212 w 746"/>
                  <a:gd name="T51" fmla="*/ 155 h 684"/>
                  <a:gd name="T52" fmla="*/ 216 w 746"/>
                  <a:gd name="T53" fmla="*/ 129 h 684"/>
                  <a:gd name="T54" fmla="*/ 199 w 746"/>
                  <a:gd name="T55" fmla="*/ 102 h 684"/>
                  <a:gd name="T56" fmla="*/ 189 w 746"/>
                  <a:gd name="T57" fmla="*/ 82 h 684"/>
                  <a:gd name="T58" fmla="*/ 190 w 746"/>
                  <a:gd name="T59" fmla="*/ 72 h 684"/>
                  <a:gd name="T60" fmla="*/ 196 w 746"/>
                  <a:gd name="T61" fmla="*/ 67 h 684"/>
                  <a:gd name="T62" fmla="*/ 204 w 746"/>
                  <a:gd name="T63" fmla="*/ 68 h 684"/>
                  <a:gd name="T64" fmla="*/ 210 w 746"/>
                  <a:gd name="T65" fmla="*/ 73 h 684"/>
                  <a:gd name="T66" fmla="*/ 217 w 746"/>
                  <a:gd name="T67" fmla="*/ 79 h 684"/>
                  <a:gd name="T68" fmla="*/ 226 w 746"/>
                  <a:gd name="T69" fmla="*/ 77 h 684"/>
                  <a:gd name="T70" fmla="*/ 231 w 746"/>
                  <a:gd name="T71" fmla="*/ 62 h 684"/>
                  <a:gd name="T72" fmla="*/ 234 w 746"/>
                  <a:gd name="T73" fmla="*/ 40 h 684"/>
                  <a:gd name="T74" fmla="*/ 246 w 746"/>
                  <a:gd name="T75" fmla="*/ 29 h 684"/>
                  <a:gd name="T76" fmla="*/ 246 w 746"/>
                  <a:gd name="T77" fmla="*/ 20 h 684"/>
                  <a:gd name="T78" fmla="*/ 239 w 746"/>
                  <a:gd name="T79" fmla="*/ 14 h 684"/>
                  <a:gd name="T80" fmla="*/ 227 w 746"/>
                  <a:gd name="T81" fmla="*/ 18 h 684"/>
                  <a:gd name="T82" fmla="*/ 200 w 746"/>
                  <a:gd name="T83" fmla="*/ 37 h 684"/>
                  <a:gd name="T84" fmla="*/ 160 w 746"/>
                  <a:gd name="T85" fmla="*/ 38 h 684"/>
                  <a:gd name="T86" fmla="*/ 153 w 746"/>
                  <a:gd name="T87" fmla="*/ 30 h 684"/>
                  <a:gd name="T88" fmla="*/ 140 w 746"/>
                  <a:gd name="T89" fmla="*/ 28 h 684"/>
                  <a:gd name="T90" fmla="*/ 131 w 746"/>
                  <a:gd name="T91" fmla="*/ 31 h 684"/>
                  <a:gd name="T92" fmla="*/ 120 w 746"/>
                  <a:gd name="T93" fmla="*/ 38 h 684"/>
                  <a:gd name="T94" fmla="*/ 107 w 746"/>
                  <a:gd name="T95" fmla="*/ 32 h 684"/>
                  <a:gd name="T96" fmla="*/ 80 w 746"/>
                  <a:gd name="T97" fmla="*/ 30 h 684"/>
                  <a:gd name="T98" fmla="*/ 65 w 746"/>
                  <a:gd name="T99" fmla="*/ 31 h 684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0" t="0" r="r" b="b"/>
                <a:pathLst>
                  <a:path w="746" h="684">
                    <a:moveTo>
                      <a:pt x="0" y="22"/>
                    </a:moveTo>
                    <a:lnTo>
                      <a:pt x="17" y="35"/>
                    </a:lnTo>
                    <a:lnTo>
                      <a:pt x="56" y="66"/>
                    </a:lnTo>
                    <a:lnTo>
                      <a:pt x="79" y="83"/>
                    </a:lnTo>
                    <a:lnTo>
                      <a:pt x="100" y="99"/>
                    </a:lnTo>
                    <a:lnTo>
                      <a:pt x="120" y="111"/>
                    </a:lnTo>
                    <a:lnTo>
                      <a:pt x="134" y="120"/>
                    </a:lnTo>
                    <a:lnTo>
                      <a:pt x="148" y="119"/>
                    </a:lnTo>
                    <a:lnTo>
                      <a:pt x="171" y="119"/>
                    </a:lnTo>
                    <a:lnTo>
                      <a:pt x="199" y="120"/>
                    </a:lnTo>
                    <a:lnTo>
                      <a:pt x="231" y="122"/>
                    </a:lnTo>
                    <a:lnTo>
                      <a:pt x="246" y="123"/>
                    </a:lnTo>
                    <a:lnTo>
                      <a:pt x="262" y="125"/>
                    </a:lnTo>
                    <a:lnTo>
                      <a:pt x="277" y="127"/>
                    </a:lnTo>
                    <a:lnTo>
                      <a:pt x="291" y="130"/>
                    </a:lnTo>
                    <a:lnTo>
                      <a:pt x="303" y="134"/>
                    </a:lnTo>
                    <a:lnTo>
                      <a:pt x="314" y="139"/>
                    </a:lnTo>
                    <a:lnTo>
                      <a:pt x="322" y="143"/>
                    </a:lnTo>
                    <a:lnTo>
                      <a:pt x="329" y="149"/>
                    </a:lnTo>
                    <a:lnTo>
                      <a:pt x="334" y="156"/>
                    </a:lnTo>
                    <a:lnTo>
                      <a:pt x="339" y="165"/>
                    </a:lnTo>
                    <a:lnTo>
                      <a:pt x="344" y="177"/>
                    </a:lnTo>
                    <a:lnTo>
                      <a:pt x="350" y="189"/>
                    </a:lnTo>
                    <a:lnTo>
                      <a:pt x="354" y="204"/>
                    </a:lnTo>
                    <a:lnTo>
                      <a:pt x="358" y="220"/>
                    </a:lnTo>
                    <a:lnTo>
                      <a:pt x="360" y="237"/>
                    </a:lnTo>
                    <a:lnTo>
                      <a:pt x="361" y="254"/>
                    </a:lnTo>
                    <a:lnTo>
                      <a:pt x="361" y="272"/>
                    </a:lnTo>
                    <a:lnTo>
                      <a:pt x="359" y="291"/>
                    </a:lnTo>
                    <a:lnTo>
                      <a:pt x="357" y="301"/>
                    </a:lnTo>
                    <a:lnTo>
                      <a:pt x="355" y="310"/>
                    </a:lnTo>
                    <a:lnTo>
                      <a:pt x="353" y="319"/>
                    </a:lnTo>
                    <a:lnTo>
                      <a:pt x="349" y="328"/>
                    </a:lnTo>
                    <a:lnTo>
                      <a:pt x="344" y="338"/>
                    </a:lnTo>
                    <a:lnTo>
                      <a:pt x="340" y="346"/>
                    </a:lnTo>
                    <a:lnTo>
                      <a:pt x="335" y="356"/>
                    </a:lnTo>
                    <a:lnTo>
                      <a:pt x="329" y="364"/>
                    </a:lnTo>
                    <a:lnTo>
                      <a:pt x="322" y="372"/>
                    </a:lnTo>
                    <a:lnTo>
                      <a:pt x="315" y="381"/>
                    </a:lnTo>
                    <a:lnTo>
                      <a:pt x="306" y="388"/>
                    </a:lnTo>
                    <a:lnTo>
                      <a:pt x="297" y="396"/>
                    </a:lnTo>
                    <a:lnTo>
                      <a:pt x="276" y="399"/>
                    </a:lnTo>
                    <a:lnTo>
                      <a:pt x="251" y="401"/>
                    </a:lnTo>
                    <a:lnTo>
                      <a:pt x="224" y="404"/>
                    </a:lnTo>
                    <a:lnTo>
                      <a:pt x="198" y="407"/>
                    </a:lnTo>
                    <a:lnTo>
                      <a:pt x="174" y="410"/>
                    </a:lnTo>
                    <a:lnTo>
                      <a:pt x="153" y="413"/>
                    </a:lnTo>
                    <a:lnTo>
                      <a:pt x="144" y="416"/>
                    </a:lnTo>
                    <a:lnTo>
                      <a:pt x="137" y="418"/>
                    </a:lnTo>
                    <a:lnTo>
                      <a:pt x="132" y="419"/>
                    </a:lnTo>
                    <a:lnTo>
                      <a:pt x="130" y="421"/>
                    </a:lnTo>
                    <a:lnTo>
                      <a:pt x="132" y="427"/>
                    </a:lnTo>
                    <a:lnTo>
                      <a:pt x="139" y="439"/>
                    </a:lnTo>
                    <a:lnTo>
                      <a:pt x="142" y="447"/>
                    </a:lnTo>
                    <a:lnTo>
                      <a:pt x="146" y="457"/>
                    </a:lnTo>
                    <a:lnTo>
                      <a:pt x="151" y="467"/>
                    </a:lnTo>
                    <a:lnTo>
                      <a:pt x="154" y="480"/>
                    </a:lnTo>
                    <a:lnTo>
                      <a:pt x="156" y="494"/>
                    </a:lnTo>
                    <a:lnTo>
                      <a:pt x="157" y="509"/>
                    </a:lnTo>
                    <a:lnTo>
                      <a:pt x="156" y="525"/>
                    </a:lnTo>
                    <a:lnTo>
                      <a:pt x="154" y="543"/>
                    </a:lnTo>
                    <a:lnTo>
                      <a:pt x="148" y="563"/>
                    </a:lnTo>
                    <a:lnTo>
                      <a:pt x="141" y="584"/>
                    </a:lnTo>
                    <a:lnTo>
                      <a:pt x="137" y="595"/>
                    </a:lnTo>
                    <a:lnTo>
                      <a:pt x="132" y="606"/>
                    </a:lnTo>
                    <a:lnTo>
                      <a:pt x="125" y="618"/>
                    </a:lnTo>
                    <a:lnTo>
                      <a:pt x="118" y="629"/>
                    </a:lnTo>
                    <a:lnTo>
                      <a:pt x="125" y="640"/>
                    </a:lnTo>
                    <a:lnTo>
                      <a:pt x="134" y="649"/>
                    </a:lnTo>
                    <a:lnTo>
                      <a:pt x="141" y="658"/>
                    </a:lnTo>
                    <a:lnTo>
                      <a:pt x="147" y="664"/>
                    </a:lnTo>
                    <a:lnTo>
                      <a:pt x="153" y="669"/>
                    </a:lnTo>
                    <a:lnTo>
                      <a:pt x="157" y="674"/>
                    </a:lnTo>
                    <a:lnTo>
                      <a:pt x="160" y="678"/>
                    </a:lnTo>
                    <a:lnTo>
                      <a:pt x="161" y="681"/>
                    </a:lnTo>
                    <a:lnTo>
                      <a:pt x="162" y="683"/>
                    </a:lnTo>
                    <a:lnTo>
                      <a:pt x="165" y="683"/>
                    </a:lnTo>
                    <a:lnTo>
                      <a:pt x="172" y="684"/>
                    </a:lnTo>
                    <a:lnTo>
                      <a:pt x="178" y="683"/>
                    </a:lnTo>
                    <a:lnTo>
                      <a:pt x="196" y="682"/>
                    </a:lnTo>
                    <a:lnTo>
                      <a:pt x="217" y="679"/>
                    </a:lnTo>
                    <a:lnTo>
                      <a:pt x="255" y="674"/>
                    </a:lnTo>
                    <a:lnTo>
                      <a:pt x="272" y="670"/>
                    </a:lnTo>
                    <a:lnTo>
                      <a:pt x="365" y="582"/>
                    </a:lnTo>
                    <a:lnTo>
                      <a:pt x="519" y="566"/>
                    </a:lnTo>
                    <a:lnTo>
                      <a:pt x="520" y="561"/>
                    </a:lnTo>
                    <a:lnTo>
                      <a:pt x="522" y="546"/>
                    </a:lnTo>
                    <a:lnTo>
                      <a:pt x="524" y="537"/>
                    </a:lnTo>
                    <a:lnTo>
                      <a:pt x="528" y="527"/>
                    </a:lnTo>
                    <a:lnTo>
                      <a:pt x="532" y="517"/>
                    </a:lnTo>
                    <a:lnTo>
                      <a:pt x="538" y="506"/>
                    </a:lnTo>
                    <a:lnTo>
                      <a:pt x="545" y="496"/>
                    </a:lnTo>
                    <a:lnTo>
                      <a:pt x="554" y="486"/>
                    </a:lnTo>
                    <a:lnTo>
                      <a:pt x="559" y="481"/>
                    </a:lnTo>
                    <a:lnTo>
                      <a:pt x="564" y="477"/>
                    </a:lnTo>
                    <a:lnTo>
                      <a:pt x="570" y="474"/>
                    </a:lnTo>
                    <a:lnTo>
                      <a:pt x="576" y="470"/>
                    </a:lnTo>
                    <a:lnTo>
                      <a:pt x="583" y="467"/>
                    </a:lnTo>
                    <a:lnTo>
                      <a:pt x="591" y="465"/>
                    </a:lnTo>
                    <a:lnTo>
                      <a:pt x="599" y="464"/>
                    </a:lnTo>
                    <a:lnTo>
                      <a:pt x="608" y="463"/>
                    </a:lnTo>
                    <a:lnTo>
                      <a:pt x="617" y="462"/>
                    </a:lnTo>
                    <a:lnTo>
                      <a:pt x="627" y="463"/>
                    </a:lnTo>
                    <a:lnTo>
                      <a:pt x="637" y="464"/>
                    </a:lnTo>
                    <a:lnTo>
                      <a:pt x="649" y="466"/>
                    </a:lnTo>
                    <a:lnTo>
                      <a:pt x="650" y="433"/>
                    </a:lnTo>
                    <a:lnTo>
                      <a:pt x="650" y="406"/>
                    </a:lnTo>
                    <a:lnTo>
                      <a:pt x="649" y="387"/>
                    </a:lnTo>
                    <a:lnTo>
                      <a:pt x="649" y="380"/>
                    </a:lnTo>
                    <a:lnTo>
                      <a:pt x="638" y="366"/>
                    </a:lnTo>
                    <a:lnTo>
                      <a:pt x="613" y="329"/>
                    </a:lnTo>
                    <a:lnTo>
                      <a:pt x="599" y="307"/>
                    </a:lnTo>
                    <a:lnTo>
                      <a:pt x="585" y="283"/>
                    </a:lnTo>
                    <a:lnTo>
                      <a:pt x="579" y="270"/>
                    </a:lnTo>
                    <a:lnTo>
                      <a:pt x="573" y="258"/>
                    </a:lnTo>
                    <a:lnTo>
                      <a:pt x="569" y="246"/>
                    </a:lnTo>
                    <a:lnTo>
                      <a:pt x="564" y="234"/>
                    </a:lnTo>
                    <a:lnTo>
                      <a:pt x="565" y="228"/>
                    </a:lnTo>
                    <a:lnTo>
                      <a:pt x="569" y="221"/>
                    </a:lnTo>
                    <a:lnTo>
                      <a:pt x="572" y="216"/>
                    </a:lnTo>
                    <a:lnTo>
                      <a:pt x="575" y="211"/>
                    </a:lnTo>
                    <a:lnTo>
                      <a:pt x="579" y="207"/>
                    </a:lnTo>
                    <a:lnTo>
                      <a:pt x="584" y="204"/>
                    </a:lnTo>
                    <a:lnTo>
                      <a:pt x="590" y="202"/>
                    </a:lnTo>
                    <a:lnTo>
                      <a:pt x="596" y="201"/>
                    </a:lnTo>
                    <a:lnTo>
                      <a:pt x="601" y="201"/>
                    </a:lnTo>
                    <a:lnTo>
                      <a:pt x="608" y="201"/>
                    </a:lnTo>
                    <a:lnTo>
                      <a:pt x="613" y="203"/>
                    </a:lnTo>
                    <a:lnTo>
                      <a:pt x="619" y="205"/>
                    </a:lnTo>
                    <a:lnTo>
                      <a:pt x="624" y="209"/>
                    </a:lnTo>
                    <a:lnTo>
                      <a:pt x="629" y="213"/>
                    </a:lnTo>
                    <a:lnTo>
                      <a:pt x="633" y="219"/>
                    </a:lnTo>
                    <a:lnTo>
                      <a:pt x="637" y="226"/>
                    </a:lnTo>
                    <a:lnTo>
                      <a:pt x="642" y="231"/>
                    </a:lnTo>
                    <a:lnTo>
                      <a:pt x="648" y="236"/>
                    </a:lnTo>
                    <a:lnTo>
                      <a:pt x="654" y="238"/>
                    </a:lnTo>
                    <a:lnTo>
                      <a:pt x="659" y="239"/>
                    </a:lnTo>
                    <a:lnTo>
                      <a:pt x="667" y="238"/>
                    </a:lnTo>
                    <a:lnTo>
                      <a:pt x="673" y="236"/>
                    </a:lnTo>
                    <a:lnTo>
                      <a:pt x="681" y="231"/>
                    </a:lnTo>
                    <a:lnTo>
                      <a:pt x="689" y="226"/>
                    </a:lnTo>
                    <a:lnTo>
                      <a:pt x="692" y="217"/>
                    </a:lnTo>
                    <a:lnTo>
                      <a:pt x="693" y="203"/>
                    </a:lnTo>
                    <a:lnTo>
                      <a:pt x="694" y="187"/>
                    </a:lnTo>
                    <a:lnTo>
                      <a:pt x="695" y="169"/>
                    </a:lnTo>
                    <a:lnTo>
                      <a:pt x="696" y="138"/>
                    </a:lnTo>
                    <a:lnTo>
                      <a:pt x="696" y="124"/>
                    </a:lnTo>
                    <a:lnTo>
                      <a:pt x="703" y="120"/>
                    </a:lnTo>
                    <a:lnTo>
                      <a:pt x="720" y="109"/>
                    </a:lnTo>
                    <a:lnTo>
                      <a:pt x="729" y="102"/>
                    </a:lnTo>
                    <a:lnTo>
                      <a:pt x="737" y="92"/>
                    </a:lnTo>
                    <a:lnTo>
                      <a:pt x="740" y="87"/>
                    </a:lnTo>
                    <a:lnTo>
                      <a:pt x="743" y="82"/>
                    </a:lnTo>
                    <a:lnTo>
                      <a:pt x="744" y="75"/>
                    </a:lnTo>
                    <a:lnTo>
                      <a:pt x="746" y="69"/>
                    </a:lnTo>
                    <a:lnTo>
                      <a:pt x="741" y="61"/>
                    </a:lnTo>
                    <a:lnTo>
                      <a:pt x="737" y="53"/>
                    </a:lnTo>
                    <a:lnTo>
                      <a:pt x="732" y="48"/>
                    </a:lnTo>
                    <a:lnTo>
                      <a:pt x="727" y="44"/>
                    </a:lnTo>
                    <a:lnTo>
                      <a:pt x="720" y="42"/>
                    </a:lnTo>
                    <a:lnTo>
                      <a:pt x="714" y="42"/>
                    </a:lnTo>
                    <a:lnTo>
                      <a:pt x="706" y="43"/>
                    </a:lnTo>
                    <a:lnTo>
                      <a:pt x="696" y="45"/>
                    </a:lnTo>
                    <a:lnTo>
                      <a:pt x="684" y="54"/>
                    </a:lnTo>
                    <a:lnTo>
                      <a:pt x="670" y="66"/>
                    </a:lnTo>
                    <a:lnTo>
                      <a:pt x="652" y="79"/>
                    </a:lnTo>
                    <a:lnTo>
                      <a:pt x="634" y="91"/>
                    </a:lnTo>
                    <a:lnTo>
                      <a:pt x="603" y="112"/>
                    </a:lnTo>
                    <a:lnTo>
                      <a:pt x="590" y="122"/>
                    </a:lnTo>
                    <a:lnTo>
                      <a:pt x="488" y="126"/>
                    </a:lnTo>
                    <a:lnTo>
                      <a:pt x="485" y="123"/>
                    </a:lnTo>
                    <a:lnTo>
                      <a:pt x="481" y="113"/>
                    </a:lnTo>
                    <a:lnTo>
                      <a:pt x="477" y="108"/>
                    </a:lnTo>
                    <a:lnTo>
                      <a:pt x="473" y="102"/>
                    </a:lnTo>
                    <a:lnTo>
                      <a:pt x="466" y="97"/>
                    </a:lnTo>
                    <a:lnTo>
                      <a:pt x="460" y="91"/>
                    </a:lnTo>
                    <a:lnTo>
                      <a:pt x="452" y="87"/>
                    </a:lnTo>
                    <a:lnTo>
                      <a:pt x="442" y="85"/>
                    </a:lnTo>
                    <a:lnTo>
                      <a:pt x="432" y="83"/>
                    </a:lnTo>
                    <a:lnTo>
                      <a:pt x="420" y="84"/>
                    </a:lnTo>
                    <a:lnTo>
                      <a:pt x="414" y="85"/>
                    </a:lnTo>
                    <a:lnTo>
                      <a:pt x="408" y="87"/>
                    </a:lnTo>
                    <a:lnTo>
                      <a:pt x="400" y="90"/>
                    </a:lnTo>
                    <a:lnTo>
                      <a:pt x="393" y="93"/>
                    </a:lnTo>
                    <a:lnTo>
                      <a:pt x="385" y="98"/>
                    </a:lnTo>
                    <a:lnTo>
                      <a:pt x="378" y="102"/>
                    </a:lnTo>
                    <a:lnTo>
                      <a:pt x="370" y="108"/>
                    </a:lnTo>
                    <a:lnTo>
                      <a:pt x="360" y="114"/>
                    </a:lnTo>
                    <a:lnTo>
                      <a:pt x="353" y="110"/>
                    </a:lnTo>
                    <a:lnTo>
                      <a:pt x="344" y="105"/>
                    </a:lnTo>
                    <a:lnTo>
                      <a:pt x="335" y="100"/>
                    </a:lnTo>
                    <a:lnTo>
                      <a:pt x="323" y="95"/>
                    </a:lnTo>
                    <a:lnTo>
                      <a:pt x="310" y="91"/>
                    </a:lnTo>
                    <a:lnTo>
                      <a:pt x="292" y="89"/>
                    </a:lnTo>
                    <a:lnTo>
                      <a:pt x="270" y="88"/>
                    </a:lnTo>
                    <a:lnTo>
                      <a:pt x="242" y="90"/>
                    </a:lnTo>
                    <a:lnTo>
                      <a:pt x="217" y="91"/>
                    </a:lnTo>
                    <a:lnTo>
                      <a:pt x="203" y="92"/>
                    </a:lnTo>
                    <a:lnTo>
                      <a:pt x="198" y="92"/>
                    </a:lnTo>
                    <a:lnTo>
                      <a:pt x="197" y="92"/>
                    </a:lnTo>
                    <a:lnTo>
                      <a:pt x="12" y="0"/>
                    </a:lnTo>
                    <a:lnTo>
                      <a:pt x="0" y="22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65" name="Odsherred"/>
              <p:cNvSpPr>
                <a:spLocks/>
              </p:cNvSpPr>
              <p:nvPr/>
            </p:nvSpPr>
            <p:spPr bwMode="auto">
              <a:xfrm>
                <a:off x="3000375" y="4818063"/>
                <a:ext cx="25400" cy="52388"/>
              </a:xfrm>
              <a:custGeom>
                <a:avLst/>
                <a:gdLst>
                  <a:gd name="T0" fmla="*/ 15 w 50"/>
                  <a:gd name="T1" fmla="*/ 33 h 98"/>
                  <a:gd name="T2" fmla="*/ 16 w 50"/>
                  <a:gd name="T3" fmla="*/ 30 h 98"/>
                  <a:gd name="T4" fmla="*/ 16 w 50"/>
                  <a:gd name="T5" fmla="*/ 27 h 98"/>
                  <a:gd name="T6" fmla="*/ 16 w 50"/>
                  <a:gd name="T7" fmla="*/ 25 h 98"/>
                  <a:gd name="T8" fmla="*/ 16 w 50"/>
                  <a:gd name="T9" fmla="*/ 22 h 98"/>
                  <a:gd name="T10" fmla="*/ 16 w 50"/>
                  <a:gd name="T11" fmla="*/ 20 h 98"/>
                  <a:gd name="T12" fmla="*/ 15 w 50"/>
                  <a:gd name="T13" fmla="*/ 18 h 98"/>
                  <a:gd name="T14" fmla="*/ 15 w 50"/>
                  <a:gd name="T15" fmla="*/ 15 h 98"/>
                  <a:gd name="T16" fmla="*/ 14 w 50"/>
                  <a:gd name="T17" fmla="*/ 13 h 98"/>
                  <a:gd name="T18" fmla="*/ 13 w 50"/>
                  <a:gd name="T19" fmla="*/ 11 h 98"/>
                  <a:gd name="T20" fmla="*/ 12 w 50"/>
                  <a:gd name="T21" fmla="*/ 9 h 98"/>
                  <a:gd name="T22" fmla="*/ 11 w 50"/>
                  <a:gd name="T23" fmla="*/ 7 h 98"/>
                  <a:gd name="T24" fmla="*/ 9 w 50"/>
                  <a:gd name="T25" fmla="*/ 6 h 98"/>
                  <a:gd name="T26" fmla="*/ 8 w 50"/>
                  <a:gd name="T27" fmla="*/ 4 h 98"/>
                  <a:gd name="T28" fmla="*/ 6 w 50"/>
                  <a:gd name="T29" fmla="*/ 3 h 98"/>
                  <a:gd name="T30" fmla="*/ 4 w 50"/>
                  <a:gd name="T31" fmla="*/ 1 h 98"/>
                  <a:gd name="T32" fmla="*/ 2 w 50"/>
                  <a:gd name="T33" fmla="*/ 0 h 98"/>
                  <a:gd name="T34" fmla="*/ 1 w 50"/>
                  <a:gd name="T35" fmla="*/ 2 h 98"/>
                  <a:gd name="T36" fmla="*/ 1 w 50"/>
                  <a:gd name="T37" fmla="*/ 5 h 98"/>
                  <a:gd name="T38" fmla="*/ 0 w 50"/>
                  <a:gd name="T39" fmla="*/ 7 h 98"/>
                  <a:gd name="T40" fmla="*/ 0 w 50"/>
                  <a:gd name="T41" fmla="*/ 10 h 98"/>
                  <a:gd name="T42" fmla="*/ 0 w 50"/>
                  <a:gd name="T43" fmla="*/ 13 h 98"/>
                  <a:gd name="T44" fmla="*/ 0 w 50"/>
                  <a:gd name="T45" fmla="*/ 15 h 98"/>
                  <a:gd name="T46" fmla="*/ 1 w 50"/>
                  <a:gd name="T47" fmla="*/ 19 h 98"/>
                  <a:gd name="T48" fmla="*/ 1 w 50"/>
                  <a:gd name="T49" fmla="*/ 21 h 98"/>
                  <a:gd name="T50" fmla="*/ 2 w 50"/>
                  <a:gd name="T51" fmla="*/ 24 h 98"/>
                  <a:gd name="T52" fmla="*/ 3 w 50"/>
                  <a:gd name="T53" fmla="*/ 26 h 98"/>
                  <a:gd name="T54" fmla="*/ 5 w 50"/>
                  <a:gd name="T55" fmla="*/ 28 h 98"/>
                  <a:gd name="T56" fmla="*/ 6 w 50"/>
                  <a:gd name="T57" fmla="*/ 30 h 98"/>
                  <a:gd name="T58" fmla="*/ 8 w 50"/>
                  <a:gd name="T59" fmla="*/ 31 h 98"/>
                  <a:gd name="T60" fmla="*/ 10 w 50"/>
                  <a:gd name="T61" fmla="*/ 32 h 98"/>
                  <a:gd name="T62" fmla="*/ 13 w 50"/>
                  <a:gd name="T63" fmla="*/ 33 h 98"/>
                  <a:gd name="T64" fmla="*/ 15 w 50"/>
                  <a:gd name="T65" fmla="*/ 33 h 98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50" h="98">
                    <a:moveTo>
                      <a:pt x="47" y="98"/>
                    </a:moveTo>
                    <a:lnTo>
                      <a:pt x="49" y="90"/>
                    </a:lnTo>
                    <a:lnTo>
                      <a:pt x="50" y="81"/>
                    </a:lnTo>
                    <a:lnTo>
                      <a:pt x="50" y="74"/>
                    </a:lnTo>
                    <a:lnTo>
                      <a:pt x="50" y="66"/>
                    </a:lnTo>
                    <a:lnTo>
                      <a:pt x="49" y="59"/>
                    </a:lnTo>
                    <a:lnTo>
                      <a:pt x="48" y="53"/>
                    </a:lnTo>
                    <a:lnTo>
                      <a:pt x="46" y="45"/>
                    </a:lnTo>
                    <a:lnTo>
                      <a:pt x="44" y="39"/>
                    </a:lnTo>
                    <a:lnTo>
                      <a:pt x="41" y="34"/>
                    </a:lnTo>
                    <a:lnTo>
                      <a:pt x="38" y="27"/>
                    </a:lnTo>
                    <a:lnTo>
                      <a:pt x="34" y="22"/>
                    </a:lnTo>
                    <a:lnTo>
                      <a:pt x="29" y="17"/>
                    </a:lnTo>
                    <a:lnTo>
                      <a:pt x="24" y="13"/>
                    </a:lnTo>
                    <a:lnTo>
                      <a:pt x="19" y="9"/>
                    </a:lnTo>
                    <a:lnTo>
                      <a:pt x="14" y="4"/>
                    </a:lnTo>
                    <a:lnTo>
                      <a:pt x="7" y="0"/>
                    </a:lnTo>
                    <a:lnTo>
                      <a:pt x="4" y="7"/>
                    </a:lnTo>
                    <a:lnTo>
                      <a:pt x="2" y="14"/>
                    </a:lnTo>
                    <a:lnTo>
                      <a:pt x="1" y="22"/>
                    </a:lnTo>
                    <a:lnTo>
                      <a:pt x="0" y="31"/>
                    </a:lnTo>
                    <a:lnTo>
                      <a:pt x="0" y="38"/>
                    </a:lnTo>
                    <a:lnTo>
                      <a:pt x="1" y="46"/>
                    </a:lnTo>
                    <a:lnTo>
                      <a:pt x="2" y="55"/>
                    </a:lnTo>
                    <a:lnTo>
                      <a:pt x="4" y="62"/>
                    </a:lnTo>
                    <a:lnTo>
                      <a:pt x="7" y="71"/>
                    </a:lnTo>
                    <a:lnTo>
                      <a:pt x="10" y="77"/>
                    </a:lnTo>
                    <a:lnTo>
                      <a:pt x="15" y="83"/>
                    </a:lnTo>
                    <a:lnTo>
                      <a:pt x="20" y="89"/>
                    </a:lnTo>
                    <a:lnTo>
                      <a:pt x="25" y="93"/>
                    </a:lnTo>
                    <a:lnTo>
                      <a:pt x="32" y="96"/>
                    </a:lnTo>
                    <a:lnTo>
                      <a:pt x="40" y="98"/>
                    </a:lnTo>
                    <a:lnTo>
                      <a:pt x="47" y="98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66" name="Odsherred kant"/>
              <p:cNvSpPr>
                <a:spLocks/>
              </p:cNvSpPr>
              <p:nvPr/>
            </p:nvSpPr>
            <p:spPr bwMode="auto">
              <a:xfrm>
                <a:off x="3000375" y="4818063"/>
                <a:ext cx="25400" cy="52388"/>
              </a:xfrm>
              <a:custGeom>
                <a:avLst/>
                <a:gdLst>
                  <a:gd name="T0" fmla="*/ 15 w 50"/>
                  <a:gd name="T1" fmla="*/ 33 h 98"/>
                  <a:gd name="T2" fmla="*/ 16 w 50"/>
                  <a:gd name="T3" fmla="*/ 30 h 98"/>
                  <a:gd name="T4" fmla="*/ 16 w 50"/>
                  <a:gd name="T5" fmla="*/ 27 h 98"/>
                  <a:gd name="T6" fmla="*/ 16 w 50"/>
                  <a:gd name="T7" fmla="*/ 25 h 98"/>
                  <a:gd name="T8" fmla="*/ 16 w 50"/>
                  <a:gd name="T9" fmla="*/ 22 h 98"/>
                  <a:gd name="T10" fmla="*/ 16 w 50"/>
                  <a:gd name="T11" fmla="*/ 20 h 98"/>
                  <a:gd name="T12" fmla="*/ 15 w 50"/>
                  <a:gd name="T13" fmla="*/ 18 h 98"/>
                  <a:gd name="T14" fmla="*/ 15 w 50"/>
                  <a:gd name="T15" fmla="*/ 15 h 98"/>
                  <a:gd name="T16" fmla="*/ 14 w 50"/>
                  <a:gd name="T17" fmla="*/ 13 h 98"/>
                  <a:gd name="T18" fmla="*/ 13 w 50"/>
                  <a:gd name="T19" fmla="*/ 11 h 98"/>
                  <a:gd name="T20" fmla="*/ 12 w 50"/>
                  <a:gd name="T21" fmla="*/ 9 h 98"/>
                  <a:gd name="T22" fmla="*/ 11 w 50"/>
                  <a:gd name="T23" fmla="*/ 7 h 98"/>
                  <a:gd name="T24" fmla="*/ 9 w 50"/>
                  <a:gd name="T25" fmla="*/ 6 h 98"/>
                  <a:gd name="T26" fmla="*/ 8 w 50"/>
                  <a:gd name="T27" fmla="*/ 4 h 98"/>
                  <a:gd name="T28" fmla="*/ 6 w 50"/>
                  <a:gd name="T29" fmla="*/ 3 h 98"/>
                  <a:gd name="T30" fmla="*/ 4 w 50"/>
                  <a:gd name="T31" fmla="*/ 1 h 98"/>
                  <a:gd name="T32" fmla="*/ 2 w 50"/>
                  <a:gd name="T33" fmla="*/ 0 h 98"/>
                  <a:gd name="T34" fmla="*/ 1 w 50"/>
                  <a:gd name="T35" fmla="*/ 2 h 98"/>
                  <a:gd name="T36" fmla="*/ 1 w 50"/>
                  <a:gd name="T37" fmla="*/ 5 h 98"/>
                  <a:gd name="T38" fmla="*/ 0 w 50"/>
                  <a:gd name="T39" fmla="*/ 7 h 98"/>
                  <a:gd name="T40" fmla="*/ 0 w 50"/>
                  <a:gd name="T41" fmla="*/ 10 h 98"/>
                  <a:gd name="T42" fmla="*/ 0 w 50"/>
                  <a:gd name="T43" fmla="*/ 13 h 98"/>
                  <a:gd name="T44" fmla="*/ 0 w 50"/>
                  <a:gd name="T45" fmla="*/ 15 h 98"/>
                  <a:gd name="T46" fmla="*/ 1 w 50"/>
                  <a:gd name="T47" fmla="*/ 19 h 98"/>
                  <a:gd name="T48" fmla="*/ 1 w 50"/>
                  <a:gd name="T49" fmla="*/ 21 h 98"/>
                  <a:gd name="T50" fmla="*/ 2 w 50"/>
                  <a:gd name="T51" fmla="*/ 24 h 98"/>
                  <a:gd name="T52" fmla="*/ 3 w 50"/>
                  <a:gd name="T53" fmla="*/ 26 h 98"/>
                  <a:gd name="T54" fmla="*/ 5 w 50"/>
                  <a:gd name="T55" fmla="*/ 28 h 98"/>
                  <a:gd name="T56" fmla="*/ 6 w 50"/>
                  <a:gd name="T57" fmla="*/ 30 h 98"/>
                  <a:gd name="T58" fmla="*/ 8 w 50"/>
                  <a:gd name="T59" fmla="*/ 31 h 98"/>
                  <a:gd name="T60" fmla="*/ 10 w 50"/>
                  <a:gd name="T61" fmla="*/ 32 h 98"/>
                  <a:gd name="T62" fmla="*/ 13 w 50"/>
                  <a:gd name="T63" fmla="*/ 33 h 98"/>
                  <a:gd name="T64" fmla="*/ 15 w 50"/>
                  <a:gd name="T65" fmla="*/ 33 h 98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50" h="98">
                    <a:moveTo>
                      <a:pt x="47" y="98"/>
                    </a:moveTo>
                    <a:lnTo>
                      <a:pt x="49" y="90"/>
                    </a:lnTo>
                    <a:lnTo>
                      <a:pt x="50" y="81"/>
                    </a:lnTo>
                    <a:lnTo>
                      <a:pt x="50" y="74"/>
                    </a:lnTo>
                    <a:lnTo>
                      <a:pt x="50" y="66"/>
                    </a:lnTo>
                    <a:lnTo>
                      <a:pt x="49" y="59"/>
                    </a:lnTo>
                    <a:lnTo>
                      <a:pt x="48" y="53"/>
                    </a:lnTo>
                    <a:lnTo>
                      <a:pt x="46" y="45"/>
                    </a:lnTo>
                    <a:lnTo>
                      <a:pt x="44" y="39"/>
                    </a:lnTo>
                    <a:lnTo>
                      <a:pt x="41" y="34"/>
                    </a:lnTo>
                    <a:lnTo>
                      <a:pt x="38" y="27"/>
                    </a:lnTo>
                    <a:lnTo>
                      <a:pt x="34" y="22"/>
                    </a:lnTo>
                    <a:lnTo>
                      <a:pt x="29" y="17"/>
                    </a:lnTo>
                    <a:lnTo>
                      <a:pt x="24" y="13"/>
                    </a:lnTo>
                    <a:lnTo>
                      <a:pt x="19" y="9"/>
                    </a:lnTo>
                    <a:lnTo>
                      <a:pt x="14" y="4"/>
                    </a:lnTo>
                    <a:lnTo>
                      <a:pt x="7" y="0"/>
                    </a:lnTo>
                    <a:lnTo>
                      <a:pt x="4" y="7"/>
                    </a:lnTo>
                    <a:lnTo>
                      <a:pt x="2" y="14"/>
                    </a:lnTo>
                    <a:lnTo>
                      <a:pt x="1" y="22"/>
                    </a:lnTo>
                    <a:lnTo>
                      <a:pt x="0" y="31"/>
                    </a:lnTo>
                    <a:lnTo>
                      <a:pt x="0" y="38"/>
                    </a:lnTo>
                    <a:lnTo>
                      <a:pt x="1" y="46"/>
                    </a:lnTo>
                    <a:lnTo>
                      <a:pt x="2" y="55"/>
                    </a:lnTo>
                    <a:lnTo>
                      <a:pt x="4" y="62"/>
                    </a:lnTo>
                    <a:lnTo>
                      <a:pt x="7" y="71"/>
                    </a:lnTo>
                    <a:lnTo>
                      <a:pt x="10" y="77"/>
                    </a:lnTo>
                    <a:lnTo>
                      <a:pt x="15" y="83"/>
                    </a:lnTo>
                    <a:lnTo>
                      <a:pt x="20" y="89"/>
                    </a:lnTo>
                    <a:lnTo>
                      <a:pt x="25" y="93"/>
                    </a:lnTo>
                    <a:lnTo>
                      <a:pt x="32" y="96"/>
                    </a:lnTo>
                    <a:lnTo>
                      <a:pt x="40" y="98"/>
                    </a:lnTo>
                    <a:lnTo>
                      <a:pt x="47" y="98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67" name="Odsherred"/>
              <p:cNvSpPr>
                <a:spLocks/>
              </p:cNvSpPr>
              <p:nvPr/>
            </p:nvSpPr>
            <p:spPr bwMode="auto">
              <a:xfrm>
                <a:off x="2832100" y="4649788"/>
                <a:ext cx="123825" cy="96838"/>
              </a:xfrm>
              <a:custGeom>
                <a:avLst/>
                <a:gdLst>
                  <a:gd name="T0" fmla="*/ 33 w 236"/>
                  <a:gd name="T1" fmla="*/ 17 h 181"/>
                  <a:gd name="T2" fmla="*/ 25 w 236"/>
                  <a:gd name="T3" fmla="*/ 11 h 181"/>
                  <a:gd name="T4" fmla="*/ 17 w 236"/>
                  <a:gd name="T5" fmla="*/ 6 h 181"/>
                  <a:gd name="T6" fmla="*/ 11 w 236"/>
                  <a:gd name="T7" fmla="*/ 2 h 181"/>
                  <a:gd name="T8" fmla="*/ 6 w 236"/>
                  <a:gd name="T9" fmla="*/ 0 h 181"/>
                  <a:gd name="T10" fmla="*/ 1 w 236"/>
                  <a:gd name="T11" fmla="*/ 2 h 181"/>
                  <a:gd name="T12" fmla="*/ 0 w 236"/>
                  <a:gd name="T13" fmla="*/ 6 h 181"/>
                  <a:gd name="T14" fmla="*/ 0 w 236"/>
                  <a:gd name="T15" fmla="*/ 10 h 181"/>
                  <a:gd name="T16" fmla="*/ 2 w 236"/>
                  <a:gd name="T17" fmla="*/ 14 h 181"/>
                  <a:gd name="T18" fmla="*/ 6 w 236"/>
                  <a:gd name="T19" fmla="*/ 19 h 181"/>
                  <a:gd name="T20" fmla="*/ 13 w 236"/>
                  <a:gd name="T21" fmla="*/ 24 h 181"/>
                  <a:gd name="T22" fmla="*/ 18 w 236"/>
                  <a:gd name="T23" fmla="*/ 26 h 181"/>
                  <a:gd name="T24" fmla="*/ 21 w 236"/>
                  <a:gd name="T25" fmla="*/ 28 h 181"/>
                  <a:gd name="T26" fmla="*/ 25 w 236"/>
                  <a:gd name="T27" fmla="*/ 33 h 181"/>
                  <a:gd name="T28" fmla="*/ 30 w 236"/>
                  <a:gd name="T29" fmla="*/ 40 h 181"/>
                  <a:gd name="T30" fmla="*/ 34 w 236"/>
                  <a:gd name="T31" fmla="*/ 44 h 181"/>
                  <a:gd name="T32" fmla="*/ 38 w 236"/>
                  <a:gd name="T33" fmla="*/ 46 h 181"/>
                  <a:gd name="T34" fmla="*/ 42 w 236"/>
                  <a:gd name="T35" fmla="*/ 49 h 181"/>
                  <a:gd name="T36" fmla="*/ 46 w 236"/>
                  <a:gd name="T37" fmla="*/ 51 h 181"/>
                  <a:gd name="T38" fmla="*/ 54 w 236"/>
                  <a:gd name="T39" fmla="*/ 54 h 181"/>
                  <a:gd name="T40" fmla="*/ 60 w 236"/>
                  <a:gd name="T41" fmla="*/ 55 h 181"/>
                  <a:gd name="T42" fmla="*/ 63 w 236"/>
                  <a:gd name="T43" fmla="*/ 55 h 181"/>
                  <a:gd name="T44" fmla="*/ 66 w 236"/>
                  <a:gd name="T45" fmla="*/ 57 h 181"/>
                  <a:gd name="T46" fmla="*/ 69 w 236"/>
                  <a:gd name="T47" fmla="*/ 60 h 181"/>
                  <a:gd name="T48" fmla="*/ 73 w 236"/>
                  <a:gd name="T49" fmla="*/ 61 h 181"/>
                  <a:gd name="T50" fmla="*/ 76 w 236"/>
                  <a:gd name="T51" fmla="*/ 61 h 181"/>
                  <a:gd name="T52" fmla="*/ 77 w 236"/>
                  <a:gd name="T53" fmla="*/ 55 h 181"/>
                  <a:gd name="T54" fmla="*/ 74 w 236"/>
                  <a:gd name="T55" fmla="*/ 49 h 181"/>
                  <a:gd name="T56" fmla="*/ 71 w 236"/>
                  <a:gd name="T57" fmla="*/ 47 h 181"/>
                  <a:gd name="T58" fmla="*/ 68 w 236"/>
                  <a:gd name="T59" fmla="*/ 47 h 181"/>
                  <a:gd name="T60" fmla="*/ 67 w 236"/>
                  <a:gd name="T61" fmla="*/ 45 h 181"/>
                  <a:gd name="T62" fmla="*/ 66 w 236"/>
                  <a:gd name="T63" fmla="*/ 44 h 181"/>
                  <a:gd name="T64" fmla="*/ 65 w 236"/>
                  <a:gd name="T65" fmla="*/ 44 h 181"/>
                  <a:gd name="T66" fmla="*/ 61 w 236"/>
                  <a:gd name="T67" fmla="*/ 41 h 181"/>
                  <a:gd name="T68" fmla="*/ 54 w 236"/>
                  <a:gd name="T69" fmla="*/ 35 h 181"/>
                  <a:gd name="T70" fmla="*/ 48 w 236"/>
                  <a:gd name="T71" fmla="*/ 28 h 181"/>
                  <a:gd name="T72" fmla="*/ 41 w 236"/>
                  <a:gd name="T73" fmla="*/ 22 h 181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0" t="0" r="r" b="b"/>
                <a:pathLst>
                  <a:path w="236" h="181">
                    <a:moveTo>
                      <a:pt x="114" y="57"/>
                    </a:moveTo>
                    <a:lnTo>
                      <a:pt x="100" y="51"/>
                    </a:lnTo>
                    <a:lnTo>
                      <a:pt x="88" y="42"/>
                    </a:lnTo>
                    <a:lnTo>
                      <a:pt x="77" y="34"/>
                    </a:lnTo>
                    <a:lnTo>
                      <a:pt x="65" y="24"/>
                    </a:lnTo>
                    <a:lnTo>
                      <a:pt x="52" y="17"/>
                    </a:lnTo>
                    <a:lnTo>
                      <a:pt x="40" y="10"/>
                    </a:lnTo>
                    <a:lnTo>
                      <a:pt x="32" y="6"/>
                    </a:lnTo>
                    <a:lnTo>
                      <a:pt x="25" y="3"/>
                    </a:lnTo>
                    <a:lnTo>
                      <a:pt x="17" y="1"/>
                    </a:lnTo>
                    <a:lnTo>
                      <a:pt x="8" y="0"/>
                    </a:lnTo>
                    <a:lnTo>
                      <a:pt x="4" y="6"/>
                    </a:lnTo>
                    <a:lnTo>
                      <a:pt x="2" y="13"/>
                    </a:lnTo>
                    <a:lnTo>
                      <a:pt x="0" y="19"/>
                    </a:lnTo>
                    <a:lnTo>
                      <a:pt x="0" y="25"/>
                    </a:lnTo>
                    <a:lnTo>
                      <a:pt x="1" y="31"/>
                    </a:lnTo>
                    <a:lnTo>
                      <a:pt x="3" y="37"/>
                    </a:lnTo>
                    <a:lnTo>
                      <a:pt x="5" y="42"/>
                    </a:lnTo>
                    <a:lnTo>
                      <a:pt x="9" y="46"/>
                    </a:lnTo>
                    <a:lnTo>
                      <a:pt x="18" y="56"/>
                    </a:lnTo>
                    <a:lnTo>
                      <a:pt x="27" y="63"/>
                    </a:lnTo>
                    <a:lnTo>
                      <a:pt x="39" y="70"/>
                    </a:lnTo>
                    <a:lnTo>
                      <a:pt x="48" y="74"/>
                    </a:lnTo>
                    <a:lnTo>
                      <a:pt x="55" y="76"/>
                    </a:lnTo>
                    <a:lnTo>
                      <a:pt x="60" y="79"/>
                    </a:lnTo>
                    <a:lnTo>
                      <a:pt x="65" y="83"/>
                    </a:lnTo>
                    <a:lnTo>
                      <a:pt x="69" y="88"/>
                    </a:lnTo>
                    <a:lnTo>
                      <a:pt x="77" y="97"/>
                    </a:lnTo>
                    <a:lnTo>
                      <a:pt x="83" y="108"/>
                    </a:lnTo>
                    <a:lnTo>
                      <a:pt x="90" y="118"/>
                    </a:lnTo>
                    <a:lnTo>
                      <a:pt x="99" y="128"/>
                    </a:lnTo>
                    <a:lnTo>
                      <a:pt x="103" y="131"/>
                    </a:lnTo>
                    <a:lnTo>
                      <a:pt x="108" y="134"/>
                    </a:lnTo>
                    <a:lnTo>
                      <a:pt x="115" y="137"/>
                    </a:lnTo>
                    <a:lnTo>
                      <a:pt x="122" y="138"/>
                    </a:lnTo>
                    <a:lnTo>
                      <a:pt x="126" y="144"/>
                    </a:lnTo>
                    <a:lnTo>
                      <a:pt x="133" y="149"/>
                    </a:lnTo>
                    <a:lnTo>
                      <a:pt x="139" y="152"/>
                    </a:lnTo>
                    <a:lnTo>
                      <a:pt x="146" y="155"/>
                    </a:lnTo>
                    <a:lnTo>
                      <a:pt x="163" y="159"/>
                    </a:lnTo>
                    <a:lnTo>
                      <a:pt x="179" y="163"/>
                    </a:lnTo>
                    <a:lnTo>
                      <a:pt x="183" y="163"/>
                    </a:lnTo>
                    <a:lnTo>
                      <a:pt x="187" y="163"/>
                    </a:lnTo>
                    <a:lnTo>
                      <a:pt x="190" y="164"/>
                    </a:lnTo>
                    <a:lnTo>
                      <a:pt x="194" y="167"/>
                    </a:lnTo>
                    <a:lnTo>
                      <a:pt x="199" y="170"/>
                    </a:lnTo>
                    <a:lnTo>
                      <a:pt x="204" y="174"/>
                    </a:lnTo>
                    <a:lnTo>
                      <a:pt x="209" y="178"/>
                    </a:lnTo>
                    <a:lnTo>
                      <a:pt x="216" y="180"/>
                    </a:lnTo>
                    <a:lnTo>
                      <a:pt x="220" y="181"/>
                    </a:lnTo>
                    <a:lnTo>
                      <a:pt x="224" y="181"/>
                    </a:lnTo>
                    <a:lnTo>
                      <a:pt x="229" y="180"/>
                    </a:lnTo>
                    <a:lnTo>
                      <a:pt x="236" y="179"/>
                    </a:lnTo>
                    <a:lnTo>
                      <a:pt x="233" y="164"/>
                    </a:lnTo>
                    <a:lnTo>
                      <a:pt x="227" y="151"/>
                    </a:lnTo>
                    <a:lnTo>
                      <a:pt x="223" y="145"/>
                    </a:lnTo>
                    <a:lnTo>
                      <a:pt x="219" y="141"/>
                    </a:lnTo>
                    <a:lnTo>
                      <a:pt x="216" y="140"/>
                    </a:lnTo>
                    <a:lnTo>
                      <a:pt x="211" y="139"/>
                    </a:lnTo>
                    <a:lnTo>
                      <a:pt x="207" y="138"/>
                    </a:lnTo>
                    <a:lnTo>
                      <a:pt x="203" y="138"/>
                    </a:lnTo>
                    <a:lnTo>
                      <a:pt x="203" y="135"/>
                    </a:lnTo>
                    <a:lnTo>
                      <a:pt x="202" y="132"/>
                    </a:lnTo>
                    <a:lnTo>
                      <a:pt x="201" y="131"/>
                    </a:lnTo>
                    <a:lnTo>
                      <a:pt x="199" y="131"/>
                    </a:lnTo>
                    <a:lnTo>
                      <a:pt x="198" y="130"/>
                    </a:lnTo>
                    <a:lnTo>
                      <a:pt x="195" y="131"/>
                    </a:lnTo>
                    <a:lnTo>
                      <a:pt x="184" y="122"/>
                    </a:lnTo>
                    <a:lnTo>
                      <a:pt x="174" y="114"/>
                    </a:lnTo>
                    <a:lnTo>
                      <a:pt x="164" y="103"/>
                    </a:lnTo>
                    <a:lnTo>
                      <a:pt x="155" y="94"/>
                    </a:lnTo>
                    <a:lnTo>
                      <a:pt x="145" y="83"/>
                    </a:lnTo>
                    <a:lnTo>
                      <a:pt x="136" y="74"/>
                    </a:lnTo>
                    <a:lnTo>
                      <a:pt x="125" y="65"/>
                    </a:lnTo>
                    <a:lnTo>
                      <a:pt x="114" y="57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68" name="Odsherred kant"/>
              <p:cNvSpPr>
                <a:spLocks/>
              </p:cNvSpPr>
              <p:nvPr/>
            </p:nvSpPr>
            <p:spPr bwMode="auto">
              <a:xfrm>
                <a:off x="2832100" y="4649788"/>
                <a:ext cx="123825" cy="96838"/>
              </a:xfrm>
              <a:custGeom>
                <a:avLst/>
                <a:gdLst>
                  <a:gd name="T0" fmla="*/ 33 w 236"/>
                  <a:gd name="T1" fmla="*/ 17 h 181"/>
                  <a:gd name="T2" fmla="*/ 25 w 236"/>
                  <a:gd name="T3" fmla="*/ 11 h 181"/>
                  <a:gd name="T4" fmla="*/ 17 w 236"/>
                  <a:gd name="T5" fmla="*/ 6 h 181"/>
                  <a:gd name="T6" fmla="*/ 11 w 236"/>
                  <a:gd name="T7" fmla="*/ 2 h 181"/>
                  <a:gd name="T8" fmla="*/ 6 w 236"/>
                  <a:gd name="T9" fmla="*/ 0 h 181"/>
                  <a:gd name="T10" fmla="*/ 1 w 236"/>
                  <a:gd name="T11" fmla="*/ 2 h 181"/>
                  <a:gd name="T12" fmla="*/ 0 w 236"/>
                  <a:gd name="T13" fmla="*/ 6 h 181"/>
                  <a:gd name="T14" fmla="*/ 0 w 236"/>
                  <a:gd name="T15" fmla="*/ 10 h 181"/>
                  <a:gd name="T16" fmla="*/ 2 w 236"/>
                  <a:gd name="T17" fmla="*/ 14 h 181"/>
                  <a:gd name="T18" fmla="*/ 6 w 236"/>
                  <a:gd name="T19" fmla="*/ 19 h 181"/>
                  <a:gd name="T20" fmla="*/ 13 w 236"/>
                  <a:gd name="T21" fmla="*/ 24 h 181"/>
                  <a:gd name="T22" fmla="*/ 18 w 236"/>
                  <a:gd name="T23" fmla="*/ 26 h 181"/>
                  <a:gd name="T24" fmla="*/ 21 w 236"/>
                  <a:gd name="T25" fmla="*/ 28 h 181"/>
                  <a:gd name="T26" fmla="*/ 25 w 236"/>
                  <a:gd name="T27" fmla="*/ 33 h 181"/>
                  <a:gd name="T28" fmla="*/ 30 w 236"/>
                  <a:gd name="T29" fmla="*/ 40 h 181"/>
                  <a:gd name="T30" fmla="*/ 34 w 236"/>
                  <a:gd name="T31" fmla="*/ 44 h 181"/>
                  <a:gd name="T32" fmla="*/ 38 w 236"/>
                  <a:gd name="T33" fmla="*/ 46 h 181"/>
                  <a:gd name="T34" fmla="*/ 42 w 236"/>
                  <a:gd name="T35" fmla="*/ 49 h 181"/>
                  <a:gd name="T36" fmla="*/ 46 w 236"/>
                  <a:gd name="T37" fmla="*/ 51 h 181"/>
                  <a:gd name="T38" fmla="*/ 54 w 236"/>
                  <a:gd name="T39" fmla="*/ 54 h 181"/>
                  <a:gd name="T40" fmla="*/ 60 w 236"/>
                  <a:gd name="T41" fmla="*/ 55 h 181"/>
                  <a:gd name="T42" fmla="*/ 63 w 236"/>
                  <a:gd name="T43" fmla="*/ 55 h 181"/>
                  <a:gd name="T44" fmla="*/ 66 w 236"/>
                  <a:gd name="T45" fmla="*/ 57 h 181"/>
                  <a:gd name="T46" fmla="*/ 69 w 236"/>
                  <a:gd name="T47" fmla="*/ 60 h 181"/>
                  <a:gd name="T48" fmla="*/ 73 w 236"/>
                  <a:gd name="T49" fmla="*/ 61 h 181"/>
                  <a:gd name="T50" fmla="*/ 76 w 236"/>
                  <a:gd name="T51" fmla="*/ 61 h 181"/>
                  <a:gd name="T52" fmla="*/ 77 w 236"/>
                  <a:gd name="T53" fmla="*/ 55 h 181"/>
                  <a:gd name="T54" fmla="*/ 74 w 236"/>
                  <a:gd name="T55" fmla="*/ 49 h 181"/>
                  <a:gd name="T56" fmla="*/ 71 w 236"/>
                  <a:gd name="T57" fmla="*/ 47 h 181"/>
                  <a:gd name="T58" fmla="*/ 68 w 236"/>
                  <a:gd name="T59" fmla="*/ 47 h 181"/>
                  <a:gd name="T60" fmla="*/ 67 w 236"/>
                  <a:gd name="T61" fmla="*/ 45 h 181"/>
                  <a:gd name="T62" fmla="*/ 66 w 236"/>
                  <a:gd name="T63" fmla="*/ 44 h 181"/>
                  <a:gd name="T64" fmla="*/ 65 w 236"/>
                  <a:gd name="T65" fmla="*/ 44 h 181"/>
                  <a:gd name="T66" fmla="*/ 61 w 236"/>
                  <a:gd name="T67" fmla="*/ 41 h 181"/>
                  <a:gd name="T68" fmla="*/ 54 w 236"/>
                  <a:gd name="T69" fmla="*/ 35 h 181"/>
                  <a:gd name="T70" fmla="*/ 48 w 236"/>
                  <a:gd name="T71" fmla="*/ 28 h 181"/>
                  <a:gd name="T72" fmla="*/ 41 w 236"/>
                  <a:gd name="T73" fmla="*/ 22 h 181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0" t="0" r="r" b="b"/>
                <a:pathLst>
                  <a:path w="236" h="181">
                    <a:moveTo>
                      <a:pt x="114" y="57"/>
                    </a:moveTo>
                    <a:lnTo>
                      <a:pt x="100" y="51"/>
                    </a:lnTo>
                    <a:lnTo>
                      <a:pt x="88" y="42"/>
                    </a:lnTo>
                    <a:lnTo>
                      <a:pt x="77" y="34"/>
                    </a:lnTo>
                    <a:lnTo>
                      <a:pt x="65" y="24"/>
                    </a:lnTo>
                    <a:lnTo>
                      <a:pt x="52" y="17"/>
                    </a:lnTo>
                    <a:lnTo>
                      <a:pt x="40" y="10"/>
                    </a:lnTo>
                    <a:lnTo>
                      <a:pt x="32" y="6"/>
                    </a:lnTo>
                    <a:lnTo>
                      <a:pt x="25" y="3"/>
                    </a:lnTo>
                    <a:lnTo>
                      <a:pt x="17" y="1"/>
                    </a:lnTo>
                    <a:lnTo>
                      <a:pt x="8" y="0"/>
                    </a:lnTo>
                    <a:lnTo>
                      <a:pt x="4" y="6"/>
                    </a:lnTo>
                    <a:lnTo>
                      <a:pt x="2" y="13"/>
                    </a:lnTo>
                    <a:lnTo>
                      <a:pt x="0" y="19"/>
                    </a:lnTo>
                    <a:lnTo>
                      <a:pt x="0" y="25"/>
                    </a:lnTo>
                    <a:lnTo>
                      <a:pt x="1" y="31"/>
                    </a:lnTo>
                    <a:lnTo>
                      <a:pt x="3" y="37"/>
                    </a:lnTo>
                    <a:lnTo>
                      <a:pt x="5" y="42"/>
                    </a:lnTo>
                    <a:lnTo>
                      <a:pt x="9" y="46"/>
                    </a:lnTo>
                    <a:lnTo>
                      <a:pt x="18" y="56"/>
                    </a:lnTo>
                    <a:lnTo>
                      <a:pt x="27" y="63"/>
                    </a:lnTo>
                    <a:lnTo>
                      <a:pt x="39" y="70"/>
                    </a:lnTo>
                    <a:lnTo>
                      <a:pt x="48" y="74"/>
                    </a:lnTo>
                    <a:lnTo>
                      <a:pt x="55" y="76"/>
                    </a:lnTo>
                    <a:lnTo>
                      <a:pt x="60" y="79"/>
                    </a:lnTo>
                    <a:lnTo>
                      <a:pt x="65" y="83"/>
                    </a:lnTo>
                    <a:lnTo>
                      <a:pt x="69" y="88"/>
                    </a:lnTo>
                    <a:lnTo>
                      <a:pt x="77" y="97"/>
                    </a:lnTo>
                    <a:lnTo>
                      <a:pt x="83" y="108"/>
                    </a:lnTo>
                    <a:lnTo>
                      <a:pt x="90" y="118"/>
                    </a:lnTo>
                    <a:lnTo>
                      <a:pt x="99" y="128"/>
                    </a:lnTo>
                    <a:lnTo>
                      <a:pt x="103" y="131"/>
                    </a:lnTo>
                    <a:lnTo>
                      <a:pt x="108" y="134"/>
                    </a:lnTo>
                    <a:lnTo>
                      <a:pt x="115" y="137"/>
                    </a:lnTo>
                    <a:lnTo>
                      <a:pt x="122" y="138"/>
                    </a:lnTo>
                    <a:lnTo>
                      <a:pt x="126" y="144"/>
                    </a:lnTo>
                    <a:lnTo>
                      <a:pt x="133" y="149"/>
                    </a:lnTo>
                    <a:lnTo>
                      <a:pt x="139" y="152"/>
                    </a:lnTo>
                    <a:lnTo>
                      <a:pt x="146" y="155"/>
                    </a:lnTo>
                    <a:lnTo>
                      <a:pt x="163" y="159"/>
                    </a:lnTo>
                    <a:lnTo>
                      <a:pt x="179" y="163"/>
                    </a:lnTo>
                    <a:lnTo>
                      <a:pt x="183" y="163"/>
                    </a:lnTo>
                    <a:lnTo>
                      <a:pt x="187" y="163"/>
                    </a:lnTo>
                    <a:lnTo>
                      <a:pt x="190" y="164"/>
                    </a:lnTo>
                    <a:lnTo>
                      <a:pt x="194" y="167"/>
                    </a:lnTo>
                    <a:lnTo>
                      <a:pt x="199" y="170"/>
                    </a:lnTo>
                    <a:lnTo>
                      <a:pt x="204" y="174"/>
                    </a:lnTo>
                    <a:lnTo>
                      <a:pt x="209" y="178"/>
                    </a:lnTo>
                    <a:lnTo>
                      <a:pt x="216" y="180"/>
                    </a:lnTo>
                    <a:lnTo>
                      <a:pt x="220" y="181"/>
                    </a:lnTo>
                    <a:lnTo>
                      <a:pt x="224" y="181"/>
                    </a:lnTo>
                    <a:lnTo>
                      <a:pt x="229" y="180"/>
                    </a:lnTo>
                    <a:lnTo>
                      <a:pt x="236" y="179"/>
                    </a:lnTo>
                    <a:lnTo>
                      <a:pt x="233" y="164"/>
                    </a:lnTo>
                    <a:lnTo>
                      <a:pt x="227" y="151"/>
                    </a:lnTo>
                    <a:lnTo>
                      <a:pt x="223" y="145"/>
                    </a:lnTo>
                    <a:lnTo>
                      <a:pt x="219" y="141"/>
                    </a:lnTo>
                    <a:lnTo>
                      <a:pt x="216" y="140"/>
                    </a:lnTo>
                    <a:lnTo>
                      <a:pt x="211" y="139"/>
                    </a:lnTo>
                    <a:lnTo>
                      <a:pt x="207" y="138"/>
                    </a:lnTo>
                    <a:lnTo>
                      <a:pt x="203" y="138"/>
                    </a:lnTo>
                    <a:lnTo>
                      <a:pt x="203" y="135"/>
                    </a:lnTo>
                    <a:lnTo>
                      <a:pt x="202" y="132"/>
                    </a:lnTo>
                    <a:lnTo>
                      <a:pt x="201" y="131"/>
                    </a:lnTo>
                    <a:lnTo>
                      <a:pt x="199" y="131"/>
                    </a:lnTo>
                    <a:lnTo>
                      <a:pt x="198" y="130"/>
                    </a:lnTo>
                    <a:lnTo>
                      <a:pt x="195" y="131"/>
                    </a:lnTo>
                    <a:lnTo>
                      <a:pt x="184" y="122"/>
                    </a:lnTo>
                    <a:lnTo>
                      <a:pt x="174" y="114"/>
                    </a:lnTo>
                    <a:lnTo>
                      <a:pt x="164" y="103"/>
                    </a:lnTo>
                    <a:lnTo>
                      <a:pt x="155" y="94"/>
                    </a:lnTo>
                    <a:lnTo>
                      <a:pt x="145" y="83"/>
                    </a:lnTo>
                    <a:lnTo>
                      <a:pt x="136" y="74"/>
                    </a:lnTo>
                    <a:lnTo>
                      <a:pt x="125" y="65"/>
                    </a:lnTo>
                    <a:lnTo>
                      <a:pt x="114" y="57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541" name="Sorø-Ringsted"/>
            <p:cNvSpPr>
              <a:spLocks/>
            </p:cNvSpPr>
            <p:nvPr/>
          </p:nvSpPr>
          <p:spPr bwMode="auto">
            <a:xfrm>
              <a:off x="3051175" y="5110163"/>
              <a:ext cx="506412" cy="314325"/>
            </a:xfrm>
            <a:custGeom>
              <a:avLst/>
              <a:gdLst>
                <a:gd name="T0" fmla="*/ 173 w 957"/>
                <a:gd name="T1" fmla="*/ 44 h 594"/>
                <a:gd name="T2" fmla="*/ 165 w 957"/>
                <a:gd name="T3" fmla="*/ 47 h 594"/>
                <a:gd name="T4" fmla="*/ 164 w 957"/>
                <a:gd name="T5" fmla="*/ 60 h 594"/>
                <a:gd name="T6" fmla="*/ 182 w 957"/>
                <a:gd name="T7" fmla="*/ 66 h 594"/>
                <a:gd name="T8" fmla="*/ 206 w 957"/>
                <a:gd name="T9" fmla="*/ 62 h 594"/>
                <a:gd name="T10" fmla="*/ 208 w 957"/>
                <a:gd name="T11" fmla="*/ 39 h 594"/>
                <a:gd name="T12" fmla="*/ 225 w 957"/>
                <a:gd name="T13" fmla="*/ 40 h 594"/>
                <a:gd name="T14" fmla="*/ 242 w 957"/>
                <a:gd name="T15" fmla="*/ 33 h 594"/>
                <a:gd name="T16" fmla="*/ 252 w 957"/>
                <a:gd name="T17" fmla="*/ 19 h 594"/>
                <a:gd name="T18" fmla="*/ 279 w 957"/>
                <a:gd name="T19" fmla="*/ 37 h 594"/>
                <a:gd name="T20" fmla="*/ 291 w 957"/>
                <a:gd name="T21" fmla="*/ 74 h 594"/>
                <a:gd name="T22" fmla="*/ 298 w 957"/>
                <a:gd name="T23" fmla="*/ 93 h 594"/>
                <a:gd name="T24" fmla="*/ 303 w 957"/>
                <a:gd name="T25" fmla="*/ 108 h 594"/>
                <a:gd name="T26" fmla="*/ 302 w 957"/>
                <a:gd name="T27" fmla="*/ 121 h 594"/>
                <a:gd name="T28" fmla="*/ 313 w 957"/>
                <a:gd name="T29" fmla="*/ 148 h 594"/>
                <a:gd name="T30" fmla="*/ 319 w 957"/>
                <a:gd name="T31" fmla="*/ 167 h 594"/>
                <a:gd name="T32" fmla="*/ 315 w 957"/>
                <a:gd name="T33" fmla="*/ 178 h 594"/>
                <a:gd name="T34" fmla="*/ 301 w 957"/>
                <a:gd name="T35" fmla="*/ 185 h 594"/>
                <a:gd name="T36" fmla="*/ 284 w 957"/>
                <a:gd name="T37" fmla="*/ 184 h 594"/>
                <a:gd name="T38" fmla="*/ 274 w 957"/>
                <a:gd name="T39" fmla="*/ 188 h 594"/>
                <a:gd name="T40" fmla="*/ 269 w 957"/>
                <a:gd name="T41" fmla="*/ 197 h 594"/>
                <a:gd name="T42" fmla="*/ 252 w 957"/>
                <a:gd name="T43" fmla="*/ 188 h 594"/>
                <a:gd name="T44" fmla="*/ 240 w 957"/>
                <a:gd name="T45" fmla="*/ 185 h 594"/>
                <a:gd name="T46" fmla="*/ 215 w 957"/>
                <a:gd name="T47" fmla="*/ 167 h 594"/>
                <a:gd name="T48" fmla="*/ 206 w 957"/>
                <a:gd name="T49" fmla="*/ 152 h 594"/>
                <a:gd name="T50" fmla="*/ 170 w 957"/>
                <a:gd name="T51" fmla="*/ 170 h 594"/>
                <a:gd name="T52" fmla="*/ 134 w 957"/>
                <a:gd name="T53" fmla="*/ 184 h 594"/>
                <a:gd name="T54" fmla="*/ 126 w 957"/>
                <a:gd name="T55" fmla="*/ 187 h 594"/>
                <a:gd name="T56" fmla="*/ 120 w 957"/>
                <a:gd name="T57" fmla="*/ 190 h 594"/>
                <a:gd name="T58" fmla="*/ 112 w 957"/>
                <a:gd name="T59" fmla="*/ 188 h 594"/>
                <a:gd name="T60" fmla="*/ 88 w 957"/>
                <a:gd name="T61" fmla="*/ 182 h 594"/>
                <a:gd name="T62" fmla="*/ 85 w 957"/>
                <a:gd name="T63" fmla="*/ 168 h 594"/>
                <a:gd name="T64" fmla="*/ 95 w 957"/>
                <a:gd name="T65" fmla="*/ 163 h 594"/>
                <a:gd name="T66" fmla="*/ 95 w 957"/>
                <a:gd name="T67" fmla="*/ 148 h 594"/>
                <a:gd name="T68" fmla="*/ 96 w 957"/>
                <a:gd name="T69" fmla="*/ 129 h 594"/>
                <a:gd name="T70" fmla="*/ 89 w 957"/>
                <a:gd name="T71" fmla="*/ 117 h 594"/>
                <a:gd name="T72" fmla="*/ 75 w 957"/>
                <a:gd name="T73" fmla="*/ 105 h 594"/>
                <a:gd name="T74" fmla="*/ 75 w 957"/>
                <a:gd name="T75" fmla="*/ 97 h 594"/>
                <a:gd name="T76" fmla="*/ 81 w 957"/>
                <a:gd name="T77" fmla="*/ 89 h 594"/>
                <a:gd name="T78" fmla="*/ 76 w 957"/>
                <a:gd name="T79" fmla="*/ 77 h 594"/>
                <a:gd name="T80" fmla="*/ 63 w 957"/>
                <a:gd name="T81" fmla="*/ 69 h 594"/>
                <a:gd name="T82" fmla="*/ 55 w 957"/>
                <a:gd name="T83" fmla="*/ 72 h 594"/>
                <a:gd name="T84" fmla="*/ 51 w 957"/>
                <a:gd name="T85" fmla="*/ 79 h 594"/>
                <a:gd name="T86" fmla="*/ 47 w 957"/>
                <a:gd name="T87" fmla="*/ 76 h 594"/>
                <a:gd name="T88" fmla="*/ 43 w 957"/>
                <a:gd name="T89" fmla="*/ 70 h 594"/>
                <a:gd name="T90" fmla="*/ 42 w 957"/>
                <a:gd name="T91" fmla="*/ 63 h 594"/>
                <a:gd name="T92" fmla="*/ 46 w 957"/>
                <a:gd name="T93" fmla="*/ 52 h 594"/>
                <a:gd name="T94" fmla="*/ 30 w 957"/>
                <a:gd name="T95" fmla="*/ 57 h 594"/>
                <a:gd name="T96" fmla="*/ 16 w 957"/>
                <a:gd name="T97" fmla="*/ 56 h 594"/>
                <a:gd name="T98" fmla="*/ 2 w 957"/>
                <a:gd name="T99" fmla="*/ 44 h 594"/>
                <a:gd name="T100" fmla="*/ 11 w 957"/>
                <a:gd name="T101" fmla="*/ 39 h 594"/>
                <a:gd name="T102" fmla="*/ 29 w 957"/>
                <a:gd name="T103" fmla="*/ 40 h 594"/>
                <a:gd name="T104" fmla="*/ 50 w 957"/>
                <a:gd name="T105" fmla="*/ 42 h 594"/>
                <a:gd name="T106" fmla="*/ 60 w 957"/>
                <a:gd name="T107" fmla="*/ 40 h 594"/>
                <a:gd name="T108" fmla="*/ 64 w 957"/>
                <a:gd name="T109" fmla="*/ 31 h 594"/>
                <a:gd name="T110" fmla="*/ 61 w 957"/>
                <a:gd name="T111" fmla="*/ 25 h 594"/>
                <a:gd name="T112" fmla="*/ 55 w 957"/>
                <a:gd name="T113" fmla="*/ 16 h 594"/>
                <a:gd name="T114" fmla="*/ 70 w 957"/>
                <a:gd name="T115" fmla="*/ 10 h 594"/>
                <a:gd name="T116" fmla="*/ 95 w 957"/>
                <a:gd name="T117" fmla="*/ 4 h 594"/>
                <a:gd name="T118" fmla="*/ 113 w 957"/>
                <a:gd name="T119" fmla="*/ 5 h 594"/>
                <a:gd name="T120" fmla="*/ 141 w 957"/>
                <a:gd name="T121" fmla="*/ 19 h 594"/>
                <a:gd name="T122" fmla="*/ 165 w 957"/>
                <a:gd name="T123" fmla="*/ 20 h 59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957" h="594">
                  <a:moveTo>
                    <a:pt x="511" y="57"/>
                  </a:moveTo>
                  <a:lnTo>
                    <a:pt x="516" y="73"/>
                  </a:lnTo>
                  <a:lnTo>
                    <a:pt x="519" y="89"/>
                  </a:lnTo>
                  <a:lnTo>
                    <a:pt x="521" y="109"/>
                  </a:lnTo>
                  <a:lnTo>
                    <a:pt x="520" y="131"/>
                  </a:lnTo>
                  <a:lnTo>
                    <a:pt x="513" y="131"/>
                  </a:lnTo>
                  <a:lnTo>
                    <a:pt x="506" y="132"/>
                  </a:lnTo>
                  <a:lnTo>
                    <a:pt x="501" y="134"/>
                  </a:lnTo>
                  <a:lnTo>
                    <a:pt x="497" y="137"/>
                  </a:lnTo>
                  <a:lnTo>
                    <a:pt x="494" y="141"/>
                  </a:lnTo>
                  <a:lnTo>
                    <a:pt x="491" y="145"/>
                  </a:lnTo>
                  <a:lnTo>
                    <a:pt x="490" y="151"/>
                  </a:lnTo>
                  <a:lnTo>
                    <a:pt x="489" y="156"/>
                  </a:lnTo>
                  <a:lnTo>
                    <a:pt x="489" y="167"/>
                  </a:lnTo>
                  <a:lnTo>
                    <a:pt x="491" y="180"/>
                  </a:lnTo>
                  <a:lnTo>
                    <a:pt x="494" y="192"/>
                  </a:lnTo>
                  <a:lnTo>
                    <a:pt x="496" y="203"/>
                  </a:lnTo>
                  <a:lnTo>
                    <a:pt x="517" y="202"/>
                  </a:lnTo>
                  <a:lnTo>
                    <a:pt x="533" y="201"/>
                  </a:lnTo>
                  <a:lnTo>
                    <a:pt x="546" y="198"/>
                  </a:lnTo>
                  <a:lnTo>
                    <a:pt x="557" y="194"/>
                  </a:lnTo>
                  <a:lnTo>
                    <a:pt x="568" y="191"/>
                  </a:lnTo>
                  <a:lnTo>
                    <a:pt x="581" y="188"/>
                  </a:lnTo>
                  <a:lnTo>
                    <a:pt x="597" y="186"/>
                  </a:lnTo>
                  <a:lnTo>
                    <a:pt x="617" y="187"/>
                  </a:lnTo>
                  <a:lnTo>
                    <a:pt x="617" y="168"/>
                  </a:lnTo>
                  <a:lnTo>
                    <a:pt x="617" y="151"/>
                  </a:lnTo>
                  <a:lnTo>
                    <a:pt x="617" y="132"/>
                  </a:lnTo>
                  <a:lnTo>
                    <a:pt x="617" y="114"/>
                  </a:lnTo>
                  <a:lnTo>
                    <a:pt x="625" y="117"/>
                  </a:lnTo>
                  <a:lnTo>
                    <a:pt x="635" y="119"/>
                  </a:lnTo>
                  <a:lnTo>
                    <a:pt x="644" y="120"/>
                  </a:lnTo>
                  <a:lnTo>
                    <a:pt x="655" y="120"/>
                  </a:lnTo>
                  <a:lnTo>
                    <a:pt x="665" y="120"/>
                  </a:lnTo>
                  <a:lnTo>
                    <a:pt x="676" y="119"/>
                  </a:lnTo>
                  <a:lnTo>
                    <a:pt x="687" y="117"/>
                  </a:lnTo>
                  <a:lnTo>
                    <a:pt x="698" y="114"/>
                  </a:lnTo>
                  <a:lnTo>
                    <a:pt x="707" y="110"/>
                  </a:lnTo>
                  <a:lnTo>
                    <a:pt x="718" y="105"/>
                  </a:lnTo>
                  <a:lnTo>
                    <a:pt x="726" y="100"/>
                  </a:lnTo>
                  <a:lnTo>
                    <a:pt x="735" y="94"/>
                  </a:lnTo>
                  <a:lnTo>
                    <a:pt x="742" y="85"/>
                  </a:lnTo>
                  <a:lnTo>
                    <a:pt x="747" y="77"/>
                  </a:lnTo>
                  <a:lnTo>
                    <a:pt x="753" y="67"/>
                  </a:lnTo>
                  <a:lnTo>
                    <a:pt x="756" y="57"/>
                  </a:lnTo>
                  <a:lnTo>
                    <a:pt x="776" y="75"/>
                  </a:lnTo>
                  <a:lnTo>
                    <a:pt x="798" y="92"/>
                  </a:lnTo>
                  <a:lnTo>
                    <a:pt x="809" y="99"/>
                  </a:lnTo>
                  <a:lnTo>
                    <a:pt x="823" y="105"/>
                  </a:lnTo>
                  <a:lnTo>
                    <a:pt x="837" y="110"/>
                  </a:lnTo>
                  <a:lnTo>
                    <a:pt x="853" y="114"/>
                  </a:lnTo>
                  <a:lnTo>
                    <a:pt x="860" y="142"/>
                  </a:lnTo>
                  <a:lnTo>
                    <a:pt x="865" y="171"/>
                  </a:lnTo>
                  <a:lnTo>
                    <a:pt x="869" y="196"/>
                  </a:lnTo>
                  <a:lnTo>
                    <a:pt x="874" y="221"/>
                  </a:lnTo>
                  <a:lnTo>
                    <a:pt x="877" y="234"/>
                  </a:lnTo>
                  <a:lnTo>
                    <a:pt x="880" y="245"/>
                  </a:lnTo>
                  <a:lnTo>
                    <a:pt x="884" y="257"/>
                  </a:lnTo>
                  <a:lnTo>
                    <a:pt x="888" y="267"/>
                  </a:lnTo>
                  <a:lnTo>
                    <a:pt x="895" y="278"/>
                  </a:lnTo>
                  <a:lnTo>
                    <a:pt x="901" y="288"/>
                  </a:lnTo>
                  <a:lnTo>
                    <a:pt x="908" y="299"/>
                  </a:lnTo>
                  <a:lnTo>
                    <a:pt x="918" y="308"/>
                  </a:lnTo>
                  <a:lnTo>
                    <a:pt x="913" y="316"/>
                  </a:lnTo>
                  <a:lnTo>
                    <a:pt x="910" y="323"/>
                  </a:lnTo>
                  <a:lnTo>
                    <a:pt x="906" y="331"/>
                  </a:lnTo>
                  <a:lnTo>
                    <a:pt x="905" y="339"/>
                  </a:lnTo>
                  <a:lnTo>
                    <a:pt x="904" y="347"/>
                  </a:lnTo>
                  <a:lnTo>
                    <a:pt x="905" y="356"/>
                  </a:lnTo>
                  <a:lnTo>
                    <a:pt x="906" y="364"/>
                  </a:lnTo>
                  <a:lnTo>
                    <a:pt x="908" y="373"/>
                  </a:lnTo>
                  <a:lnTo>
                    <a:pt x="915" y="390"/>
                  </a:lnTo>
                  <a:lnTo>
                    <a:pt x="922" y="407"/>
                  </a:lnTo>
                  <a:lnTo>
                    <a:pt x="931" y="425"/>
                  </a:lnTo>
                  <a:lnTo>
                    <a:pt x="939" y="443"/>
                  </a:lnTo>
                  <a:lnTo>
                    <a:pt x="946" y="460"/>
                  </a:lnTo>
                  <a:lnTo>
                    <a:pt x="953" y="477"/>
                  </a:lnTo>
                  <a:lnTo>
                    <a:pt x="955" y="484"/>
                  </a:lnTo>
                  <a:lnTo>
                    <a:pt x="956" y="493"/>
                  </a:lnTo>
                  <a:lnTo>
                    <a:pt x="957" y="500"/>
                  </a:lnTo>
                  <a:lnTo>
                    <a:pt x="956" y="507"/>
                  </a:lnTo>
                  <a:lnTo>
                    <a:pt x="955" y="514"/>
                  </a:lnTo>
                  <a:lnTo>
                    <a:pt x="953" y="521"/>
                  </a:lnTo>
                  <a:lnTo>
                    <a:pt x="950" y="527"/>
                  </a:lnTo>
                  <a:lnTo>
                    <a:pt x="944" y="533"/>
                  </a:lnTo>
                  <a:lnTo>
                    <a:pt x="938" y="539"/>
                  </a:lnTo>
                  <a:lnTo>
                    <a:pt x="931" y="543"/>
                  </a:lnTo>
                  <a:lnTo>
                    <a:pt x="921" y="549"/>
                  </a:lnTo>
                  <a:lnTo>
                    <a:pt x="910" y="553"/>
                  </a:lnTo>
                  <a:lnTo>
                    <a:pt x="904" y="554"/>
                  </a:lnTo>
                  <a:lnTo>
                    <a:pt x="897" y="555"/>
                  </a:lnTo>
                  <a:lnTo>
                    <a:pt x="891" y="554"/>
                  </a:lnTo>
                  <a:lnTo>
                    <a:pt x="882" y="554"/>
                  </a:lnTo>
                  <a:lnTo>
                    <a:pt x="866" y="552"/>
                  </a:lnTo>
                  <a:lnTo>
                    <a:pt x="851" y="552"/>
                  </a:lnTo>
                  <a:lnTo>
                    <a:pt x="843" y="552"/>
                  </a:lnTo>
                  <a:lnTo>
                    <a:pt x="837" y="554"/>
                  </a:lnTo>
                  <a:lnTo>
                    <a:pt x="831" y="556"/>
                  </a:lnTo>
                  <a:lnTo>
                    <a:pt x="826" y="560"/>
                  </a:lnTo>
                  <a:lnTo>
                    <a:pt x="822" y="565"/>
                  </a:lnTo>
                  <a:lnTo>
                    <a:pt x="820" y="573"/>
                  </a:lnTo>
                  <a:lnTo>
                    <a:pt x="819" y="582"/>
                  </a:lnTo>
                  <a:lnTo>
                    <a:pt x="820" y="594"/>
                  </a:lnTo>
                  <a:lnTo>
                    <a:pt x="814" y="592"/>
                  </a:lnTo>
                  <a:lnTo>
                    <a:pt x="806" y="590"/>
                  </a:lnTo>
                  <a:lnTo>
                    <a:pt x="799" y="586"/>
                  </a:lnTo>
                  <a:lnTo>
                    <a:pt x="793" y="582"/>
                  </a:lnTo>
                  <a:lnTo>
                    <a:pt x="778" y="575"/>
                  </a:lnTo>
                  <a:lnTo>
                    <a:pt x="764" y="566"/>
                  </a:lnTo>
                  <a:lnTo>
                    <a:pt x="757" y="563"/>
                  </a:lnTo>
                  <a:lnTo>
                    <a:pt x="749" y="560"/>
                  </a:lnTo>
                  <a:lnTo>
                    <a:pt x="743" y="557"/>
                  </a:lnTo>
                  <a:lnTo>
                    <a:pt x="736" y="556"/>
                  </a:lnTo>
                  <a:lnTo>
                    <a:pt x="728" y="555"/>
                  </a:lnTo>
                  <a:lnTo>
                    <a:pt x="721" y="556"/>
                  </a:lnTo>
                  <a:lnTo>
                    <a:pt x="714" y="557"/>
                  </a:lnTo>
                  <a:lnTo>
                    <a:pt x="706" y="561"/>
                  </a:lnTo>
                  <a:lnTo>
                    <a:pt x="682" y="537"/>
                  </a:lnTo>
                  <a:lnTo>
                    <a:pt x="657" y="513"/>
                  </a:lnTo>
                  <a:lnTo>
                    <a:pt x="645" y="500"/>
                  </a:lnTo>
                  <a:lnTo>
                    <a:pt x="635" y="486"/>
                  </a:lnTo>
                  <a:lnTo>
                    <a:pt x="629" y="479"/>
                  </a:lnTo>
                  <a:lnTo>
                    <a:pt x="625" y="472"/>
                  </a:lnTo>
                  <a:lnTo>
                    <a:pt x="621" y="463"/>
                  </a:lnTo>
                  <a:lnTo>
                    <a:pt x="617" y="455"/>
                  </a:lnTo>
                  <a:lnTo>
                    <a:pt x="593" y="463"/>
                  </a:lnTo>
                  <a:lnTo>
                    <a:pt x="570" y="473"/>
                  </a:lnTo>
                  <a:lnTo>
                    <a:pt x="548" y="484"/>
                  </a:lnTo>
                  <a:lnTo>
                    <a:pt x="528" y="496"/>
                  </a:lnTo>
                  <a:lnTo>
                    <a:pt x="509" y="510"/>
                  </a:lnTo>
                  <a:lnTo>
                    <a:pt x="490" y="523"/>
                  </a:lnTo>
                  <a:lnTo>
                    <a:pt x="473" y="538"/>
                  </a:lnTo>
                  <a:lnTo>
                    <a:pt x="455" y="553"/>
                  </a:lnTo>
                  <a:lnTo>
                    <a:pt x="428" y="553"/>
                  </a:lnTo>
                  <a:lnTo>
                    <a:pt x="401" y="552"/>
                  </a:lnTo>
                  <a:lnTo>
                    <a:pt x="395" y="553"/>
                  </a:lnTo>
                  <a:lnTo>
                    <a:pt x="389" y="553"/>
                  </a:lnTo>
                  <a:lnTo>
                    <a:pt x="384" y="555"/>
                  </a:lnTo>
                  <a:lnTo>
                    <a:pt x="380" y="557"/>
                  </a:lnTo>
                  <a:lnTo>
                    <a:pt x="377" y="560"/>
                  </a:lnTo>
                  <a:lnTo>
                    <a:pt x="375" y="564"/>
                  </a:lnTo>
                  <a:lnTo>
                    <a:pt x="374" y="571"/>
                  </a:lnTo>
                  <a:lnTo>
                    <a:pt x="374" y="577"/>
                  </a:lnTo>
                  <a:lnTo>
                    <a:pt x="367" y="573"/>
                  </a:lnTo>
                  <a:lnTo>
                    <a:pt x="361" y="570"/>
                  </a:lnTo>
                  <a:lnTo>
                    <a:pt x="356" y="567"/>
                  </a:lnTo>
                  <a:lnTo>
                    <a:pt x="350" y="565"/>
                  </a:lnTo>
                  <a:lnTo>
                    <a:pt x="345" y="564"/>
                  </a:lnTo>
                  <a:lnTo>
                    <a:pt x="341" y="564"/>
                  </a:lnTo>
                  <a:lnTo>
                    <a:pt x="336" y="565"/>
                  </a:lnTo>
                  <a:lnTo>
                    <a:pt x="331" y="566"/>
                  </a:lnTo>
                  <a:lnTo>
                    <a:pt x="312" y="574"/>
                  </a:lnTo>
                  <a:lnTo>
                    <a:pt x="292" y="585"/>
                  </a:lnTo>
                  <a:lnTo>
                    <a:pt x="279" y="566"/>
                  </a:lnTo>
                  <a:lnTo>
                    <a:pt x="265" y="547"/>
                  </a:lnTo>
                  <a:lnTo>
                    <a:pt x="258" y="538"/>
                  </a:lnTo>
                  <a:lnTo>
                    <a:pt x="252" y="527"/>
                  </a:lnTo>
                  <a:lnTo>
                    <a:pt x="247" y="517"/>
                  </a:lnTo>
                  <a:lnTo>
                    <a:pt x="243" y="504"/>
                  </a:lnTo>
                  <a:lnTo>
                    <a:pt x="256" y="504"/>
                  </a:lnTo>
                  <a:lnTo>
                    <a:pt x="268" y="504"/>
                  </a:lnTo>
                  <a:lnTo>
                    <a:pt x="280" y="504"/>
                  </a:lnTo>
                  <a:lnTo>
                    <a:pt x="292" y="504"/>
                  </a:lnTo>
                  <a:lnTo>
                    <a:pt x="288" y="496"/>
                  </a:lnTo>
                  <a:lnTo>
                    <a:pt x="286" y="490"/>
                  </a:lnTo>
                  <a:lnTo>
                    <a:pt x="284" y="482"/>
                  </a:lnTo>
                  <a:lnTo>
                    <a:pt x="283" y="477"/>
                  </a:lnTo>
                  <a:lnTo>
                    <a:pt x="283" y="465"/>
                  </a:lnTo>
                  <a:lnTo>
                    <a:pt x="284" y="455"/>
                  </a:lnTo>
                  <a:lnTo>
                    <a:pt x="286" y="444"/>
                  </a:lnTo>
                  <a:lnTo>
                    <a:pt x="289" y="433"/>
                  </a:lnTo>
                  <a:lnTo>
                    <a:pt x="291" y="420"/>
                  </a:lnTo>
                  <a:lnTo>
                    <a:pt x="292" y="406"/>
                  </a:lnTo>
                  <a:lnTo>
                    <a:pt x="291" y="396"/>
                  </a:lnTo>
                  <a:lnTo>
                    <a:pt x="289" y="386"/>
                  </a:lnTo>
                  <a:lnTo>
                    <a:pt x="287" y="379"/>
                  </a:lnTo>
                  <a:lnTo>
                    <a:pt x="283" y="371"/>
                  </a:lnTo>
                  <a:lnTo>
                    <a:pt x="278" y="364"/>
                  </a:lnTo>
                  <a:lnTo>
                    <a:pt x="272" y="358"/>
                  </a:lnTo>
                  <a:lnTo>
                    <a:pt x="267" y="352"/>
                  </a:lnTo>
                  <a:lnTo>
                    <a:pt x="261" y="346"/>
                  </a:lnTo>
                  <a:lnTo>
                    <a:pt x="248" y="336"/>
                  </a:lnTo>
                  <a:lnTo>
                    <a:pt x="236" y="325"/>
                  </a:lnTo>
                  <a:lnTo>
                    <a:pt x="230" y="320"/>
                  </a:lnTo>
                  <a:lnTo>
                    <a:pt x="226" y="314"/>
                  </a:lnTo>
                  <a:lnTo>
                    <a:pt x="222" y="307"/>
                  </a:lnTo>
                  <a:lnTo>
                    <a:pt x="219" y="301"/>
                  </a:lnTo>
                  <a:lnTo>
                    <a:pt x="219" y="297"/>
                  </a:lnTo>
                  <a:lnTo>
                    <a:pt x="221" y="294"/>
                  </a:lnTo>
                  <a:lnTo>
                    <a:pt x="225" y="291"/>
                  </a:lnTo>
                  <a:lnTo>
                    <a:pt x="229" y="287"/>
                  </a:lnTo>
                  <a:lnTo>
                    <a:pt x="233" y="283"/>
                  </a:lnTo>
                  <a:lnTo>
                    <a:pt x="238" y="279"/>
                  </a:lnTo>
                  <a:lnTo>
                    <a:pt x="242" y="274"/>
                  </a:lnTo>
                  <a:lnTo>
                    <a:pt x="243" y="268"/>
                  </a:lnTo>
                  <a:lnTo>
                    <a:pt x="243" y="261"/>
                  </a:lnTo>
                  <a:lnTo>
                    <a:pt x="241" y="253"/>
                  </a:lnTo>
                  <a:lnTo>
                    <a:pt x="238" y="245"/>
                  </a:lnTo>
                  <a:lnTo>
                    <a:pt x="233" y="238"/>
                  </a:lnTo>
                  <a:lnTo>
                    <a:pt x="227" y="231"/>
                  </a:lnTo>
                  <a:lnTo>
                    <a:pt x="221" y="224"/>
                  </a:lnTo>
                  <a:lnTo>
                    <a:pt x="213" y="219"/>
                  </a:lnTo>
                  <a:lnTo>
                    <a:pt x="205" y="215"/>
                  </a:lnTo>
                  <a:lnTo>
                    <a:pt x="197" y="211"/>
                  </a:lnTo>
                  <a:lnTo>
                    <a:pt x="189" y="208"/>
                  </a:lnTo>
                  <a:lnTo>
                    <a:pt x="181" y="208"/>
                  </a:lnTo>
                  <a:lnTo>
                    <a:pt x="173" y="209"/>
                  </a:lnTo>
                  <a:lnTo>
                    <a:pt x="170" y="211"/>
                  </a:lnTo>
                  <a:lnTo>
                    <a:pt x="167" y="213"/>
                  </a:lnTo>
                  <a:lnTo>
                    <a:pt x="164" y="215"/>
                  </a:lnTo>
                  <a:lnTo>
                    <a:pt x="162" y="218"/>
                  </a:lnTo>
                  <a:lnTo>
                    <a:pt x="159" y="221"/>
                  </a:lnTo>
                  <a:lnTo>
                    <a:pt x="157" y="225"/>
                  </a:lnTo>
                  <a:lnTo>
                    <a:pt x="156" y="231"/>
                  </a:lnTo>
                  <a:lnTo>
                    <a:pt x="153" y="236"/>
                  </a:lnTo>
                  <a:lnTo>
                    <a:pt x="150" y="236"/>
                  </a:lnTo>
                  <a:lnTo>
                    <a:pt x="147" y="235"/>
                  </a:lnTo>
                  <a:lnTo>
                    <a:pt x="145" y="234"/>
                  </a:lnTo>
                  <a:lnTo>
                    <a:pt x="144" y="232"/>
                  </a:lnTo>
                  <a:lnTo>
                    <a:pt x="141" y="227"/>
                  </a:lnTo>
                  <a:lnTo>
                    <a:pt x="140" y="222"/>
                  </a:lnTo>
                  <a:lnTo>
                    <a:pt x="138" y="217"/>
                  </a:lnTo>
                  <a:lnTo>
                    <a:pt x="134" y="213"/>
                  </a:lnTo>
                  <a:lnTo>
                    <a:pt x="132" y="212"/>
                  </a:lnTo>
                  <a:lnTo>
                    <a:pt x="129" y="211"/>
                  </a:lnTo>
                  <a:lnTo>
                    <a:pt x="126" y="211"/>
                  </a:lnTo>
                  <a:lnTo>
                    <a:pt x="122" y="212"/>
                  </a:lnTo>
                  <a:lnTo>
                    <a:pt x="122" y="203"/>
                  </a:lnTo>
                  <a:lnTo>
                    <a:pt x="124" y="196"/>
                  </a:lnTo>
                  <a:lnTo>
                    <a:pt x="127" y="189"/>
                  </a:lnTo>
                  <a:lnTo>
                    <a:pt x="131" y="184"/>
                  </a:lnTo>
                  <a:lnTo>
                    <a:pt x="134" y="179"/>
                  </a:lnTo>
                  <a:lnTo>
                    <a:pt x="138" y="173"/>
                  </a:lnTo>
                  <a:lnTo>
                    <a:pt x="139" y="164"/>
                  </a:lnTo>
                  <a:lnTo>
                    <a:pt x="138" y="155"/>
                  </a:lnTo>
                  <a:lnTo>
                    <a:pt x="127" y="160"/>
                  </a:lnTo>
                  <a:lnTo>
                    <a:pt x="118" y="164"/>
                  </a:lnTo>
                  <a:lnTo>
                    <a:pt x="108" y="167"/>
                  </a:lnTo>
                  <a:lnTo>
                    <a:pt x="99" y="169"/>
                  </a:lnTo>
                  <a:lnTo>
                    <a:pt x="90" y="172"/>
                  </a:lnTo>
                  <a:lnTo>
                    <a:pt x="82" y="173"/>
                  </a:lnTo>
                  <a:lnTo>
                    <a:pt x="73" y="172"/>
                  </a:lnTo>
                  <a:lnTo>
                    <a:pt x="65" y="172"/>
                  </a:lnTo>
                  <a:lnTo>
                    <a:pt x="57" y="169"/>
                  </a:lnTo>
                  <a:lnTo>
                    <a:pt x="48" y="167"/>
                  </a:lnTo>
                  <a:lnTo>
                    <a:pt x="41" y="164"/>
                  </a:lnTo>
                  <a:lnTo>
                    <a:pt x="32" y="160"/>
                  </a:lnTo>
                  <a:lnTo>
                    <a:pt x="17" y="151"/>
                  </a:lnTo>
                  <a:lnTo>
                    <a:pt x="0" y="138"/>
                  </a:lnTo>
                  <a:lnTo>
                    <a:pt x="5" y="133"/>
                  </a:lnTo>
                  <a:lnTo>
                    <a:pt x="10" y="128"/>
                  </a:lnTo>
                  <a:lnTo>
                    <a:pt x="16" y="124"/>
                  </a:lnTo>
                  <a:lnTo>
                    <a:pt x="22" y="122"/>
                  </a:lnTo>
                  <a:lnTo>
                    <a:pt x="28" y="119"/>
                  </a:lnTo>
                  <a:lnTo>
                    <a:pt x="34" y="118"/>
                  </a:lnTo>
                  <a:lnTo>
                    <a:pt x="40" y="117"/>
                  </a:lnTo>
                  <a:lnTo>
                    <a:pt x="47" y="116"/>
                  </a:lnTo>
                  <a:lnTo>
                    <a:pt x="60" y="116"/>
                  </a:lnTo>
                  <a:lnTo>
                    <a:pt x="73" y="117"/>
                  </a:lnTo>
                  <a:lnTo>
                    <a:pt x="86" y="119"/>
                  </a:lnTo>
                  <a:lnTo>
                    <a:pt x="100" y="121"/>
                  </a:lnTo>
                  <a:lnTo>
                    <a:pt x="113" y="124"/>
                  </a:lnTo>
                  <a:lnTo>
                    <a:pt x="126" y="126"/>
                  </a:lnTo>
                  <a:lnTo>
                    <a:pt x="140" y="127"/>
                  </a:lnTo>
                  <a:lnTo>
                    <a:pt x="151" y="127"/>
                  </a:lnTo>
                  <a:lnTo>
                    <a:pt x="158" y="126"/>
                  </a:lnTo>
                  <a:lnTo>
                    <a:pt x="164" y="125"/>
                  </a:lnTo>
                  <a:lnTo>
                    <a:pt x="169" y="124"/>
                  </a:lnTo>
                  <a:lnTo>
                    <a:pt x="175" y="121"/>
                  </a:lnTo>
                  <a:lnTo>
                    <a:pt x="180" y="119"/>
                  </a:lnTo>
                  <a:lnTo>
                    <a:pt x="185" y="115"/>
                  </a:lnTo>
                  <a:lnTo>
                    <a:pt x="190" y="110"/>
                  </a:lnTo>
                  <a:lnTo>
                    <a:pt x="195" y="105"/>
                  </a:lnTo>
                  <a:lnTo>
                    <a:pt x="195" y="99"/>
                  </a:lnTo>
                  <a:lnTo>
                    <a:pt x="193" y="94"/>
                  </a:lnTo>
                  <a:lnTo>
                    <a:pt x="192" y="88"/>
                  </a:lnTo>
                  <a:lnTo>
                    <a:pt x="190" y="84"/>
                  </a:lnTo>
                  <a:lnTo>
                    <a:pt x="188" y="81"/>
                  </a:lnTo>
                  <a:lnTo>
                    <a:pt x="185" y="78"/>
                  </a:lnTo>
                  <a:lnTo>
                    <a:pt x="182" y="76"/>
                  </a:lnTo>
                  <a:lnTo>
                    <a:pt x="178" y="74"/>
                  </a:lnTo>
                  <a:lnTo>
                    <a:pt x="164" y="68"/>
                  </a:lnTo>
                  <a:lnTo>
                    <a:pt x="153" y="65"/>
                  </a:lnTo>
                  <a:lnTo>
                    <a:pt x="159" y="57"/>
                  </a:lnTo>
                  <a:lnTo>
                    <a:pt x="165" y="49"/>
                  </a:lnTo>
                  <a:lnTo>
                    <a:pt x="172" y="44"/>
                  </a:lnTo>
                  <a:lnTo>
                    <a:pt x="182" y="40"/>
                  </a:lnTo>
                  <a:lnTo>
                    <a:pt x="191" y="36"/>
                  </a:lnTo>
                  <a:lnTo>
                    <a:pt x="201" y="33"/>
                  </a:lnTo>
                  <a:lnTo>
                    <a:pt x="211" y="30"/>
                  </a:lnTo>
                  <a:lnTo>
                    <a:pt x="223" y="28"/>
                  </a:lnTo>
                  <a:lnTo>
                    <a:pt x="245" y="24"/>
                  </a:lnTo>
                  <a:lnTo>
                    <a:pt x="266" y="19"/>
                  </a:lnTo>
                  <a:lnTo>
                    <a:pt x="276" y="16"/>
                  </a:lnTo>
                  <a:lnTo>
                    <a:pt x="285" y="12"/>
                  </a:lnTo>
                  <a:lnTo>
                    <a:pt x="294" y="6"/>
                  </a:lnTo>
                  <a:lnTo>
                    <a:pt x="300" y="0"/>
                  </a:lnTo>
                  <a:lnTo>
                    <a:pt x="314" y="5"/>
                  </a:lnTo>
                  <a:lnTo>
                    <a:pt x="325" y="10"/>
                  </a:lnTo>
                  <a:lnTo>
                    <a:pt x="338" y="16"/>
                  </a:lnTo>
                  <a:lnTo>
                    <a:pt x="349" y="22"/>
                  </a:lnTo>
                  <a:lnTo>
                    <a:pt x="374" y="35"/>
                  </a:lnTo>
                  <a:lnTo>
                    <a:pt x="398" y="46"/>
                  </a:lnTo>
                  <a:lnTo>
                    <a:pt x="409" y="50"/>
                  </a:lnTo>
                  <a:lnTo>
                    <a:pt x="422" y="56"/>
                  </a:lnTo>
                  <a:lnTo>
                    <a:pt x="436" y="59"/>
                  </a:lnTo>
                  <a:lnTo>
                    <a:pt x="449" y="61"/>
                  </a:lnTo>
                  <a:lnTo>
                    <a:pt x="464" y="62"/>
                  </a:lnTo>
                  <a:lnTo>
                    <a:pt x="479" y="62"/>
                  </a:lnTo>
                  <a:lnTo>
                    <a:pt x="495" y="60"/>
                  </a:lnTo>
                  <a:lnTo>
                    <a:pt x="511" y="57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42" name="Sorø-Ringsted kant"/>
            <p:cNvSpPr>
              <a:spLocks/>
            </p:cNvSpPr>
            <p:nvPr/>
          </p:nvSpPr>
          <p:spPr bwMode="auto">
            <a:xfrm>
              <a:off x="3051175" y="5110163"/>
              <a:ext cx="506412" cy="314325"/>
            </a:xfrm>
            <a:custGeom>
              <a:avLst/>
              <a:gdLst>
                <a:gd name="T0" fmla="*/ 173 w 957"/>
                <a:gd name="T1" fmla="*/ 44 h 594"/>
                <a:gd name="T2" fmla="*/ 165 w 957"/>
                <a:gd name="T3" fmla="*/ 47 h 594"/>
                <a:gd name="T4" fmla="*/ 164 w 957"/>
                <a:gd name="T5" fmla="*/ 60 h 594"/>
                <a:gd name="T6" fmla="*/ 182 w 957"/>
                <a:gd name="T7" fmla="*/ 66 h 594"/>
                <a:gd name="T8" fmla="*/ 206 w 957"/>
                <a:gd name="T9" fmla="*/ 62 h 594"/>
                <a:gd name="T10" fmla="*/ 208 w 957"/>
                <a:gd name="T11" fmla="*/ 39 h 594"/>
                <a:gd name="T12" fmla="*/ 225 w 957"/>
                <a:gd name="T13" fmla="*/ 40 h 594"/>
                <a:gd name="T14" fmla="*/ 242 w 957"/>
                <a:gd name="T15" fmla="*/ 33 h 594"/>
                <a:gd name="T16" fmla="*/ 252 w 957"/>
                <a:gd name="T17" fmla="*/ 19 h 594"/>
                <a:gd name="T18" fmla="*/ 279 w 957"/>
                <a:gd name="T19" fmla="*/ 37 h 594"/>
                <a:gd name="T20" fmla="*/ 291 w 957"/>
                <a:gd name="T21" fmla="*/ 74 h 594"/>
                <a:gd name="T22" fmla="*/ 298 w 957"/>
                <a:gd name="T23" fmla="*/ 93 h 594"/>
                <a:gd name="T24" fmla="*/ 303 w 957"/>
                <a:gd name="T25" fmla="*/ 108 h 594"/>
                <a:gd name="T26" fmla="*/ 302 w 957"/>
                <a:gd name="T27" fmla="*/ 121 h 594"/>
                <a:gd name="T28" fmla="*/ 313 w 957"/>
                <a:gd name="T29" fmla="*/ 148 h 594"/>
                <a:gd name="T30" fmla="*/ 319 w 957"/>
                <a:gd name="T31" fmla="*/ 167 h 594"/>
                <a:gd name="T32" fmla="*/ 315 w 957"/>
                <a:gd name="T33" fmla="*/ 178 h 594"/>
                <a:gd name="T34" fmla="*/ 301 w 957"/>
                <a:gd name="T35" fmla="*/ 185 h 594"/>
                <a:gd name="T36" fmla="*/ 284 w 957"/>
                <a:gd name="T37" fmla="*/ 184 h 594"/>
                <a:gd name="T38" fmla="*/ 274 w 957"/>
                <a:gd name="T39" fmla="*/ 188 h 594"/>
                <a:gd name="T40" fmla="*/ 269 w 957"/>
                <a:gd name="T41" fmla="*/ 197 h 594"/>
                <a:gd name="T42" fmla="*/ 252 w 957"/>
                <a:gd name="T43" fmla="*/ 188 h 594"/>
                <a:gd name="T44" fmla="*/ 240 w 957"/>
                <a:gd name="T45" fmla="*/ 185 h 594"/>
                <a:gd name="T46" fmla="*/ 215 w 957"/>
                <a:gd name="T47" fmla="*/ 167 h 594"/>
                <a:gd name="T48" fmla="*/ 206 w 957"/>
                <a:gd name="T49" fmla="*/ 152 h 594"/>
                <a:gd name="T50" fmla="*/ 170 w 957"/>
                <a:gd name="T51" fmla="*/ 170 h 594"/>
                <a:gd name="T52" fmla="*/ 134 w 957"/>
                <a:gd name="T53" fmla="*/ 184 h 594"/>
                <a:gd name="T54" fmla="*/ 126 w 957"/>
                <a:gd name="T55" fmla="*/ 187 h 594"/>
                <a:gd name="T56" fmla="*/ 120 w 957"/>
                <a:gd name="T57" fmla="*/ 190 h 594"/>
                <a:gd name="T58" fmla="*/ 112 w 957"/>
                <a:gd name="T59" fmla="*/ 188 h 594"/>
                <a:gd name="T60" fmla="*/ 88 w 957"/>
                <a:gd name="T61" fmla="*/ 182 h 594"/>
                <a:gd name="T62" fmla="*/ 85 w 957"/>
                <a:gd name="T63" fmla="*/ 168 h 594"/>
                <a:gd name="T64" fmla="*/ 95 w 957"/>
                <a:gd name="T65" fmla="*/ 163 h 594"/>
                <a:gd name="T66" fmla="*/ 95 w 957"/>
                <a:gd name="T67" fmla="*/ 148 h 594"/>
                <a:gd name="T68" fmla="*/ 96 w 957"/>
                <a:gd name="T69" fmla="*/ 129 h 594"/>
                <a:gd name="T70" fmla="*/ 89 w 957"/>
                <a:gd name="T71" fmla="*/ 117 h 594"/>
                <a:gd name="T72" fmla="*/ 75 w 957"/>
                <a:gd name="T73" fmla="*/ 105 h 594"/>
                <a:gd name="T74" fmla="*/ 75 w 957"/>
                <a:gd name="T75" fmla="*/ 97 h 594"/>
                <a:gd name="T76" fmla="*/ 81 w 957"/>
                <a:gd name="T77" fmla="*/ 89 h 594"/>
                <a:gd name="T78" fmla="*/ 76 w 957"/>
                <a:gd name="T79" fmla="*/ 77 h 594"/>
                <a:gd name="T80" fmla="*/ 63 w 957"/>
                <a:gd name="T81" fmla="*/ 69 h 594"/>
                <a:gd name="T82" fmla="*/ 55 w 957"/>
                <a:gd name="T83" fmla="*/ 72 h 594"/>
                <a:gd name="T84" fmla="*/ 51 w 957"/>
                <a:gd name="T85" fmla="*/ 79 h 594"/>
                <a:gd name="T86" fmla="*/ 47 w 957"/>
                <a:gd name="T87" fmla="*/ 76 h 594"/>
                <a:gd name="T88" fmla="*/ 43 w 957"/>
                <a:gd name="T89" fmla="*/ 70 h 594"/>
                <a:gd name="T90" fmla="*/ 42 w 957"/>
                <a:gd name="T91" fmla="*/ 63 h 594"/>
                <a:gd name="T92" fmla="*/ 46 w 957"/>
                <a:gd name="T93" fmla="*/ 52 h 594"/>
                <a:gd name="T94" fmla="*/ 30 w 957"/>
                <a:gd name="T95" fmla="*/ 57 h 594"/>
                <a:gd name="T96" fmla="*/ 16 w 957"/>
                <a:gd name="T97" fmla="*/ 56 h 594"/>
                <a:gd name="T98" fmla="*/ 2 w 957"/>
                <a:gd name="T99" fmla="*/ 44 h 594"/>
                <a:gd name="T100" fmla="*/ 11 w 957"/>
                <a:gd name="T101" fmla="*/ 39 h 594"/>
                <a:gd name="T102" fmla="*/ 29 w 957"/>
                <a:gd name="T103" fmla="*/ 40 h 594"/>
                <a:gd name="T104" fmla="*/ 50 w 957"/>
                <a:gd name="T105" fmla="*/ 42 h 594"/>
                <a:gd name="T106" fmla="*/ 60 w 957"/>
                <a:gd name="T107" fmla="*/ 40 h 594"/>
                <a:gd name="T108" fmla="*/ 64 w 957"/>
                <a:gd name="T109" fmla="*/ 31 h 594"/>
                <a:gd name="T110" fmla="*/ 61 w 957"/>
                <a:gd name="T111" fmla="*/ 25 h 594"/>
                <a:gd name="T112" fmla="*/ 55 w 957"/>
                <a:gd name="T113" fmla="*/ 16 h 594"/>
                <a:gd name="T114" fmla="*/ 70 w 957"/>
                <a:gd name="T115" fmla="*/ 10 h 594"/>
                <a:gd name="T116" fmla="*/ 95 w 957"/>
                <a:gd name="T117" fmla="*/ 4 h 594"/>
                <a:gd name="T118" fmla="*/ 113 w 957"/>
                <a:gd name="T119" fmla="*/ 5 h 594"/>
                <a:gd name="T120" fmla="*/ 141 w 957"/>
                <a:gd name="T121" fmla="*/ 19 h 594"/>
                <a:gd name="T122" fmla="*/ 165 w 957"/>
                <a:gd name="T123" fmla="*/ 20 h 59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957" h="594">
                  <a:moveTo>
                    <a:pt x="511" y="57"/>
                  </a:moveTo>
                  <a:lnTo>
                    <a:pt x="516" y="73"/>
                  </a:lnTo>
                  <a:lnTo>
                    <a:pt x="519" y="89"/>
                  </a:lnTo>
                  <a:lnTo>
                    <a:pt x="521" y="109"/>
                  </a:lnTo>
                  <a:lnTo>
                    <a:pt x="520" y="131"/>
                  </a:lnTo>
                  <a:lnTo>
                    <a:pt x="513" y="131"/>
                  </a:lnTo>
                  <a:lnTo>
                    <a:pt x="506" y="132"/>
                  </a:lnTo>
                  <a:lnTo>
                    <a:pt x="501" y="134"/>
                  </a:lnTo>
                  <a:lnTo>
                    <a:pt x="497" y="137"/>
                  </a:lnTo>
                  <a:lnTo>
                    <a:pt x="494" y="141"/>
                  </a:lnTo>
                  <a:lnTo>
                    <a:pt x="491" y="145"/>
                  </a:lnTo>
                  <a:lnTo>
                    <a:pt x="490" y="151"/>
                  </a:lnTo>
                  <a:lnTo>
                    <a:pt x="489" y="156"/>
                  </a:lnTo>
                  <a:lnTo>
                    <a:pt x="489" y="167"/>
                  </a:lnTo>
                  <a:lnTo>
                    <a:pt x="491" y="180"/>
                  </a:lnTo>
                  <a:lnTo>
                    <a:pt x="494" y="192"/>
                  </a:lnTo>
                  <a:lnTo>
                    <a:pt x="496" y="203"/>
                  </a:lnTo>
                  <a:lnTo>
                    <a:pt x="517" y="202"/>
                  </a:lnTo>
                  <a:lnTo>
                    <a:pt x="533" y="201"/>
                  </a:lnTo>
                  <a:lnTo>
                    <a:pt x="546" y="198"/>
                  </a:lnTo>
                  <a:lnTo>
                    <a:pt x="557" y="194"/>
                  </a:lnTo>
                  <a:lnTo>
                    <a:pt x="568" y="191"/>
                  </a:lnTo>
                  <a:lnTo>
                    <a:pt x="581" y="188"/>
                  </a:lnTo>
                  <a:lnTo>
                    <a:pt x="597" y="186"/>
                  </a:lnTo>
                  <a:lnTo>
                    <a:pt x="617" y="187"/>
                  </a:lnTo>
                  <a:lnTo>
                    <a:pt x="617" y="168"/>
                  </a:lnTo>
                  <a:lnTo>
                    <a:pt x="617" y="151"/>
                  </a:lnTo>
                  <a:lnTo>
                    <a:pt x="617" y="132"/>
                  </a:lnTo>
                  <a:lnTo>
                    <a:pt x="617" y="114"/>
                  </a:lnTo>
                  <a:lnTo>
                    <a:pt x="625" y="117"/>
                  </a:lnTo>
                  <a:lnTo>
                    <a:pt x="635" y="119"/>
                  </a:lnTo>
                  <a:lnTo>
                    <a:pt x="644" y="120"/>
                  </a:lnTo>
                  <a:lnTo>
                    <a:pt x="655" y="120"/>
                  </a:lnTo>
                  <a:lnTo>
                    <a:pt x="665" y="120"/>
                  </a:lnTo>
                  <a:lnTo>
                    <a:pt x="676" y="119"/>
                  </a:lnTo>
                  <a:lnTo>
                    <a:pt x="687" y="117"/>
                  </a:lnTo>
                  <a:lnTo>
                    <a:pt x="698" y="114"/>
                  </a:lnTo>
                  <a:lnTo>
                    <a:pt x="707" y="110"/>
                  </a:lnTo>
                  <a:lnTo>
                    <a:pt x="718" y="105"/>
                  </a:lnTo>
                  <a:lnTo>
                    <a:pt x="726" y="100"/>
                  </a:lnTo>
                  <a:lnTo>
                    <a:pt x="735" y="94"/>
                  </a:lnTo>
                  <a:lnTo>
                    <a:pt x="742" y="85"/>
                  </a:lnTo>
                  <a:lnTo>
                    <a:pt x="747" y="77"/>
                  </a:lnTo>
                  <a:lnTo>
                    <a:pt x="753" y="67"/>
                  </a:lnTo>
                  <a:lnTo>
                    <a:pt x="756" y="57"/>
                  </a:lnTo>
                  <a:lnTo>
                    <a:pt x="776" y="75"/>
                  </a:lnTo>
                  <a:lnTo>
                    <a:pt x="798" y="92"/>
                  </a:lnTo>
                  <a:lnTo>
                    <a:pt x="809" y="99"/>
                  </a:lnTo>
                  <a:lnTo>
                    <a:pt x="823" y="105"/>
                  </a:lnTo>
                  <a:lnTo>
                    <a:pt x="837" y="110"/>
                  </a:lnTo>
                  <a:lnTo>
                    <a:pt x="853" y="114"/>
                  </a:lnTo>
                  <a:lnTo>
                    <a:pt x="860" y="142"/>
                  </a:lnTo>
                  <a:lnTo>
                    <a:pt x="865" y="171"/>
                  </a:lnTo>
                  <a:lnTo>
                    <a:pt x="869" y="196"/>
                  </a:lnTo>
                  <a:lnTo>
                    <a:pt x="874" y="221"/>
                  </a:lnTo>
                  <a:lnTo>
                    <a:pt x="877" y="234"/>
                  </a:lnTo>
                  <a:lnTo>
                    <a:pt x="880" y="245"/>
                  </a:lnTo>
                  <a:lnTo>
                    <a:pt x="884" y="257"/>
                  </a:lnTo>
                  <a:lnTo>
                    <a:pt x="888" y="267"/>
                  </a:lnTo>
                  <a:lnTo>
                    <a:pt x="895" y="278"/>
                  </a:lnTo>
                  <a:lnTo>
                    <a:pt x="901" y="288"/>
                  </a:lnTo>
                  <a:lnTo>
                    <a:pt x="908" y="299"/>
                  </a:lnTo>
                  <a:lnTo>
                    <a:pt x="918" y="308"/>
                  </a:lnTo>
                  <a:lnTo>
                    <a:pt x="913" y="316"/>
                  </a:lnTo>
                  <a:lnTo>
                    <a:pt x="910" y="323"/>
                  </a:lnTo>
                  <a:lnTo>
                    <a:pt x="906" y="331"/>
                  </a:lnTo>
                  <a:lnTo>
                    <a:pt x="905" y="339"/>
                  </a:lnTo>
                  <a:lnTo>
                    <a:pt x="904" y="347"/>
                  </a:lnTo>
                  <a:lnTo>
                    <a:pt x="905" y="356"/>
                  </a:lnTo>
                  <a:lnTo>
                    <a:pt x="906" y="364"/>
                  </a:lnTo>
                  <a:lnTo>
                    <a:pt x="908" y="373"/>
                  </a:lnTo>
                  <a:lnTo>
                    <a:pt x="915" y="390"/>
                  </a:lnTo>
                  <a:lnTo>
                    <a:pt x="922" y="407"/>
                  </a:lnTo>
                  <a:lnTo>
                    <a:pt x="931" y="425"/>
                  </a:lnTo>
                  <a:lnTo>
                    <a:pt x="939" y="443"/>
                  </a:lnTo>
                  <a:lnTo>
                    <a:pt x="946" y="460"/>
                  </a:lnTo>
                  <a:lnTo>
                    <a:pt x="953" y="477"/>
                  </a:lnTo>
                  <a:lnTo>
                    <a:pt x="955" y="484"/>
                  </a:lnTo>
                  <a:lnTo>
                    <a:pt x="956" y="493"/>
                  </a:lnTo>
                  <a:lnTo>
                    <a:pt x="957" y="500"/>
                  </a:lnTo>
                  <a:lnTo>
                    <a:pt x="956" y="507"/>
                  </a:lnTo>
                  <a:lnTo>
                    <a:pt x="955" y="514"/>
                  </a:lnTo>
                  <a:lnTo>
                    <a:pt x="953" y="521"/>
                  </a:lnTo>
                  <a:lnTo>
                    <a:pt x="950" y="527"/>
                  </a:lnTo>
                  <a:lnTo>
                    <a:pt x="944" y="533"/>
                  </a:lnTo>
                  <a:lnTo>
                    <a:pt x="938" y="539"/>
                  </a:lnTo>
                  <a:lnTo>
                    <a:pt x="931" y="543"/>
                  </a:lnTo>
                  <a:lnTo>
                    <a:pt x="921" y="549"/>
                  </a:lnTo>
                  <a:lnTo>
                    <a:pt x="910" y="553"/>
                  </a:lnTo>
                  <a:lnTo>
                    <a:pt x="904" y="554"/>
                  </a:lnTo>
                  <a:lnTo>
                    <a:pt x="897" y="555"/>
                  </a:lnTo>
                  <a:lnTo>
                    <a:pt x="891" y="554"/>
                  </a:lnTo>
                  <a:lnTo>
                    <a:pt x="882" y="554"/>
                  </a:lnTo>
                  <a:lnTo>
                    <a:pt x="866" y="552"/>
                  </a:lnTo>
                  <a:lnTo>
                    <a:pt x="851" y="552"/>
                  </a:lnTo>
                  <a:lnTo>
                    <a:pt x="843" y="552"/>
                  </a:lnTo>
                  <a:lnTo>
                    <a:pt x="837" y="554"/>
                  </a:lnTo>
                  <a:lnTo>
                    <a:pt x="831" y="556"/>
                  </a:lnTo>
                  <a:lnTo>
                    <a:pt x="826" y="560"/>
                  </a:lnTo>
                  <a:lnTo>
                    <a:pt x="822" y="565"/>
                  </a:lnTo>
                  <a:lnTo>
                    <a:pt x="820" y="573"/>
                  </a:lnTo>
                  <a:lnTo>
                    <a:pt x="819" y="582"/>
                  </a:lnTo>
                  <a:lnTo>
                    <a:pt x="820" y="594"/>
                  </a:lnTo>
                  <a:lnTo>
                    <a:pt x="814" y="592"/>
                  </a:lnTo>
                  <a:lnTo>
                    <a:pt x="806" y="590"/>
                  </a:lnTo>
                  <a:lnTo>
                    <a:pt x="799" y="586"/>
                  </a:lnTo>
                  <a:lnTo>
                    <a:pt x="793" y="582"/>
                  </a:lnTo>
                  <a:lnTo>
                    <a:pt x="778" y="575"/>
                  </a:lnTo>
                  <a:lnTo>
                    <a:pt x="764" y="566"/>
                  </a:lnTo>
                  <a:lnTo>
                    <a:pt x="757" y="563"/>
                  </a:lnTo>
                  <a:lnTo>
                    <a:pt x="749" y="560"/>
                  </a:lnTo>
                  <a:lnTo>
                    <a:pt x="743" y="557"/>
                  </a:lnTo>
                  <a:lnTo>
                    <a:pt x="736" y="556"/>
                  </a:lnTo>
                  <a:lnTo>
                    <a:pt x="728" y="555"/>
                  </a:lnTo>
                  <a:lnTo>
                    <a:pt x="721" y="556"/>
                  </a:lnTo>
                  <a:lnTo>
                    <a:pt x="714" y="557"/>
                  </a:lnTo>
                  <a:lnTo>
                    <a:pt x="706" y="561"/>
                  </a:lnTo>
                  <a:lnTo>
                    <a:pt x="682" y="537"/>
                  </a:lnTo>
                  <a:lnTo>
                    <a:pt x="657" y="513"/>
                  </a:lnTo>
                  <a:lnTo>
                    <a:pt x="645" y="500"/>
                  </a:lnTo>
                  <a:lnTo>
                    <a:pt x="635" y="486"/>
                  </a:lnTo>
                  <a:lnTo>
                    <a:pt x="629" y="479"/>
                  </a:lnTo>
                  <a:lnTo>
                    <a:pt x="625" y="472"/>
                  </a:lnTo>
                  <a:lnTo>
                    <a:pt x="621" y="463"/>
                  </a:lnTo>
                  <a:lnTo>
                    <a:pt x="617" y="455"/>
                  </a:lnTo>
                  <a:lnTo>
                    <a:pt x="593" y="463"/>
                  </a:lnTo>
                  <a:lnTo>
                    <a:pt x="570" y="473"/>
                  </a:lnTo>
                  <a:lnTo>
                    <a:pt x="548" y="484"/>
                  </a:lnTo>
                  <a:lnTo>
                    <a:pt x="528" y="496"/>
                  </a:lnTo>
                  <a:lnTo>
                    <a:pt x="509" y="510"/>
                  </a:lnTo>
                  <a:lnTo>
                    <a:pt x="490" y="523"/>
                  </a:lnTo>
                  <a:lnTo>
                    <a:pt x="473" y="538"/>
                  </a:lnTo>
                  <a:lnTo>
                    <a:pt x="455" y="553"/>
                  </a:lnTo>
                  <a:lnTo>
                    <a:pt x="428" y="553"/>
                  </a:lnTo>
                  <a:lnTo>
                    <a:pt x="401" y="552"/>
                  </a:lnTo>
                  <a:lnTo>
                    <a:pt x="395" y="553"/>
                  </a:lnTo>
                  <a:lnTo>
                    <a:pt x="389" y="553"/>
                  </a:lnTo>
                  <a:lnTo>
                    <a:pt x="384" y="555"/>
                  </a:lnTo>
                  <a:lnTo>
                    <a:pt x="380" y="557"/>
                  </a:lnTo>
                  <a:lnTo>
                    <a:pt x="377" y="560"/>
                  </a:lnTo>
                  <a:lnTo>
                    <a:pt x="375" y="564"/>
                  </a:lnTo>
                  <a:lnTo>
                    <a:pt x="374" y="571"/>
                  </a:lnTo>
                  <a:lnTo>
                    <a:pt x="374" y="577"/>
                  </a:lnTo>
                  <a:lnTo>
                    <a:pt x="367" y="573"/>
                  </a:lnTo>
                  <a:lnTo>
                    <a:pt x="361" y="570"/>
                  </a:lnTo>
                  <a:lnTo>
                    <a:pt x="356" y="567"/>
                  </a:lnTo>
                  <a:lnTo>
                    <a:pt x="350" y="565"/>
                  </a:lnTo>
                  <a:lnTo>
                    <a:pt x="345" y="564"/>
                  </a:lnTo>
                  <a:lnTo>
                    <a:pt x="341" y="564"/>
                  </a:lnTo>
                  <a:lnTo>
                    <a:pt x="336" y="565"/>
                  </a:lnTo>
                  <a:lnTo>
                    <a:pt x="331" y="566"/>
                  </a:lnTo>
                  <a:lnTo>
                    <a:pt x="312" y="574"/>
                  </a:lnTo>
                  <a:lnTo>
                    <a:pt x="292" y="585"/>
                  </a:lnTo>
                  <a:lnTo>
                    <a:pt x="279" y="566"/>
                  </a:lnTo>
                  <a:lnTo>
                    <a:pt x="265" y="547"/>
                  </a:lnTo>
                  <a:lnTo>
                    <a:pt x="258" y="538"/>
                  </a:lnTo>
                  <a:lnTo>
                    <a:pt x="252" y="527"/>
                  </a:lnTo>
                  <a:lnTo>
                    <a:pt x="247" y="517"/>
                  </a:lnTo>
                  <a:lnTo>
                    <a:pt x="243" y="504"/>
                  </a:lnTo>
                  <a:lnTo>
                    <a:pt x="256" y="504"/>
                  </a:lnTo>
                  <a:lnTo>
                    <a:pt x="268" y="504"/>
                  </a:lnTo>
                  <a:lnTo>
                    <a:pt x="280" y="504"/>
                  </a:lnTo>
                  <a:lnTo>
                    <a:pt x="292" y="504"/>
                  </a:lnTo>
                  <a:lnTo>
                    <a:pt x="288" y="496"/>
                  </a:lnTo>
                  <a:lnTo>
                    <a:pt x="286" y="490"/>
                  </a:lnTo>
                  <a:lnTo>
                    <a:pt x="284" y="482"/>
                  </a:lnTo>
                  <a:lnTo>
                    <a:pt x="283" y="477"/>
                  </a:lnTo>
                  <a:lnTo>
                    <a:pt x="283" y="465"/>
                  </a:lnTo>
                  <a:lnTo>
                    <a:pt x="284" y="455"/>
                  </a:lnTo>
                  <a:lnTo>
                    <a:pt x="286" y="444"/>
                  </a:lnTo>
                  <a:lnTo>
                    <a:pt x="289" y="433"/>
                  </a:lnTo>
                  <a:lnTo>
                    <a:pt x="291" y="420"/>
                  </a:lnTo>
                  <a:lnTo>
                    <a:pt x="292" y="406"/>
                  </a:lnTo>
                  <a:lnTo>
                    <a:pt x="291" y="396"/>
                  </a:lnTo>
                  <a:lnTo>
                    <a:pt x="289" y="386"/>
                  </a:lnTo>
                  <a:lnTo>
                    <a:pt x="287" y="379"/>
                  </a:lnTo>
                  <a:lnTo>
                    <a:pt x="283" y="371"/>
                  </a:lnTo>
                  <a:lnTo>
                    <a:pt x="278" y="364"/>
                  </a:lnTo>
                  <a:lnTo>
                    <a:pt x="272" y="358"/>
                  </a:lnTo>
                  <a:lnTo>
                    <a:pt x="267" y="352"/>
                  </a:lnTo>
                  <a:lnTo>
                    <a:pt x="261" y="346"/>
                  </a:lnTo>
                  <a:lnTo>
                    <a:pt x="248" y="336"/>
                  </a:lnTo>
                  <a:lnTo>
                    <a:pt x="236" y="325"/>
                  </a:lnTo>
                  <a:lnTo>
                    <a:pt x="230" y="320"/>
                  </a:lnTo>
                  <a:lnTo>
                    <a:pt x="226" y="314"/>
                  </a:lnTo>
                  <a:lnTo>
                    <a:pt x="222" y="307"/>
                  </a:lnTo>
                  <a:lnTo>
                    <a:pt x="219" y="301"/>
                  </a:lnTo>
                  <a:lnTo>
                    <a:pt x="219" y="297"/>
                  </a:lnTo>
                  <a:lnTo>
                    <a:pt x="221" y="294"/>
                  </a:lnTo>
                  <a:lnTo>
                    <a:pt x="225" y="291"/>
                  </a:lnTo>
                  <a:lnTo>
                    <a:pt x="229" y="287"/>
                  </a:lnTo>
                  <a:lnTo>
                    <a:pt x="233" y="283"/>
                  </a:lnTo>
                  <a:lnTo>
                    <a:pt x="238" y="279"/>
                  </a:lnTo>
                  <a:lnTo>
                    <a:pt x="242" y="274"/>
                  </a:lnTo>
                  <a:lnTo>
                    <a:pt x="243" y="268"/>
                  </a:lnTo>
                  <a:lnTo>
                    <a:pt x="243" y="261"/>
                  </a:lnTo>
                  <a:lnTo>
                    <a:pt x="241" y="253"/>
                  </a:lnTo>
                  <a:lnTo>
                    <a:pt x="238" y="245"/>
                  </a:lnTo>
                  <a:lnTo>
                    <a:pt x="233" y="238"/>
                  </a:lnTo>
                  <a:lnTo>
                    <a:pt x="227" y="231"/>
                  </a:lnTo>
                  <a:lnTo>
                    <a:pt x="221" y="224"/>
                  </a:lnTo>
                  <a:lnTo>
                    <a:pt x="213" y="219"/>
                  </a:lnTo>
                  <a:lnTo>
                    <a:pt x="205" y="215"/>
                  </a:lnTo>
                  <a:lnTo>
                    <a:pt x="197" y="211"/>
                  </a:lnTo>
                  <a:lnTo>
                    <a:pt x="189" y="208"/>
                  </a:lnTo>
                  <a:lnTo>
                    <a:pt x="181" y="208"/>
                  </a:lnTo>
                  <a:lnTo>
                    <a:pt x="173" y="209"/>
                  </a:lnTo>
                  <a:lnTo>
                    <a:pt x="170" y="211"/>
                  </a:lnTo>
                  <a:lnTo>
                    <a:pt x="167" y="213"/>
                  </a:lnTo>
                  <a:lnTo>
                    <a:pt x="164" y="215"/>
                  </a:lnTo>
                  <a:lnTo>
                    <a:pt x="162" y="218"/>
                  </a:lnTo>
                  <a:lnTo>
                    <a:pt x="159" y="221"/>
                  </a:lnTo>
                  <a:lnTo>
                    <a:pt x="157" y="225"/>
                  </a:lnTo>
                  <a:lnTo>
                    <a:pt x="156" y="231"/>
                  </a:lnTo>
                  <a:lnTo>
                    <a:pt x="153" y="236"/>
                  </a:lnTo>
                  <a:lnTo>
                    <a:pt x="150" y="236"/>
                  </a:lnTo>
                  <a:lnTo>
                    <a:pt x="147" y="235"/>
                  </a:lnTo>
                  <a:lnTo>
                    <a:pt x="145" y="234"/>
                  </a:lnTo>
                  <a:lnTo>
                    <a:pt x="144" y="232"/>
                  </a:lnTo>
                  <a:lnTo>
                    <a:pt x="141" y="227"/>
                  </a:lnTo>
                  <a:lnTo>
                    <a:pt x="140" y="222"/>
                  </a:lnTo>
                  <a:lnTo>
                    <a:pt x="138" y="217"/>
                  </a:lnTo>
                  <a:lnTo>
                    <a:pt x="134" y="213"/>
                  </a:lnTo>
                  <a:lnTo>
                    <a:pt x="132" y="212"/>
                  </a:lnTo>
                  <a:lnTo>
                    <a:pt x="129" y="211"/>
                  </a:lnTo>
                  <a:lnTo>
                    <a:pt x="126" y="211"/>
                  </a:lnTo>
                  <a:lnTo>
                    <a:pt x="122" y="212"/>
                  </a:lnTo>
                  <a:lnTo>
                    <a:pt x="122" y="203"/>
                  </a:lnTo>
                  <a:lnTo>
                    <a:pt x="124" y="196"/>
                  </a:lnTo>
                  <a:lnTo>
                    <a:pt x="127" y="189"/>
                  </a:lnTo>
                  <a:lnTo>
                    <a:pt x="131" y="184"/>
                  </a:lnTo>
                  <a:lnTo>
                    <a:pt x="134" y="179"/>
                  </a:lnTo>
                  <a:lnTo>
                    <a:pt x="138" y="173"/>
                  </a:lnTo>
                  <a:lnTo>
                    <a:pt x="139" y="164"/>
                  </a:lnTo>
                  <a:lnTo>
                    <a:pt x="138" y="155"/>
                  </a:lnTo>
                  <a:lnTo>
                    <a:pt x="127" y="160"/>
                  </a:lnTo>
                  <a:lnTo>
                    <a:pt x="118" y="164"/>
                  </a:lnTo>
                  <a:lnTo>
                    <a:pt x="108" y="167"/>
                  </a:lnTo>
                  <a:lnTo>
                    <a:pt x="99" y="169"/>
                  </a:lnTo>
                  <a:lnTo>
                    <a:pt x="90" y="172"/>
                  </a:lnTo>
                  <a:lnTo>
                    <a:pt x="82" y="173"/>
                  </a:lnTo>
                  <a:lnTo>
                    <a:pt x="73" y="172"/>
                  </a:lnTo>
                  <a:lnTo>
                    <a:pt x="65" y="172"/>
                  </a:lnTo>
                  <a:lnTo>
                    <a:pt x="57" y="169"/>
                  </a:lnTo>
                  <a:lnTo>
                    <a:pt x="48" y="167"/>
                  </a:lnTo>
                  <a:lnTo>
                    <a:pt x="41" y="164"/>
                  </a:lnTo>
                  <a:lnTo>
                    <a:pt x="32" y="160"/>
                  </a:lnTo>
                  <a:lnTo>
                    <a:pt x="17" y="151"/>
                  </a:lnTo>
                  <a:lnTo>
                    <a:pt x="0" y="138"/>
                  </a:lnTo>
                  <a:lnTo>
                    <a:pt x="5" y="133"/>
                  </a:lnTo>
                  <a:lnTo>
                    <a:pt x="10" y="128"/>
                  </a:lnTo>
                  <a:lnTo>
                    <a:pt x="16" y="124"/>
                  </a:lnTo>
                  <a:lnTo>
                    <a:pt x="22" y="122"/>
                  </a:lnTo>
                  <a:lnTo>
                    <a:pt x="28" y="119"/>
                  </a:lnTo>
                  <a:lnTo>
                    <a:pt x="34" y="118"/>
                  </a:lnTo>
                  <a:lnTo>
                    <a:pt x="40" y="117"/>
                  </a:lnTo>
                  <a:lnTo>
                    <a:pt x="47" y="116"/>
                  </a:lnTo>
                  <a:lnTo>
                    <a:pt x="60" y="116"/>
                  </a:lnTo>
                  <a:lnTo>
                    <a:pt x="73" y="117"/>
                  </a:lnTo>
                  <a:lnTo>
                    <a:pt x="86" y="119"/>
                  </a:lnTo>
                  <a:lnTo>
                    <a:pt x="100" y="121"/>
                  </a:lnTo>
                  <a:lnTo>
                    <a:pt x="113" y="124"/>
                  </a:lnTo>
                  <a:lnTo>
                    <a:pt x="126" y="126"/>
                  </a:lnTo>
                  <a:lnTo>
                    <a:pt x="140" y="127"/>
                  </a:lnTo>
                  <a:lnTo>
                    <a:pt x="151" y="127"/>
                  </a:lnTo>
                  <a:lnTo>
                    <a:pt x="158" y="126"/>
                  </a:lnTo>
                  <a:lnTo>
                    <a:pt x="164" y="125"/>
                  </a:lnTo>
                  <a:lnTo>
                    <a:pt x="169" y="124"/>
                  </a:lnTo>
                  <a:lnTo>
                    <a:pt x="175" y="121"/>
                  </a:lnTo>
                  <a:lnTo>
                    <a:pt x="180" y="119"/>
                  </a:lnTo>
                  <a:lnTo>
                    <a:pt x="185" y="115"/>
                  </a:lnTo>
                  <a:lnTo>
                    <a:pt x="190" y="110"/>
                  </a:lnTo>
                  <a:lnTo>
                    <a:pt x="195" y="105"/>
                  </a:lnTo>
                  <a:lnTo>
                    <a:pt x="195" y="99"/>
                  </a:lnTo>
                  <a:lnTo>
                    <a:pt x="193" y="94"/>
                  </a:lnTo>
                  <a:lnTo>
                    <a:pt x="192" y="88"/>
                  </a:lnTo>
                  <a:lnTo>
                    <a:pt x="190" y="84"/>
                  </a:lnTo>
                  <a:lnTo>
                    <a:pt x="188" y="81"/>
                  </a:lnTo>
                  <a:lnTo>
                    <a:pt x="185" y="78"/>
                  </a:lnTo>
                  <a:lnTo>
                    <a:pt x="182" y="76"/>
                  </a:lnTo>
                  <a:lnTo>
                    <a:pt x="178" y="74"/>
                  </a:lnTo>
                  <a:lnTo>
                    <a:pt x="164" y="68"/>
                  </a:lnTo>
                  <a:lnTo>
                    <a:pt x="153" y="65"/>
                  </a:lnTo>
                  <a:lnTo>
                    <a:pt x="159" y="57"/>
                  </a:lnTo>
                  <a:lnTo>
                    <a:pt x="165" y="49"/>
                  </a:lnTo>
                  <a:lnTo>
                    <a:pt x="172" y="44"/>
                  </a:lnTo>
                  <a:lnTo>
                    <a:pt x="182" y="40"/>
                  </a:lnTo>
                  <a:lnTo>
                    <a:pt x="191" y="36"/>
                  </a:lnTo>
                  <a:lnTo>
                    <a:pt x="201" y="33"/>
                  </a:lnTo>
                  <a:lnTo>
                    <a:pt x="211" y="30"/>
                  </a:lnTo>
                  <a:lnTo>
                    <a:pt x="223" y="28"/>
                  </a:lnTo>
                  <a:lnTo>
                    <a:pt x="245" y="24"/>
                  </a:lnTo>
                  <a:lnTo>
                    <a:pt x="266" y="19"/>
                  </a:lnTo>
                  <a:lnTo>
                    <a:pt x="276" y="16"/>
                  </a:lnTo>
                  <a:lnTo>
                    <a:pt x="285" y="12"/>
                  </a:lnTo>
                  <a:lnTo>
                    <a:pt x="294" y="6"/>
                  </a:lnTo>
                  <a:lnTo>
                    <a:pt x="300" y="0"/>
                  </a:lnTo>
                  <a:lnTo>
                    <a:pt x="314" y="5"/>
                  </a:lnTo>
                  <a:lnTo>
                    <a:pt x="325" y="10"/>
                  </a:lnTo>
                  <a:lnTo>
                    <a:pt x="338" y="16"/>
                  </a:lnTo>
                  <a:lnTo>
                    <a:pt x="349" y="22"/>
                  </a:lnTo>
                  <a:lnTo>
                    <a:pt x="374" y="35"/>
                  </a:lnTo>
                  <a:lnTo>
                    <a:pt x="398" y="46"/>
                  </a:lnTo>
                  <a:lnTo>
                    <a:pt x="409" y="50"/>
                  </a:lnTo>
                  <a:lnTo>
                    <a:pt x="422" y="56"/>
                  </a:lnTo>
                  <a:lnTo>
                    <a:pt x="436" y="59"/>
                  </a:lnTo>
                  <a:lnTo>
                    <a:pt x="449" y="61"/>
                  </a:lnTo>
                  <a:lnTo>
                    <a:pt x="464" y="62"/>
                  </a:lnTo>
                  <a:lnTo>
                    <a:pt x="479" y="62"/>
                  </a:lnTo>
                  <a:lnTo>
                    <a:pt x="495" y="60"/>
                  </a:lnTo>
                  <a:lnTo>
                    <a:pt x="511" y="57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43" name="Faxe"/>
            <p:cNvSpPr>
              <a:spLocks/>
            </p:cNvSpPr>
            <p:nvPr/>
          </p:nvSpPr>
          <p:spPr bwMode="auto">
            <a:xfrm>
              <a:off x="3644900" y="5700713"/>
              <a:ext cx="33337" cy="46038"/>
            </a:xfrm>
            <a:custGeom>
              <a:avLst/>
              <a:gdLst>
                <a:gd name="T0" fmla="*/ 21 w 65"/>
                <a:gd name="T1" fmla="*/ 21 h 88"/>
                <a:gd name="T2" fmla="*/ 19 w 65"/>
                <a:gd name="T3" fmla="*/ 23 h 88"/>
                <a:gd name="T4" fmla="*/ 18 w 65"/>
                <a:gd name="T5" fmla="*/ 24 h 88"/>
                <a:gd name="T6" fmla="*/ 16 w 65"/>
                <a:gd name="T7" fmla="*/ 25 h 88"/>
                <a:gd name="T8" fmla="*/ 14 w 65"/>
                <a:gd name="T9" fmla="*/ 26 h 88"/>
                <a:gd name="T10" fmla="*/ 10 w 65"/>
                <a:gd name="T11" fmla="*/ 28 h 88"/>
                <a:gd name="T12" fmla="*/ 5 w 65"/>
                <a:gd name="T13" fmla="*/ 29 h 88"/>
                <a:gd name="T14" fmla="*/ 5 w 65"/>
                <a:gd name="T15" fmla="*/ 27 h 88"/>
                <a:gd name="T16" fmla="*/ 5 w 65"/>
                <a:gd name="T17" fmla="*/ 25 h 88"/>
                <a:gd name="T18" fmla="*/ 4 w 65"/>
                <a:gd name="T19" fmla="*/ 23 h 88"/>
                <a:gd name="T20" fmla="*/ 3 w 65"/>
                <a:gd name="T21" fmla="*/ 21 h 88"/>
                <a:gd name="T22" fmla="*/ 2 w 65"/>
                <a:gd name="T23" fmla="*/ 20 h 88"/>
                <a:gd name="T24" fmla="*/ 1 w 65"/>
                <a:gd name="T25" fmla="*/ 18 h 88"/>
                <a:gd name="T26" fmla="*/ 0 w 65"/>
                <a:gd name="T27" fmla="*/ 16 h 88"/>
                <a:gd name="T28" fmla="*/ 0 w 65"/>
                <a:gd name="T29" fmla="*/ 13 h 88"/>
                <a:gd name="T30" fmla="*/ 5 w 65"/>
                <a:gd name="T31" fmla="*/ 9 h 88"/>
                <a:gd name="T32" fmla="*/ 8 w 65"/>
                <a:gd name="T33" fmla="*/ 5 h 88"/>
                <a:gd name="T34" fmla="*/ 11 w 65"/>
                <a:gd name="T35" fmla="*/ 3 h 88"/>
                <a:gd name="T36" fmla="*/ 14 w 65"/>
                <a:gd name="T37" fmla="*/ 1 h 88"/>
                <a:gd name="T38" fmla="*/ 16 w 65"/>
                <a:gd name="T39" fmla="*/ 1 h 88"/>
                <a:gd name="T40" fmla="*/ 17 w 65"/>
                <a:gd name="T41" fmla="*/ 0 h 88"/>
                <a:gd name="T42" fmla="*/ 19 w 65"/>
                <a:gd name="T43" fmla="*/ 0 h 88"/>
                <a:gd name="T44" fmla="*/ 21 w 65"/>
                <a:gd name="T45" fmla="*/ 0 h 88"/>
                <a:gd name="T46" fmla="*/ 21 w 65"/>
                <a:gd name="T47" fmla="*/ 2 h 88"/>
                <a:gd name="T48" fmla="*/ 21 w 65"/>
                <a:gd name="T49" fmla="*/ 5 h 88"/>
                <a:gd name="T50" fmla="*/ 21 w 65"/>
                <a:gd name="T51" fmla="*/ 9 h 88"/>
                <a:gd name="T52" fmla="*/ 21 w 65"/>
                <a:gd name="T53" fmla="*/ 13 h 88"/>
                <a:gd name="T54" fmla="*/ 21 w 65"/>
                <a:gd name="T55" fmla="*/ 17 h 88"/>
                <a:gd name="T56" fmla="*/ 21 w 65"/>
                <a:gd name="T57" fmla="*/ 21 h 88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0" t="0" r="r" b="b"/>
              <a:pathLst>
                <a:path w="65" h="88">
                  <a:moveTo>
                    <a:pt x="65" y="64"/>
                  </a:moveTo>
                  <a:lnTo>
                    <a:pt x="60" y="69"/>
                  </a:lnTo>
                  <a:lnTo>
                    <a:pt x="56" y="74"/>
                  </a:lnTo>
                  <a:lnTo>
                    <a:pt x="51" y="77"/>
                  </a:lnTo>
                  <a:lnTo>
                    <a:pt x="44" y="80"/>
                  </a:lnTo>
                  <a:lnTo>
                    <a:pt x="31" y="85"/>
                  </a:lnTo>
                  <a:lnTo>
                    <a:pt x="16" y="88"/>
                  </a:lnTo>
                  <a:lnTo>
                    <a:pt x="16" y="81"/>
                  </a:lnTo>
                  <a:lnTo>
                    <a:pt x="15" y="75"/>
                  </a:lnTo>
                  <a:lnTo>
                    <a:pt x="12" y="69"/>
                  </a:lnTo>
                  <a:lnTo>
                    <a:pt x="9" y="64"/>
                  </a:lnTo>
                  <a:lnTo>
                    <a:pt x="5" y="60"/>
                  </a:lnTo>
                  <a:lnTo>
                    <a:pt x="2" y="55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14" y="27"/>
                  </a:lnTo>
                  <a:lnTo>
                    <a:pt x="26" y="14"/>
                  </a:lnTo>
                  <a:lnTo>
                    <a:pt x="34" y="8"/>
                  </a:lnTo>
                  <a:lnTo>
                    <a:pt x="42" y="3"/>
                  </a:lnTo>
                  <a:lnTo>
                    <a:pt x="48" y="2"/>
                  </a:lnTo>
                  <a:lnTo>
                    <a:pt x="53" y="0"/>
                  </a:lnTo>
                  <a:lnTo>
                    <a:pt x="59" y="0"/>
                  </a:lnTo>
                  <a:lnTo>
                    <a:pt x="65" y="0"/>
                  </a:lnTo>
                  <a:lnTo>
                    <a:pt x="65" y="7"/>
                  </a:lnTo>
                  <a:lnTo>
                    <a:pt x="65" y="16"/>
                  </a:lnTo>
                  <a:lnTo>
                    <a:pt x="65" y="28"/>
                  </a:lnTo>
                  <a:lnTo>
                    <a:pt x="65" y="40"/>
                  </a:lnTo>
                  <a:lnTo>
                    <a:pt x="65" y="53"/>
                  </a:lnTo>
                  <a:lnTo>
                    <a:pt x="65" y="64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44" name="Faxe kant"/>
            <p:cNvSpPr>
              <a:spLocks/>
            </p:cNvSpPr>
            <p:nvPr/>
          </p:nvSpPr>
          <p:spPr bwMode="auto">
            <a:xfrm>
              <a:off x="3644900" y="5700713"/>
              <a:ext cx="33337" cy="46038"/>
            </a:xfrm>
            <a:custGeom>
              <a:avLst/>
              <a:gdLst>
                <a:gd name="T0" fmla="*/ 21 w 65"/>
                <a:gd name="T1" fmla="*/ 21 h 88"/>
                <a:gd name="T2" fmla="*/ 19 w 65"/>
                <a:gd name="T3" fmla="*/ 23 h 88"/>
                <a:gd name="T4" fmla="*/ 18 w 65"/>
                <a:gd name="T5" fmla="*/ 24 h 88"/>
                <a:gd name="T6" fmla="*/ 16 w 65"/>
                <a:gd name="T7" fmla="*/ 25 h 88"/>
                <a:gd name="T8" fmla="*/ 14 w 65"/>
                <a:gd name="T9" fmla="*/ 26 h 88"/>
                <a:gd name="T10" fmla="*/ 10 w 65"/>
                <a:gd name="T11" fmla="*/ 28 h 88"/>
                <a:gd name="T12" fmla="*/ 5 w 65"/>
                <a:gd name="T13" fmla="*/ 29 h 88"/>
                <a:gd name="T14" fmla="*/ 5 w 65"/>
                <a:gd name="T15" fmla="*/ 27 h 88"/>
                <a:gd name="T16" fmla="*/ 5 w 65"/>
                <a:gd name="T17" fmla="*/ 25 h 88"/>
                <a:gd name="T18" fmla="*/ 4 w 65"/>
                <a:gd name="T19" fmla="*/ 23 h 88"/>
                <a:gd name="T20" fmla="*/ 3 w 65"/>
                <a:gd name="T21" fmla="*/ 21 h 88"/>
                <a:gd name="T22" fmla="*/ 2 w 65"/>
                <a:gd name="T23" fmla="*/ 20 h 88"/>
                <a:gd name="T24" fmla="*/ 1 w 65"/>
                <a:gd name="T25" fmla="*/ 18 h 88"/>
                <a:gd name="T26" fmla="*/ 0 w 65"/>
                <a:gd name="T27" fmla="*/ 16 h 88"/>
                <a:gd name="T28" fmla="*/ 0 w 65"/>
                <a:gd name="T29" fmla="*/ 13 h 88"/>
                <a:gd name="T30" fmla="*/ 5 w 65"/>
                <a:gd name="T31" fmla="*/ 9 h 88"/>
                <a:gd name="T32" fmla="*/ 8 w 65"/>
                <a:gd name="T33" fmla="*/ 5 h 88"/>
                <a:gd name="T34" fmla="*/ 11 w 65"/>
                <a:gd name="T35" fmla="*/ 3 h 88"/>
                <a:gd name="T36" fmla="*/ 14 w 65"/>
                <a:gd name="T37" fmla="*/ 1 h 88"/>
                <a:gd name="T38" fmla="*/ 16 w 65"/>
                <a:gd name="T39" fmla="*/ 1 h 88"/>
                <a:gd name="T40" fmla="*/ 17 w 65"/>
                <a:gd name="T41" fmla="*/ 0 h 88"/>
                <a:gd name="T42" fmla="*/ 19 w 65"/>
                <a:gd name="T43" fmla="*/ 0 h 88"/>
                <a:gd name="T44" fmla="*/ 21 w 65"/>
                <a:gd name="T45" fmla="*/ 0 h 88"/>
                <a:gd name="T46" fmla="*/ 21 w 65"/>
                <a:gd name="T47" fmla="*/ 2 h 88"/>
                <a:gd name="T48" fmla="*/ 21 w 65"/>
                <a:gd name="T49" fmla="*/ 5 h 88"/>
                <a:gd name="T50" fmla="*/ 21 w 65"/>
                <a:gd name="T51" fmla="*/ 9 h 88"/>
                <a:gd name="T52" fmla="*/ 21 w 65"/>
                <a:gd name="T53" fmla="*/ 13 h 88"/>
                <a:gd name="T54" fmla="*/ 21 w 65"/>
                <a:gd name="T55" fmla="*/ 17 h 88"/>
                <a:gd name="T56" fmla="*/ 21 w 65"/>
                <a:gd name="T57" fmla="*/ 21 h 88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0" t="0" r="r" b="b"/>
              <a:pathLst>
                <a:path w="65" h="88">
                  <a:moveTo>
                    <a:pt x="65" y="64"/>
                  </a:moveTo>
                  <a:lnTo>
                    <a:pt x="60" y="69"/>
                  </a:lnTo>
                  <a:lnTo>
                    <a:pt x="56" y="74"/>
                  </a:lnTo>
                  <a:lnTo>
                    <a:pt x="51" y="77"/>
                  </a:lnTo>
                  <a:lnTo>
                    <a:pt x="44" y="80"/>
                  </a:lnTo>
                  <a:lnTo>
                    <a:pt x="31" y="85"/>
                  </a:lnTo>
                  <a:lnTo>
                    <a:pt x="16" y="88"/>
                  </a:lnTo>
                  <a:lnTo>
                    <a:pt x="16" y="81"/>
                  </a:lnTo>
                  <a:lnTo>
                    <a:pt x="15" y="75"/>
                  </a:lnTo>
                  <a:lnTo>
                    <a:pt x="12" y="69"/>
                  </a:lnTo>
                  <a:lnTo>
                    <a:pt x="9" y="64"/>
                  </a:lnTo>
                  <a:lnTo>
                    <a:pt x="5" y="60"/>
                  </a:lnTo>
                  <a:lnTo>
                    <a:pt x="2" y="55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14" y="27"/>
                  </a:lnTo>
                  <a:lnTo>
                    <a:pt x="26" y="14"/>
                  </a:lnTo>
                  <a:lnTo>
                    <a:pt x="34" y="8"/>
                  </a:lnTo>
                  <a:lnTo>
                    <a:pt x="42" y="3"/>
                  </a:lnTo>
                  <a:lnTo>
                    <a:pt x="48" y="2"/>
                  </a:lnTo>
                  <a:lnTo>
                    <a:pt x="53" y="0"/>
                  </a:lnTo>
                  <a:lnTo>
                    <a:pt x="59" y="0"/>
                  </a:lnTo>
                  <a:lnTo>
                    <a:pt x="65" y="0"/>
                  </a:lnTo>
                  <a:lnTo>
                    <a:pt x="65" y="7"/>
                  </a:lnTo>
                  <a:lnTo>
                    <a:pt x="65" y="16"/>
                  </a:lnTo>
                  <a:lnTo>
                    <a:pt x="65" y="28"/>
                  </a:lnTo>
                  <a:lnTo>
                    <a:pt x="65" y="40"/>
                  </a:lnTo>
                  <a:lnTo>
                    <a:pt x="65" y="53"/>
                  </a:lnTo>
                  <a:lnTo>
                    <a:pt x="65" y="64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45" name="Faxe"/>
            <p:cNvSpPr>
              <a:spLocks/>
            </p:cNvSpPr>
            <p:nvPr/>
          </p:nvSpPr>
          <p:spPr bwMode="auto">
            <a:xfrm>
              <a:off x="3471863" y="5360988"/>
              <a:ext cx="365125" cy="377825"/>
            </a:xfrm>
            <a:custGeom>
              <a:avLst/>
              <a:gdLst>
                <a:gd name="T0" fmla="*/ 226 w 688"/>
                <a:gd name="T1" fmla="*/ 139 h 715"/>
                <a:gd name="T2" fmla="*/ 214 w 688"/>
                <a:gd name="T3" fmla="*/ 146 h 715"/>
                <a:gd name="T4" fmla="*/ 188 w 688"/>
                <a:gd name="T5" fmla="*/ 162 h 715"/>
                <a:gd name="T6" fmla="*/ 169 w 688"/>
                <a:gd name="T7" fmla="*/ 177 h 715"/>
                <a:gd name="T8" fmla="*/ 153 w 688"/>
                <a:gd name="T9" fmla="*/ 195 h 715"/>
                <a:gd name="T10" fmla="*/ 149 w 688"/>
                <a:gd name="T11" fmla="*/ 209 h 715"/>
                <a:gd name="T12" fmla="*/ 151 w 688"/>
                <a:gd name="T13" fmla="*/ 226 h 715"/>
                <a:gd name="T14" fmla="*/ 147 w 688"/>
                <a:gd name="T15" fmla="*/ 235 h 715"/>
                <a:gd name="T16" fmla="*/ 141 w 688"/>
                <a:gd name="T17" fmla="*/ 238 h 715"/>
                <a:gd name="T18" fmla="*/ 135 w 688"/>
                <a:gd name="T19" fmla="*/ 237 h 715"/>
                <a:gd name="T20" fmla="*/ 133 w 688"/>
                <a:gd name="T21" fmla="*/ 226 h 715"/>
                <a:gd name="T22" fmla="*/ 132 w 688"/>
                <a:gd name="T23" fmla="*/ 220 h 715"/>
                <a:gd name="T24" fmla="*/ 131 w 688"/>
                <a:gd name="T25" fmla="*/ 211 h 715"/>
                <a:gd name="T26" fmla="*/ 133 w 688"/>
                <a:gd name="T27" fmla="*/ 207 h 715"/>
                <a:gd name="T28" fmla="*/ 122 w 688"/>
                <a:gd name="T29" fmla="*/ 206 h 715"/>
                <a:gd name="T30" fmla="*/ 114 w 688"/>
                <a:gd name="T31" fmla="*/ 207 h 715"/>
                <a:gd name="T32" fmla="*/ 106 w 688"/>
                <a:gd name="T33" fmla="*/ 198 h 715"/>
                <a:gd name="T34" fmla="*/ 99 w 688"/>
                <a:gd name="T35" fmla="*/ 181 h 715"/>
                <a:gd name="T36" fmla="*/ 92 w 688"/>
                <a:gd name="T37" fmla="*/ 163 h 715"/>
                <a:gd name="T38" fmla="*/ 84 w 688"/>
                <a:gd name="T39" fmla="*/ 155 h 715"/>
                <a:gd name="T40" fmla="*/ 74 w 688"/>
                <a:gd name="T41" fmla="*/ 152 h 715"/>
                <a:gd name="T42" fmla="*/ 73 w 688"/>
                <a:gd name="T43" fmla="*/ 148 h 715"/>
                <a:gd name="T44" fmla="*/ 72 w 688"/>
                <a:gd name="T45" fmla="*/ 137 h 715"/>
                <a:gd name="T46" fmla="*/ 68 w 688"/>
                <a:gd name="T47" fmla="*/ 130 h 715"/>
                <a:gd name="T48" fmla="*/ 60 w 688"/>
                <a:gd name="T49" fmla="*/ 133 h 715"/>
                <a:gd name="T50" fmla="*/ 51 w 688"/>
                <a:gd name="T51" fmla="*/ 133 h 715"/>
                <a:gd name="T52" fmla="*/ 47 w 688"/>
                <a:gd name="T53" fmla="*/ 124 h 715"/>
                <a:gd name="T54" fmla="*/ 35 w 688"/>
                <a:gd name="T55" fmla="*/ 112 h 715"/>
                <a:gd name="T56" fmla="*/ 10 w 688"/>
                <a:gd name="T57" fmla="*/ 95 h 715"/>
                <a:gd name="T58" fmla="*/ 2 w 688"/>
                <a:gd name="T59" fmla="*/ 83 h 715"/>
                <a:gd name="T60" fmla="*/ 6 w 688"/>
                <a:gd name="T61" fmla="*/ 73 h 715"/>
                <a:gd name="T62" fmla="*/ 8 w 688"/>
                <a:gd name="T63" fmla="*/ 62 h 715"/>
                <a:gd name="T64" fmla="*/ 17 w 688"/>
                <a:gd name="T65" fmla="*/ 62 h 715"/>
                <a:gd name="T66" fmla="*/ 19 w 688"/>
                <a:gd name="T67" fmla="*/ 59 h 715"/>
                <a:gd name="T68" fmla="*/ 22 w 688"/>
                <a:gd name="T69" fmla="*/ 53 h 715"/>
                <a:gd name="T70" fmla="*/ 19 w 688"/>
                <a:gd name="T71" fmla="*/ 50 h 715"/>
                <a:gd name="T72" fmla="*/ 12 w 688"/>
                <a:gd name="T73" fmla="*/ 44 h 715"/>
                <a:gd name="T74" fmla="*/ 12 w 688"/>
                <a:gd name="T75" fmla="*/ 40 h 715"/>
                <a:gd name="T76" fmla="*/ 14 w 688"/>
                <a:gd name="T77" fmla="*/ 38 h 715"/>
                <a:gd name="T78" fmla="*/ 15 w 688"/>
                <a:gd name="T79" fmla="*/ 33 h 715"/>
                <a:gd name="T80" fmla="*/ 33 w 688"/>
                <a:gd name="T81" fmla="*/ 33 h 715"/>
                <a:gd name="T82" fmla="*/ 47 w 688"/>
                <a:gd name="T83" fmla="*/ 26 h 715"/>
                <a:gd name="T84" fmla="*/ 61 w 688"/>
                <a:gd name="T85" fmla="*/ 8 h 715"/>
                <a:gd name="T86" fmla="*/ 73 w 688"/>
                <a:gd name="T87" fmla="*/ 0 h 715"/>
                <a:gd name="T88" fmla="*/ 88 w 688"/>
                <a:gd name="T89" fmla="*/ 4 h 715"/>
                <a:gd name="T90" fmla="*/ 107 w 688"/>
                <a:gd name="T91" fmla="*/ 20 h 715"/>
                <a:gd name="T92" fmla="*/ 121 w 688"/>
                <a:gd name="T93" fmla="*/ 30 h 715"/>
                <a:gd name="T94" fmla="*/ 126 w 688"/>
                <a:gd name="T95" fmla="*/ 32 h 715"/>
                <a:gd name="T96" fmla="*/ 131 w 688"/>
                <a:gd name="T97" fmla="*/ 41 h 715"/>
                <a:gd name="T98" fmla="*/ 146 w 688"/>
                <a:gd name="T99" fmla="*/ 50 h 715"/>
                <a:gd name="T100" fmla="*/ 167 w 688"/>
                <a:gd name="T101" fmla="*/ 57 h 715"/>
                <a:gd name="T102" fmla="*/ 191 w 688"/>
                <a:gd name="T103" fmla="*/ 63 h 715"/>
                <a:gd name="T104" fmla="*/ 188 w 688"/>
                <a:gd name="T105" fmla="*/ 74 h 715"/>
                <a:gd name="T106" fmla="*/ 183 w 688"/>
                <a:gd name="T107" fmla="*/ 81 h 715"/>
                <a:gd name="T108" fmla="*/ 184 w 688"/>
                <a:gd name="T109" fmla="*/ 89 h 715"/>
                <a:gd name="T110" fmla="*/ 196 w 688"/>
                <a:gd name="T111" fmla="*/ 92 h 715"/>
                <a:gd name="T112" fmla="*/ 215 w 688"/>
                <a:gd name="T113" fmla="*/ 106 h 715"/>
                <a:gd name="T114" fmla="*/ 224 w 688"/>
                <a:gd name="T115" fmla="*/ 128 h 715"/>
                <a:gd name="T116" fmla="*/ 230 w 688"/>
                <a:gd name="T117" fmla="*/ 138 h 715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688" h="715">
                  <a:moveTo>
                    <a:pt x="688" y="416"/>
                  </a:moveTo>
                  <a:lnTo>
                    <a:pt x="681" y="416"/>
                  </a:lnTo>
                  <a:lnTo>
                    <a:pt x="676" y="418"/>
                  </a:lnTo>
                  <a:lnTo>
                    <a:pt x="675" y="418"/>
                  </a:lnTo>
                  <a:lnTo>
                    <a:pt x="674" y="419"/>
                  </a:lnTo>
                  <a:lnTo>
                    <a:pt x="674" y="421"/>
                  </a:lnTo>
                  <a:lnTo>
                    <a:pt x="675" y="422"/>
                  </a:lnTo>
                  <a:lnTo>
                    <a:pt x="641" y="439"/>
                  </a:lnTo>
                  <a:lnTo>
                    <a:pt x="607" y="457"/>
                  </a:lnTo>
                  <a:lnTo>
                    <a:pt x="592" y="466"/>
                  </a:lnTo>
                  <a:lnTo>
                    <a:pt x="576" y="476"/>
                  </a:lnTo>
                  <a:lnTo>
                    <a:pt x="561" y="486"/>
                  </a:lnTo>
                  <a:lnTo>
                    <a:pt x="546" y="497"/>
                  </a:lnTo>
                  <a:lnTo>
                    <a:pt x="532" y="508"/>
                  </a:lnTo>
                  <a:lnTo>
                    <a:pt x="518" y="520"/>
                  </a:lnTo>
                  <a:lnTo>
                    <a:pt x="505" y="531"/>
                  </a:lnTo>
                  <a:lnTo>
                    <a:pt x="493" y="544"/>
                  </a:lnTo>
                  <a:lnTo>
                    <a:pt x="480" y="558"/>
                  </a:lnTo>
                  <a:lnTo>
                    <a:pt x="468" y="571"/>
                  </a:lnTo>
                  <a:lnTo>
                    <a:pt x="458" y="586"/>
                  </a:lnTo>
                  <a:lnTo>
                    <a:pt x="447" y="601"/>
                  </a:lnTo>
                  <a:lnTo>
                    <a:pt x="446" y="610"/>
                  </a:lnTo>
                  <a:lnTo>
                    <a:pt x="446" y="620"/>
                  </a:lnTo>
                  <a:lnTo>
                    <a:pt x="446" y="628"/>
                  </a:lnTo>
                  <a:lnTo>
                    <a:pt x="448" y="637"/>
                  </a:lnTo>
                  <a:lnTo>
                    <a:pt x="452" y="651"/>
                  </a:lnTo>
                  <a:lnTo>
                    <a:pt x="455" y="666"/>
                  </a:lnTo>
                  <a:lnTo>
                    <a:pt x="453" y="678"/>
                  </a:lnTo>
                  <a:lnTo>
                    <a:pt x="447" y="695"/>
                  </a:lnTo>
                  <a:lnTo>
                    <a:pt x="445" y="698"/>
                  </a:lnTo>
                  <a:lnTo>
                    <a:pt x="442" y="702"/>
                  </a:lnTo>
                  <a:lnTo>
                    <a:pt x="439" y="705"/>
                  </a:lnTo>
                  <a:lnTo>
                    <a:pt x="436" y="708"/>
                  </a:lnTo>
                  <a:lnTo>
                    <a:pt x="432" y="711"/>
                  </a:lnTo>
                  <a:lnTo>
                    <a:pt x="426" y="713"/>
                  </a:lnTo>
                  <a:lnTo>
                    <a:pt x="421" y="715"/>
                  </a:lnTo>
                  <a:lnTo>
                    <a:pt x="415" y="715"/>
                  </a:lnTo>
                  <a:lnTo>
                    <a:pt x="409" y="715"/>
                  </a:lnTo>
                  <a:lnTo>
                    <a:pt x="405" y="714"/>
                  </a:lnTo>
                  <a:lnTo>
                    <a:pt x="403" y="711"/>
                  </a:lnTo>
                  <a:lnTo>
                    <a:pt x="401" y="708"/>
                  </a:lnTo>
                  <a:lnTo>
                    <a:pt x="399" y="700"/>
                  </a:lnTo>
                  <a:lnTo>
                    <a:pt x="399" y="689"/>
                  </a:lnTo>
                  <a:lnTo>
                    <a:pt x="399" y="679"/>
                  </a:lnTo>
                  <a:lnTo>
                    <a:pt x="399" y="669"/>
                  </a:lnTo>
                  <a:lnTo>
                    <a:pt x="398" y="665"/>
                  </a:lnTo>
                  <a:lnTo>
                    <a:pt x="396" y="662"/>
                  </a:lnTo>
                  <a:lnTo>
                    <a:pt x="394" y="660"/>
                  </a:lnTo>
                  <a:lnTo>
                    <a:pt x="390" y="658"/>
                  </a:lnTo>
                  <a:lnTo>
                    <a:pt x="390" y="649"/>
                  </a:lnTo>
                  <a:lnTo>
                    <a:pt x="390" y="642"/>
                  </a:lnTo>
                  <a:lnTo>
                    <a:pt x="391" y="635"/>
                  </a:lnTo>
                  <a:lnTo>
                    <a:pt x="396" y="630"/>
                  </a:lnTo>
                  <a:lnTo>
                    <a:pt x="397" y="628"/>
                  </a:lnTo>
                  <a:lnTo>
                    <a:pt x="398" y="625"/>
                  </a:lnTo>
                  <a:lnTo>
                    <a:pt x="399" y="622"/>
                  </a:lnTo>
                  <a:lnTo>
                    <a:pt x="398" y="617"/>
                  </a:lnTo>
                  <a:lnTo>
                    <a:pt x="383" y="617"/>
                  </a:lnTo>
                  <a:lnTo>
                    <a:pt x="370" y="617"/>
                  </a:lnTo>
                  <a:lnTo>
                    <a:pt x="364" y="618"/>
                  </a:lnTo>
                  <a:lnTo>
                    <a:pt x="359" y="620"/>
                  </a:lnTo>
                  <a:lnTo>
                    <a:pt x="354" y="622"/>
                  </a:lnTo>
                  <a:lnTo>
                    <a:pt x="349" y="625"/>
                  </a:lnTo>
                  <a:lnTo>
                    <a:pt x="342" y="621"/>
                  </a:lnTo>
                  <a:lnTo>
                    <a:pt x="336" y="617"/>
                  </a:lnTo>
                  <a:lnTo>
                    <a:pt x="330" y="611"/>
                  </a:lnTo>
                  <a:lnTo>
                    <a:pt x="325" y="606"/>
                  </a:lnTo>
                  <a:lnTo>
                    <a:pt x="317" y="596"/>
                  </a:lnTo>
                  <a:lnTo>
                    <a:pt x="309" y="583"/>
                  </a:lnTo>
                  <a:lnTo>
                    <a:pt x="304" y="570"/>
                  </a:lnTo>
                  <a:lnTo>
                    <a:pt x="299" y="557"/>
                  </a:lnTo>
                  <a:lnTo>
                    <a:pt x="295" y="543"/>
                  </a:lnTo>
                  <a:lnTo>
                    <a:pt x="290" y="529"/>
                  </a:lnTo>
                  <a:lnTo>
                    <a:pt x="286" y="517"/>
                  </a:lnTo>
                  <a:lnTo>
                    <a:pt x="281" y="504"/>
                  </a:lnTo>
                  <a:lnTo>
                    <a:pt x="275" y="491"/>
                  </a:lnTo>
                  <a:lnTo>
                    <a:pt x="266" y="481"/>
                  </a:lnTo>
                  <a:lnTo>
                    <a:pt x="262" y="477"/>
                  </a:lnTo>
                  <a:lnTo>
                    <a:pt x="257" y="471"/>
                  </a:lnTo>
                  <a:lnTo>
                    <a:pt x="250" y="467"/>
                  </a:lnTo>
                  <a:lnTo>
                    <a:pt x="244" y="464"/>
                  </a:lnTo>
                  <a:lnTo>
                    <a:pt x="238" y="461"/>
                  </a:lnTo>
                  <a:lnTo>
                    <a:pt x="229" y="458"/>
                  </a:lnTo>
                  <a:lnTo>
                    <a:pt x="221" y="456"/>
                  </a:lnTo>
                  <a:lnTo>
                    <a:pt x="211" y="455"/>
                  </a:lnTo>
                  <a:lnTo>
                    <a:pt x="214" y="451"/>
                  </a:lnTo>
                  <a:lnTo>
                    <a:pt x="216" y="448"/>
                  </a:lnTo>
                  <a:lnTo>
                    <a:pt x="218" y="445"/>
                  </a:lnTo>
                  <a:lnTo>
                    <a:pt x="219" y="442"/>
                  </a:lnTo>
                  <a:lnTo>
                    <a:pt x="220" y="435"/>
                  </a:lnTo>
                  <a:lnTo>
                    <a:pt x="219" y="427"/>
                  </a:lnTo>
                  <a:lnTo>
                    <a:pt x="216" y="412"/>
                  </a:lnTo>
                  <a:lnTo>
                    <a:pt x="211" y="398"/>
                  </a:lnTo>
                  <a:lnTo>
                    <a:pt x="208" y="396"/>
                  </a:lnTo>
                  <a:lnTo>
                    <a:pt x="205" y="393"/>
                  </a:lnTo>
                  <a:lnTo>
                    <a:pt x="202" y="392"/>
                  </a:lnTo>
                  <a:lnTo>
                    <a:pt x="199" y="392"/>
                  </a:lnTo>
                  <a:lnTo>
                    <a:pt x="192" y="393"/>
                  </a:lnTo>
                  <a:lnTo>
                    <a:pt x="186" y="396"/>
                  </a:lnTo>
                  <a:lnTo>
                    <a:pt x="179" y="399"/>
                  </a:lnTo>
                  <a:lnTo>
                    <a:pt x="171" y="403"/>
                  </a:lnTo>
                  <a:lnTo>
                    <a:pt x="163" y="405"/>
                  </a:lnTo>
                  <a:lnTo>
                    <a:pt x="155" y="406"/>
                  </a:lnTo>
                  <a:lnTo>
                    <a:pt x="154" y="400"/>
                  </a:lnTo>
                  <a:lnTo>
                    <a:pt x="152" y="393"/>
                  </a:lnTo>
                  <a:lnTo>
                    <a:pt x="150" y="388"/>
                  </a:lnTo>
                  <a:lnTo>
                    <a:pt x="148" y="383"/>
                  </a:lnTo>
                  <a:lnTo>
                    <a:pt x="142" y="372"/>
                  </a:lnTo>
                  <a:lnTo>
                    <a:pt x="135" y="363"/>
                  </a:lnTo>
                  <a:lnTo>
                    <a:pt x="126" y="353"/>
                  </a:lnTo>
                  <a:lnTo>
                    <a:pt x="116" y="344"/>
                  </a:lnTo>
                  <a:lnTo>
                    <a:pt x="104" y="336"/>
                  </a:lnTo>
                  <a:lnTo>
                    <a:pt x="92" y="327"/>
                  </a:lnTo>
                  <a:lnTo>
                    <a:pt x="67" y="311"/>
                  </a:lnTo>
                  <a:lnTo>
                    <a:pt x="43" y="295"/>
                  </a:lnTo>
                  <a:lnTo>
                    <a:pt x="30" y="286"/>
                  </a:lnTo>
                  <a:lnTo>
                    <a:pt x="20" y="278"/>
                  </a:lnTo>
                  <a:lnTo>
                    <a:pt x="9" y="269"/>
                  </a:lnTo>
                  <a:lnTo>
                    <a:pt x="0" y="260"/>
                  </a:lnTo>
                  <a:lnTo>
                    <a:pt x="7" y="248"/>
                  </a:lnTo>
                  <a:lnTo>
                    <a:pt x="12" y="240"/>
                  </a:lnTo>
                  <a:lnTo>
                    <a:pt x="16" y="232"/>
                  </a:lnTo>
                  <a:lnTo>
                    <a:pt x="18" y="226"/>
                  </a:lnTo>
                  <a:lnTo>
                    <a:pt x="18" y="220"/>
                  </a:lnTo>
                  <a:lnTo>
                    <a:pt x="17" y="211"/>
                  </a:lnTo>
                  <a:lnTo>
                    <a:pt x="13" y="201"/>
                  </a:lnTo>
                  <a:lnTo>
                    <a:pt x="8" y="186"/>
                  </a:lnTo>
                  <a:lnTo>
                    <a:pt x="24" y="186"/>
                  </a:lnTo>
                  <a:lnTo>
                    <a:pt x="42" y="187"/>
                  </a:lnTo>
                  <a:lnTo>
                    <a:pt x="46" y="187"/>
                  </a:lnTo>
                  <a:lnTo>
                    <a:pt x="49" y="187"/>
                  </a:lnTo>
                  <a:lnTo>
                    <a:pt x="52" y="186"/>
                  </a:lnTo>
                  <a:lnTo>
                    <a:pt x="55" y="184"/>
                  </a:lnTo>
                  <a:lnTo>
                    <a:pt x="57" y="182"/>
                  </a:lnTo>
                  <a:lnTo>
                    <a:pt x="58" y="179"/>
                  </a:lnTo>
                  <a:lnTo>
                    <a:pt x="58" y="176"/>
                  </a:lnTo>
                  <a:lnTo>
                    <a:pt x="57" y="170"/>
                  </a:lnTo>
                  <a:lnTo>
                    <a:pt x="61" y="166"/>
                  </a:lnTo>
                  <a:lnTo>
                    <a:pt x="64" y="163"/>
                  </a:lnTo>
                  <a:lnTo>
                    <a:pt x="65" y="160"/>
                  </a:lnTo>
                  <a:lnTo>
                    <a:pt x="64" y="157"/>
                  </a:lnTo>
                  <a:lnTo>
                    <a:pt x="63" y="154"/>
                  </a:lnTo>
                  <a:lnTo>
                    <a:pt x="61" y="152"/>
                  </a:lnTo>
                  <a:lnTo>
                    <a:pt x="58" y="149"/>
                  </a:lnTo>
                  <a:lnTo>
                    <a:pt x="53" y="147"/>
                  </a:lnTo>
                  <a:lnTo>
                    <a:pt x="45" y="142"/>
                  </a:lnTo>
                  <a:lnTo>
                    <a:pt x="39" y="137"/>
                  </a:lnTo>
                  <a:lnTo>
                    <a:pt x="36" y="133"/>
                  </a:lnTo>
                  <a:lnTo>
                    <a:pt x="33" y="129"/>
                  </a:lnTo>
                  <a:lnTo>
                    <a:pt x="32" y="126"/>
                  </a:lnTo>
                  <a:lnTo>
                    <a:pt x="32" y="122"/>
                  </a:lnTo>
                  <a:lnTo>
                    <a:pt x="35" y="121"/>
                  </a:lnTo>
                  <a:lnTo>
                    <a:pt x="37" y="121"/>
                  </a:lnTo>
                  <a:lnTo>
                    <a:pt x="38" y="119"/>
                  </a:lnTo>
                  <a:lnTo>
                    <a:pt x="39" y="118"/>
                  </a:lnTo>
                  <a:lnTo>
                    <a:pt x="41" y="114"/>
                  </a:lnTo>
                  <a:lnTo>
                    <a:pt x="41" y="110"/>
                  </a:lnTo>
                  <a:lnTo>
                    <a:pt x="42" y="105"/>
                  </a:lnTo>
                  <a:lnTo>
                    <a:pt x="43" y="102"/>
                  </a:lnTo>
                  <a:lnTo>
                    <a:pt x="45" y="99"/>
                  </a:lnTo>
                  <a:lnTo>
                    <a:pt x="49" y="97"/>
                  </a:lnTo>
                  <a:lnTo>
                    <a:pt x="67" y="100"/>
                  </a:lnTo>
                  <a:lnTo>
                    <a:pt x="83" y="100"/>
                  </a:lnTo>
                  <a:lnTo>
                    <a:pt x="98" y="99"/>
                  </a:lnTo>
                  <a:lnTo>
                    <a:pt x="110" y="95"/>
                  </a:lnTo>
                  <a:lnTo>
                    <a:pt x="122" y="91"/>
                  </a:lnTo>
                  <a:lnTo>
                    <a:pt x="131" y="85"/>
                  </a:lnTo>
                  <a:lnTo>
                    <a:pt x="140" y="79"/>
                  </a:lnTo>
                  <a:lnTo>
                    <a:pt x="148" y="70"/>
                  </a:lnTo>
                  <a:lnTo>
                    <a:pt x="162" y="53"/>
                  </a:lnTo>
                  <a:lnTo>
                    <a:pt x="175" y="34"/>
                  </a:lnTo>
                  <a:lnTo>
                    <a:pt x="181" y="25"/>
                  </a:lnTo>
                  <a:lnTo>
                    <a:pt x="188" y="15"/>
                  </a:lnTo>
                  <a:lnTo>
                    <a:pt x="196" y="7"/>
                  </a:lnTo>
                  <a:lnTo>
                    <a:pt x="203" y="0"/>
                  </a:lnTo>
                  <a:lnTo>
                    <a:pt x="217" y="1"/>
                  </a:lnTo>
                  <a:lnTo>
                    <a:pt x="229" y="3"/>
                  </a:lnTo>
                  <a:lnTo>
                    <a:pt x="241" y="5"/>
                  </a:lnTo>
                  <a:lnTo>
                    <a:pt x="253" y="9"/>
                  </a:lnTo>
                  <a:lnTo>
                    <a:pt x="262" y="13"/>
                  </a:lnTo>
                  <a:lnTo>
                    <a:pt x="271" y="20"/>
                  </a:lnTo>
                  <a:lnTo>
                    <a:pt x="281" y="25"/>
                  </a:lnTo>
                  <a:lnTo>
                    <a:pt x="289" y="31"/>
                  </a:lnTo>
                  <a:lnTo>
                    <a:pt x="319" y="60"/>
                  </a:lnTo>
                  <a:lnTo>
                    <a:pt x="349" y="89"/>
                  </a:lnTo>
                  <a:lnTo>
                    <a:pt x="355" y="89"/>
                  </a:lnTo>
                  <a:lnTo>
                    <a:pt x="359" y="89"/>
                  </a:lnTo>
                  <a:lnTo>
                    <a:pt x="363" y="91"/>
                  </a:lnTo>
                  <a:lnTo>
                    <a:pt x="366" y="92"/>
                  </a:lnTo>
                  <a:lnTo>
                    <a:pt x="369" y="94"/>
                  </a:lnTo>
                  <a:lnTo>
                    <a:pt x="373" y="95"/>
                  </a:lnTo>
                  <a:lnTo>
                    <a:pt x="377" y="97"/>
                  </a:lnTo>
                  <a:lnTo>
                    <a:pt x="382" y="97"/>
                  </a:lnTo>
                  <a:lnTo>
                    <a:pt x="382" y="105"/>
                  </a:lnTo>
                  <a:lnTo>
                    <a:pt x="382" y="113"/>
                  </a:lnTo>
                  <a:lnTo>
                    <a:pt x="391" y="122"/>
                  </a:lnTo>
                  <a:lnTo>
                    <a:pt x="401" y="129"/>
                  </a:lnTo>
                  <a:lnTo>
                    <a:pt x="412" y="137"/>
                  </a:lnTo>
                  <a:lnTo>
                    <a:pt x="423" y="144"/>
                  </a:lnTo>
                  <a:lnTo>
                    <a:pt x="436" y="149"/>
                  </a:lnTo>
                  <a:lnTo>
                    <a:pt x="447" y="154"/>
                  </a:lnTo>
                  <a:lnTo>
                    <a:pt x="461" y="160"/>
                  </a:lnTo>
                  <a:lnTo>
                    <a:pt x="474" y="164"/>
                  </a:lnTo>
                  <a:lnTo>
                    <a:pt x="500" y="171"/>
                  </a:lnTo>
                  <a:lnTo>
                    <a:pt x="525" y="176"/>
                  </a:lnTo>
                  <a:lnTo>
                    <a:pt x="548" y="178"/>
                  </a:lnTo>
                  <a:lnTo>
                    <a:pt x="569" y="179"/>
                  </a:lnTo>
                  <a:lnTo>
                    <a:pt x="571" y="188"/>
                  </a:lnTo>
                  <a:lnTo>
                    <a:pt x="569" y="197"/>
                  </a:lnTo>
                  <a:lnTo>
                    <a:pt x="568" y="204"/>
                  </a:lnTo>
                  <a:lnTo>
                    <a:pt x="567" y="210"/>
                  </a:lnTo>
                  <a:lnTo>
                    <a:pt x="562" y="221"/>
                  </a:lnTo>
                  <a:lnTo>
                    <a:pt x="556" y="229"/>
                  </a:lnTo>
                  <a:lnTo>
                    <a:pt x="553" y="233"/>
                  </a:lnTo>
                  <a:lnTo>
                    <a:pt x="551" y="238"/>
                  </a:lnTo>
                  <a:lnTo>
                    <a:pt x="548" y="243"/>
                  </a:lnTo>
                  <a:lnTo>
                    <a:pt x="546" y="248"/>
                  </a:lnTo>
                  <a:lnTo>
                    <a:pt x="546" y="253"/>
                  </a:lnTo>
                  <a:lnTo>
                    <a:pt x="547" y="260"/>
                  </a:lnTo>
                  <a:lnTo>
                    <a:pt x="549" y="267"/>
                  </a:lnTo>
                  <a:lnTo>
                    <a:pt x="553" y="276"/>
                  </a:lnTo>
                  <a:lnTo>
                    <a:pt x="565" y="275"/>
                  </a:lnTo>
                  <a:lnTo>
                    <a:pt x="576" y="275"/>
                  </a:lnTo>
                  <a:lnTo>
                    <a:pt x="586" y="276"/>
                  </a:lnTo>
                  <a:lnTo>
                    <a:pt x="596" y="277"/>
                  </a:lnTo>
                  <a:lnTo>
                    <a:pt x="615" y="281"/>
                  </a:lnTo>
                  <a:lnTo>
                    <a:pt x="634" y="284"/>
                  </a:lnTo>
                  <a:lnTo>
                    <a:pt x="643" y="317"/>
                  </a:lnTo>
                  <a:lnTo>
                    <a:pt x="653" y="348"/>
                  </a:lnTo>
                  <a:lnTo>
                    <a:pt x="659" y="364"/>
                  </a:lnTo>
                  <a:lnTo>
                    <a:pt x="665" y="378"/>
                  </a:lnTo>
                  <a:lnTo>
                    <a:pt x="669" y="384"/>
                  </a:lnTo>
                  <a:lnTo>
                    <a:pt x="674" y="390"/>
                  </a:lnTo>
                  <a:lnTo>
                    <a:pt x="679" y="396"/>
                  </a:lnTo>
                  <a:lnTo>
                    <a:pt x="684" y="401"/>
                  </a:lnTo>
                  <a:lnTo>
                    <a:pt x="688" y="416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46" name="Faxe kant"/>
            <p:cNvSpPr>
              <a:spLocks/>
            </p:cNvSpPr>
            <p:nvPr/>
          </p:nvSpPr>
          <p:spPr bwMode="auto">
            <a:xfrm>
              <a:off x="3471863" y="5360988"/>
              <a:ext cx="365125" cy="377825"/>
            </a:xfrm>
            <a:custGeom>
              <a:avLst/>
              <a:gdLst>
                <a:gd name="T0" fmla="*/ 226 w 688"/>
                <a:gd name="T1" fmla="*/ 139 h 715"/>
                <a:gd name="T2" fmla="*/ 214 w 688"/>
                <a:gd name="T3" fmla="*/ 146 h 715"/>
                <a:gd name="T4" fmla="*/ 188 w 688"/>
                <a:gd name="T5" fmla="*/ 162 h 715"/>
                <a:gd name="T6" fmla="*/ 169 w 688"/>
                <a:gd name="T7" fmla="*/ 177 h 715"/>
                <a:gd name="T8" fmla="*/ 153 w 688"/>
                <a:gd name="T9" fmla="*/ 195 h 715"/>
                <a:gd name="T10" fmla="*/ 149 w 688"/>
                <a:gd name="T11" fmla="*/ 209 h 715"/>
                <a:gd name="T12" fmla="*/ 151 w 688"/>
                <a:gd name="T13" fmla="*/ 226 h 715"/>
                <a:gd name="T14" fmla="*/ 147 w 688"/>
                <a:gd name="T15" fmla="*/ 235 h 715"/>
                <a:gd name="T16" fmla="*/ 141 w 688"/>
                <a:gd name="T17" fmla="*/ 238 h 715"/>
                <a:gd name="T18" fmla="*/ 135 w 688"/>
                <a:gd name="T19" fmla="*/ 237 h 715"/>
                <a:gd name="T20" fmla="*/ 133 w 688"/>
                <a:gd name="T21" fmla="*/ 226 h 715"/>
                <a:gd name="T22" fmla="*/ 132 w 688"/>
                <a:gd name="T23" fmla="*/ 220 h 715"/>
                <a:gd name="T24" fmla="*/ 131 w 688"/>
                <a:gd name="T25" fmla="*/ 211 h 715"/>
                <a:gd name="T26" fmla="*/ 133 w 688"/>
                <a:gd name="T27" fmla="*/ 207 h 715"/>
                <a:gd name="T28" fmla="*/ 122 w 688"/>
                <a:gd name="T29" fmla="*/ 206 h 715"/>
                <a:gd name="T30" fmla="*/ 114 w 688"/>
                <a:gd name="T31" fmla="*/ 207 h 715"/>
                <a:gd name="T32" fmla="*/ 106 w 688"/>
                <a:gd name="T33" fmla="*/ 198 h 715"/>
                <a:gd name="T34" fmla="*/ 99 w 688"/>
                <a:gd name="T35" fmla="*/ 181 h 715"/>
                <a:gd name="T36" fmla="*/ 92 w 688"/>
                <a:gd name="T37" fmla="*/ 163 h 715"/>
                <a:gd name="T38" fmla="*/ 84 w 688"/>
                <a:gd name="T39" fmla="*/ 155 h 715"/>
                <a:gd name="T40" fmla="*/ 74 w 688"/>
                <a:gd name="T41" fmla="*/ 152 h 715"/>
                <a:gd name="T42" fmla="*/ 73 w 688"/>
                <a:gd name="T43" fmla="*/ 148 h 715"/>
                <a:gd name="T44" fmla="*/ 72 w 688"/>
                <a:gd name="T45" fmla="*/ 137 h 715"/>
                <a:gd name="T46" fmla="*/ 68 w 688"/>
                <a:gd name="T47" fmla="*/ 130 h 715"/>
                <a:gd name="T48" fmla="*/ 60 w 688"/>
                <a:gd name="T49" fmla="*/ 133 h 715"/>
                <a:gd name="T50" fmla="*/ 51 w 688"/>
                <a:gd name="T51" fmla="*/ 133 h 715"/>
                <a:gd name="T52" fmla="*/ 47 w 688"/>
                <a:gd name="T53" fmla="*/ 124 h 715"/>
                <a:gd name="T54" fmla="*/ 35 w 688"/>
                <a:gd name="T55" fmla="*/ 112 h 715"/>
                <a:gd name="T56" fmla="*/ 10 w 688"/>
                <a:gd name="T57" fmla="*/ 95 h 715"/>
                <a:gd name="T58" fmla="*/ 2 w 688"/>
                <a:gd name="T59" fmla="*/ 83 h 715"/>
                <a:gd name="T60" fmla="*/ 6 w 688"/>
                <a:gd name="T61" fmla="*/ 73 h 715"/>
                <a:gd name="T62" fmla="*/ 8 w 688"/>
                <a:gd name="T63" fmla="*/ 62 h 715"/>
                <a:gd name="T64" fmla="*/ 17 w 688"/>
                <a:gd name="T65" fmla="*/ 62 h 715"/>
                <a:gd name="T66" fmla="*/ 19 w 688"/>
                <a:gd name="T67" fmla="*/ 59 h 715"/>
                <a:gd name="T68" fmla="*/ 22 w 688"/>
                <a:gd name="T69" fmla="*/ 53 h 715"/>
                <a:gd name="T70" fmla="*/ 19 w 688"/>
                <a:gd name="T71" fmla="*/ 50 h 715"/>
                <a:gd name="T72" fmla="*/ 12 w 688"/>
                <a:gd name="T73" fmla="*/ 44 h 715"/>
                <a:gd name="T74" fmla="*/ 12 w 688"/>
                <a:gd name="T75" fmla="*/ 40 h 715"/>
                <a:gd name="T76" fmla="*/ 14 w 688"/>
                <a:gd name="T77" fmla="*/ 38 h 715"/>
                <a:gd name="T78" fmla="*/ 15 w 688"/>
                <a:gd name="T79" fmla="*/ 33 h 715"/>
                <a:gd name="T80" fmla="*/ 33 w 688"/>
                <a:gd name="T81" fmla="*/ 33 h 715"/>
                <a:gd name="T82" fmla="*/ 47 w 688"/>
                <a:gd name="T83" fmla="*/ 26 h 715"/>
                <a:gd name="T84" fmla="*/ 61 w 688"/>
                <a:gd name="T85" fmla="*/ 8 h 715"/>
                <a:gd name="T86" fmla="*/ 73 w 688"/>
                <a:gd name="T87" fmla="*/ 0 h 715"/>
                <a:gd name="T88" fmla="*/ 88 w 688"/>
                <a:gd name="T89" fmla="*/ 4 h 715"/>
                <a:gd name="T90" fmla="*/ 107 w 688"/>
                <a:gd name="T91" fmla="*/ 20 h 715"/>
                <a:gd name="T92" fmla="*/ 121 w 688"/>
                <a:gd name="T93" fmla="*/ 30 h 715"/>
                <a:gd name="T94" fmla="*/ 126 w 688"/>
                <a:gd name="T95" fmla="*/ 32 h 715"/>
                <a:gd name="T96" fmla="*/ 131 w 688"/>
                <a:gd name="T97" fmla="*/ 41 h 715"/>
                <a:gd name="T98" fmla="*/ 146 w 688"/>
                <a:gd name="T99" fmla="*/ 50 h 715"/>
                <a:gd name="T100" fmla="*/ 167 w 688"/>
                <a:gd name="T101" fmla="*/ 57 h 715"/>
                <a:gd name="T102" fmla="*/ 191 w 688"/>
                <a:gd name="T103" fmla="*/ 63 h 715"/>
                <a:gd name="T104" fmla="*/ 188 w 688"/>
                <a:gd name="T105" fmla="*/ 74 h 715"/>
                <a:gd name="T106" fmla="*/ 183 w 688"/>
                <a:gd name="T107" fmla="*/ 81 h 715"/>
                <a:gd name="T108" fmla="*/ 184 w 688"/>
                <a:gd name="T109" fmla="*/ 89 h 715"/>
                <a:gd name="T110" fmla="*/ 196 w 688"/>
                <a:gd name="T111" fmla="*/ 92 h 715"/>
                <a:gd name="T112" fmla="*/ 215 w 688"/>
                <a:gd name="T113" fmla="*/ 106 h 715"/>
                <a:gd name="T114" fmla="*/ 224 w 688"/>
                <a:gd name="T115" fmla="*/ 128 h 715"/>
                <a:gd name="T116" fmla="*/ 230 w 688"/>
                <a:gd name="T117" fmla="*/ 138 h 715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688" h="715">
                  <a:moveTo>
                    <a:pt x="688" y="416"/>
                  </a:moveTo>
                  <a:lnTo>
                    <a:pt x="681" y="416"/>
                  </a:lnTo>
                  <a:lnTo>
                    <a:pt x="676" y="418"/>
                  </a:lnTo>
                  <a:lnTo>
                    <a:pt x="675" y="418"/>
                  </a:lnTo>
                  <a:lnTo>
                    <a:pt x="674" y="419"/>
                  </a:lnTo>
                  <a:lnTo>
                    <a:pt x="674" y="421"/>
                  </a:lnTo>
                  <a:lnTo>
                    <a:pt x="675" y="422"/>
                  </a:lnTo>
                  <a:lnTo>
                    <a:pt x="641" y="439"/>
                  </a:lnTo>
                  <a:lnTo>
                    <a:pt x="607" y="457"/>
                  </a:lnTo>
                  <a:lnTo>
                    <a:pt x="592" y="466"/>
                  </a:lnTo>
                  <a:lnTo>
                    <a:pt x="576" y="476"/>
                  </a:lnTo>
                  <a:lnTo>
                    <a:pt x="561" y="486"/>
                  </a:lnTo>
                  <a:lnTo>
                    <a:pt x="546" y="497"/>
                  </a:lnTo>
                  <a:lnTo>
                    <a:pt x="532" y="508"/>
                  </a:lnTo>
                  <a:lnTo>
                    <a:pt x="518" y="520"/>
                  </a:lnTo>
                  <a:lnTo>
                    <a:pt x="505" y="531"/>
                  </a:lnTo>
                  <a:lnTo>
                    <a:pt x="493" y="544"/>
                  </a:lnTo>
                  <a:lnTo>
                    <a:pt x="480" y="558"/>
                  </a:lnTo>
                  <a:lnTo>
                    <a:pt x="468" y="571"/>
                  </a:lnTo>
                  <a:lnTo>
                    <a:pt x="458" y="586"/>
                  </a:lnTo>
                  <a:lnTo>
                    <a:pt x="447" y="601"/>
                  </a:lnTo>
                  <a:lnTo>
                    <a:pt x="446" y="610"/>
                  </a:lnTo>
                  <a:lnTo>
                    <a:pt x="446" y="620"/>
                  </a:lnTo>
                  <a:lnTo>
                    <a:pt x="446" y="628"/>
                  </a:lnTo>
                  <a:lnTo>
                    <a:pt x="448" y="637"/>
                  </a:lnTo>
                  <a:lnTo>
                    <a:pt x="452" y="651"/>
                  </a:lnTo>
                  <a:lnTo>
                    <a:pt x="455" y="666"/>
                  </a:lnTo>
                  <a:lnTo>
                    <a:pt x="453" y="678"/>
                  </a:lnTo>
                  <a:lnTo>
                    <a:pt x="447" y="695"/>
                  </a:lnTo>
                  <a:lnTo>
                    <a:pt x="445" y="698"/>
                  </a:lnTo>
                  <a:lnTo>
                    <a:pt x="442" y="702"/>
                  </a:lnTo>
                  <a:lnTo>
                    <a:pt x="439" y="705"/>
                  </a:lnTo>
                  <a:lnTo>
                    <a:pt x="436" y="708"/>
                  </a:lnTo>
                  <a:lnTo>
                    <a:pt x="432" y="711"/>
                  </a:lnTo>
                  <a:lnTo>
                    <a:pt x="426" y="713"/>
                  </a:lnTo>
                  <a:lnTo>
                    <a:pt x="421" y="715"/>
                  </a:lnTo>
                  <a:lnTo>
                    <a:pt x="415" y="715"/>
                  </a:lnTo>
                  <a:lnTo>
                    <a:pt x="409" y="715"/>
                  </a:lnTo>
                  <a:lnTo>
                    <a:pt x="405" y="714"/>
                  </a:lnTo>
                  <a:lnTo>
                    <a:pt x="403" y="711"/>
                  </a:lnTo>
                  <a:lnTo>
                    <a:pt x="401" y="708"/>
                  </a:lnTo>
                  <a:lnTo>
                    <a:pt x="399" y="700"/>
                  </a:lnTo>
                  <a:lnTo>
                    <a:pt x="399" y="689"/>
                  </a:lnTo>
                  <a:lnTo>
                    <a:pt x="399" y="679"/>
                  </a:lnTo>
                  <a:lnTo>
                    <a:pt x="399" y="669"/>
                  </a:lnTo>
                  <a:lnTo>
                    <a:pt x="398" y="665"/>
                  </a:lnTo>
                  <a:lnTo>
                    <a:pt x="396" y="662"/>
                  </a:lnTo>
                  <a:lnTo>
                    <a:pt x="394" y="660"/>
                  </a:lnTo>
                  <a:lnTo>
                    <a:pt x="390" y="658"/>
                  </a:lnTo>
                  <a:lnTo>
                    <a:pt x="390" y="649"/>
                  </a:lnTo>
                  <a:lnTo>
                    <a:pt x="390" y="642"/>
                  </a:lnTo>
                  <a:lnTo>
                    <a:pt x="391" y="635"/>
                  </a:lnTo>
                  <a:lnTo>
                    <a:pt x="396" y="630"/>
                  </a:lnTo>
                  <a:lnTo>
                    <a:pt x="397" y="628"/>
                  </a:lnTo>
                  <a:lnTo>
                    <a:pt x="398" y="625"/>
                  </a:lnTo>
                  <a:lnTo>
                    <a:pt x="399" y="622"/>
                  </a:lnTo>
                  <a:lnTo>
                    <a:pt x="398" y="617"/>
                  </a:lnTo>
                  <a:lnTo>
                    <a:pt x="383" y="617"/>
                  </a:lnTo>
                  <a:lnTo>
                    <a:pt x="370" y="617"/>
                  </a:lnTo>
                  <a:lnTo>
                    <a:pt x="364" y="618"/>
                  </a:lnTo>
                  <a:lnTo>
                    <a:pt x="359" y="620"/>
                  </a:lnTo>
                  <a:lnTo>
                    <a:pt x="354" y="622"/>
                  </a:lnTo>
                  <a:lnTo>
                    <a:pt x="349" y="625"/>
                  </a:lnTo>
                  <a:lnTo>
                    <a:pt x="342" y="621"/>
                  </a:lnTo>
                  <a:lnTo>
                    <a:pt x="336" y="617"/>
                  </a:lnTo>
                  <a:lnTo>
                    <a:pt x="330" y="611"/>
                  </a:lnTo>
                  <a:lnTo>
                    <a:pt x="325" y="606"/>
                  </a:lnTo>
                  <a:lnTo>
                    <a:pt x="317" y="596"/>
                  </a:lnTo>
                  <a:lnTo>
                    <a:pt x="309" y="583"/>
                  </a:lnTo>
                  <a:lnTo>
                    <a:pt x="304" y="570"/>
                  </a:lnTo>
                  <a:lnTo>
                    <a:pt x="299" y="557"/>
                  </a:lnTo>
                  <a:lnTo>
                    <a:pt x="295" y="543"/>
                  </a:lnTo>
                  <a:lnTo>
                    <a:pt x="290" y="529"/>
                  </a:lnTo>
                  <a:lnTo>
                    <a:pt x="286" y="517"/>
                  </a:lnTo>
                  <a:lnTo>
                    <a:pt x="281" y="504"/>
                  </a:lnTo>
                  <a:lnTo>
                    <a:pt x="275" y="491"/>
                  </a:lnTo>
                  <a:lnTo>
                    <a:pt x="266" y="481"/>
                  </a:lnTo>
                  <a:lnTo>
                    <a:pt x="262" y="477"/>
                  </a:lnTo>
                  <a:lnTo>
                    <a:pt x="257" y="471"/>
                  </a:lnTo>
                  <a:lnTo>
                    <a:pt x="250" y="467"/>
                  </a:lnTo>
                  <a:lnTo>
                    <a:pt x="244" y="464"/>
                  </a:lnTo>
                  <a:lnTo>
                    <a:pt x="238" y="461"/>
                  </a:lnTo>
                  <a:lnTo>
                    <a:pt x="229" y="458"/>
                  </a:lnTo>
                  <a:lnTo>
                    <a:pt x="221" y="456"/>
                  </a:lnTo>
                  <a:lnTo>
                    <a:pt x="211" y="455"/>
                  </a:lnTo>
                  <a:lnTo>
                    <a:pt x="214" y="451"/>
                  </a:lnTo>
                  <a:lnTo>
                    <a:pt x="216" y="448"/>
                  </a:lnTo>
                  <a:lnTo>
                    <a:pt x="218" y="445"/>
                  </a:lnTo>
                  <a:lnTo>
                    <a:pt x="219" y="442"/>
                  </a:lnTo>
                  <a:lnTo>
                    <a:pt x="220" y="435"/>
                  </a:lnTo>
                  <a:lnTo>
                    <a:pt x="219" y="427"/>
                  </a:lnTo>
                  <a:lnTo>
                    <a:pt x="216" y="412"/>
                  </a:lnTo>
                  <a:lnTo>
                    <a:pt x="211" y="398"/>
                  </a:lnTo>
                  <a:lnTo>
                    <a:pt x="208" y="396"/>
                  </a:lnTo>
                  <a:lnTo>
                    <a:pt x="205" y="393"/>
                  </a:lnTo>
                  <a:lnTo>
                    <a:pt x="202" y="392"/>
                  </a:lnTo>
                  <a:lnTo>
                    <a:pt x="199" y="392"/>
                  </a:lnTo>
                  <a:lnTo>
                    <a:pt x="192" y="393"/>
                  </a:lnTo>
                  <a:lnTo>
                    <a:pt x="186" y="396"/>
                  </a:lnTo>
                  <a:lnTo>
                    <a:pt x="179" y="399"/>
                  </a:lnTo>
                  <a:lnTo>
                    <a:pt x="171" y="403"/>
                  </a:lnTo>
                  <a:lnTo>
                    <a:pt x="163" y="405"/>
                  </a:lnTo>
                  <a:lnTo>
                    <a:pt x="155" y="406"/>
                  </a:lnTo>
                  <a:lnTo>
                    <a:pt x="154" y="400"/>
                  </a:lnTo>
                  <a:lnTo>
                    <a:pt x="152" y="393"/>
                  </a:lnTo>
                  <a:lnTo>
                    <a:pt x="150" y="388"/>
                  </a:lnTo>
                  <a:lnTo>
                    <a:pt x="148" y="383"/>
                  </a:lnTo>
                  <a:lnTo>
                    <a:pt x="142" y="372"/>
                  </a:lnTo>
                  <a:lnTo>
                    <a:pt x="135" y="363"/>
                  </a:lnTo>
                  <a:lnTo>
                    <a:pt x="126" y="353"/>
                  </a:lnTo>
                  <a:lnTo>
                    <a:pt x="116" y="344"/>
                  </a:lnTo>
                  <a:lnTo>
                    <a:pt x="104" y="336"/>
                  </a:lnTo>
                  <a:lnTo>
                    <a:pt x="92" y="327"/>
                  </a:lnTo>
                  <a:lnTo>
                    <a:pt x="67" y="311"/>
                  </a:lnTo>
                  <a:lnTo>
                    <a:pt x="43" y="295"/>
                  </a:lnTo>
                  <a:lnTo>
                    <a:pt x="30" y="286"/>
                  </a:lnTo>
                  <a:lnTo>
                    <a:pt x="20" y="278"/>
                  </a:lnTo>
                  <a:lnTo>
                    <a:pt x="9" y="269"/>
                  </a:lnTo>
                  <a:lnTo>
                    <a:pt x="0" y="260"/>
                  </a:lnTo>
                  <a:lnTo>
                    <a:pt x="7" y="248"/>
                  </a:lnTo>
                  <a:lnTo>
                    <a:pt x="12" y="240"/>
                  </a:lnTo>
                  <a:lnTo>
                    <a:pt x="16" y="232"/>
                  </a:lnTo>
                  <a:lnTo>
                    <a:pt x="18" y="226"/>
                  </a:lnTo>
                  <a:lnTo>
                    <a:pt x="18" y="220"/>
                  </a:lnTo>
                  <a:lnTo>
                    <a:pt x="17" y="211"/>
                  </a:lnTo>
                  <a:lnTo>
                    <a:pt x="13" y="201"/>
                  </a:lnTo>
                  <a:lnTo>
                    <a:pt x="8" y="186"/>
                  </a:lnTo>
                  <a:lnTo>
                    <a:pt x="24" y="186"/>
                  </a:lnTo>
                  <a:lnTo>
                    <a:pt x="42" y="187"/>
                  </a:lnTo>
                  <a:lnTo>
                    <a:pt x="46" y="187"/>
                  </a:lnTo>
                  <a:lnTo>
                    <a:pt x="49" y="187"/>
                  </a:lnTo>
                  <a:lnTo>
                    <a:pt x="52" y="186"/>
                  </a:lnTo>
                  <a:lnTo>
                    <a:pt x="55" y="184"/>
                  </a:lnTo>
                  <a:lnTo>
                    <a:pt x="57" y="182"/>
                  </a:lnTo>
                  <a:lnTo>
                    <a:pt x="58" y="179"/>
                  </a:lnTo>
                  <a:lnTo>
                    <a:pt x="58" y="176"/>
                  </a:lnTo>
                  <a:lnTo>
                    <a:pt x="57" y="170"/>
                  </a:lnTo>
                  <a:lnTo>
                    <a:pt x="61" y="166"/>
                  </a:lnTo>
                  <a:lnTo>
                    <a:pt x="64" y="163"/>
                  </a:lnTo>
                  <a:lnTo>
                    <a:pt x="65" y="160"/>
                  </a:lnTo>
                  <a:lnTo>
                    <a:pt x="64" y="157"/>
                  </a:lnTo>
                  <a:lnTo>
                    <a:pt x="63" y="154"/>
                  </a:lnTo>
                  <a:lnTo>
                    <a:pt x="61" y="152"/>
                  </a:lnTo>
                  <a:lnTo>
                    <a:pt x="58" y="149"/>
                  </a:lnTo>
                  <a:lnTo>
                    <a:pt x="53" y="147"/>
                  </a:lnTo>
                  <a:lnTo>
                    <a:pt x="45" y="142"/>
                  </a:lnTo>
                  <a:lnTo>
                    <a:pt x="39" y="137"/>
                  </a:lnTo>
                  <a:lnTo>
                    <a:pt x="36" y="133"/>
                  </a:lnTo>
                  <a:lnTo>
                    <a:pt x="33" y="129"/>
                  </a:lnTo>
                  <a:lnTo>
                    <a:pt x="32" y="126"/>
                  </a:lnTo>
                  <a:lnTo>
                    <a:pt x="32" y="122"/>
                  </a:lnTo>
                  <a:lnTo>
                    <a:pt x="35" y="121"/>
                  </a:lnTo>
                  <a:lnTo>
                    <a:pt x="37" y="121"/>
                  </a:lnTo>
                  <a:lnTo>
                    <a:pt x="38" y="119"/>
                  </a:lnTo>
                  <a:lnTo>
                    <a:pt x="39" y="118"/>
                  </a:lnTo>
                  <a:lnTo>
                    <a:pt x="41" y="114"/>
                  </a:lnTo>
                  <a:lnTo>
                    <a:pt x="41" y="110"/>
                  </a:lnTo>
                  <a:lnTo>
                    <a:pt x="42" y="105"/>
                  </a:lnTo>
                  <a:lnTo>
                    <a:pt x="43" y="102"/>
                  </a:lnTo>
                  <a:lnTo>
                    <a:pt x="45" y="99"/>
                  </a:lnTo>
                  <a:lnTo>
                    <a:pt x="49" y="97"/>
                  </a:lnTo>
                  <a:lnTo>
                    <a:pt x="67" y="100"/>
                  </a:lnTo>
                  <a:lnTo>
                    <a:pt x="83" y="100"/>
                  </a:lnTo>
                  <a:lnTo>
                    <a:pt x="98" y="99"/>
                  </a:lnTo>
                  <a:lnTo>
                    <a:pt x="110" y="95"/>
                  </a:lnTo>
                  <a:lnTo>
                    <a:pt x="122" y="91"/>
                  </a:lnTo>
                  <a:lnTo>
                    <a:pt x="131" y="85"/>
                  </a:lnTo>
                  <a:lnTo>
                    <a:pt x="140" y="79"/>
                  </a:lnTo>
                  <a:lnTo>
                    <a:pt x="148" y="70"/>
                  </a:lnTo>
                  <a:lnTo>
                    <a:pt x="162" y="53"/>
                  </a:lnTo>
                  <a:lnTo>
                    <a:pt x="175" y="34"/>
                  </a:lnTo>
                  <a:lnTo>
                    <a:pt x="181" y="25"/>
                  </a:lnTo>
                  <a:lnTo>
                    <a:pt x="188" y="15"/>
                  </a:lnTo>
                  <a:lnTo>
                    <a:pt x="196" y="7"/>
                  </a:lnTo>
                  <a:lnTo>
                    <a:pt x="203" y="0"/>
                  </a:lnTo>
                  <a:lnTo>
                    <a:pt x="217" y="1"/>
                  </a:lnTo>
                  <a:lnTo>
                    <a:pt x="229" y="3"/>
                  </a:lnTo>
                  <a:lnTo>
                    <a:pt x="241" y="5"/>
                  </a:lnTo>
                  <a:lnTo>
                    <a:pt x="253" y="9"/>
                  </a:lnTo>
                  <a:lnTo>
                    <a:pt x="262" y="13"/>
                  </a:lnTo>
                  <a:lnTo>
                    <a:pt x="271" y="20"/>
                  </a:lnTo>
                  <a:lnTo>
                    <a:pt x="281" y="25"/>
                  </a:lnTo>
                  <a:lnTo>
                    <a:pt x="289" y="31"/>
                  </a:lnTo>
                  <a:lnTo>
                    <a:pt x="319" y="60"/>
                  </a:lnTo>
                  <a:lnTo>
                    <a:pt x="349" y="89"/>
                  </a:lnTo>
                  <a:lnTo>
                    <a:pt x="355" y="89"/>
                  </a:lnTo>
                  <a:lnTo>
                    <a:pt x="359" y="89"/>
                  </a:lnTo>
                  <a:lnTo>
                    <a:pt x="363" y="91"/>
                  </a:lnTo>
                  <a:lnTo>
                    <a:pt x="366" y="92"/>
                  </a:lnTo>
                  <a:lnTo>
                    <a:pt x="369" y="94"/>
                  </a:lnTo>
                  <a:lnTo>
                    <a:pt x="373" y="95"/>
                  </a:lnTo>
                  <a:lnTo>
                    <a:pt x="377" y="97"/>
                  </a:lnTo>
                  <a:lnTo>
                    <a:pt x="382" y="97"/>
                  </a:lnTo>
                  <a:lnTo>
                    <a:pt x="382" y="105"/>
                  </a:lnTo>
                  <a:lnTo>
                    <a:pt x="382" y="113"/>
                  </a:lnTo>
                  <a:lnTo>
                    <a:pt x="391" y="122"/>
                  </a:lnTo>
                  <a:lnTo>
                    <a:pt x="401" y="129"/>
                  </a:lnTo>
                  <a:lnTo>
                    <a:pt x="412" y="137"/>
                  </a:lnTo>
                  <a:lnTo>
                    <a:pt x="423" y="144"/>
                  </a:lnTo>
                  <a:lnTo>
                    <a:pt x="436" y="149"/>
                  </a:lnTo>
                  <a:lnTo>
                    <a:pt x="447" y="154"/>
                  </a:lnTo>
                  <a:lnTo>
                    <a:pt x="461" y="160"/>
                  </a:lnTo>
                  <a:lnTo>
                    <a:pt x="474" y="164"/>
                  </a:lnTo>
                  <a:lnTo>
                    <a:pt x="500" y="171"/>
                  </a:lnTo>
                  <a:lnTo>
                    <a:pt x="525" y="176"/>
                  </a:lnTo>
                  <a:lnTo>
                    <a:pt x="548" y="178"/>
                  </a:lnTo>
                  <a:lnTo>
                    <a:pt x="569" y="179"/>
                  </a:lnTo>
                  <a:lnTo>
                    <a:pt x="571" y="188"/>
                  </a:lnTo>
                  <a:lnTo>
                    <a:pt x="569" y="197"/>
                  </a:lnTo>
                  <a:lnTo>
                    <a:pt x="568" y="204"/>
                  </a:lnTo>
                  <a:lnTo>
                    <a:pt x="567" y="210"/>
                  </a:lnTo>
                  <a:lnTo>
                    <a:pt x="562" y="221"/>
                  </a:lnTo>
                  <a:lnTo>
                    <a:pt x="556" y="229"/>
                  </a:lnTo>
                  <a:lnTo>
                    <a:pt x="553" y="233"/>
                  </a:lnTo>
                  <a:lnTo>
                    <a:pt x="551" y="238"/>
                  </a:lnTo>
                  <a:lnTo>
                    <a:pt x="548" y="243"/>
                  </a:lnTo>
                  <a:lnTo>
                    <a:pt x="546" y="248"/>
                  </a:lnTo>
                  <a:lnTo>
                    <a:pt x="546" y="253"/>
                  </a:lnTo>
                  <a:lnTo>
                    <a:pt x="547" y="260"/>
                  </a:lnTo>
                  <a:lnTo>
                    <a:pt x="549" y="267"/>
                  </a:lnTo>
                  <a:lnTo>
                    <a:pt x="553" y="276"/>
                  </a:lnTo>
                  <a:lnTo>
                    <a:pt x="565" y="275"/>
                  </a:lnTo>
                  <a:lnTo>
                    <a:pt x="576" y="275"/>
                  </a:lnTo>
                  <a:lnTo>
                    <a:pt x="586" y="276"/>
                  </a:lnTo>
                  <a:lnTo>
                    <a:pt x="596" y="277"/>
                  </a:lnTo>
                  <a:lnTo>
                    <a:pt x="615" y="281"/>
                  </a:lnTo>
                  <a:lnTo>
                    <a:pt x="634" y="284"/>
                  </a:lnTo>
                  <a:lnTo>
                    <a:pt x="643" y="317"/>
                  </a:lnTo>
                  <a:lnTo>
                    <a:pt x="653" y="348"/>
                  </a:lnTo>
                  <a:lnTo>
                    <a:pt x="659" y="364"/>
                  </a:lnTo>
                  <a:lnTo>
                    <a:pt x="665" y="378"/>
                  </a:lnTo>
                  <a:lnTo>
                    <a:pt x="669" y="384"/>
                  </a:lnTo>
                  <a:lnTo>
                    <a:pt x="674" y="390"/>
                  </a:lnTo>
                  <a:lnTo>
                    <a:pt x="679" y="396"/>
                  </a:lnTo>
                  <a:lnTo>
                    <a:pt x="684" y="401"/>
                  </a:lnTo>
                  <a:lnTo>
                    <a:pt x="688" y="416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47" name="Stevns"/>
            <p:cNvSpPr>
              <a:spLocks/>
            </p:cNvSpPr>
            <p:nvPr/>
          </p:nvSpPr>
          <p:spPr bwMode="auto">
            <a:xfrm>
              <a:off x="3514725" y="5184775"/>
              <a:ext cx="460375" cy="407988"/>
            </a:xfrm>
            <a:custGeom>
              <a:avLst/>
              <a:gdLst>
                <a:gd name="T0" fmla="*/ 107 w 868"/>
                <a:gd name="T1" fmla="*/ 147 h 770"/>
                <a:gd name="T2" fmla="*/ 106 w 868"/>
                <a:gd name="T3" fmla="*/ 141 h 770"/>
                <a:gd name="T4" fmla="*/ 106 w 868"/>
                <a:gd name="T5" fmla="*/ 130 h 770"/>
                <a:gd name="T6" fmla="*/ 100 w 868"/>
                <a:gd name="T7" fmla="*/ 126 h 770"/>
                <a:gd name="T8" fmla="*/ 92 w 868"/>
                <a:gd name="T9" fmla="*/ 130 h 770"/>
                <a:gd name="T10" fmla="*/ 84 w 868"/>
                <a:gd name="T11" fmla="*/ 130 h 770"/>
                <a:gd name="T12" fmla="*/ 81 w 868"/>
                <a:gd name="T13" fmla="*/ 122 h 770"/>
                <a:gd name="T14" fmla="*/ 73 w 868"/>
                <a:gd name="T15" fmla="*/ 115 h 770"/>
                <a:gd name="T16" fmla="*/ 56 w 868"/>
                <a:gd name="T17" fmla="*/ 108 h 770"/>
                <a:gd name="T18" fmla="*/ 34 w 868"/>
                <a:gd name="T19" fmla="*/ 105 h 770"/>
                <a:gd name="T20" fmla="*/ 26 w 868"/>
                <a:gd name="T21" fmla="*/ 94 h 770"/>
                <a:gd name="T22" fmla="*/ 16 w 868"/>
                <a:gd name="T23" fmla="*/ 78 h 770"/>
                <a:gd name="T24" fmla="*/ 14 w 868"/>
                <a:gd name="T25" fmla="*/ 67 h 770"/>
                <a:gd name="T26" fmla="*/ 16 w 868"/>
                <a:gd name="T27" fmla="*/ 53 h 770"/>
                <a:gd name="T28" fmla="*/ 9 w 868"/>
                <a:gd name="T29" fmla="*/ 41 h 770"/>
                <a:gd name="T30" fmla="*/ 5 w 868"/>
                <a:gd name="T31" fmla="*/ 24 h 770"/>
                <a:gd name="T32" fmla="*/ 1 w 868"/>
                <a:gd name="T33" fmla="*/ 5 h 770"/>
                <a:gd name="T34" fmla="*/ 42 w 868"/>
                <a:gd name="T35" fmla="*/ 0 h 770"/>
                <a:gd name="T36" fmla="*/ 78 w 868"/>
                <a:gd name="T37" fmla="*/ 2 h 770"/>
                <a:gd name="T38" fmla="*/ 116 w 868"/>
                <a:gd name="T39" fmla="*/ 7 h 770"/>
                <a:gd name="T40" fmla="*/ 147 w 868"/>
                <a:gd name="T41" fmla="*/ 14 h 770"/>
                <a:gd name="T42" fmla="*/ 151 w 868"/>
                <a:gd name="T43" fmla="*/ 17 h 770"/>
                <a:gd name="T44" fmla="*/ 150 w 868"/>
                <a:gd name="T45" fmla="*/ 33 h 770"/>
                <a:gd name="T46" fmla="*/ 151 w 868"/>
                <a:gd name="T47" fmla="*/ 39 h 770"/>
                <a:gd name="T48" fmla="*/ 154 w 868"/>
                <a:gd name="T49" fmla="*/ 46 h 770"/>
                <a:gd name="T50" fmla="*/ 156 w 868"/>
                <a:gd name="T51" fmla="*/ 64 h 770"/>
                <a:gd name="T52" fmla="*/ 162 w 868"/>
                <a:gd name="T53" fmla="*/ 73 h 770"/>
                <a:gd name="T54" fmla="*/ 173 w 868"/>
                <a:gd name="T55" fmla="*/ 85 h 770"/>
                <a:gd name="T56" fmla="*/ 191 w 868"/>
                <a:gd name="T57" fmla="*/ 94 h 770"/>
                <a:gd name="T58" fmla="*/ 212 w 868"/>
                <a:gd name="T59" fmla="*/ 100 h 770"/>
                <a:gd name="T60" fmla="*/ 247 w 868"/>
                <a:gd name="T61" fmla="*/ 111 h 770"/>
                <a:gd name="T62" fmla="*/ 275 w 868"/>
                <a:gd name="T63" fmla="*/ 145 h 770"/>
                <a:gd name="T64" fmla="*/ 287 w 868"/>
                <a:gd name="T65" fmla="*/ 153 h 770"/>
                <a:gd name="T66" fmla="*/ 290 w 868"/>
                <a:gd name="T67" fmla="*/ 161 h 770"/>
                <a:gd name="T68" fmla="*/ 288 w 868"/>
                <a:gd name="T69" fmla="*/ 178 h 770"/>
                <a:gd name="T70" fmla="*/ 285 w 868"/>
                <a:gd name="T71" fmla="*/ 187 h 770"/>
                <a:gd name="T72" fmla="*/ 288 w 868"/>
                <a:gd name="T73" fmla="*/ 199 h 770"/>
                <a:gd name="T74" fmla="*/ 288 w 868"/>
                <a:gd name="T75" fmla="*/ 208 h 770"/>
                <a:gd name="T76" fmla="*/ 285 w 868"/>
                <a:gd name="T77" fmla="*/ 212 h 770"/>
                <a:gd name="T78" fmla="*/ 284 w 868"/>
                <a:gd name="T79" fmla="*/ 216 h 770"/>
                <a:gd name="T80" fmla="*/ 274 w 868"/>
                <a:gd name="T81" fmla="*/ 230 h 770"/>
                <a:gd name="T82" fmla="*/ 262 w 868"/>
                <a:gd name="T83" fmla="*/ 238 h 770"/>
                <a:gd name="T84" fmla="*/ 251 w 868"/>
                <a:gd name="T85" fmla="*/ 241 h 770"/>
                <a:gd name="T86" fmla="*/ 247 w 868"/>
                <a:gd name="T87" fmla="*/ 249 h 770"/>
                <a:gd name="T88" fmla="*/ 241 w 868"/>
                <a:gd name="T89" fmla="*/ 256 h 770"/>
                <a:gd name="T90" fmla="*/ 235 w 868"/>
                <a:gd name="T91" fmla="*/ 256 h 770"/>
                <a:gd name="T92" fmla="*/ 234 w 868"/>
                <a:gd name="T93" fmla="*/ 254 h 770"/>
                <a:gd name="T94" fmla="*/ 229 w 868"/>
                <a:gd name="T95" fmla="*/ 252 h 770"/>
                <a:gd name="T96" fmla="*/ 204 w 868"/>
                <a:gd name="T97" fmla="*/ 246 h 770"/>
                <a:gd name="T98" fmla="*/ 198 w 868"/>
                <a:gd name="T99" fmla="*/ 227 h 770"/>
                <a:gd name="T100" fmla="*/ 190 w 868"/>
                <a:gd name="T101" fmla="*/ 211 h 770"/>
                <a:gd name="T102" fmla="*/ 178 w 868"/>
                <a:gd name="T103" fmla="*/ 199 h 770"/>
                <a:gd name="T104" fmla="*/ 160 w 868"/>
                <a:gd name="T105" fmla="*/ 192 h 770"/>
                <a:gd name="T106" fmla="*/ 166 w 868"/>
                <a:gd name="T107" fmla="*/ 185 h 770"/>
                <a:gd name="T108" fmla="*/ 174 w 868"/>
                <a:gd name="T109" fmla="*/ 157 h 770"/>
                <a:gd name="T110" fmla="*/ 159 w 868"/>
                <a:gd name="T111" fmla="*/ 162 h 770"/>
                <a:gd name="T112" fmla="*/ 144 w 868"/>
                <a:gd name="T113" fmla="*/ 163 h 770"/>
                <a:gd name="T114" fmla="*/ 128 w 868"/>
                <a:gd name="T115" fmla="*/ 160 h 770"/>
                <a:gd name="T116" fmla="*/ 114 w 868"/>
                <a:gd name="T117" fmla="*/ 151 h 770"/>
                <a:gd name="T118" fmla="*/ 112 w 868"/>
                <a:gd name="T119" fmla="*/ 150 h 770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868" h="770">
                  <a:moveTo>
                    <a:pt x="334" y="444"/>
                  </a:moveTo>
                  <a:lnTo>
                    <a:pt x="327" y="444"/>
                  </a:lnTo>
                  <a:lnTo>
                    <a:pt x="323" y="443"/>
                  </a:lnTo>
                  <a:lnTo>
                    <a:pt x="320" y="441"/>
                  </a:lnTo>
                  <a:lnTo>
                    <a:pt x="318" y="437"/>
                  </a:lnTo>
                  <a:lnTo>
                    <a:pt x="317" y="433"/>
                  </a:lnTo>
                  <a:lnTo>
                    <a:pt x="316" y="429"/>
                  </a:lnTo>
                  <a:lnTo>
                    <a:pt x="316" y="422"/>
                  </a:lnTo>
                  <a:lnTo>
                    <a:pt x="317" y="417"/>
                  </a:lnTo>
                  <a:lnTo>
                    <a:pt x="317" y="404"/>
                  </a:lnTo>
                  <a:lnTo>
                    <a:pt x="317" y="394"/>
                  </a:lnTo>
                  <a:lnTo>
                    <a:pt x="317" y="389"/>
                  </a:lnTo>
                  <a:lnTo>
                    <a:pt x="315" y="384"/>
                  </a:lnTo>
                  <a:lnTo>
                    <a:pt x="313" y="381"/>
                  </a:lnTo>
                  <a:lnTo>
                    <a:pt x="309" y="379"/>
                  </a:lnTo>
                  <a:lnTo>
                    <a:pt x="299" y="378"/>
                  </a:lnTo>
                  <a:lnTo>
                    <a:pt x="292" y="379"/>
                  </a:lnTo>
                  <a:lnTo>
                    <a:pt x="285" y="382"/>
                  </a:lnTo>
                  <a:lnTo>
                    <a:pt x="279" y="385"/>
                  </a:lnTo>
                  <a:lnTo>
                    <a:pt x="274" y="390"/>
                  </a:lnTo>
                  <a:lnTo>
                    <a:pt x="267" y="393"/>
                  </a:lnTo>
                  <a:lnTo>
                    <a:pt x="261" y="395"/>
                  </a:lnTo>
                  <a:lnTo>
                    <a:pt x="253" y="395"/>
                  </a:lnTo>
                  <a:lnTo>
                    <a:pt x="252" y="389"/>
                  </a:lnTo>
                  <a:lnTo>
                    <a:pt x="249" y="382"/>
                  </a:lnTo>
                  <a:lnTo>
                    <a:pt x="247" y="377"/>
                  </a:lnTo>
                  <a:lnTo>
                    <a:pt x="245" y="371"/>
                  </a:lnTo>
                  <a:lnTo>
                    <a:pt x="242" y="365"/>
                  </a:lnTo>
                  <a:lnTo>
                    <a:pt x="238" y="361"/>
                  </a:lnTo>
                  <a:lnTo>
                    <a:pt x="234" y="357"/>
                  </a:lnTo>
                  <a:lnTo>
                    <a:pt x="229" y="353"/>
                  </a:lnTo>
                  <a:lnTo>
                    <a:pt x="219" y="345"/>
                  </a:lnTo>
                  <a:lnTo>
                    <a:pt x="208" y="339"/>
                  </a:lnTo>
                  <a:lnTo>
                    <a:pt x="196" y="334"/>
                  </a:lnTo>
                  <a:lnTo>
                    <a:pt x="183" y="329"/>
                  </a:lnTo>
                  <a:lnTo>
                    <a:pt x="169" y="325"/>
                  </a:lnTo>
                  <a:lnTo>
                    <a:pt x="156" y="322"/>
                  </a:lnTo>
                  <a:lnTo>
                    <a:pt x="142" y="320"/>
                  </a:lnTo>
                  <a:lnTo>
                    <a:pt x="128" y="318"/>
                  </a:lnTo>
                  <a:lnTo>
                    <a:pt x="103" y="316"/>
                  </a:lnTo>
                  <a:lnTo>
                    <a:pt x="82" y="314"/>
                  </a:lnTo>
                  <a:lnTo>
                    <a:pt x="82" y="302"/>
                  </a:lnTo>
                  <a:lnTo>
                    <a:pt x="80" y="291"/>
                  </a:lnTo>
                  <a:lnTo>
                    <a:pt x="77" y="281"/>
                  </a:lnTo>
                  <a:lnTo>
                    <a:pt x="73" y="272"/>
                  </a:lnTo>
                  <a:lnTo>
                    <a:pt x="63" y="256"/>
                  </a:lnTo>
                  <a:lnTo>
                    <a:pt x="53" y="240"/>
                  </a:lnTo>
                  <a:lnTo>
                    <a:pt x="48" y="233"/>
                  </a:lnTo>
                  <a:lnTo>
                    <a:pt x="44" y="225"/>
                  </a:lnTo>
                  <a:lnTo>
                    <a:pt x="42" y="218"/>
                  </a:lnTo>
                  <a:lnTo>
                    <a:pt x="41" y="210"/>
                  </a:lnTo>
                  <a:lnTo>
                    <a:pt x="42" y="200"/>
                  </a:lnTo>
                  <a:lnTo>
                    <a:pt x="44" y="191"/>
                  </a:lnTo>
                  <a:lnTo>
                    <a:pt x="49" y="180"/>
                  </a:lnTo>
                  <a:lnTo>
                    <a:pt x="57" y="167"/>
                  </a:lnTo>
                  <a:lnTo>
                    <a:pt x="48" y="160"/>
                  </a:lnTo>
                  <a:lnTo>
                    <a:pt x="41" y="152"/>
                  </a:lnTo>
                  <a:lnTo>
                    <a:pt x="36" y="143"/>
                  </a:lnTo>
                  <a:lnTo>
                    <a:pt x="30" y="134"/>
                  </a:lnTo>
                  <a:lnTo>
                    <a:pt x="26" y="124"/>
                  </a:lnTo>
                  <a:lnTo>
                    <a:pt x="23" y="114"/>
                  </a:lnTo>
                  <a:lnTo>
                    <a:pt x="20" y="103"/>
                  </a:lnTo>
                  <a:lnTo>
                    <a:pt x="18" y="93"/>
                  </a:lnTo>
                  <a:lnTo>
                    <a:pt x="15" y="71"/>
                  </a:lnTo>
                  <a:lnTo>
                    <a:pt x="11" y="48"/>
                  </a:lnTo>
                  <a:lnTo>
                    <a:pt x="9" y="37"/>
                  </a:lnTo>
                  <a:lnTo>
                    <a:pt x="7" y="26"/>
                  </a:lnTo>
                  <a:lnTo>
                    <a:pt x="4" y="16"/>
                  </a:lnTo>
                  <a:lnTo>
                    <a:pt x="0" y="5"/>
                  </a:lnTo>
                  <a:lnTo>
                    <a:pt x="49" y="2"/>
                  </a:lnTo>
                  <a:lnTo>
                    <a:pt x="100" y="0"/>
                  </a:lnTo>
                  <a:lnTo>
                    <a:pt x="125" y="0"/>
                  </a:lnTo>
                  <a:lnTo>
                    <a:pt x="151" y="1"/>
                  </a:lnTo>
                  <a:lnTo>
                    <a:pt x="179" y="2"/>
                  </a:lnTo>
                  <a:lnTo>
                    <a:pt x="206" y="3"/>
                  </a:lnTo>
                  <a:lnTo>
                    <a:pt x="234" y="5"/>
                  </a:lnTo>
                  <a:lnTo>
                    <a:pt x="261" y="8"/>
                  </a:lnTo>
                  <a:lnTo>
                    <a:pt x="289" y="12"/>
                  </a:lnTo>
                  <a:lnTo>
                    <a:pt x="319" y="16"/>
                  </a:lnTo>
                  <a:lnTo>
                    <a:pt x="348" y="20"/>
                  </a:lnTo>
                  <a:lnTo>
                    <a:pt x="378" y="25"/>
                  </a:lnTo>
                  <a:lnTo>
                    <a:pt x="408" y="32"/>
                  </a:lnTo>
                  <a:lnTo>
                    <a:pt x="439" y="38"/>
                  </a:lnTo>
                  <a:lnTo>
                    <a:pt x="440" y="41"/>
                  </a:lnTo>
                  <a:lnTo>
                    <a:pt x="441" y="43"/>
                  </a:lnTo>
                  <a:lnTo>
                    <a:pt x="443" y="46"/>
                  </a:lnTo>
                  <a:lnTo>
                    <a:pt x="445" y="48"/>
                  </a:lnTo>
                  <a:lnTo>
                    <a:pt x="451" y="52"/>
                  </a:lnTo>
                  <a:lnTo>
                    <a:pt x="456" y="54"/>
                  </a:lnTo>
                  <a:lnTo>
                    <a:pt x="452" y="75"/>
                  </a:lnTo>
                  <a:lnTo>
                    <a:pt x="448" y="96"/>
                  </a:lnTo>
                  <a:lnTo>
                    <a:pt x="448" y="100"/>
                  </a:lnTo>
                  <a:lnTo>
                    <a:pt x="448" y="105"/>
                  </a:lnTo>
                  <a:lnTo>
                    <a:pt x="449" y="110"/>
                  </a:lnTo>
                  <a:lnTo>
                    <a:pt x="451" y="114"/>
                  </a:lnTo>
                  <a:lnTo>
                    <a:pt x="453" y="118"/>
                  </a:lnTo>
                  <a:lnTo>
                    <a:pt x="456" y="121"/>
                  </a:lnTo>
                  <a:lnTo>
                    <a:pt x="459" y="124"/>
                  </a:lnTo>
                  <a:lnTo>
                    <a:pt x="463" y="127"/>
                  </a:lnTo>
                  <a:lnTo>
                    <a:pt x="462" y="138"/>
                  </a:lnTo>
                  <a:lnTo>
                    <a:pt x="461" y="151"/>
                  </a:lnTo>
                  <a:lnTo>
                    <a:pt x="462" y="163"/>
                  </a:lnTo>
                  <a:lnTo>
                    <a:pt x="465" y="178"/>
                  </a:lnTo>
                  <a:lnTo>
                    <a:pt x="468" y="192"/>
                  </a:lnTo>
                  <a:lnTo>
                    <a:pt x="474" y="204"/>
                  </a:lnTo>
                  <a:lnTo>
                    <a:pt x="477" y="211"/>
                  </a:lnTo>
                  <a:lnTo>
                    <a:pt x="480" y="216"/>
                  </a:lnTo>
                  <a:lnTo>
                    <a:pt x="484" y="220"/>
                  </a:lnTo>
                  <a:lnTo>
                    <a:pt x="488" y="224"/>
                  </a:lnTo>
                  <a:lnTo>
                    <a:pt x="497" y="236"/>
                  </a:lnTo>
                  <a:lnTo>
                    <a:pt x="507" y="245"/>
                  </a:lnTo>
                  <a:lnTo>
                    <a:pt x="519" y="255"/>
                  </a:lnTo>
                  <a:lnTo>
                    <a:pt x="531" y="263"/>
                  </a:lnTo>
                  <a:lnTo>
                    <a:pt x="544" y="271"/>
                  </a:lnTo>
                  <a:lnTo>
                    <a:pt x="557" y="277"/>
                  </a:lnTo>
                  <a:lnTo>
                    <a:pt x="572" y="283"/>
                  </a:lnTo>
                  <a:lnTo>
                    <a:pt x="586" y="289"/>
                  </a:lnTo>
                  <a:lnTo>
                    <a:pt x="602" y="294"/>
                  </a:lnTo>
                  <a:lnTo>
                    <a:pt x="618" y="298"/>
                  </a:lnTo>
                  <a:lnTo>
                    <a:pt x="635" y="301"/>
                  </a:lnTo>
                  <a:lnTo>
                    <a:pt x="652" y="304"/>
                  </a:lnTo>
                  <a:lnTo>
                    <a:pt x="687" y="310"/>
                  </a:lnTo>
                  <a:lnTo>
                    <a:pt x="723" y="314"/>
                  </a:lnTo>
                  <a:lnTo>
                    <a:pt x="738" y="334"/>
                  </a:lnTo>
                  <a:lnTo>
                    <a:pt x="755" y="355"/>
                  </a:lnTo>
                  <a:lnTo>
                    <a:pt x="772" y="375"/>
                  </a:lnTo>
                  <a:lnTo>
                    <a:pt x="790" y="396"/>
                  </a:lnTo>
                  <a:lnTo>
                    <a:pt x="824" y="435"/>
                  </a:lnTo>
                  <a:lnTo>
                    <a:pt x="854" y="469"/>
                  </a:lnTo>
                  <a:lnTo>
                    <a:pt x="854" y="460"/>
                  </a:lnTo>
                  <a:lnTo>
                    <a:pt x="854" y="453"/>
                  </a:lnTo>
                  <a:lnTo>
                    <a:pt x="858" y="457"/>
                  </a:lnTo>
                  <a:lnTo>
                    <a:pt x="862" y="462"/>
                  </a:lnTo>
                  <a:lnTo>
                    <a:pt x="864" y="467"/>
                  </a:lnTo>
                  <a:lnTo>
                    <a:pt x="866" y="472"/>
                  </a:lnTo>
                  <a:lnTo>
                    <a:pt x="868" y="482"/>
                  </a:lnTo>
                  <a:lnTo>
                    <a:pt x="866" y="494"/>
                  </a:lnTo>
                  <a:lnTo>
                    <a:pt x="864" y="507"/>
                  </a:lnTo>
                  <a:lnTo>
                    <a:pt x="862" y="520"/>
                  </a:lnTo>
                  <a:lnTo>
                    <a:pt x="861" y="534"/>
                  </a:lnTo>
                  <a:lnTo>
                    <a:pt x="862" y="550"/>
                  </a:lnTo>
                  <a:lnTo>
                    <a:pt x="858" y="554"/>
                  </a:lnTo>
                  <a:lnTo>
                    <a:pt x="856" y="557"/>
                  </a:lnTo>
                  <a:lnTo>
                    <a:pt x="854" y="561"/>
                  </a:lnTo>
                  <a:lnTo>
                    <a:pt x="854" y="565"/>
                  </a:lnTo>
                  <a:lnTo>
                    <a:pt x="855" y="575"/>
                  </a:lnTo>
                  <a:lnTo>
                    <a:pt x="857" y="584"/>
                  </a:lnTo>
                  <a:lnTo>
                    <a:pt x="861" y="596"/>
                  </a:lnTo>
                  <a:lnTo>
                    <a:pt x="863" y="607"/>
                  </a:lnTo>
                  <a:lnTo>
                    <a:pt x="864" y="613"/>
                  </a:lnTo>
                  <a:lnTo>
                    <a:pt x="864" y="619"/>
                  </a:lnTo>
                  <a:lnTo>
                    <a:pt x="863" y="624"/>
                  </a:lnTo>
                  <a:lnTo>
                    <a:pt x="862" y="631"/>
                  </a:lnTo>
                  <a:lnTo>
                    <a:pt x="858" y="632"/>
                  </a:lnTo>
                  <a:lnTo>
                    <a:pt x="855" y="634"/>
                  </a:lnTo>
                  <a:lnTo>
                    <a:pt x="853" y="636"/>
                  </a:lnTo>
                  <a:lnTo>
                    <a:pt x="851" y="639"/>
                  </a:lnTo>
                  <a:lnTo>
                    <a:pt x="849" y="641"/>
                  </a:lnTo>
                  <a:lnTo>
                    <a:pt x="849" y="643"/>
                  </a:lnTo>
                  <a:lnTo>
                    <a:pt x="851" y="646"/>
                  </a:lnTo>
                  <a:lnTo>
                    <a:pt x="854" y="648"/>
                  </a:lnTo>
                  <a:lnTo>
                    <a:pt x="842" y="662"/>
                  </a:lnTo>
                  <a:lnTo>
                    <a:pt x="831" y="676"/>
                  </a:lnTo>
                  <a:lnTo>
                    <a:pt x="819" y="690"/>
                  </a:lnTo>
                  <a:lnTo>
                    <a:pt x="806" y="701"/>
                  </a:lnTo>
                  <a:lnTo>
                    <a:pt x="799" y="706"/>
                  </a:lnTo>
                  <a:lnTo>
                    <a:pt x="792" y="710"/>
                  </a:lnTo>
                  <a:lnTo>
                    <a:pt x="784" y="714"/>
                  </a:lnTo>
                  <a:lnTo>
                    <a:pt x="777" y="717"/>
                  </a:lnTo>
                  <a:lnTo>
                    <a:pt x="769" y="719"/>
                  </a:lnTo>
                  <a:lnTo>
                    <a:pt x="759" y="720"/>
                  </a:lnTo>
                  <a:lnTo>
                    <a:pt x="750" y="721"/>
                  </a:lnTo>
                  <a:lnTo>
                    <a:pt x="740" y="720"/>
                  </a:lnTo>
                  <a:lnTo>
                    <a:pt x="741" y="731"/>
                  </a:lnTo>
                  <a:lnTo>
                    <a:pt x="740" y="739"/>
                  </a:lnTo>
                  <a:lnTo>
                    <a:pt x="739" y="747"/>
                  </a:lnTo>
                  <a:lnTo>
                    <a:pt x="736" y="753"/>
                  </a:lnTo>
                  <a:lnTo>
                    <a:pt x="732" y="758"/>
                  </a:lnTo>
                  <a:lnTo>
                    <a:pt x="727" y="762"/>
                  </a:lnTo>
                  <a:lnTo>
                    <a:pt x="722" y="767"/>
                  </a:lnTo>
                  <a:lnTo>
                    <a:pt x="716" y="770"/>
                  </a:lnTo>
                  <a:lnTo>
                    <a:pt x="711" y="769"/>
                  </a:lnTo>
                  <a:lnTo>
                    <a:pt x="705" y="768"/>
                  </a:lnTo>
                  <a:lnTo>
                    <a:pt x="703" y="767"/>
                  </a:lnTo>
                  <a:lnTo>
                    <a:pt x="701" y="766"/>
                  </a:lnTo>
                  <a:lnTo>
                    <a:pt x="700" y="763"/>
                  </a:lnTo>
                  <a:lnTo>
                    <a:pt x="699" y="761"/>
                  </a:lnTo>
                  <a:lnTo>
                    <a:pt x="700" y="760"/>
                  </a:lnTo>
                  <a:lnTo>
                    <a:pt x="699" y="759"/>
                  </a:lnTo>
                  <a:lnTo>
                    <a:pt x="697" y="758"/>
                  </a:lnTo>
                  <a:lnTo>
                    <a:pt x="694" y="757"/>
                  </a:lnTo>
                  <a:lnTo>
                    <a:pt x="684" y="755"/>
                  </a:lnTo>
                  <a:lnTo>
                    <a:pt x="672" y="752"/>
                  </a:lnTo>
                  <a:lnTo>
                    <a:pt x="643" y="748"/>
                  </a:lnTo>
                  <a:lnTo>
                    <a:pt x="615" y="747"/>
                  </a:lnTo>
                  <a:lnTo>
                    <a:pt x="610" y="737"/>
                  </a:lnTo>
                  <a:lnTo>
                    <a:pt x="606" y="722"/>
                  </a:lnTo>
                  <a:lnTo>
                    <a:pt x="602" y="708"/>
                  </a:lnTo>
                  <a:lnTo>
                    <a:pt x="598" y="694"/>
                  </a:lnTo>
                  <a:lnTo>
                    <a:pt x="594" y="680"/>
                  </a:lnTo>
                  <a:lnTo>
                    <a:pt x="588" y="667"/>
                  </a:lnTo>
                  <a:lnTo>
                    <a:pt x="582" y="655"/>
                  </a:lnTo>
                  <a:lnTo>
                    <a:pt x="576" y="643"/>
                  </a:lnTo>
                  <a:lnTo>
                    <a:pt x="568" y="632"/>
                  </a:lnTo>
                  <a:lnTo>
                    <a:pt x="560" y="621"/>
                  </a:lnTo>
                  <a:lnTo>
                    <a:pt x="552" y="612"/>
                  </a:lnTo>
                  <a:lnTo>
                    <a:pt x="542" y="603"/>
                  </a:lnTo>
                  <a:lnTo>
                    <a:pt x="532" y="596"/>
                  </a:lnTo>
                  <a:lnTo>
                    <a:pt x="520" y="589"/>
                  </a:lnTo>
                  <a:lnTo>
                    <a:pt x="507" y="583"/>
                  </a:lnTo>
                  <a:lnTo>
                    <a:pt x="495" y="578"/>
                  </a:lnTo>
                  <a:lnTo>
                    <a:pt x="480" y="574"/>
                  </a:lnTo>
                  <a:lnTo>
                    <a:pt x="484" y="570"/>
                  </a:lnTo>
                  <a:lnTo>
                    <a:pt x="488" y="564"/>
                  </a:lnTo>
                  <a:lnTo>
                    <a:pt x="493" y="559"/>
                  </a:lnTo>
                  <a:lnTo>
                    <a:pt x="496" y="553"/>
                  </a:lnTo>
                  <a:lnTo>
                    <a:pt x="501" y="540"/>
                  </a:lnTo>
                  <a:lnTo>
                    <a:pt x="505" y="527"/>
                  </a:lnTo>
                  <a:lnTo>
                    <a:pt x="513" y="497"/>
                  </a:lnTo>
                  <a:lnTo>
                    <a:pt x="520" y="469"/>
                  </a:lnTo>
                  <a:lnTo>
                    <a:pt x="511" y="474"/>
                  </a:lnTo>
                  <a:lnTo>
                    <a:pt x="500" y="479"/>
                  </a:lnTo>
                  <a:lnTo>
                    <a:pt x="488" y="482"/>
                  </a:lnTo>
                  <a:lnTo>
                    <a:pt x="477" y="485"/>
                  </a:lnTo>
                  <a:lnTo>
                    <a:pt x="465" y="488"/>
                  </a:lnTo>
                  <a:lnTo>
                    <a:pt x="454" y="489"/>
                  </a:lnTo>
                  <a:lnTo>
                    <a:pt x="442" y="490"/>
                  </a:lnTo>
                  <a:lnTo>
                    <a:pt x="431" y="489"/>
                  </a:lnTo>
                  <a:lnTo>
                    <a:pt x="419" y="488"/>
                  </a:lnTo>
                  <a:lnTo>
                    <a:pt x="406" y="485"/>
                  </a:lnTo>
                  <a:lnTo>
                    <a:pt x="395" y="482"/>
                  </a:lnTo>
                  <a:lnTo>
                    <a:pt x="384" y="478"/>
                  </a:lnTo>
                  <a:lnTo>
                    <a:pt x="373" y="473"/>
                  </a:lnTo>
                  <a:lnTo>
                    <a:pt x="362" y="467"/>
                  </a:lnTo>
                  <a:lnTo>
                    <a:pt x="352" y="460"/>
                  </a:lnTo>
                  <a:lnTo>
                    <a:pt x="342" y="453"/>
                  </a:lnTo>
                  <a:lnTo>
                    <a:pt x="338" y="452"/>
                  </a:lnTo>
                  <a:lnTo>
                    <a:pt x="335" y="451"/>
                  </a:lnTo>
                  <a:lnTo>
                    <a:pt x="334" y="450"/>
                  </a:lnTo>
                  <a:lnTo>
                    <a:pt x="334" y="449"/>
                  </a:lnTo>
                  <a:lnTo>
                    <a:pt x="334" y="447"/>
                  </a:lnTo>
                  <a:lnTo>
                    <a:pt x="334" y="444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548" name="Stevns kant"/>
            <p:cNvSpPr>
              <a:spLocks/>
            </p:cNvSpPr>
            <p:nvPr/>
          </p:nvSpPr>
          <p:spPr bwMode="auto">
            <a:xfrm>
              <a:off x="3514725" y="5184775"/>
              <a:ext cx="460375" cy="407988"/>
            </a:xfrm>
            <a:custGeom>
              <a:avLst/>
              <a:gdLst>
                <a:gd name="T0" fmla="*/ 107 w 868"/>
                <a:gd name="T1" fmla="*/ 147 h 770"/>
                <a:gd name="T2" fmla="*/ 106 w 868"/>
                <a:gd name="T3" fmla="*/ 141 h 770"/>
                <a:gd name="T4" fmla="*/ 106 w 868"/>
                <a:gd name="T5" fmla="*/ 130 h 770"/>
                <a:gd name="T6" fmla="*/ 100 w 868"/>
                <a:gd name="T7" fmla="*/ 126 h 770"/>
                <a:gd name="T8" fmla="*/ 92 w 868"/>
                <a:gd name="T9" fmla="*/ 130 h 770"/>
                <a:gd name="T10" fmla="*/ 84 w 868"/>
                <a:gd name="T11" fmla="*/ 130 h 770"/>
                <a:gd name="T12" fmla="*/ 81 w 868"/>
                <a:gd name="T13" fmla="*/ 122 h 770"/>
                <a:gd name="T14" fmla="*/ 73 w 868"/>
                <a:gd name="T15" fmla="*/ 115 h 770"/>
                <a:gd name="T16" fmla="*/ 56 w 868"/>
                <a:gd name="T17" fmla="*/ 108 h 770"/>
                <a:gd name="T18" fmla="*/ 34 w 868"/>
                <a:gd name="T19" fmla="*/ 105 h 770"/>
                <a:gd name="T20" fmla="*/ 26 w 868"/>
                <a:gd name="T21" fmla="*/ 94 h 770"/>
                <a:gd name="T22" fmla="*/ 16 w 868"/>
                <a:gd name="T23" fmla="*/ 78 h 770"/>
                <a:gd name="T24" fmla="*/ 14 w 868"/>
                <a:gd name="T25" fmla="*/ 67 h 770"/>
                <a:gd name="T26" fmla="*/ 16 w 868"/>
                <a:gd name="T27" fmla="*/ 53 h 770"/>
                <a:gd name="T28" fmla="*/ 9 w 868"/>
                <a:gd name="T29" fmla="*/ 41 h 770"/>
                <a:gd name="T30" fmla="*/ 5 w 868"/>
                <a:gd name="T31" fmla="*/ 24 h 770"/>
                <a:gd name="T32" fmla="*/ 1 w 868"/>
                <a:gd name="T33" fmla="*/ 5 h 770"/>
                <a:gd name="T34" fmla="*/ 42 w 868"/>
                <a:gd name="T35" fmla="*/ 0 h 770"/>
                <a:gd name="T36" fmla="*/ 78 w 868"/>
                <a:gd name="T37" fmla="*/ 2 h 770"/>
                <a:gd name="T38" fmla="*/ 116 w 868"/>
                <a:gd name="T39" fmla="*/ 7 h 770"/>
                <a:gd name="T40" fmla="*/ 147 w 868"/>
                <a:gd name="T41" fmla="*/ 14 h 770"/>
                <a:gd name="T42" fmla="*/ 151 w 868"/>
                <a:gd name="T43" fmla="*/ 17 h 770"/>
                <a:gd name="T44" fmla="*/ 150 w 868"/>
                <a:gd name="T45" fmla="*/ 33 h 770"/>
                <a:gd name="T46" fmla="*/ 151 w 868"/>
                <a:gd name="T47" fmla="*/ 39 h 770"/>
                <a:gd name="T48" fmla="*/ 154 w 868"/>
                <a:gd name="T49" fmla="*/ 46 h 770"/>
                <a:gd name="T50" fmla="*/ 156 w 868"/>
                <a:gd name="T51" fmla="*/ 64 h 770"/>
                <a:gd name="T52" fmla="*/ 162 w 868"/>
                <a:gd name="T53" fmla="*/ 73 h 770"/>
                <a:gd name="T54" fmla="*/ 173 w 868"/>
                <a:gd name="T55" fmla="*/ 85 h 770"/>
                <a:gd name="T56" fmla="*/ 191 w 868"/>
                <a:gd name="T57" fmla="*/ 94 h 770"/>
                <a:gd name="T58" fmla="*/ 212 w 868"/>
                <a:gd name="T59" fmla="*/ 100 h 770"/>
                <a:gd name="T60" fmla="*/ 247 w 868"/>
                <a:gd name="T61" fmla="*/ 111 h 770"/>
                <a:gd name="T62" fmla="*/ 275 w 868"/>
                <a:gd name="T63" fmla="*/ 145 h 770"/>
                <a:gd name="T64" fmla="*/ 287 w 868"/>
                <a:gd name="T65" fmla="*/ 153 h 770"/>
                <a:gd name="T66" fmla="*/ 290 w 868"/>
                <a:gd name="T67" fmla="*/ 161 h 770"/>
                <a:gd name="T68" fmla="*/ 288 w 868"/>
                <a:gd name="T69" fmla="*/ 178 h 770"/>
                <a:gd name="T70" fmla="*/ 285 w 868"/>
                <a:gd name="T71" fmla="*/ 187 h 770"/>
                <a:gd name="T72" fmla="*/ 288 w 868"/>
                <a:gd name="T73" fmla="*/ 199 h 770"/>
                <a:gd name="T74" fmla="*/ 288 w 868"/>
                <a:gd name="T75" fmla="*/ 208 h 770"/>
                <a:gd name="T76" fmla="*/ 285 w 868"/>
                <a:gd name="T77" fmla="*/ 212 h 770"/>
                <a:gd name="T78" fmla="*/ 284 w 868"/>
                <a:gd name="T79" fmla="*/ 216 h 770"/>
                <a:gd name="T80" fmla="*/ 274 w 868"/>
                <a:gd name="T81" fmla="*/ 230 h 770"/>
                <a:gd name="T82" fmla="*/ 262 w 868"/>
                <a:gd name="T83" fmla="*/ 238 h 770"/>
                <a:gd name="T84" fmla="*/ 251 w 868"/>
                <a:gd name="T85" fmla="*/ 241 h 770"/>
                <a:gd name="T86" fmla="*/ 247 w 868"/>
                <a:gd name="T87" fmla="*/ 249 h 770"/>
                <a:gd name="T88" fmla="*/ 241 w 868"/>
                <a:gd name="T89" fmla="*/ 256 h 770"/>
                <a:gd name="T90" fmla="*/ 235 w 868"/>
                <a:gd name="T91" fmla="*/ 256 h 770"/>
                <a:gd name="T92" fmla="*/ 234 w 868"/>
                <a:gd name="T93" fmla="*/ 254 h 770"/>
                <a:gd name="T94" fmla="*/ 229 w 868"/>
                <a:gd name="T95" fmla="*/ 252 h 770"/>
                <a:gd name="T96" fmla="*/ 204 w 868"/>
                <a:gd name="T97" fmla="*/ 246 h 770"/>
                <a:gd name="T98" fmla="*/ 198 w 868"/>
                <a:gd name="T99" fmla="*/ 227 h 770"/>
                <a:gd name="T100" fmla="*/ 190 w 868"/>
                <a:gd name="T101" fmla="*/ 211 h 770"/>
                <a:gd name="T102" fmla="*/ 178 w 868"/>
                <a:gd name="T103" fmla="*/ 199 h 770"/>
                <a:gd name="T104" fmla="*/ 160 w 868"/>
                <a:gd name="T105" fmla="*/ 192 h 770"/>
                <a:gd name="T106" fmla="*/ 166 w 868"/>
                <a:gd name="T107" fmla="*/ 185 h 770"/>
                <a:gd name="T108" fmla="*/ 174 w 868"/>
                <a:gd name="T109" fmla="*/ 157 h 770"/>
                <a:gd name="T110" fmla="*/ 159 w 868"/>
                <a:gd name="T111" fmla="*/ 162 h 770"/>
                <a:gd name="T112" fmla="*/ 144 w 868"/>
                <a:gd name="T113" fmla="*/ 163 h 770"/>
                <a:gd name="T114" fmla="*/ 128 w 868"/>
                <a:gd name="T115" fmla="*/ 160 h 770"/>
                <a:gd name="T116" fmla="*/ 114 w 868"/>
                <a:gd name="T117" fmla="*/ 151 h 770"/>
                <a:gd name="T118" fmla="*/ 112 w 868"/>
                <a:gd name="T119" fmla="*/ 150 h 770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868" h="770">
                  <a:moveTo>
                    <a:pt x="334" y="444"/>
                  </a:moveTo>
                  <a:lnTo>
                    <a:pt x="327" y="444"/>
                  </a:lnTo>
                  <a:lnTo>
                    <a:pt x="323" y="443"/>
                  </a:lnTo>
                  <a:lnTo>
                    <a:pt x="320" y="441"/>
                  </a:lnTo>
                  <a:lnTo>
                    <a:pt x="318" y="437"/>
                  </a:lnTo>
                  <a:lnTo>
                    <a:pt x="317" y="433"/>
                  </a:lnTo>
                  <a:lnTo>
                    <a:pt x="316" y="429"/>
                  </a:lnTo>
                  <a:lnTo>
                    <a:pt x="316" y="422"/>
                  </a:lnTo>
                  <a:lnTo>
                    <a:pt x="317" y="417"/>
                  </a:lnTo>
                  <a:lnTo>
                    <a:pt x="317" y="404"/>
                  </a:lnTo>
                  <a:lnTo>
                    <a:pt x="317" y="394"/>
                  </a:lnTo>
                  <a:lnTo>
                    <a:pt x="317" y="389"/>
                  </a:lnTo>
                  <a:lnTo>
                    <a:pt x="315" y="384"/>
                  </a:lnTo>
                  <a:lnTo>
                    <a:pt x="313" y="381"/>
                  </a:lnTo>
                  <a:lnTo>
                    <a:pt x="309" y="379"/>
                  </a:lnTo>
                  <a:lnTo>
                    <a:pt x="299" y="378"/>
                  </a:lnTo>
                  <a:lnTo>
                    <a:pt x="292" y="379"/>
                  </a:lnTo>
                  <a:lnTo>
                    <a:pt x="285" y="382"/>
                  </a:lnTo>
                  <a:lnTo>
                    <a:pt x="279" y="385"/>
                  </a:lnTo>
                  <a:lnTo>
                    <a:pt x="274" y="390"/>
                  </a:lnTo>
                  <a:lnTo>
                    <a:pt x="267" y="393"/>
                  </a:lnTo>
                  <a:lnTo>
                    <a:pt x="261" y="395"/>
                  </a:lnTo>
                  <a:lnTo>
                    <a:pt x="253" y="395"/>
                  </a:lnTo>
                  <a:lnTo>
                    <a:pt x="252" y="389"/>
                  </a:lnTo>
                  <a:lnTo>
                    <a:pt x="249" y="382"/>
                  </a:lnTo>
                  <a:lnTo>
                    <a:pt x="247" y="377"/>
                  </a:lnTo>
                  <a:lnTo>
                    <a:pt x="245" y="371"/>
                  </a:lnTo>
                  <a:lnTo>
                    <a:pt x="242" y="365"/>
                  </a:lnTo>
                  <a:lnTo>
                    <a:pt x="238" y="361"/>
                  </a:lnTo>
                  <a:lnTo>
                    <a:pt x="234" y="357"/>
                  </a:lnTo>
                  <a:lnTo>
                    <a:pt x="229" y="353"/>
                  </a:lnTo>
                  <a:lnTo>
                    <a:pt x="219" y="345"/>
                  </a:lnTo>
                  <a:lnTo>
                    <a:pt x="208" y="339"/>
                  </a:lnTo>
                  <a:lnTo>
                    <a:pt x="196" y="334"/>
                  </a:lnTo>
                  <a:lnTo>
                    <a:pt x="183" y="329"/>
                  </a:lnTo>
                  <a:lnTo>
                    <a:pt x="169" y="325"/>
                  </a:lnTo>
                  <a:lnTo>
                    <a:pt x="156" y="322"/>
                  </a:lnTo>
                  <a:lnTo>
                    <a:pt x="142" y="320"/>
                  </a:lnTo>
                  <a:lnTo>
                    <a:pt x="128" y="318"/>
                  </a:lnTo>
                  <a:lnTo>
                    <a:pt x="103" y="316"/>
                  </a:lnTo>
                  <a:lnTo>
                    <a:pt x="82" y="314"/>
                  </a:lnTo>
                  <a:lnTo>
                    <a:pt x="82" y="302"/>
                  </a:lnTo>
                  <a:lnTo>
                    <a:pt x="80" y="291"/>
                  </a:lnTo>
                  <a:lnTo>
                    <a:pt x="77" y="281"/>
                  </a:lnTo>
                  <a:lnTo>
                    <a:pt x="73" y="272"/>
                  </a:lnTo>
                  <a:lnTo>
                    <a:pt x="63" y="256"/>
                  </a:lnTo>
                  <a:lnTo>
                    <a:pt x="53" y="240"/>
                  </a:lnTo>
                  <a:lnTo>
                    <a:pt x="48" y="233"/>
                  </a:lnTo>
                  <a:lnTo>
                    <a:pt x="44" y="225"/>
                  </a:lnTo>
                  <a:lnTo>
                    <a:pt x="42" y="218"/>
                  </a:lnTo>
                  <a:lnTo>
                    <a:pt x="41" y="210"/>
                  </a:lnTo>
                  <a:lnTo>
                    <a:pt x="42" y="200"/>
                  </a:lnTo>
                  <a:lnTo>
                    <a:pt x="44" y="191"/>
                  </a:lnTo>
                  <a:lnTo>
                    <a:pt x="49" y="180"/>
                  </a:lnTo>
                  <a:lnTo>
                    <a:pt x="57" y="167"/>
                  </a:lnTo>
                  <a:lnTo>
                    <a:pt x="48" y="160"/>
                  </a:lnTo>
                  <a:lnTo>
                    <a:pt x="41" y="152"/>
                  </a:lnTo>
                  <a:lnTo>
                    <a:pt x="36" y="143"/>
                  </a:lnTo>
                  <a:lnTo>
                    <a:pt x="30" y="134"/>
                  </a:lnTo>
                  <a:lnTo>
                    <a:pt x="26" y="124"/>
                  </a:lnTo>
                  <a:lnTo>
                    <a:pt x="23" y="114"/>
                  </a:lnTo>
                  <a:lnTo>
                    <a:pt x="20" y="103"/>
                  </a:lnTo>
                  <a:lnTo>
                    <a:pt x="18" y="93"/>
                  </a:lnTo>
                  <a:lnTo>
                    <a:pt x="15" y="71"/>
                  </a:lnTo>
                  <a:lnTo>
                    <a:pt x="11" y="48"/>
                  </a:lnTo>
                  <a:lnTo>
                    <a:pt x="9" y="37"/>
                  </a:lnTo>
                  <a:lnTo>
                    <a:pt x="7" y="26"/>
                  </a:lnTo>
                  <a:lnTo>
                    <a:pt x="4" y="16"/>
                  </a:lnTo>
                  <a:lnTo>
                    <a:pt x="0" y="5"/>
                  </a:lnTo>
                  <a:lnTo>
                    <a:pt x="49" y="2"/>
                  </a:lnTo>
                  <a:lnTo>
                    <a:pt x="100" y="0"/>
                  </a:lnTo>
                  <a:lnTo>
                    <a:pt x="125" y="0"/>
                  </a:lnTo>
                  <a:lnTo>
                    <a:pt x="151" y="1"/>
                  </a:lnTo>
                  <a:lnTo>
                    <a:pt x="179" y="2"/>
                  </a:lnTo>
                  <a:lnTo>
                    <a:pt x="206" y="3"/>
                  </a:lnTo>
                  <a:lnTo>
                    <a:pt x="234" y="5"/>
                  </a:lnTo>
                  <a:lnTo>
                    <a:pt x="261" y="8"/>
                  </a:lnTo>
                  <a:lnTo>
                    <a:pt x="289" y="12"/>
                  </a:lnTo>
                  <a:lnTo>
                    <a:pt x="319" y="16"/>
                  </a:lnTo>
                  <a:lnTo>
                    <a:pt x="348" y="20"/>
                  </a:lnTo>
                  <a:lnTo>
                    <a:pt x="378" y="25"/>
                  </a:lnTo>
                  <a:lnTo>
                    <a:pt x="408" y="32"/>
                  </a:lnTo>
                  <a:lnTo>
                    <a:pt x="439" y="38"/>
                  </a:lnTo>
                  <a:lnTo>
                    <a:pt x="440" y="41"/>
                  </a:lnTo>
                  <a:lnTo>
                    <a:pt x="441" y="43"/>
                  </a:lnTo>
                  <a:lnTo>
                    <a:pt x="443" y="46"/>
                  </a:lnTo>
                  <a:lnTo>
                    <a:pt x="445" y="48"/>
                  </a:lnTo>
                  <a:lnTo>
                    <a:pt x="451" y="52"/>
                  </a:lnTo>
                  <a:lnTo>
                    <a:pt x="456" y="54"/>
                  </a:lnTo>
                  <a:lnTo>
                    <a:pt x="452" y="75"/>
                  </a:lnTo>
                  <a:lnTo>
                    <a:pt x="448" y="96"/>
                  </a:lnTo>
                  <a:lnTo>
                    <a:pt x="448" y="100"/>
                  </a:lnTo>
                  <a:lnTo>
                    <a:pt x="448" y="105"/>
                  </a:lnTo>
                  <a:lnTo>
                    <a:pt x="449" y="110"/>
                  </a:lnTo>
                  <a:lnTo>
                    <a:pt x="451" y="114"/>
                  </a:lnTo>
                  <a:lnTo>
                    <a:pt x="453" y="118"/>
                  </a:lnTo>
                  <a:lnTo>
                    <a:pt x="456" y="121"/>
                  </a:lnTo>
                  <a:lnTo>
                    <a:pt x="459" y="124"/>
                  </a:lnTo>
                  <a:lnTo>
                    <a:pt x="463" y="127"/>
                  </a:lnTo>
                  <a:lnTo>
                    <a:pt x="462" y="138"/>
                  </a:lnTo>
                  <a:lnTo>
                    <a:pt x="461" y="151"/>
                  </a:lnTo>
                  <a:lnTo>
                    <a:pt x="462" y="163"/>
                  </a:lnTo>
                  <a:lnTo>
                    <a:pt x="465" y="178"/>
                  </a:lnTo>
                  <a:lnTo>
                    <a:pt x="468" y="192"/>
                  </a:lnTo>
                  <a:lnTo>
                    <a:pt x="474" y="204"/>
                  </a:lnTo>
                  <a:lnTo>
                    <a:pt x="477" y="211"/>
                  </a:lnTo>
                  <a:lnTo>
                    <a:pt x="480" y="216"/>
                  </a:lnTo>
                  <a:lnTo>
                    <a:pt x="484" y="220"/>
                  </a:lnTo>
                  <a:lnTo>
                    <a:pt x="488" y="224"/>
                  </a:lnTo>
                  <a:lnTo>
                    <a:pt x="497" y="236"/>
                  </a:lnTo>
                  <a:lnTo>
                    <a:pt x="507" y="245"/>
                  </a:lnTo>
                  <a:lnTo>
                    <a:pt x="519" y="255"/>
                  </a:lnTo>
                  <a:lnTo>
                    <a:pt x="531" y="263"/>
                  </a:lnTo>
                  <a:lnTo>
                    <a:pt x="544" y="271"/>
                  </a:lnTo>
                  <a:lnTo>
                    <a:pt x="557" y="277"/>
                  </a:lnTo>
                  <a:lnTo>
                    <a:pt x="572" y="283"/>
                  </a:lnTo>
                  <a:lnTo>
                    <a:pt x="586" y="289"/>
                  </a:lnTo>
                  <a:lnTo>
                    <a:pt x="602" y="294"/>
                  </a:lnTo>
                  <a:lnTo>
                    <a:pt x="618" y="298"/>
                  </a:lnTo>
                  <a:lnTo>
                    <a:pt x="635" y="301"/>
                  </a:lnTo>
                  <a:lnTo>
                    <a:pt x="652" y="304"/>
                  </a:lnTo>
                  <a:lnTo>
                    <a:pt x="687" y="310"/>
                  </a:lnTo>
                  <a:lnTo>
                    <a:pt x="723" y="314"/>
                  </a:lnTo>
                  <a:lnTo>
                    <a:pt x="738" y="334"/>
                  </a:lnTo>
                  <a:lnTo>
                    <a:pt x="755" y="355"/>
                  </a:lnTo>
                  <a:lnTo>
                    <a:pt x="772" y="375"/>
                  </a:lnTo>
                  <a:lnTo>
                    <a:pt x="790" y="396"/>
                  </a:lnTo>
                  <a:lnTo>
                    <a:pt x="824" y="435"/>
                  </a:lnTo>
                  <a:lnTo>
                    <a:pt x="854" y="469"/>
                  </a:lnTo>
                  <a:lnTo>
                    <a:pt x="854" y="460"/>
                  </a:lnTo>
                  <a:lnTo>
                    <a:pt x="854" y="453"/>
                  </a:lnTo>
                  <a:lnTo>
                    <a:pt x="858" y="457"/>
                  </a:lnTo>
                  <a:lnTo>
                    <a:pt x="862" y="462"/>
                  </a:lnTo>
                  <a:lnTo>
                    <a:pt x="864" y="467"/>
                  </a:lnTo>
                  <a:lnTo>
                    <a:pt x="866" y="472"/>
                  </a:lnTo>
                  <a:lnTo>
                    <a:pt x="868" y="482"/>
                  </a:lnTo>
                  <a:lnTo>
                    <a:pt x="866" y="494"/>
                  </a:lnTo>
                  <a:lnTo>
                    <a:pt x="864" y="507"/>
                  </a:lnTo>
                  <a:lnTo>
                    <a:pt x="862" y="520"/>
                  </a:lnTo>
                  <a:lnTo>
                    <a:pt x="861" y="534"/>
                  </a:lnTo>
                  <a:lnTo>
                    <a:pt x="862" y="550"/>
                  </a:lnTo>
                  <a:lnTo>
                    <a:pt x="858" y="554"/>
                  </a:lnTo>
                  <a:lnTo>
                    <a:pt x="856" y="557"/>
                  </a:lnTo>
                  <a:lnTo>
                    <a:pt x="854" y="561"/>
                  </a:lnTo>
                  <a:lnTo>
                    <a:pt x="854" y="565"/>
                  </a:lnTo>
                  <a:lnTo>
                    <a:pt x="855" y="575"/>
                  </a:lnTo>
                  <a:lnTo>
                    <a:pt x="857" y="584"/>
                  </a:lnTo>
                  <a:lnTo>
                    <a:pt x="861" y="596"/>
                  </a:lnTo>
                  <a:lnTo>
                    <a:pt x="863" y="607"/>
                  </a:lnTo>
                  <a:lnTo>
                    <a:pt x="864" y="613"/>
                  </a:lnTo>
                  <a:lnTo>
                    <a:pt x="864" y="619"/>
                  </a:lnTo>
                  <a:lnTo>
                    <a:pt x="863" y="624"/>
                  </a:lnTo>
                  <a:lnTo>
                    <a:pt x="862" y="631"/>
                  </a:lnTo>
                  <a:lnTo>
                    <a:pt x="858" y="632"/>
                  </a:lnTo>
                  <a:lnTo>
                    <a:pt x="855" y="634"/>
                  </a:lnTo>
                  <a:lnTo>
                    <a:pt x="853" y="636"/>
                  </a:lnTo>
                  <a:lnTo>
                    <a:pt x="851" y="639"/>
                  </a:lnTo>
                  <a:lnTo>
                    <a:pt x="849" y="641"/>
                  </a:lnTo>
                  <a:lnTo>
                    <a:pt x="849" y="643"/>
                  </a:lnTo>
                  <a:lnTo>
                    <a:pt x="851" y="646"/>
                  </a:lnTo>
                  <a:lnTo>
                    <a:pt x="854" y="648"/>
                  </a:lnTo>
                  <a:lnTo>
                    <a:pt x="842" y="662"/>
                  </a:lnTo>
                  <a:lnTo>
                    <a:pt x="831" y="676"/>
                  </a:lnTo>
                  <a:lnTo>
                    <a:pt x="819" y="690"/>
                  </a:lnTo>
                  <a:lnTo>
                    <a:pt x="806" y="701"/>
                  </a:lnTo>
                  <a:lnTo>
                    <a:pt x="799" y="706"/>
                  </a:lnTo>
                  <a:lnTo>
                    <a:pt x="792" y="710"/>
                  </a:lnTo>
                  <a:lnTo>
                    <a:pt x="784" y="714"/>
                  </a:lnTo>
                  <a:lnTo>
                    <a:pt x="777" y="717"/>
                  </a:lnTo>
                  <a:lnTo>
                    <a:pt x="769" y="719"/>
                  </a:lnTo>
                  <a:lnTo>
                    <a:pt x="759" y="720"/>
                  </a:lnTo>
                  <a:lnTo>
                    <a:pt x="750" y="721"/>
                  </a:lnTo>
                  <a:lnTo>
                    <a:pt x="740" y="720"/>
                  </a:lnTo>
                  <a:lnTo>
                    <a:pt x="741" y="731"/>
                  </a:lnTo>
                  <a:lnTo>
                    <a:pt x="740" y="739"/>
                  </a:lnTo>
                  <a:lnTo>
                    <a:pt x="739" y="747"/>
                  </a:lnTo>
                  <a:lnTo>
                    <a:pt x="736" y="753"/>
                  </a:lnTo>
                  <a:lnTo>
                    <a:pt x="732" y="758"/>
                  </a:lnTo>
                  <a:lnTo>
                    <a:pt x="727" y="762"/>
                  </a:lnTo>
                  <a:lnTo>
                    <a:pt x="722" y="767"/>
                  </a:lnTo>
                  <a:lnTo>
                    <a:pt x="716" y="770"/>
                  </a:lnTo>
                  <a:lnTo>
                    <a:pt x="711" y="769"/>
                  </a:lnTo>
                  <a:lnTo>
                    <a:pt x="705" y="768"/>
                  </a:lnTo>
                  <a:lnTo>
                    <a:pt x="703" y="767"/>
                  </a:lnTo>
                  <a:lnTo>
                    <a:pt x="701" y="766"/>
                  </a:lnTo>
                  <a:lnTo>
                    <a:pt x="700" y="763"/>
                  </a:lnTo>
                  <a:lnTo>
                    <a:pt x="699" y="761"/>
                  </a:lnTo>
                  <a:lnTo>
                    <a:pt x="700" y="760"/>
                  </a:lnTo>
                  <a:lnTo>
                    <a:pt x="699" y="759"/>
                  </a:lnTo>
                  <a:lnTo>
                    <a:pt x="697" y="758"/>
                  </a:lnTo>
                  <a:lnTo>
                    <a:pt x="694" y="757"/>
                  </a:lnTo>
                  <a:lnTo>
                    <a:pt x="684" y="755"/>
                  </a:lnTo>
                  <a:lnTo>
                    <a:pt x="672" y="752"/>
                  </a:lnTo>
                  <a:lnTo>
                    <a:pt x="643" y="748"/>
                  </a:lnTo>
                  <a:lnTo>
                    <a:pt x="615" y="747"/>
                  </a:lnTo>
                  <a:lnTo>
                    <a:pt x="610" y="737"/>
                  </a:lnTo>
                  <a:lnTo>
                    <a:pt x="606" y="722"/>
                  </a:lnTo>
                  <a:lnTo>
                    <a:pt x="602" y="708"/>
                  </a:lnTo>
                  <a:lnTo>
                    <a:pt x="598" y="694"/>
                  </a:lnTo>
                  <a:lnTo>
                    <a:pt x="594" y="680"/>
                  </a:lnTo>
                  <a:lnTo>
                    <a:pt x="588" y="667"/>
                  </a:lnTo>
                  <a:lnTo>
                    <a:pt x="582" y="655"/>
                  </a:lnTo>
                  <a:lnTo>
                    <a:pt x="576" y="643"/>
                  </a:lnTo>
                  <a:lnTo>
                    <a:pt x="568" y="632"/>
                  </a:lnTo>
                  <a:lnTo>
                    <a:pt x="560" y="621"/>
                  </a:lnTo>
                  <a:lnTo>
                    <a:pt x="552" y="612"/>
                  </a:lnTo>
                  <a:lnTo>
                    <a:pt x="542" y="603"/>
                  </a:lnTo>
                  <a:lnTo>
                    <a:pt x="532" y="596"/>
                  </a:lnTo>
                  <a:lnTo>
                    <a:pt x="520" y="589"/>
                  </a:lnTo>
                  <a:lnTo>
                    <a:pt x="507" y="583"/>
                  </a:lnTo>
                  <a:lnTo>
                    <a:pt x="495" y="578"/>
                  </a:lnTo>
                  <a:lnTo>
                    <a:pt x="480" y="574"/>
                  </a:lnTo>
                  <a:lnTo>
                    <a:pt x="484" y="570"/>
                  </a:lnTo>
                  <a:lnTo>
                    <a:pt x="488" y="564"/>
                  </a:lnTo>
                  <a:lnTo>
                    <a:pt x="493" y="559"/>
                  </a:lnTo>
                  <a:lnTo>
                    <a:pt x="496" y="553"/>
                  </a:lnTo>
                  <a:lnTo>
                    <a:pt x="501" y="540"/>
                  </a:lnTo>
                  <a:lnTo>
                    <a:pt x="505" y="527"/>
                  </a:lnTo>
                  <a:lnTo>
                    <a:pt x="513" y="497"/>
                  </a:lnTo>
                  <a:lnTo>
                    <a:pt x="520" y="469"/>
                  </a:lnTo>
                  <a:lnTo>
                    <a:pt x="511" y="474"/>
                  </a:lnTo>
                  <a:lnTo>
                    <a:pt x="500" y="479"/>
                  </a:lnTo>
                  <a:lnTo>
                    <a:pt x="488" y="482"/>
                  </a:lnTo>
                  <a:lnTo>
                    <a:pt x="477" y="485"/>
                  </a:lnTo>
                  <a:lnTo>
                    <a:pt x="465" y="488"/>
                  </a:lnTo>
                  <a:lnTo>
                    <a:pt x="454" y="489"/>
                  </a:lnTo>
                  <a:lnTo>
                    <a:pt x="442" y="490"/>
                  </a:lnTo>
                  <a:lnTo>
                    <a:pt x="431" y="489"/>
                  </a:lnTo>
                  <a:lnTo>
                    <a:pt x="419" y="488"/>
                  </a:lnTo>
                  <a:lnTo>
                    <a:pt x="406" y="485"/>
                  </a:lnTo>
                  <a:lnTo>
                    <a:pt x="395" y="482"/>
                  </a:lnTo>
                  <a:lnTo>
                    <a:pt x="384" y="478"/>
                  </a:lnTo>
                  <a:lnTo>
                    <a:pt x="373" y="473"/>
                  </a:lnTo>
                  <a:lnTo>
                    <a:pt x="362" y="467"/>
                  </a:lnTo>
                  <a:lnTo>
                    <a:pt x="352" y="460"/>
                  </a:lnTo>
                  <a:lnTo>
                    <a:pt x="342" y="453"/>
                  </a:lnTo>
                  <a:lnTo>
                    <a:pt x="338" y="452"/>
                  </a:lnTo>
                  <a:lnTo>
                    <a:pt x="335" y="451"/>
                  </a:lnTo>
                  <a:lnTo>
                    <a:pt x="334" y="450"/>
                  </a:lnTo>
                  <a:lnTo>
                    <a:pt x="334" y="449"/>
                  </a:lnTo>
                  <a:lnTo>
                    <a:pt x="334" y="447"/>
                  </a:lnTo>
                  <a:lnTo>
                    <a:pt x="334" y="444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549" name="Lolland"/>
            <p:cNvGrpSpPr/>
            <p:nvPr/>
          </p:nvGrpSpPr>
          <p:grpSpPr>
            <a:xfrm>
              <a:off x="2776538" y="5889625"/>
              <a:ext cx="763587" cy="592138"/>
              <a:chOff x="2776538" y="5889625"/>
              <a:chExt cx="763587" cy="592138"/>
            </a:xfrm>
            <a:grpFill/>
          </p:grpSpPr>
          <p:sp>
            <p:nvSpPr>
              <p:cNvPr id="552" name="Lolland"/>
              <p:cNvSpPr>
                <a:spLocks/>
              </p:cNvSpPr>
              <p:nvPr/>
            </p:nvSpPr>
            <p:spPr bwMode="auto">
              <a:xfrm>
                <a:off x="3084513" y="5889625"/>
                <a:ext cx="34925" cy="30163"/>
              </a:xfrm>
              <a:custGeom>
                <a:avLst/>
                <a:gdLst>
                  <a:gd name="T0" fmla="*/ 22 w 65"/>
                  <a:gd name="T1" fmla="*/ 0 h 57"/>
                  <a:gd name="T2" fmla="*/ 20 w 65"/>
                  <a:gd name="T3" fmla="*/ 0 h 57"/>
                  <a:gd name="T4" fmla="*/ 17 w 65"/>
                  <a:gd name="T5" fmla="*/ 0 h 57"/>
                  <a:gd name="T6" fmla="*/ 15 w 65"/>
                  <a:gd name="T7" fmla="*/ 0 h 57"/>
                  <a:gd name="T8" fmla="*/ 12 w 65"/>
                  <a:gd name="T9" fmla="*/ 0 h 57"/>
                  <a:gd name="T10" fmla="*/ 10 w 65"/>
                  <a:gd name="T11" fmla="*/ 1 h 57"/>
                  <a:gd name="T12" fmla="*/ 8 w 65"/>
                  <a:gd name="T13" fmla="*/ 2 h 57"/>
                  <a:gd name="T14" fmla="*/ 7 w 65"/>
                  <a:gd name="T15" fmla="*/ 2 h 57"/>
                  <a:gd name="T16" fmla="*/ 5 w 65"/>
                  <a:gd name="T17" fmla="*/ 3 h 57"/>
                  <a:gd name="T18" fmla="*/ 4 w 65"/>
                  <a:gd name="T19" fmla="*/ 5 h 57"/>
                  <a:gd name="T20" fmla="*/ 3 w 65"/>
                  <a:gd name="T21" fmla="*/ 6 h 57"/>
                  <a:gd name="T22" fmla="*/ 2 w 65"/>
                  <a:gd name="T23" fmla="*/ 8 h 57"/>
                  <a:gd name="T24" fmla="*/ 1 w 65"/>
                  <a:gd name="T25" fmla="*/ 10 h 57"/>
                  <a:gd name="T26" fmla="*/ 1 w 65"/>
                  <a:gd name="T27" fmla="*/ 12 h 57"/>
                  <a:gd name="T28" fmla="*/ 0 w 65"/>
                  <a:gd name="T29" fmla="*/ 14 h 57"/>
                  <a:gd name="T30" fmla="*/ 0 w 65"/>
                  <a:gd name="T31" fmla="*/ 16 h 57"/>
                  <a:gd name="T32" fmla="*/ 0 w 65"/>
                  <a:gd name="T33" fmla="*/ 19 h 57"/>
                  <a:gd name="T34" fmla="*/ 4 w 65"/>
                  <a:gd name="T35" fmla="*/ 18 h 57"/>
                  <a:gd name="T36" fmla="*/ 8 w 65"/>
                  <a:gd name="T37" fmla="*/ 17 h 57"/>
                  <a:gd name="T38" fmla="*/ 12 w 65"/>
                  <a:gd name="T39" fmla="*/ 15 h 57"/>
                  <a:gd name="T40" fmla="*/ 15 w 65"/>
                  <a:gd name="T41" fmla="*/ 13 h 57"/>
                  <a:gd name="T42" fmla="*/ 16 w 65"/>
                  <a:gd name="T43" fmla="*/ 12 h 57"/>
                  <a:gd name="T44" fmla="*/ 18 w 65"/>
                  <a:gd name="T45" fmla="*/ 11 h 57"/>
                  <a:gd name="T46" fmla="*/ 19 w 65"/>
                  <a:gd name="T47" fmla="*/ 9 h 57"/>
                  <a:gd name="T48" fmla="*/ 20 w 65"/>
                  <a:gd name="T49" fmla="*/ 8 h 57"/>
                  <a:gd name="T50" fmla="*/ 21 w 65"/>
                  <a:gd name="T51" fmla="*/ 6 h 57"/>
                  <a:gd name="T52" fmla="*/ 21 w 65"/>
                  <a:gd name="T53" fmla="*/ 4 h 57"/>
                  <a:gd name="T54" fmla="*/ 22 w 65"/>
                  <a:gd name="T55" fmla="*/ 2 h 57"/>
                  <a:gd name="T56" fmla="*/ 22 w 65"/>
                  <a:gd name="T57" fmla="*/ 0 h 5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0" t="0" r="r" b="b"/>
                <a:pathLst>
                  <a:path w="65" h="57">
                    <a:moveTo>
                      <a:pt x="65" y="0"/>
                    </a:moveTo>
                    <a:lnTo>
                      <a:pt x="58" y="0"/>
                    </a:lnTo>
                    <a:lnTo>
                      <a:pt x="49" y="0"/>
                    </a:lnTo>
                    <a:lnTo>
                      <a:pt x="43" y="0"/>
                    </a:lnTo>
                    <a:lnTo>
                      <a:pt x="36" y="1"/>
                    </a:lnTo>
                    <a:lnTo>
                      <a:pt x="30" y="3"/>
                    </a:lnTo>
                    <a:lnTo>
                      <a:pt x="24" y="5"/>
                    </a:lnTo>
                    <a:lnTo>
                      <a:pt x="20" y="7"/>
                    </a:lnTo>
                    <a:lnTo>
                      <a:pt x="15" y="10"/>
                    </a:lnTo>
                    <a:lnTo>
                      <a:pt x="12" y="15"/>
                    </a:lnTo>
                    <a:lnTo>
                      <a:pt x="8" y="19"/>
                    </a:lnTo>
                    <a:lnTo>
                      <a:pt x="5" y="24"/>
                    </a:lnTo>
                    <a:lnTo>
                      <a:pt x="3" y="29"/>
                    </a:lnTo>
                    <a:lnTo>
                      <a:pt x="2" y="35"/>
                    </a:lnTo>
                    <a:lnTo>
                      <a:pt x="1" y="42"/>
                    </a:lnTo>
                    <a:lnTo>
                      <a:pt x="0" y="49"/>
                    </a:lnTo>
                    <a:lnTo>
                      <a:pt x="1" y="57"/>
                    </a:lnTo>
                    <a:lnTo>
                      <a:pt x="13" y="54"/>
                    </a:lnTo>
                    <a:lnTo>
                      <a:pt x="24" y="51"/>
                    </a:lnTo>
                    <a:lnTo>
                      <a:pt x="35" y="45"/>
                    </a:lnTo>
                    <a:lnTo>
                      <a:pt x="44" y="40"/>
                    </a:lnTo>
                    <a:lnTo>
                      <a:pt x="48" y="37"/>
                    </a:lnTo>
                    <a:lnTo>
                      <a:pt x="53" y="33"/>
                    </a:lnTo>
                    <a:lnTo>
                      <a:pt x="56" y="28"/>
                    </a:lnTo>
                    <a:lnTo>
                      <a:pt x="59" y="24"/>
                    </a:lnTo>
                    <a:lnTo>
                      <a:pt x="61" y="19"/>
                    </a:lnTo>
                    <a:lnTo>
                      <a:pt x="63" y="13"/>
                    </a:lnTo>
                    <a:lnTo>
                      <a:pt x="64" y="7"/>
                    </a:lnTo>
                    <a:lnTo>
                      <a:pt x="65" y="0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53" name="Lolland kant"/>
              <p:cNvSpPr>
                <a:spLocks/>
              </p:cNvSpPr>
              <p:nvPr/>
            </p:nvSpPr>
            <p:spPr bwMode="auto">
              <a:xfrm>
                <a:off x="3084513" y="5889625"/>
                <a:ext cx="34925" cy="30163"/>
              </a:xfrm>
              <a:custGeom>
                <a:avLst/>
                <a:gdLst>
                  <a:gd name="T0" fmla="*/ 22 w 65"/>
                  <a:gd name="T1" fmla="*/ 0 h 57"/>
                  <a:gd name="T2" fmla="*/ 20 w 65"/>
                  <a:gd name="T3" fmla="*/ 0 h 57"/>
                  <a:gd name="T4" fmla="*/ 17 w 65"/>
                  <a:gd name="T5" fmla="*/ 0 h 57"/>
                  <a:gd name="T6" fmla="*/ 15 w 65"/>
                  <a:gd name="T7" fmla="*/ 0 h 57"/>
                  <a:gd name="T8" fmla="*/ 12 w 65"/>
                  <a:gd name="T9" fmla="*/ 0 h 57"/>
                  <a:gd name="T10" fmla="*/ 10 w 65"/>
                  <a:gd name="T11" fmla="*/ 1 h 57"/>
                  <a:gd name="T12" fmla="*/ 8 w 65"/>
                  <a:gd name="T13" fmla="*/ 2 h 57"/>
                  <a:gd name="T14" fmla="*/ 7 w 65"/>
                  <a:gd name="T15" fmla="*/ 2 h 57"/>
                  <a:gd name="T16" fmla="*/ 5 w 65"/>
                  <a:gd name="T17" fmla="*/ 3 h 57"/>
                  <a:gd name="T18" fmla="*/ 4 w 65"/>
                  <a:gd name="T19" fmla="*/ 5 h 57"/>
                  <a:gd name="T20" fmla="*/ 3 w 65"/>
                  <a:gd name="T21" fmla="*/ 6 h 57"/>
                  <a:gd name="T22" fmla="*/ 2 w 65"/>
                  <a:gd name="T23" fmla="*/ 8 h 57"/>
                  <a:gd name="T24" fmla="*/ 1 w 65"/>
                  <a:gd name="T25" fmla="*/ 10 h 57"/>
                  <a:gd name="T26" fmla="*/ 1 w 65"/>
                  <a:gd name="T27" fmla="*/ 12 h 57"/>
                  <a:gd name="T28" fmla="*/ 0 w 65"/>
                  <a:gd name="T29" fmla="*/ 14 h 57"/>
                  <a:gd name="T30" fmla="*/ 0 w 65"/>
                  <a:gd name="T31" fmla="*/ 16 h 57"/>
                  <a:gd name="T32" fmla="*/ 0 w 65"/>
                  <a:gd name="T33" fmla="*/ 19 h 57"/>
                  <a:gd name="T34" fmla="*/ 4 w 65"/>
                  <a:gd name="T35" fmla="*/ 18 h 57"/>
                  <a:gd name="T36" fmla="*/ 8 w 65"/>
                  <a:gd name="T37" fmla="*/ 17 h 57"/>
                  <a:gd name="T38" fmla="*/ 12 w 65"/>
                  <a:gd name="T39" fmla="*/ 15 h 57"/>
                  <a:gd name="T40" fmla="*/ 15 w 65"/>
                  <a:gd name="T41" fmla="*/ 13 h 57"/>
                  <a:gd name="T42" fmla="*/ 16 w 65"/>
                  <a:gd name="T43" fmla="*/ 12 h 57"/>
                  <a:gd name="T44" fmla="*/ 18 w 65"/>
                  <a:gd name="T45" fmla="*/ 11 h 57"/>
                  <a:gd name="T46" fmla="*/ 19 w 65"/>
                  <a:gd name="T47" fmla="*/ 9 h 57"/>
                  <a:gd name="T48" fmla="*/ 20 w 65"/>
                  <a:gd name="T49" fmla="*/ 8 h 57"/>
                  <a:gd name="T50" fmla="*/ 21 w 65"/>
                  <a:gd name="T51" fmla="*/ 6 h 57"/>
                  <a:gd name="T52" fmla="*/ 21 w 65"/>
                  <a:gd name="T53" fmla="*/ 4 h 57"/>
                  <a:gd name="T54" fmla="*/ 22 w 65"/>
                  <a:gd name="T55" fmla="*/ 2 h 57"/>
                  <a:gd name="T56" fmla="*/ 22 w 65"/>
                  <a:gd name="T57" fmla="*/ 0 h 5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0" t="0" r="r" b="b"/>
                <a:pathLst>
                  <a:path w="65" h="57">
                    <a:moveTo>
                      <a:pt x="65" y="0"/>
                    </a:moveTo>
                    <a:lnTo>
                      <a:pt x="58" y="0"/>
                    </a:lnTo>
                    <a:lnTo>
                      <a:pt x="49" y="0"/>
                    </a:lnTo>
                    <a:lnTo>
                      <a:pt x="43" y="0"/>
                    </a:lnTo>
                    <a:lnTo>
                      <a:pt x="36" y="1"/>
                    </a:lnTo>
                    <a:lnTo>
                      <a:pt x="30" y="3"/>
                    </a:lnTo>
                    <a:lnTo>
                      <a:pt x="24" y="5"/>
                    </a:lnTo>
                    <a:lnTo>
                      <a:pt x="20" y="7"/>
                    </a:lnTo>
                    <a:lnTo>
                      <a:pt x="15" y="10"/>
                    </a:lnTo>
                    <a:lnTo>
                      <a:pt x="12" y="15"/>
                    </a:lnTo>
                    <a:lnTo>
                      <a:pt x="8" y="19"/>
                    </a:lnTo>
                    <a:lnTo>
                      <a:pt x="5" y="24"/>
                    </a:lnTo>
                    <a:lnTo>
                      <a:pt x="3" y="29"/>
                    </a:lnTo>
                    <a:lnTo>
                      <a:pt x="2" y="35"/>
                    </a:lnTo>
                    <a:lnTo>
                      <a:pt x="1" y="42"/>
                    </a:lnTo>
                    <a:lnTo>
                      <a:pt x="0" y="49"/>
                    </a:lnTo>
                    <a:lnTo>
                      <a:pt x="1" y="57"/>
                    </a:lnTo>
                    <a:lnTo>
                      <a:pt x="13" y="54"/>
                    </a:lnTo>
                    <a:lnTo>
                      <a:pt x="24" y="51"/>
                    </a:lnTo>
                    <a:lnTo>
                      <a:pt x="35" y="45"/>
                    </a:lnTo>
                    <a:lnTo>
                      <a:pt x="44" y="40"/>
                    </a:lnTo>
                    <a:lnTo>
                      <a:pt x="48" y="37"/>
                    </a:lnTo>
                    <a:lnTo>
                      <a:pt x="53" y="33"/>
                    </a:lnTo>
                    <a:lnTo>
                      <a:pt x="56" y="28"/>
                    </a:lnTo>
                    <a:lnTo>
                      <a:pt x="59" y="24"/>
                    </a:lnTo>
                    <a:lnTo>
                      <a:pt x="61" y="19"/>
                    </a:lnTo>
                    <a:lnTo>
                      <a:pt x="63" y="13"/>
                    </a:lnTo>
                    <a:lnTo>
                      <a:pt x="64" y="7"/>
                    </a:lnTo>
                    <a:lnTo>
                      <a:pt x="65" y="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54" name="Lolland kant"/>
              <p:cNvSpPr>
                <a:spLocks/>
              </p:cNvSpPr>
              <p:nvPr/>
            </p:nvSpPr>
            <p:spPr bwMode="auto">
              <a:xfrm>
                <a:off x="3055938" y="5984875"/>
                <a:ext cx="22225" cy="20638"/>
              </a:xfrm>
              <a:custGeom>
                <a:avLst/>
                <a:gdLst>
                  <a:gd name="T0" fmla="*/ 0 w 42"/>
                  <a:gd name="T1" fmla="*/ 11 h 37"/>
                  <a:gd name="T2" fmla="*/ 1 w 42"/>
                  <a:gd name="T3" fmla="*/ 11 h 37"/>
                  <a:gd name="T4" fmla="*/ 2 w 42"/>
                  <a:gd name="T5" fmla="*/ 12 h 37"/>
                  <a:gd name="T6" fmla="*/ 3 w 42"/>
                  <a:gd name="T7" fmla="*/ 13 h 37"/>
                  <a:gd name="T8" fmla="*/ 5 w 42"/>
                  <a:gd name="T9" fmla="*/ 13 h 37"/>
                  <a:gd name="T10" fmla="*/ 6 w 42"/>
                  <a:gd name="T11" fmla="*/ 13 h 37"/>
                  <a:gd name="T12" fmla="*/ 7 w 42"/>
                  <a:gd name="T13" fmla="*/ 13 h 37"/>
                  <a:gd name="T14" fmla="*/ 8 w 42"/>
                  <a:gd name="T15" fmla="*/ 13 h 37"/>
                  <a:gd name="T16" fmla="*/ 10 w 42"/>
                  <a:gd name="T17" fmla="*/ 13 h 37"/>
                  <a:gd name="T18" fmla="*/ 11 w 42"/>
                  <a:gd name="T19" fmla="*/ 12 h 37"/>
                  <a:gd name="T20" fmla="*/ 12 w 42"/>
                  <a:gd name="T21" fmla="*/ 11 h 37"/>
                  <a:gd name="T22" fmla="*/ 13 w 42"/>
                  <a:gd name="T23" fmla="*/ 10 h 37"/>
                  <a:gd name="T24" fmla="*/ 13 w 42"/>
                  <a:gd name="T25" fmla="*/ 9 h 37"/>
                  <a:gd name="T26" fmla="*/ 14 w 42"/>
                  <a:gd name="T27" fmla="*/ 7 h 37"/>
                  <a:gd name="T28" fmla="*/ 14 w 42"/>
                  <a:gd name="T29" fmla="*/ 6 h 37"/>
                  <a:gd name="T30" fmla="*/ 14 w 42"/>
                  <a:gd name="T31" fmla="*/ 4 h 37"/>
                  <a:gd name="T32" fmla="*/ 13 w 42"/>
                  <a:gd name="T33" fmla="*/ 2 h 37"/>
                  <a:gd name="T34" fmla="*/ 11 w 42"/>
                  <a:gd name="T35" fmla="*/ 1 h 37"/>
                  <a:gd name="T36" fmla="*/ 8 w 42"/>
                  <a:gd name="T37" fmla="*/ 0 h 37"/>
                  <a:gd name="T38" fmla="*/ 6 w 42"/>
                  <a:gd name="T39" fmla="*/ 0 h 37"/>
                  <a:gd name="T40" fmla="*/ 4 w 42"/>
                  <a:gd name="T41" fmla="*/ 1 h 37"/>
                  <a:gd name="T42" fmla="*/ 3 w 42"/>
                  <a:gd name="T43" fmla="*/ 2 h 37"/>
                  <a:gd name="T44" fmla="*/ 1 w 42"/>
                  <a:gd name="T45" fmla="*/ 4 h 37"/>
                  <a:gd name="T46" fmla="*/ 0 w 42"/>
                  <a:gd name="T47" fmla="*/ 7 h 37"/>
                  <a:gd name="T48" fmla="*/ 0 w 42"/>
                  <a:gd name="T49" fmla="*/ 11 h 3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0" t="0" r="r" b="b"/>
                <a:pathLst>
                  <a:path w="42" h="37">
                    <a:moveTo>
                      <a:pt x="0" y="30"/>
                    </a:moveTo>
                    <a:lnTo>
                      <a:pt x="3" y="32"/>
                    </a:lnTo>
                    <a:lnTo>
                      <a:pt x="6" y="34"/>
                    </a:lnTo>
                    <a:lnTo>
                      <a:pt x="10" y="36"/>
                    </a:lnTo>
                    <a:lnTo>
                      <a:pt x="14" y="37"/>
                    </a:lnTo>
                    <a:lnTo>
                      <a:pt x="18" y="37"/>
                    </a:lnTo>
                    <a:lnTo>
                      <a:pt x="22" y="37"/>
                    </a:lnTo>
                    <a:lnTo>
                      <a:pt x="25" y="37"/>
                    </a:lnTo>
                    <a:lnTo>
                      <a:pt x="30" y="36"/>
                    </a:lnTo>
                    <a:lnTo>
                      <a:pt x="33" y="34"/>
                    </a:lnTo>
                    <a:lnTo>
                      <a:pt x="36" y="32"/>
                    </a:lnTo>
                    <a:lnTo>
                      <a:pt x="38" y="29"/>
                    </a:lnTo>
                    <a:lnTo>
                      <a:pt x="40" y="25"/>
                    </a:lnTo>
                    <a:lnTo>
                      <a:pt x="41" y="21"/>
                    </a:lnTo>
                    <a:lnTo>
                      <a:pt x="42" y="16"/>
                    </a:lnTo>
                    <a:lnTo>
                      <a:pt x="41" y="11"/>
                    </a:lnTo>
                    <a:lnTo>
                      <a:pt x="40" y="5"/>
                    </a:lnTo>
                    <a:lnTo>
                      <a:pt x="32" y="2"/>
                    </a:lnTo>
                    <a:lnTo>
                      <a:pt x="24" y="0"/>
                    </a:lnTo>
                    <a:lnTo>
                      <a:pt x="18" y="1"/>
                    </a:lnTo>
                    <a:lnTo>
                      <a:pt x="13" y="2"/>
                    </a:lnTo>
                    <a:lnTo>
                      <a:pt x="8" y="6"/>
                    </a:lnTo>
                    <a:lnTo>
                      <a:pt x="4" y="12"/>
                    </a:lnTo>
                    <a:lnTo>
                      <a:pt x="1" y="20"/>
                    </a:lnTo>
                    <a:lnTo>
                      <a:pt x="0" y="30"/>
                    </a:lnTo>
                    <a:close/>
                  </a:path>
                </a:pathLst>
              </a:cu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55" name="Lolland"/>
              <p:cNvSpPr>
                <a:spLocks/>
              </p:cNvSpPr>
              <p:nvPr/>
            </p:nvSpPr>
            <p:spPr bwMode="auto">
              <a:xfrm>
                <a:off x="3214688" y="5949950"/>
                <a:ext cx="63500" cy="68263"/>
              </a:xfrm>
              <a:custGeom>
                <a:avLst/>
                <a:gdLst>
                  <a:gd name="T0" fmla="*/ 30 w 122"/>
                  <a:gd name="T1" fmla="*/ 43 h 130"/>
                  <a:gd name="T2" fmla="*/ 27 w 122"/>
                  <a:gd name="T3" fmla="*/ 43 h 130"/>
                  <a:gd name="T4" fmla="*/ 24 w 122"/>
                  <a:gd name="T5" fmla="*/ 43 h 130"/>
                  <a:gd name="T6" fmla="*/ 22 w 122"/>
                  <a:gd name="T7" fmla="*/ 42 h 130"/>
                  <a:gd name="T8" fmla="*/ 20 w 122"/>
                  <a:gd name="T9" fmla="*/ 41 h 130"/>
                  <a:gd name="T10" fmla="*/ 18 w 122"/>
                  <a:gd name="T11" fmla="*/ 39 h 130"/>
                  <a:gd name="T12" fmla="*/ 17 w 122"/>
                  <a:gd name="T13" fmla="*/ 37 h 130"/>
                  <a:gd name="T14" fmla="*/ 14 w 122"/>
                  <a:gd name="T15" fmla="*/ 34 h 130"/>
                  <a:gd name="T16" fmla="*/ 12 w 122"/>
                  <a:gd name="T17" fmla="*/ 29 h 130"/>
                  <a:gd name="T18" fmla="*/ 10 w 122"/>
                  <a:gd name="T19" fmla="*/ 25 h 130"/>
                  <a:gd name="T20" fmla="*/ 7 w 122"/>
                  <a:gd name="T21" fmla="*/ 22 h 130"/>
                  <a:gd name="T22" fmla="*/ 6 w 122"/>
                  <a:gd name="T23" fmla="*/ 20 h 130"/>
                  <a:gd name="T24" fmla="*/ 4 w 122"/>
                  <a:gd name="T25" fmla="*/ 18 h 130"/>
                  <a:gd name="T26" fmla="*/ 2 w 122"/>
                  <a:gd name="T27" fmla="*/ 17 h 130"/>
                  <a:gd name="T28" fmla="*/ 0 w 122"/>
                  <a:gd name="T29" fmla="*/ 16 h 130"/>
                  <a:gd name="T30" fmla="*/ 0 w 122"/>
                  <a:gd name="T31" fmla="*/ 13 h 130"/>
                  <a:gd name="T32" fmla="*/ 1 w 122"/>
                  <a:gd name="T33" fmla="*/ 11 h 130"/>
                  <a:gd name="T34" fmla="*/ 2 w 122"/>
                  <a:gd name="T35" fmla="*/ 9 h 130"/>
                  <a:gd name="T36" fmla="*/ 3 w 122"/>
                  <a:gd name="T37" fmla="*/ 7 h 130"/>
                  <a:gd name="T38" fmla="*/ 6 w 122"/>
                  <a:gd name="T39" fmla="*/ 4 h 130"/>
                  <a:gd name="T40" fmla="*/ 8 w 122"/>
                  <a:gd name="T41" fmla="*/ 0 h 130"/>
                  <a:gd name="T42" fmla="*/ 18 w 122"/>
                  <a:gd name="T43" fmla="*/ 2 h 130"/>
                  <a:gd name="T44" fmla="*/ 29 w 122"/>
                  <a:gd name="T45" fmla="*/ 4 h 130"/>
                  <a:gd name="T46" fmla="*/ 30 w 122"/>
                  <a:gd name="T47" fmla="*/ 5 h 130"/>
                  <a:gd name="T48" fmla="*/ 32 w 122"/>
                  <a:gd name="T49" fmla="*/ 6 h 130"/>
                  <a:gd name="T50" fmla="*/ 34 w 122"/>
                  <a:gd name="T51" fmla="*/ 7 h 130"/>
                  <a:gd name="T52" fmla="*/ 36 w 122"/>
                  <a:gd name="T53" fmla="*/ 8 h 130"/>
                  <a:gd name="T54" fmla="*/ 37 w 122"/>
                  <a:gd name="T55" fmla="*/ 10 h 130"/>
                  <a:gd name="T56" fmla="*/ 39 w 122"/>
                  <a:gd name="T57" fmla="*/ 11 h 130"/>
                  <a:gd name="T58" fmla="*/ 39 w 122"/>
                  <a:gd name="T59" fmla="*/ 14 h 130"/>
                  <a:gd name="T60" fmla="*/ 40 w 122"/>
                  <a:gd name="T61" fmla="*/ 16 h 130"/>
                  <a:gd name="T62" fmla="*/ 40 w 122"/>
                  <a:gd name="T63" fmla="*/ 18 h 130"/>
                  <a:gd name="T64" fmla="*/ 40 w 122"/>
                  <a:gd name="T65" fmla="*/ 21 h 130"/>
                  <a:gd name="T66" fmla="*/ 39 w 122"/>
                  <a:gd name="T67" fmla="*/ 22 h 130"/>
                  <a:gd name="T68" fmla="*/ 39 w 122"/>
                  <a:gd name="T69" fmla="*/ 24 h 130"/>
                  <a:gd name="T70" fmla="*/ 37 w 122"/>
                  <a:gd name="T71" fmla="*/ 28 h 130"/>
                  <a:gd name="T72" fmla="*/ 36 w 122"/>
                  <a:gd name="T73" fmla="*/ 30 h 130"/>
                  <a:gd name="T74" fmla="*/ 34 w 122"/>
                  <a:gd name="T75" fmla="*/ 33 h 130"/>
                  <a:gd name="T76" fmla="*/ 32 w 122"/>
                  <a:gd name="T77" fmla="*/ 36 h 130"/>
                  <a:gd name="T78" fmla="*/ 30 w 122"/>
                  <a:gd name="T79" fmla="*/ 39 h 130"/>
                  <a:gd name="T80" fmla="*/ 30 w 122"/>
                  <a:gd name="T81" fmla="*/ 43 h 130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</a:gdLst>
                <a:ahLst/>
                <a:cxnLst>
                  <a:cxn ang="T82">
                    <a:pos x="T0" y="T1"/>
                  </a:cxn>
                  <a:cxn ang="T83">
                    <a:pos x="T2" y="T3"/>
                  </a:cxn>
                  <a:cxn ang="T84">
                    <a:pos x="T4" y="T5"/>
                  </a:cxn>
                  <a:cxn ang="T85">
                    <a:pos x="T6" y="T7"/>
                  </a:cxn>
                  <a:cxn ang="T86">
                    <a:pos x="T8" y="T9"/>
                  </a:cxn>
                  <a:cxn ang="T87">
                    <a:pos x="T10" y="T11"/>
                  </a:cxn>
                  <a:cxn ang="T88">
                    <a:pos x="T12" y="T13"/>
                  </a:cxn>
                  <a:cxn ang="T89">
                    <a:pos x="T14" y="T15"/>
                  </a:cxn>
                  <a:cxn ang="T90">
                    <a:pos x="T16" y="T17"/>
                  </a:cxn>
                  <a:cxn ang="T91">
                    <a:pos x="T18" y="T19"/>
                  </a:cxn>
                  <a:cxn ang="T92">
                    <a:pos x="T20" y="T21"/>
                  </a:cxn>
                  <a:cxn ang="T93">
                    <a:pos x="T22" y="T23"/>
                  </a:cxn>
                  <a:cxn ang="T94">
                    <a:pos x="T24" y="T25"/>
                  </a:cxn>
                  <a:cxn ang="T95">
                    <a:pos x="T26" y="T27"/>
                  </a:cxn>
                  <a:cxn ang="T96">
                    <a:pos x="T28" y="T29"/>
                  </a:cxn>
                  <a:cxn ang="T97">
                    <a:pos x="T30" y="T31"/>
                  </a:cxn>
                  <a:cxn ang="T98">
                    <a:pos x="T32" y="T33"/>
                  </a:cxn>
                  <a:cxn ang="T99">
                    <a:pos x="T34" y="T35"/>
                  </a:cxn>
                  <a:cxn ang="T100">
                    <a:pos x="T36" y="T37"/>
                  </a:cxn>
                  <a:cxn ang="T101">
                    <a:pos x="T38" y="T39"/>
                  </a:cxn>
                  <a:cxn ang="T102">
                    <a:pos x="T40" y="T41"/>
                  </a:cxn>
                  <a:cxn ang="T103">
                    <a:pos x="T42" y="T43"/>
                  </a:cxn>
                  <a:cxn ang="T104">
                    <a:pos x="T44" y="T45"/>
                  </a:cxn>
                  <a:cxn ang="T105">
                    <a:pos x="T46" y="T47"/>
                  </a:cxn>
                  <a:cxn ang="T106">
                    <a:pos x="T48" y="T49"/>
                  </a:cxn>
                  <a:cxn ang="T107">
                    <a:pos x="T50" y="T51"/>
                  </a:cxn>
                  <a:cxn ang="T108">
                    <a:pos x="T52" y="T53"/>
                  </a:cxn>
                  <a:cxn ang="T109">
                    <a:pos x="T54" y="T55"/>
                  </a:cxn>
                  <a:cxn ang="T110">
                    <a:pos x="T56" y="T57"/>
                  </a:cxn>
                  <a:cxn ang="T111">
                    <a:pos x="T58" y="T59"/>
                  </a:cxn>
                  <a:cxn ang="T112">
                    <a:pos x="T60" y="T61"/>
                  </a:cxn>
                  <a:cxn ang="T113">
                    <a:pos x="T62" y="T63"/>
                  </a:cxn>
                  <a:cxn ang="T114">
                    <a:pos x="T64" y="T65"/>
                  </a:cxn>
                  <a:cxn ang="T115">
                    <a:pos x="T66" y="T67"/>
                  </a:cxn>
                  <a:cxn ang="T116">
                    <a:pos x="T68" y="T69"/>
                  </a:cxn>
                  <a:cxn ang="T117">
                    <a:pos x="T70" y="T71"/>
                  </a:cxn>
                  <a:cxn ang="T118">
                    <a:pos x="T72" y="T73"/>
                  </a:cxn>
                  <a:cxn ang="T119">
                    <a:pos x="T74" y="T75"/>
                  </a:cxn>
                  <a:cxn ang="T120">
                    <a:pos x="T76" y="T77"/>
                  </a:cxn>
                  <a:cxn ang="T121">
                    <a:pos x="T78" y="T79"/>
                  </a:cxn>
                  <a:cxn ang="T122">
                    <a:pos x="T80" y="T81"/>
                  </a:cxn>
                </a:cxnLst>
                <a:rect l="0" t="0" r="r" b="b"/>
                <a:pathLst>
                  <a:path w="122" h="130">
                    <a:moveTo>
                      <a:pt x="90" y="130"/>
                    </a:moveTo>
                    <a:lnTo>
                      <a:pt x="81" y="130"/>
                    </a:lnTo>
                    <a:lnTo>
                      <a:pt x="74" y="130"/>
                    </a:lnTo>
                    <a:lnTo>
                      <a:pt x="67" y="127"/>
                    </a:lnTo>
                    <a:lnTo>
                      <a:pt x="61" y="123"/>
                    </a:lnTo>
                    <a:lnTo>
                      <a:pt x="56" y="119"/>
                    </a:lnTo>
                    <a:lnTo>
                      <a:pt x="52" y="113"/>
                    </a:lnTo>
                    <a:lnTo>
                      <a:pt x="44" y="102"/>
                    </a:lnTo>
                    <a:lnTo>
                      <a:pt x="37" y="89"/>
                    </a:lnTo>
                    <a:lnTo>
                      <a:pt x="30" y="77"/>
                    </a:lnTo>
                    <a:lnTo>
                      <a:pt x="22" y="65"/>
                    </a:lnTo>
                    <a:lnTo>
                      <a:pt x="18" y="61"/>
                    </a:lnTo>
                    <a:lnTo>
                      <a:pt x="13" y="55"/>
                    </a:lnTo>
                    <a:lnTo>
                      <a:pt x="7" y="52"/>
                    </a:lnTo>
                    <a:lnTo>
                      <a:pt x="0" y="49"/>
                    </a:lnTo>
                    <a:lnTo>
                      <a:pt x="1" y="40"/>
                    </a:lnTo>
                    <a:lnTo>
                      <a:pt x="3" y="33"/>
                    </a:lnTo>
                    <a:lnTo>
                      <a:pt x="6" y="27"/>
                    </a:lnTo>
                    <a:lnTo>
                      <a:pt x="10" y="22"/>
                    </a:lnTo>
                    <a:lnTo>
                      <a:pt x="18" y="11"/>
                    </a:lnTo>
                    <a:lnTo>
                      <a:pt x="24" y="0"/>
                    </a:lnTo>
                    <a:lnTo>
                      <a:pt x="56" y="5"/>
                    </a:lnTo>
                    <a:lnTo>
                      <a:pt x="87" y="11"/>
                    </a:lnTo>
                    <a:lnTo>
                      <a:pt x="93" y="14"/>
                    </a:lnTo>
                    <a:lnTo>
                      <a:pt x="99" y="17"/>
                    </a:lnTo>
                    <a:lnTo>
                      <a:pt x="104" y="21"/>
                    </a:lnTo>
                    <a:lnTo>
                      <a:pt x="110" y="25"/>
                    </a:lnTo>
                    <a:lnTo>
                      <a:pt x="114" y="29"/>
                    </a:lnTo>
                    <a:lnTo>
                      <a:pt x="118" y="34"/>
                    </a:lnTo>
                    <a:lnTo>
                      <a:pt x="120" y="42"/>
                    </a:lnTo>
                    <a:lnTo>
                      <a:pt x="122" y="49"/>
                    </a:lnTo>
                    <a:lnTo>
                      <a:pt x="122" y="55"/>
                    </a:lnTo>
                    <a:lnTo>
                      <a:pt x="121" y="63"/>
                    </a:lnTo>
                    <a:lnTo>
                      <a:pt x="120" y="68"/>
                    </a:lnTo>
                    <a:lnTo>
                      <a:pt x="119" y="73"/>
                    </a:lnTo>
                    <a:lnTo>
                      <a:pt x="114" y="84"/>
                    </a:lnTo>
                    <a:lnTo>
                      <a:pt x="109" y="92"/>
                    </a:lnTo>
                    <a:lnTo>
                      <a:pt x="103" y="101"/>
                    </a:lnTo>
                    <a:lnTo>
                      <a:pt x="97" y="109"/>
                    </a:lnTo>
                    <a:lnTo>
                      <a:pt x="93" y="119"/>
                    </a:lnTo>
                    <a:lnTo>
                      <a:pt x="90" y="130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56" name="Lolland kant"/>
              <p:cNvSpPr>
                <a:spLocks/>
              </p:cNvSpPr>
              <p:nvPr/>
            </p:nvSpPr>
            <p:spPr bwMode="auto">
              <a:xfrm>
                <a:off x="3214688" y="5949950"/>
                <a:ext cx="63500" cy="68263"/>
              </a:xfrm>
              <a:custGeom>
                <a:avLst/>
                <a:gdLst>
                  <a:gd name="T0" fmla="*/ 30 w 122"/>
                  <a:gd name="T1" fmla="*/ 43 h 130"/>
                  <a:gd name="T2" fmla="*/ 27 w 122"/>
                  <a:gd name="T3" fmla="*/ 43 h 130"/>
                  <a:gd name="T4" fmla="*/ 24 w 122"/>
                  <a:gd name="T5" fmla="*/ 43 h 130"/>
                  <a:gd name="T6" fmla="*/ 22 w 122"/>
                  <a:gd name="T7" fmla="*/ 42 h 130"/>
                  <a:gd name="T8" fmla="*/ 20 w 122"/>
                  <a:gd name="T9" fmla="*/ 41 h 130"/>
                  <a:gd name="T10" fmla="*/ 18 w 122"/>
                  <a:gd name="T11" fmla="*/ 39 h 130"/>
                  <a:gd name="T12" fmla="*/ 17 w 122"/>
                  <a:gd name="T13" fmla="*/ 37 h 130"/>
                  <a:gd name="T14" fmla="*/ 14 w 122"/>
                  <a:gd name="T15" fmla="*/ 34 h 130"/>
                  <a:gd name="T16" fmla="*/ 12 w 122"/>
                  <a:gd name="T17" fmla="*/ 29 h 130"/>
                  <a:gd name="T18" fmla="*/ 10 w 122"/>
                  <a:gd name="T19" fmla="*/ 25 h 130"/>
                  <a:gd name="T20" fmla="*/ 7 w 122"/>
                  <a:gd name="T21" fmla="*/ 22 h 130"/>
                  <a:gd name="T22" fmla="*/ 6 w 122"/>
                  <a:gd name="T23" fmla="*/ 20 h 130"/>
                  <a:gd name="T24" fmla="*/ 4 w 122"/>
                  <a:gd name="T25" fmla="*/ 18 h 130"/>
                  <a:gd name="T26" fmla="*/ 2 w 122"/>
                  <a:gd name="T27" fmla="*/ 17 h 130"/>
                  <a:gd name="T28" fmla="*/ 0 w 122"/>
                  <a:gd name="T29" fmla="*/ 16 h 130"/>
                  <a:gd name="T30" fmla="*/ 0 w 122"/>
                  <a:gd name="T31" fmla="*/ 13 h 130"/>
                  <a:gd name="T32" fmla="*/ 1 w 122"/>
                  <a:gd name="T33" fmla="*/ 11 h 130"/>
                  <a:gd name="T34" fmla="*/ 2 w 122"/>
                  <a:gd name="T35" fmla="*/ 9 h 130"/>
                  <a:gd name="T36" fmla="*/ 3 w 122"/>
                  <a:gd name="T37" fmla="*/ 7 h 130"/>
                  <a:gd name="T38" fmla="*/ 6 w 122"/>
                  <a:gd name="T39" fmla="*/ 4 h 130"/>
                  <a:gd name="T40" fmla="*/ 8 w 122"/>
                  <a:gd name="T41" fmla="*/ 0 h 130"/>
                  <a:gd name="T42" fmla="*/ 18 w 122"/>
                  <a:gd name="T43" fmla="*/ 2 h 130"/>
                  <a:gd name="T44" fmla="*/ 29 w 122"/>
                  <a:gd name="T45" fmla="*/ 4 h 130"/>
                  <a:gd name="T46" fmla="*/ 30 w 122"/>
                  <a:gd name="T47" fmla="*/ 5 h 130"/>
                  <a:gd name="T48" fmla="*/ 32 w 122"/>
                  <a:gd name="T49" fmla="*/ 6 h 130"/>
                  <a:gd name="T50" fmla="*/ 34 w 122"/>
                  <a:gd name="T51" fmla="*/ 7 h 130"/>
                  <a:gd name="T52" fmla="*/ 36 w 122"/>
                  <a:gd name="T53" fmla="*/ 8 h 130"/>
                  <a:gd name="T54" fmla="*/ 37 w 122"/>
                  <a:gd name="T55" fmla="*/ 10 h 130"/>
                  <a:gd name="T56" fmla="*/ 39 w 122"/>
                  <a:gd name="T57" fmla="*/ 11 h 130"/>
                  <a:gd name="T58" fmla="*/ 39 w 122"/>
                  <a:gd name="T59" fmla="*/ 14 h 130"/>
                  <a:gd name="T60" fmla="*/ 40 w 122"/>
                  <a:gd name="T61" fmla="*/ 16 h 130"/>
                  <a:gd name="T62" fmla="*/ 40 w 122"/>
                  <a:gd name="T63" fmla="*/ 18 h 130"/>
                  <a:gd name="T64" fmla="*/ 40 w 122"/>
                  <a:gd name="T65" fmla="*/ 21 h 130"/>
                  <a:gd name="T66" fmla="*/ 39 w 122"/>
                  <a:gd name="T67" fmla="*/ 22 h 130"/>
                  <a:gd name="T68" fmla="*/ 39 w 122"/>
                  <a:gd name="T69" fmla="*/ 24 h 130"/>
                  <a:gd name="T70" fmla="*/ 37 w 122"/>
                  <a:gd name="T71" fmla="*/ 28 h 130"/>
                  <a:gd name="T72" fmla="*/ 36 w 122"/>
                  <a:gd name="T73" fmla="*/ 30 h 130"/>
                  <a:gd name="T74" fmla="*/ 34 w 122"/>
                  <a:gd name="T75" fmla="*/ 33 h 130"/>
                  <a:gd name="T76" fmla="*/ 32 w 122"/>
                  <a:gd name="T77" fmla="*/ 36 h 130"/>
                  <a:gd name="T78" fmla="*/ 30 w 122"/>
                  <a:gd name="T79" fmla="*/ 39 h 130"/>
                  <a:gd name="T80" fmla="*/ 30 w 122"/>
                  <a:gd name="T81" fmla="*/ 43 h 130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</a:gdLst>
                <a:ahLst/>
                <a:cxnLst>
                  <a:cxn ang="T82">
                    <a:pos x="T0" y="T1"/>
                  </a:cxn>
                  <a:cxn ang="T83">
                    <a:pos x="T2" y="T3"/>
                  </a:cxn>
                  <a:cxn ang="T84">
                    <a:pos x="T4" y="T5"/>
                  </a:cxn>
                  <a:cxn ang="T85">
                    <a:pos x="T6" y="T7"/>
                  </a:cxn>
                  <a:cxn ang="T86">
                    <a:pos x="T8" y="T9"/>
                  </a:cxn>
                  <a:cxn ang="T87">
                    <a:pos x="T10" y="T11"/>
                  </a:cxn>
                  <a:cxn ang="T88">
                    <a:pos x="T12" y="T13"/>
                  </a:cxn>
                  <a:cxn ang="T89">
                    <a:pos x="T14" y="T15"/>
                  </a:cxn>
                  <a:cxn ang="T90">
                    <a:pos x="T16" y="T17"/>
                  </a:cxn>
                  <a:cxn ang="T91">
                    <a:pos x="T18" y="T19"/>
                  </a:cxn>
                  <a:cxn ang="T92">
                    <a:pos x="T20" y="T21"/>
                  </a:cxn>
                  <a:cxn ang="T93">
                    <a:pos x="T22" y="T23"/>
                  </a:cxn>
                  <a:cxn ang="T94">
                    <a:pos x="T24" y="T25"/>
                  </a:cxn>
                  <a:cxn ang="T95">
                    <a:pos x="T26" y="T27"/>
                  </a:cxn>
                  <a:cxn ang="T96">
                    <a:pos x="T28" y="T29"/>
                  </a:cxn>
                  <a:cxn ang="T97">
                    <a:pos x="T30" y="T31"/>
                  </a:cxn>
                  <a:cxn ang="T98">
                    <a:pos x="T32" y="T33"/>
                  </a:cxn>
                  <a:cxn ang="T99">
                    <a:pos x="T34" y="T35"/>
                  </a:cxn>
                  <a:cxn ang="T100">
                    <a:pos x="T36" y="T37"/>
                  </a:cxn>
                  <a:cxn ang="T101">
                    <a:pos x="T38" y="T39"/>
                  </a:cxn>
                  <a:cxn ang="T102">
                    <a:pos x="T40" y="T41"/>
                  </a:cxn>
                  <a:cxn ang="T103">
                    <a:pos x="T42" y="T43"/>
                  </a:cxn>
                  <a:cxn ang="T104">
                    <a:pos x="T44" y="T45"/>
                  </a:cxn>
                  <a:cxn ang="T105">
                    <a:pos x="T46" y="T47"/>
                  </a:cxn>
                  <a:cxn ang="T106">
                    <a:pos x="T48" y="T49"/>
                  </a:cxn>
                  <a:cxn ang="T107">
                    <a:pos x="T50" y="T51"/>
                  </a:cxn>
                  <a:cxn ang="T108">
                    <a:pos x="T52" y="T53"/>
                  </a:cxn>
                  <a:cxn ang="T109">
                    <a:pos x="T54" y="T55"/>
                  </a:cxn>
                  <a:cxn ang="T110">
                    <a:pos x="T56" y="T57"/>
                  </a:cxn>
                  <a:cxn ang="T111">
                    <a:pos x="T58" y="T59"/>
                  </a:cxn>
                  <a:cxn ang="T112">
                    <a:pos x="T60" y="T61"/>
                  </a:cxn>
                  <a:cxn ang="T113">
                    <a:pos x="T62" y="T63"/>
                  </a:cxn>
                  <a:cxn ang="T114">
                    <a:pos x="T64" y="T65"/>
                  </a:cxn>
                  <a:cxn ang="T115">
                    <a:pos x="T66" y="T67"/>
                  </a:cxn>
                  <a:cxn ang="T116">
                    <a:pos x="T68" y="T69"/>
                  </a:cxn>
                  <a:cxn ang="T117">
                    <a:pos x="T70" y="T71"/>
                  </a:cxn>
                  <a:cxn ang="T118">
                    <a:pos x="T72" y="T73"/>
                  </a:cxn>
                  <a:cxn ang="T119">
                    <a:pos x="T74" y="T75"/>
                  </a:cxn>
                  <a:cxn ang="T120">
                    <a:pos x="T76" y="T77"/>
                  </a:cxn>
                  <a:cxn ang="T121">
                    <a:pos x="T78" y="T79"/>
                  </a:cxn>
                  <a:cxn ang="T122">
                    <a:pos x="T80" y="T81"/>
                  </a:cxn>
                </a:cxnLst>
                <a:rect l="0" t="0" r="r" b="b"/>
                <a:pathLst>
                  <a:path w="122" h="130">
                    <a:moveTo>
                      <a:pt x="90" y="130"/>
                    </a:moveTo>
                    <a:lnTo>
                      <a:pt x="81" y="130"/>
                    </a:lnTo>
                    <a:lnTo>
                      <a:pt x="74" y="130"/>
                    </a:lnTo>
                    <a:lnTo>
                      <a:pt x="67" y="127"/>
                    </a:lnTo>
                    <a:lnTo>
                      <a:pt x="61" y="123"/>
                    </a:lnTo>
                    <a:lnTo>
                      <a:pt x="56" y="119"/>
                    </a:lnTo>
                    <a:lnTo>
                      <a:pt x="52" y="113"/>
                    </a:lnTo>
                    <a:lnTo>
                      <a:pt x="44" y="102"/>
                    </a:lnTo>
                    <a:lnTo>
                      <a:pt x="37" y="89"/>
                    </a:lnTo>
                    <a:lnTo>
                      <a:pt x="30" y="77"/>
                    </a:lnTo>
                    <a:lnTo>
                      <a:pt x="22" y="65"/>
                    </a:lnTo>
                    <a:lnTo>
                      <a:pt x="18" y="61"/>
                    </a:lnTo>
                    <a:lnTo>
                      <a:pt x="13" y="55"/>
                    </a:lnTo>
                    <a:lnTo>
                      <a:pt x="7" y="52"/>
                    </a:lnTo>
                    <a:lnTo>
                      <a:pt x="0" y="49"/>
                    </a:lnTo>
                    <a:lnTo>
                      <a:pt x="1" y="40"/>
                    </a:lnTo>
                    <a:lnTo>
                      <a:pt x="3" y="33"/>
                    </a:lnTo>
                    <a:lnTo>
                      <a:pt x="6" y="27"/>
                    </a:lnTo>
                    <a:lnTo>
                      <a:pt x="10" y="22"/>
                    </a:lnTo>
                    <a:lnTo>
                      <a:pt x="18" y="11"/>
                    </a:lnTo>
                    <a:lnTo>
                      <a:pt x="24" y="0"/>
                    </a:lnTo>
                    <a:lnTo>
                      <a:pt x="56" y="5"/>
                    </a:lnTo>
                    <a:lnTo>
                      <a:pt x="87" y="11"/>
                    </a:lnTo>
                    <a:lnTo>
                      <a:pt x="93" y="14"/>
                    </a:lnTo>
                    <a:lnTo>
                      <a:pt x="99" y="17"/>
                    </a:lnTo>
                    <a:lnTo>
                      <a:pt x="104" y="21"/>
                    </a:lnTo>
                    <a:lnTo>
                      <a:pt x="110" y="25"/>
                    </a:lnTo>
                    <a:lnTo>
                      <a:pt x="114" y="29"/>
                    </a:lnTo>
                    <a:lnTo>
                      <a:pt x="118" y="34"/>
                    </a:lnTo>
                    <a:lnTo>
                      <a:pt x="120" y="42"/>
                    </a:lnTo>
                    <a:lnTo>
                      <a:pt x="122" y="49"/>
                    </a:lnTo>
                    <a:lnTo>
                      <a:pt x="122" y="55"/>
                    </a:lnTo>
                    <a:lnTo>
                      <a:pt x="121" y="63"/>
                    </a:lnTo>
                    <a:lnTo>
                      <a:pt x="120" y="68"/>
                    </a:lnTo>
                    <a:lnTo>
                      <a:pt x="119" y="73"/>
                    </a:lnTo>
                    <a:lnTo>
                      <a:pt x="114" y="84"/>
                    </a:lnTo>
                    <a:lnTo>
                      <a:pt x="109" y="92"/>
                    </a:lnTo>
                    <a:lnTo>
                      <a:pt x="103" y="101"/>
                    </a:lnTo>
                    <a:lnTo>
                      <a:pt x="97" y="109"/>
                    </a:lnTo>
                    <a:lnTo>
                      <a:pt x="93" y="119"/>
                    </a:lnTo>
                    <a:lnTo>
                      <a:pt x="90" y="13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57" name="Lolland"/>
              <p:cNvSpPr>
                <a:spLocks/>
              </p:cNvSpPr>
              <p:nvPr/>
            </p:nvSpPr>
            <p:spPr bwMode="auto">
              <a:xfrm>
                <a:off x="3097213" y="5988050"/>
                <a:ext cx="104775" cy="73025"/>
              </a:xfrm>
              <a:custGeom>
                <a:avLst/>
                <a:gdLst>
                  <a:gd name="T0" fmla="*/ 23 w 197"/>
                  <a:gd name="T1" fmla="*/ 42 h 139"/>
                  <a:gd name="T2" fmla="*/ 15 w 197"/>
                  <a:gd name="T3" fmla="*/ 35 h 139"/>
                  <a:gd name="T4" fmla="*/ 10 w 197"/>
                  <a:gd name="T5" fmla="*/ 29 h 139"/>
                  <a:gd name="T6" fmla="*/ 6 w 197"/>
                  <a:gd name="T7" fmla="*/ 23 h 139"/>
                  <a:gd name="T8" fmla="*/ 2 w 197"/>
                  <a:gd name="T9" fmla="*/ 17 h 139"/>
                  <a:gd name="T10" fmla="*/ 0 w 197"/>
                  <a:gd name="T11" fmla="*/ 11 h 139"/>
                  <a:gd name="T12" fmla="*/ 0 w 197"/>
                  <a:gd name="T13" fmla="*/ 4 h 139"/>
                  <a:gd name="T14" fmla="*/ 3 w 197"/>
                  <a:gd name="T15" fmla="*/ 0 h 139"/>
                  <a:gd name="T16" fmla="*/ 7 w 197"/>
                  <a:gd name="T17" fmla="*/ 1 h 139"/>
                  <a:gd name="T18" fmla="*/ 11 w 197"/>
                  <a:gd name="T19" fmla="*/ 4 h 139"/>
                  <a:gd name="T20" fmla="*/ 15 w 197"/>
                  <a:gd name="T21" fmla="*/ 9 h 139"/>
                  <a:gd name="T22" fmla="*/ 19 w 197"/>
                  <a:gd name="T23" fmla="*/ 12 h 139"/>
                  <a:gd name="T24" fmla="*/ 23 w 197"/>
                  <a:gd name="T25" fmla="*/ 14 h 139"/>
                  <a:gd name="T26" fmla="*/ 26 w 197"/>
                  <a:gd name="T27" fmla="*/ 14 h 139"/>
                  <a:gd name="T28" fmla="*/ 27 w 197"/>
                  <a:gd name="T29" fmla="*/ 12 h 139"/>
                  <a:gd name="T30" fmla="*/ 28 w 197"/>
                  <a:gd name="T31" fmla="*/ 10 h 139"/>
                  <a:gd name="T32" fmla="*/ 28 w 197"/>
                  <a:gd name="T33" fmla="*/ 5 h 139"/>
                  <a:gd name="T34" fmla="*/ 29 w 197"/>
                  <a:gd name="T35" fmla="*/ 2 h 139"/>
                  <a:gd name="T36" fmla="*/ 30 w 197"/>
                  <a:gd name="T37" fmla="*/ 1 h 139"/>
                  <a:gd name="T38" fmla="*/ 34 w 197"/>
                  <a:gd name="T39" fmla="*/ 2 h 139"/>
                  <a:gd name="T40" fmla="*/ 40 w 197"/>
                  <a:gd name="T41" fmla="*/ 3 h 139"/>
                  <a:gd name="T42" fmla="*/ 46 w 197"/>
                  <a:gd name="T43" fmla="*/ 3 h 139"/>
                  <a:gd name="T44" fmla="*/ 52 w 197"/>
                  <a:gd name="T45" fmla="*/ 2 h 139"/>
                  <a:gd name="T46" fmla="*/ 58 w 197"/>
                  <a:gd name="T47" fmla="*/ 4 h 139"/>
                  <a:gd name="T48" fmla="*/ 62 w 197"/>
                  <a:gd name="T49" fmla="*/ 10 h 139"/>
                  <a:gd name="T50" fmla="*/ 65 w 197"/>
                  <a:gd name="T51" fmla="*/ 14 h 139"/>
                  <a:gd name="T52" fmla="*/ 66 w 197"/>
                  <a:gd name="T53" fmla="*/ 18 h 139"/>
                  <a:gd name="T54" fmla="*/ 65 w 197"/>
                  <a:gd name="T55" fmla="*/ 20 h 139"/>
                  <a:gd name="T56" fmla="*/ 61 w 197"/>
                  <a:gd name="T57" fmla="*/ 21 h 139"/>
                  <a:gd name="T58" fmla="*/ 56 w 197"/>
                  <a:gd name="T59" fmla="*/ 22 h 139"/>
                  <a:gd name="T60" fmla="*/ 52 w 197"/>
                  <a:gd name="T61" fmla="*/ 23 h 139"/>
                  <a:gd name="T62" fmla="*/ 50 w 197"/>
                  <a:gd name="T63" fmla="*/ 24 h 139"/>
                  <a:gd name="T64" fmla="*/ 48 w 197"/>
                  <a:gd name="T65" fmla="*/ 25 h 139"/>
                  <a:gd name="T66" fmla="*/ 44 w 197"/>
                  <a:gd name="T67" fmla="*/ 26 h 139"/>
                  <a:gd name="T68" fmla="*/ 40 w 197"/>
                  <a:gd name="T69" fmla="*/ 29 h 139"/>
                  <a:gd name="T70" fmla="*/ 37 w 197"/>
                  <a:gd name="T71" fmla="*/ 35 h 139"/>
                  <a:gd name="T72" fmla="*/ 34 w 197"/>
                  <a:gd name="T73" fmla="*/ 40 h 139"/>
                  <a:gd name="T74" fmla="*/ 32 w 197"/>
                  <a:gd name="T75" fmla="*/ 42 h 139"/>
                  <a:gd name="T76" fmla="*/ 28 w 197"/>
                  <a:gd name="T77" fmla="*/ 42 h 139"/>
                  <a:gd name="T78" fmla="*/ 24 w 197"/>
                  <a:gd name="T79" fmla="*/ 39 h 139"/>
                  <a:gd name="T80" fmla="*/ 24 w 197"/>
                  <a:gd name="T81" fmla="*/ 40 h 139"/>
                  <a:gd name="T82" fmla="*/ 26 w 197"/>
                  <a:gd name="T83" fmla="*/ 43 h 139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0" t="0" r="r" b="b"/>
                <a:pathLst>
                  <a:path w="197" h="139">
                    <a:moveTo>
                      <a:pt x="83" y="139"/>
                    </a:moveTo>
                    <a:lnTo>
                      <a:pt x="68" y="127"/>
                    </a:lnTo>
                    <a:lnTo>
                      <a:pt x="52" y="113"/>
                    </a:lnTo>
                    <a:lnTo>
                      <a:pt x="44" y="106"/>
                    </a:lnTo>
                    <a:lnTo>
                      <a:pt x="37" y="97"/>
                    </a:lnTo>
                    <a:lnTo>
                      <a:pt x="30" y="89"/>
                    </a:lnTo>
                    <a:lnTo>
                      <a:pt x="23" y="79"/>
                    </a:lnTo>
                    <a:lnTo>
                      <a:pt x="17" y="71"/>
                    </a:lnTo>
                    <a:lnTo>
                      <a:pt x="12" y="61"/>
                    </a:lnTo>
                    <a:lnTo>
                      <a:pt x="7" y="51"/>
                    </a:lnTo>
                    <a:lnTo>
                      <a:pt x="4" y="41"/>
                    </a:lnTo>
                    <a:lnTo>
                      <a:pt x="1" y="32"/>
                    </a:lnTo>
                    <a:lnTo>
                      <a:pt x="0" y="21"/>
                    </a:lnTo>
                    <a:lnTo>
                      <a:pt x="0" y="11"/>
                    </a:lnTo>
                    <a:lnTo>
                      <a:pt x="2" y="1"/>
                    </a:lnTo>
                    <a:lnTo>
                      <a:pt x="10" y="0"/>
                    </a:lnTo>
                    <a:lnTo>
                      <a:pt x="16" y="1"/>
                    </a:lnTo>
                    <a:lnTo>
                      <a:pt x="21" y="4"/>
                    </a:lnTo>
                    <a:lnTo>
                      <a:pt x="25" y="6"/>
                    </a:lnTo>
                    <a:lnTo>
                      <a:pt x="34" y="12"/>
                    </a:lnTo>
                    <a:lnTo>
                      <a:pt x="40" y="19"/>
                    </a:lnTo>
                    <a:lnTo>
                      <a:pt x="46" y="28"/>
                    </a:lnTo>
                    <a:lnTo>
                      <a:pt x="54" y="34"/>
                    </a:lnTo>
                    <a:lnTo>
                      <a:pt x="58" y="37"/>
                    </a:lnTo>
                    <a:lnTo>
                      <a:pt x="63" y="39"/>
                    </a:lnTo>
                    <a:lnTo>
                      <a:pt x="69" y="41"/>
                    </a:lnTo>
                    <a:lnTo>
                      <a:pt x="75" y="41"/>
                    </a:lnTo>
                    <a:lnTo>
                      <a:pt x="78" y="41"/>
                    </a:lnTo>
                    <a:lnTo>
                      <a:pt x="80" y="39"/>
                    </a:lnTo>
                    <a:lnTo>
                      <a:pt x="81" y="37"/>
                    </a:lnTo>
                    <a:lnTo>
                      <a:pt x="82" y="35"/>
                    </a:lnTo>
                    <a:lnTo>
                      <a:pt x="84" y="29"/>
                    </a:lnTo>
                    <a:lnTo>
                      <a:pt x="84" y="22"/>
                    </a:lnTo>
                    <a:lnTo>
                      <a:pt x="84" y="15"/>
                    </a:lnTo>
                    <a:lnTo>
                      <a:pt x="85" y="9"/>
                    </a:lnTo>
                    <a:lnTo>
                      <a:pt x="86" y="7"/>
                    </a:lnTo>
                    <a:lnTo>
                      <a:pt x="88" y="5"/>
                    </a:lnTo>
                    <a:lnTo>
                      <a:pt x="89" y="2"/>
                    </a:lnTo>
                    <a:lnTo>
                      <a:pt x="92" y="1"/>
                    </a:lnTo>
                    <a:lnTo>
                      <a:pt x="100" y="5"/>
                    </a:lnTo>
                    <a:lnTo>
                      <a:pt x="110" y="7"/>
                    </a:lnTo>
                    <a:lnTo>
                      <a:pt x="118" y="8"/>
                    </a:lnTo>
                    <a:lnTo>
                      <a:pt x="128" y="9"/>
                    </a:lnTo>
                    <a:lnTo>
                      <a:pt x="137" y="8"/>
                    </a:lnTo>
                    <a:lnTo>
                      <a:pt x="146" y="7"/>
                    </a:lnTo>
                    <a:lnTo>
                      <a:pt x="156" y="5"/>
                    </a:lnTo>
                    <a:lnTo>
                      <a:pt x="164" y="1"/>
                    </a:lnTo>
                    <a:lnTo>
                      <a:pt x="173" y="13"/>
                    </a:lnTo>
                    <a:lnTo>
                      <a:pt x="182" y="24"/>
                    </a:lnTo>
                    <a:lnTo>
                      <a:pt x="186" y="30"/>
                    </a:lnTo>
                    <a:lnTo>
                      <a:pt x="191" y="35"/>
                    </a:lnTo>
                    <a:lnTo>
                      <a:pt x="195" y="42"/>
                    </a:lnTo>
                    <a:lnTo>
                      <a:pt x="197" y="50"/>
                    </a:lnTo>
                    <a:lnTo>
                      <a:pt x="196" y="54"/>
                    </a:lnTo>
                    <a:lnTo>
                      <a:pt x="195" y="56"/>
                    </a:lnTo>
                    <a:lnTo>
                      <a:pt x="193" y="59"/>
                    </a:lnTo>
                    <a:lnTo>
                      <a:pt x="190" y="60"/>
                    </a:lnTo>
                    <a:lnTo>
                      <a:pt x="183" y="64"/>
                    </a:lnTo>
                    <a:lnTo>
                      <a:pt x="175" y="65"/>
                    </a:lnTo>
                    <a:lnTo>
                      <a:pt x="166" y="66"/>
                    </a:lnTo>
                    <a:lnTo>
                      <a:pt x="159" y="67"/>
                    </a:lnTo>
                    <a:lnTo>
                      <a:pt x="156" y="68"/>
                    </a:lnTo>
                    <a:lnTo>
                      <a:pt x="153" y="70"/>
                    </a:lnTo>
                    <a:lnTo>
                      <a:pt x="150" y="72"/>
                    </a:lnTo>
                    <a:lnTo>
                      <a:pt x="149" y="74"/>
                    </a:lnTo>
                    <a:lnTo>
                      <a:pt x="142" y="75"/>
                    </a:lnTo>
                    <a:lnTo>
                      <a:pt x="136" y="76"/>
                    </a:lnTo>
                    <a:lnTo>
                      <a:pt x="132" y="79"/>
                    </a:lnTo>
                    <a:lnTo>
                      <a:pt x="128" y="81"/>
                    </a:lnTo>
                    <a:lnTo>
                      <a:pt x="120" y="89"/>
                    </a:lnTo>
                    <a:lnTo>
                      <a:pt x="115" y="98"/>
                    </a:lnTo>
                    <a:lnTo>
                      <a:pt x="110" y="107"/>
                    </a:lnTo>
                    <a:lnTo>
                      <a:pt x="105" y="116"/>
                    </a:lnTo>
                    <a:lnTo>
                      <a:pt x="102" y="120"/>
                    </a:lnTo>
                    <a:lnTo>
                      <a:pt x="99" y="125"/>
                    </a:lnTo>
                    <a:lnTo>
                      <a:pt x="96" y="128"/>
                    </a:lnTo>
                    <a:lnTo>
                      <a:pt x="92" y="131"/>
                    </a:lnTo>
                    <a:lnTo>
                      <a:pt x="83" y="126"/>
                    </a:lnTo>
                    <a:lnTo>
                      <a:pt x="77" y="121"/>
                    </a:lnTo>
                    <a:lnTo>
                      <a:pt x="73" y="119"/>
                    </a:lnTo>
                    <a:lnTo>
                      <a:pt x="72" y="119"/>
                    </a:lnTo>
                    <a:lnTo>
                      <a:pt x="72" y="121"/>
                    </a:lnTo>
                    <a:lnTo>
                      <a:pt x="74" y="125"/>
                    </a:lnTo>
                    <a:lnTo>
                      <a:pt x="77" y="131"/>
                    </a:lnTo>
                    <a:lnTo>
                      <a:pt x="83" y="139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58" name="Lolland kant"/>
              <p:cNvSpPr>
                <a:spLocks/>
              </p:cNvSpPr>
              <p:nvPr/>
            </p:nvSpPr>
            <p:spPr bwMode="auto">
              <a:xfrm>
                <a:off x="3097213" y="5988050"/>
                <a:ext cx="104775" cy="73025"/>
              </a:xfrm>
              <a:custGeom>
                <a:avLst/>
                <a:gdLst>
                  <a:gd name="T0" fmla="*/ 23 w 197"/>
                  <a:gd name="T1" fmla="*/ 42 h 139"/>
                  <a:gd name="T2" fmla="*/ 15 w 197"/>
                  <a:gd name="T3" fmla="*/ 35 h 139"/>
                  <a:gd name="T4" fmla="*/ 10 w 197"/>
                  <a:gd name="T5" fmla="*/ 29 h 139"/>
                  <a:gd name="T6" fmla="*/ 6 w 197"/>
                  <a:gd name="T7" fmla="*/ 23 h 139"/>
                  <a:gd name="T8" fmla="*/ 2 w 197"/>
                  <a:gd name="T9" fmla="*/ 17 h 139"/>
                  <a:gd name="T10" fmla="*/ 0 w 197"/>
                  <a:gd name="T11" fmla="*/ 11 h 139"/>
                  <a:gd name="T12" fmla="*/ 0 w 197"/>
                  <a:gd name="T13" fmla="*/ 4 h 139"/>
                  <a:gd name="T14" fmla="*/ 3 w 197"/>
                  <a:gd name="T15" fmla="*/ 0 h 139"/>
                  <a:gd name="T16" fmla="*/ 7 w 197"/>
                  <a:gd name="T17" fmla="*/ 1 h 139"/>
                  <a:gd name="T18" fmla="*/ 11 w 197"/>
                  <a:gd name="T19" fmla="*/ 4 h 139"/>
                  <a:gd name="T20" fmla="*/ 15 w 197"/>
                  <a:gd name="T21" fmla="*/ 9 h 139"/>
                  <a:gd name="T22" fmla="*/ 19 w 197"/>
                  <a:gd name="T23" fmla="*/ 12 h 139"/>
                  <a:gd name="T24" fmla="*/ 23 w 197"/>
                  <a:gd name="T25" fmla="*/ 14 h 139"/>
                  <a:gd name="T26" fmla="*/ 26 w 197"/>
                  <a:gd name="T27" fmla="*/ 14 h 139"/>
                  <a:gd name="T28" fmla="*/ 27 w 197"/>
                  <a:gd name="T29" fmla="*/ 12 h 139"/>
                  <a:gd name="T30" fmla="*/ 28 w 197"/>
                  <a:gd name="T31" fmla="*/ 10 h 139"/>
                  <a:gd name="T32" fmla="*/ 28 w 197"/>
                  <a:gd name="T33" fmla="*/ 5 h 139"/>
                  <a:gd name="T34" fmla="*/ 29 w 197"/>
                  <a:gd name="T35" fmla="*/ 2 h 139"/>
                  <a:gd name="T36" fmla="*/ 30 w 197"/>
                  <a:gd name="T37" fmla="*/ 1 h 139"/>
                  <a:gd name="T38" fmla="*/ 34 w 197"/>
                  <a:gd name="T39" fmla="*/ 2 h 139"/>
                  <a:gd name="T40" fmla="*/ 40 w 197"/>
                  <a:gd name="T41" fmla="*/ 3 h 139"/>
                  <a:gd name="T42" fmla="*/ 46 w 197"/>
                  <a:gd name="T43" fmla="*/ 3 h 139"/>
                  <a:gd name="T44" fmla="*/ 52 w 197"/>
                  <a:gd name="T45" fmla="*/ 2 h 139"/>
                  <a:gd name="T46" fmla="*/ 58 w 197"/>
                  <a:gd name="T47" fmla="*/ 4 h 139"/>
                  <a:gd name="T48" fmla="*/ 62 w 197"/>
                  <a:gd name="T49" fmla="*/ 10 h 139"/>
                  <a:gd name="T50" fmla="*/ 65 w 197"/>
                  <a:gd name="T51" fmla="*/ 14 h 139"/>
                  <a:gd name="T52" fmla="*/ 66 w 197"/>
                  <a:gd name="T53" fmla="*/ 18 h 139"/>
                  <a:gd name="T54" fmla="*/ 65 w 197"/>
                  <a:gd name="T55" fmla="*/ 20 h 139"/>
                  <a:gd name="T56" fmla="*/ 61 w 197"/>
                  <a:gd name="T57" fmla="*/ 21 h 139"/>
                  <a:gd name="T58" fmla="*/ 56 w 197"/>
                  <a:gd name="T59" fmla="*/ 22 h 139"/>
                  <a:gd name="T60" fmla="*/ 52 w 197"/>
                  <a:gd name="T61" fmla="*/ 23 h 139"/>
                  <a:gd name="T62" fmla="*/ 50 w 197"/>
                  <a:gd name="T63" fmla="*/ 24 h 139"/>
                  <a:gd name="T64" fmla="*/ 48 w 197"/>
                  <a:gd name="T65" fmla="*/ 25 h 139"/>
                  <a:gd name="T66" fmla="*/ 44 w 197"/>
                  <a:gd name="T67" fmla="*/ 26 h 139"/>
                  <a:gd name="T68" fmla="*/ 40 w 197"/>
                  <a:gd name="T69" fmla="*/ 29 h 139"/>
                  <a:gd name="T70" fmla="*/ 37 w 197"/>
                  <a:gd name="T71" fmla="*/ 35 h 139"/>
                  <a:gd name="T72" fmla="*/ 34 w 197"/>
                  <a:gd name="T73" fmla="*/ 40 h 139"/>
                  <a:gd name="T74" fmla="*/ 32 w 197"/>
                  <a:gd name="T75" fmla="*/ 42 h 139"/>
                  <a:gd name="T76" fmla="*/ 28 w 197"/>
                  <a:gd name="T77" fmla="*/ 42 h 139"/>
                  <a:gd name="T78" fmla="*/ 24 w 197"/>
                  <a:gd name="T79" fmla="*/ 39 h 139"/>
                  <a:gd name="T80" fmla="*/ 24 w 197"/>
                  <a:gd name="T81" fmla="*/ 40 h 139"/>
                  <a:gd name="T82" fmla="*/ 26 w 197"/>
                  <a:gd name="T83" fmla="*/ 43 h 139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0" t="0" r="r" b="b"/>
                <a:pathLst>
                  <a:path w="197" h="139">
                    <a:moveTo>
                      <a:pt x="83" y="139"/>
                    </a:moveTo>
                    <a:lnTo>
                      <a:pt x="68" y="127"/>
                    </a:lnTo>
                    <a:lnTo>
                      <a:pt x="52" y="113"/>
                    </a:lnTo>
                    <a:lnTo>
                      <a:pt x="44" y="106"/>
                    </a:lnTo>
                    <a:lnTo>
                      <a:pt x="37" y="97"/>
                    </a:lnTo>
                    <a:lnTo>
                      <a:pt x="30" y="89"/>
                    </a:lnTo>
                    <a:lnTo>
                      <a:pt x="23" y="79"/>
                    </a:lnTo>
                    <a:lnTo>
                      <a:pt x="17" y="71"/>
                    </a:lnTo>
                    <a:lnTo>
                      <a:pt x="12" y="61"/>
                    </a:lnTo>
                    <a:lnTo>
                      <a:pt x="7" y="51"/>
                    </a:lnTo>
                    <a:lnTo>
                      <a:pt x="4" y="41"/>
                    </a:lnTo>
                    <a:lnTo>
                      <a:pt x="1" y="32"/>
                    </a:lnTo>
                    <a:lnTo>
                      <a:pt x="0" y="21"/>
                    </a:lnTo>
                    <a:lnTo>
                      <a:pt x="0" y="11"/>
                    </a:lnTo>
                    <a:lnTo>
                      <a:pt x="2" y="1"/>
                    </a:lnTo>
                    <a:lnTo>
                      <a:pt x="10" y="0"/>
                    </a:lnTo>
                    <a:lnTo>
                      <a:pt x="16" y="1"/>
                    </a:lnTo>
                    <a:lnTo>
                      <a:pt x="21" y="4"/>
                    </a:lnTo>
                    <a:lnTo>
                      <a:pt x="25" y="6"/>
                    </a:lnTo>
                    <a:lnTo>
                      <a:pt x="34" y="12"/>
                    </a:lnTo>
                    <a:lnTo>
                      <a:pt x="40" y="19"/>
                    </a:lnTo>
                    <a:lnTo>
                      <a:pt x="46" y="28"/>
                    </a:lnTo>
                    <a:lnTo>
                      <a:pt x="54" y="34"/>
                    </a:lnTo>
                    <a:lnTo>
                      <a:pt x="58" y="37"/>
                    </a:lnTo>
                    <a:lnTo>
                      <a:pt x="63" y="39"/>
                    </a:lnTo>
                    <a:lnTo>
                      <a:pt x="69" y="41"/>
                    </a:lnTo>
                    <a:lnTo>
                      <a:pt x="75" y="41"/>
                    </a:lnTo>
                    <a:lnTo>
                      <a:pt x="78" y="41"/>
                    </a:lnTo>
                    <a:lnTo>
                      <a:pt x="80" y="39"/>
                    </a:lnTo>
                    <a:lnTo>
                      <a:pt x="81" y="37"/>
                    </a:lnTo>
                    <a:lnTo>
                      <a:pt x="82" y="35"/>
                    </a:lnTo>
                    <a:lnTo>
                      <a:pt x="84" y="29"/>
                    </a:lnTo>
                    <a:lnTo>
                      <a:pt x="84" y="22"/>
                    </a:lnTo>
                    <a:lnTo>
                      <a:pt x="84" y="15"/>
                    </a:lnTo>
                    <a:lnTo>
                      <a:pt x="85" y="9"/>
                    </a:lnTo>
                    <a:lnTo>
                      <a:pt x="86" y="7"/>
                    </a:lnTo>
                    <a:lnTo>
                      <a:pt x="88" y="5"/>
                    </a:lnTo>
                    <a:lnTo>
                      <a:pt x="89" y="2"/>
                    </a:lnTo>
                    <a:lnTo>
                      <a:pt x="92" y="1"/>
                    </a:lnTo>
                    <a:lnTo>
                      <a:pt x="100" y="5"/>
                    </a:lnTo>
                    <a:lnTo>
                      <a:pt x="110" y="7"/>
                    </a:lnTo>
                    <a:lnTo>
                      <a:pt x="118" y="8"/>
                    </a:lnTo>
                    <a:lnTo>
                      <a:pt x="128" y="9"/>
                    </a:lnTo>
                    <a:lnTo>
                      <a:pt x="137" y="8"/>
                    </a:lnTo>
                    <a:lnTo>
                      <a:pt x="146" y="7"/>
                    </a:lnTo>
                    <a:lnTo>
                      <a:pt x="156" y="5"/>
                    </a:lnTo>
                    <a:lnTo>
                      <a:pt x="164" y="1"/>
                    </a:lnTo>
                    <a:lnTo>
                      <a:pt x="173" y="13"/>
                    </a:lnTo>
                    <a:lnTo>
                      <a:pt x="182" y="24"/>
                    </a:lnTo>
                    <a:lnTo>
                      <a:pt x="186" y="30"/>
                    </a:lnTo>
                    <a:lnTo>
                      <a:pt x="191" y="35"/>
                    </a:lnTo>
                    <a:lnTo>
                      <a:pt x="195" y="42"/>
                    </a:lnTo>
                    <a:lnTo>
                      <a:pt x="197" y="50"/>
                    </a:lnTo>
                    <a:lnTo>
                      <a:pt x="196" y="54"/>
                    </a:lnTo>
                    <a:lnTo>
                      <a:pt x="195" y="56"/>
                    </a:lnTo>
                    <a:lnTo>
                      <a:pt x="193" y="59"/>
                    </a:lnTo>
                    <a:lnTo>
                      <a:pt x="190" y="60"/>
                    </a:lnTo>
                    <a:lnTo>
                      <a:pt x="183" y="64"/>
                    </a:lnTo>
                    <a:lnTo>
                      <a:pt x="175" y="65"/>
                    </a:lnTo>
                    <a:lnTo>
                      <a:pt x="166" y="66"/>
                    </a:lnTo>
                    <a:lnTo>
                      <a:pt x="159" y="67"/>
                    </a:lnTo>
                    <a:lnTo>
                      <a:pt x="156" y="68"/>
                    </a:lnTo>
                    <a:lnTo>
                      <a:pt x="153" y="70"/>
                    </a:lnTo>
                    <a:lnTo>
                      <a:pt x="150" y="72"/>
                    </a:lnTo>
                    <a:lnTo>
                      <a:pt x="149" y="74"/>
                    </a:lnTo>
                    <a:lnTo>
                      <a:pt x="142" y="75"/>
                    </a:lnTo>
                    <a:lnTo>
                      <a:pt x="136" y="76"/>
                    </a:lnTo>
                    <a:lnTo>
                      <a:pt x="132" y="79"/>
                    </a:lnTo>
                    <a:lnTo>
                      <a:pt x="128" y="81"/>
                    </a:lnTo>
                    <a:lnTo>
                      <a:pt x="120" y="89"/>
                    </a:lnTo>
                    <a:lnTo>
                      <a:pt x="115" y="98"/>
                    </a:lnTo>
                    <a:lnTo>
                      <a:pt x="110" y="107"/>
                    </a:lnTo>
                    <a:lnTo>
                      <a:pt x="105" y="116"/>
                    </a:lnTo>
                    <a:lnTo>
                      <a:pt x="102" y="120"/>
                    </a:lnTo>
                    <a:lnTo>
                      <a:pt x="99" y="125"/>
                    </a:lnTo>
                    <a:lnTo>
                      <a:pt x="96" y="128"/>
                    </a:lnTo>
                    <a:lnTo>
                      <a:pt x="92" y="131"/>
                    </a:lnTo>
                    <a:lnTo>
                      <a:pt x="83" y="126"/>
                    </a:lnTo>
                    <a:lnTo>
                      <a:pt x="77" y="121"/>
                    </a:lnTo>
                    <a:lnTo>
                      <a:pt x="73" y="119"/>
                    </a:lnTo>
                    <a:lnTo>
                      <a:pt x="72" y="119"/>
                    </a:lnTo>
                    <a:lnTo>
                      <a:pt x="72" y="121"/>
                    </a:lnTo>
                    <a:lnTo>
                      <a:pt x="74" y="125"/>
                    </a:lnTo>
                    <a:lnTo>
                      <a:pt x="77" y="131"/>
                    </a:lnTo>
                    <a:lnTo>
                      <a:pt x="83" y="139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59" name="Lolland"/>
              <p:cNvSpPr>
                <a:spLocks/>
              </p:cNvSpPr>
              <p:nvPr/>
            </p:nvSpPr>
            <p:spPr bwMode="auto">
              <a:xfrm>
                <a:off x="2776538" y="6005513"/>
                <a:ext cx="763587" cy="476250"/>
              </a:xfrm>
              <a:custGeom>
                <a:avLst/>
                <a:gdLst>
                  <a:gd name="T0" fmla="*/ 472 w 1443"/>
                  <a:gd name="T1" fmla="*/ 161 h 901"/>
                  <a:gd name="T2" fmla="*/ 470 w 1443"/>
                  <a:gd name="T3" fmla="*/ 194 h 901"/>
                  <a:gd name="T4" fmla="*/ 453 w 1443"/>
                  <a:gd name="T5" fmla="*/ 215 h 901"/>
                  <a:gd name="T6" fmla="*/ 468 w 1443"/>
                  <a:gd name="T7" fmla="*/ 222 h 901"/>
                  <a:gd name="T8" fmla="*/ 475 w 1443"/>
                  <a:gd name="T9" fmla="*/ 238 h 901"/>
                  <a:gd name="T10" fmla="*/ 461 w 1443"/>
                  <a:gd name="T11" fmla="*/ 267 h 901"/>
                  <a:gd name="T12" fmla="*/ 436 w 1443"/>
                  <a:gd name="T13" fmla="*/ 274 h 901"/>
                  <a:gd name="T14" fmla="*/ 389 w 1443"/>
                  <a:gd name="T15" fmla="*/ 264 h 901"/>
                  <a:gd name="T16" fmla="*/ 363 w 1443"/>
                  <a:gd name="T17" fmla="*/ 267 h 901"/>
                  <a:gd name="T18" fmla="*/ 342 w 1443"/>
                  <a:gd name="T19" fmla="*/ 266 h 901"/>
                  <a:gd name="T20" fmla="*/ 326 w 1443"/>
                  <a:gd name="T21" fmla="*/ 270 h 901"/>
                  <a:gd name="T22" fmla="*/ 320 w 1443"/>
                  <a:gd name="T23" fmla="*/ 256 h 901"/>
                  <a:gd name="T24" fmla="*/ 318 w 1443"/>
                  <a:gd name="T25" fmla="*/ 263 h 901"/>
                  <a:gd name="T26" fmla="*/ 297 w 1443"/>
                  <a:gd name="T27" fmla="*/ 289 h 901"/>
                  <a:gd name="T28" fmla="*/ 257 w 1443"/>
                  <a:gd name="T29" fmla="*/ 300 h 901"/>
                  <a:gd name="T30" fmla="*/ 214 w 1443"/>
                  <a:gd name="T31" fmla="*/ 278 h 901"/>
                  <a:gd name="T32" fmla="*/ 155 w 1443"/>
                  <a:gd name="T33" fmla="*/ 228 h 901"/>
                  <a:gd name="T34" fmla="*/ 103 w 1443"/>
                  <a:gd name="T35" fmla="*/ 211 h 901"/>
                  <a:gd name="T36" fmla="*/ 80 w 1443"/>
                  <a:gd name="T37" fmla="*/ 200 h 901"/>
                  <a:gd name="T38" fmla="*/ 37 w 1443"/>
                  <a:gd name="T39" fmla="*/ 187 h 901"/>
                  <a:gd name="T40" fmla="*/ 6 w 1443"/>
                  <a:gd name="T41" fmla="*/ 147 h 901"/>
                  <a:gd name="T42" fmla="*/ 4 w 1443"/>
                  <a:gd name="T43" fmla="*/ 116 h 901"/>
                  <a:gd name="T44" fmla="*/ 17 w 1443"/>
                  <a:gd name="T45" fmla="*/ 115 h 901"/>
                  <a:gd name="T46" fmla="*/ 35 w 1443"/>
                  <a:gd name="T47" fmla="*/ 128 h 901"/>
                  <a:gd name="T48" fmla="*/ 42 w 1443"/>
                  <a:gd name="T49" fmla="*/ 124 h 901"/>
                  <a:gd name="T50" fmla="*/ 29 w 1443"/>
                  <a:gd name="T51" fmla="*/ 111 h 901"/>
                  <a:gd name="T52" fmla="*/ 40 w 1443"/>
                  <a:gd name="T53" fmla="*/ 99 h 901"/>
                  <a:gd name="T54" fmla="*/ 49 w 1443"/>
                  <a:gd name="T55" fmla="*/ 115 h 901"/>
                  <a:gd name="T56" fmla="*/ 53 w 1443"/>
                  <a:gd name="T57" fmla="*/ 137 h 901"/>
                  <a:gd name="T58" fmla="*/ 63 w 1443"/>
                  <a:gd name="T59" fmla="*/ 140 h 901"/>
                  <a:gd name="T60" fmla="*/ 64 w 1443"/>
                  <a:gd name="T61" fmla="*/ 126 h 901"/>
                  <a:gd name="T62" fmla="*/ 77 w 1443"/>
                  <a:gd name="T63" fmla="*/ 124 h 901"/>
                  <a:gd name="T64" fmla="*/ 77 w 1443"/>
                  <a:gd name="T65" fmla="*/ 114 h 901"/>
                  <a:gd name="T66" fmla="*/ 64 w 1443"/>
                  <a:gd name="T67" fmla="*/ 115 h 901"/>
                  <a:gd name="T68" fmla="*/ 63 w 1443"/>
                  <a:gd name="T69" fmla="*/ 103 h 901"/>
                  <a:gd name="T70" fmla="*/ 50 w 1443"/>
                  <a:gd name="T71" fmla="*/ 81 h 901"/>
                  <a:gd name="T72" fmla="*/ 35 w 1443"/>
                  <a:gd name="T73" fmla="*/ 78 h 901"/>
                  <a:gd name="T74" fmla="*/ 34 w 1443"/>
                  <a:gd name="T75" fmla="*/ 51 h 901"/>
                  <a:gd name="T76" fmla="*/ 68 w 1443"/>
                  <a:gd name="T77" fmla="*/ 19 h 901"/>
                  <a:gd name="T78" fmla="*/ 84 w 1443"/>
                  <a:gd name="T79" fmla="*/ 21 h 901"/>
                  <a:gd name="T80" fmla="*/ 82 w 1443"/>
                  <a:gd name="T81" fmla="*/ 13 h 901"/>
                  <a:gd name="T82" fmla="*/ 106 w 1443"/>
                  <a:gd name="T83" fmla="*/ 6 h 901"/>
                  <a:gd name="T84" fmla="*/ 150 w 1443"/>
                  <a:gd name="T85" fmla="*/ 3 h 901"/>
                  <a:gd name="T86" fmla="*/ 194 w 1443"/>
                  <a:gd name="T87" fmla="*/ 26 h 901"/>
                  <a:gd name="T88" fmla="*/ 219 w 1443"/>
                  <a:gd name="T89" fmla="*/ 59 h 901"/>
                  <a:gd name="T90" fmla="*/ 270 w 1443"/>
                  <a:gd name="T91" fmla="*/ 88 h 901"/>
                  <a:gd name="T92" fmla="*/ 305 w 1443"/>
                  <a:gd name="T93" fmla="*/ 109 h 901"/>
                  <a:gd name="T94" fmla="*/ 313 w 1443"/>
                  <a:gd name="T95" fmla="*/ 116 h 901"/>
                  <a:gd name="T96" fmla="*/ 339 w 1443"/>
                  <a:gd name="T97" fmla="*/ 123 h 901"/>
                  <a:gd name="T98" fmla="*/ 339 w 1443"/>
                  <a:gd name="T99" fmla="*/ 119 h 901"/>
                  <a:gd name="T100" fmla="*/ 313 w 1443"/>
                  <a:gd name="T101" fmla="*/ 90 h 901"/>
                  <a:gd name="T102" fmla="*/ 339 w 1443"/>
                  <a:gd name="T103" fmla="*/ 90 h 901"/>
                  <a:gd name="T104" fmla="*/ 352 w 1443"/>
                  <a:gd name="T105" fmla="*/ 84 h 901"/>
                  <a:gd name="T106" fmla="*/ 348 w 1443"/>
                  <a:gd name="T107" fmla="*/ 52 h 901"/>
                  <a:gd name="T108" fmla="*/ 353 w 1443"/>
                  <a:gd name="T109" fmla="*/ 38 h 901"/>
                  <a:gd name="T110" fmla="*/ 381 w 1443"/>
                  <a:gd name="T111" fmla="*/ 60 h 901"/>
                  <a:gd name="T112" fmla="*/ 404 w 1443"/>
                  <a:gd name="T113" fmla="*/ 70 h 901"/>
                  <a:gd name="T114" fmla="*/ 406 w 1443"/>
                  <a:gd name="T115" fmla="*/ 88 h 901"/>
                  <a:gd name="T116" fmla="*/ 418 w 1443"/>
                  <a:gd name="T117" fmla="*/ 97 h 901"/>
                  <a:gd name="T118" fmla="*/ 427 w 1443"/>
                  <a:gd name="T119" fmla="*/ 118 h 901"/>
                  <a:gd name="T120" fmla="*/ 441 w 1443"/>
                  <a:gd name="T121" fmla="*/ 141 h 901"/>
                  <a:gd name="T122" fmla="*/ 451 w 1443"/>
                  <a:gd name="T123" fmla="*/ 139 h 901"/>
                  <a:gd name="T124" fmla="*/ 453 w 1443"/>
                  <a:gd name="T125" fmla="*/ 141 h 901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443" h="901">
                    <a:moveTo>
                      <a:pt x="1362" y="427"/>
                    </a:moveTo>
                    <a:lnTo>
                      <a:pt x="1362" y="433"/>
                    </a:lnTo>
                    <a:lnTo>
                      <a:pt x="1363" y="438"/>
                    </a:lnTo>
                    <a:lnTo>
                      <a:pt x="1365" y="442"/>
                    </a:lnTo>
                    <a:lnTo>
                      <a:pt x="1367" y="448"/>
                    </a:lnTo>
                    <a:lnTo>
                      <a:pt x="1373" y="455"/>
                    </a:lnTo>
                    <a:lnTo>
                      <a:pt x="1380" y="460"/>
                    </a:lnTo>
                    <a:lnTo>
                      <a:pt x="1396" y="471"/>
                    </a:lnTo>
                    <a:lnTo>
                      <a:pt x="1412" y="480"/>
                    </a:lnTo>
                    <a:lnTo>
                      <a:pt x="1416" y="485"/>
                    </a:lnTo>
                    <a:lnTo>
                      <a:pt x="1426" y="497"/>
                    </a:lnTo>
                    <a:lnTo>
                      <a:pt x="1432" y="504"/>
                    </a:lnTo>
                    <a:lnTo>
                      <a:pt x="1437" y="512"/>
                    </a:lnTo>
                    <a:lnTo>
                      <a:pt x="1441" y="519"/>
                    </a:lnTo>
                    <a:lnTo>
                      <a:pt x="1443" y="527"/>
                    </a:lnTo>
                    <a:lnTo>
                      <a:pt x="1439" y="537"/>
                    </a:lnTo>
                    <a:lnTo>
                      <a:pt x="1434" y="549"/>
                    </a:lnTo>
                    <a:lnTo>
                      <a:pt x="1426" y="558"/>
                    </a:lnTo>
                    <a:lnTo>
                      <a:pt x="1420" y="569"/>
                    </a:lnTo>
                    <a:lnTo>
                      <a:pt x="1409" y="584"/>
                    </a:lnTo>
                    <a:lnTo>
                      <a:pt x="1403" y="593"/>
                    </a:lnTo>
                    <a:lnTo>
                      <a:pt x="1399" y="600"/>
                    </a:lnTo>
                    <a:lnTo>
                      <a:pt x="1395" y="609"/>
                    </a:lnTo>
                    <a:lnTo>
                      <a:pt x="1387" y="609"/>
                    </a:lnTo>
                    <a:lnTo>
                      <a:pt x="1379" y="609"/>
                    </a:lnTo>
                    <a:lnTo>
                      <a:pt x="1372" y="604"/>
                    </a:lnTo>
                    <a:lnTo>
                      <a:pt x="1363" y="601"/>
                    </a:lnTo>
                    <a:lnTo>
                      <a:pt x="1360" y="624"/>
                    </a:lnTo>
                    <a:lnTo>
                      <a:pt x="1358" y="642"/>
                    </a:lnTo>
                    <a:lnTo>
                      <a:pt x="1358" y="647"/>
                    </a:lnTo>
                    <a:lnTo>
                      <a:pt x="1359" y="650"/>
                    </a:lnTo>
                    <a:lnTo>
                      <a:pt x="1360" y="653"/>
                    </a:lnTo>
                    <a:lnTo>
                      <a:pt x="1362" y="656"/>
                    </a:lnTo>
                    <a:lnTo>
                      <a:pt x="1365" y="659"/>
                    </a:lnTo>
                    <a:lnTo>
                      <a:pt x="1369" y="661"/>
                    </a:lnTo>
                    <a:lnTo>
                      <a:pt x="1374" y="663"/>
                    </a:lnTo>
                    <a:lnTo>
                      <a:pt x="1379" y="666"/>
                    </a:lnTo>
                    <a:lnTo>
                      <a:pt x="1389" y="667"/>
                    </a:lnTo>
                    <a:lnTo>
                      <a:pt x="1397" y="667"/>
                    </a:lnTo>
                    <a:lnTo>
                      <a:pt x="1405" y="668"/>
                    </a:lnTo>
                    <a:lnTo>
                      <a:pt x="1413" y="669"/>
                    </a:lnTo>
                    <a:lnTo>
                      <a:pt x="1419" y="672"/>
                    </a:lnTo>
                    <a:lnTo>
                      <a:pt x="1424" y="676"/>
                    </a:lnTo>
                    <a:lnTo>
                      <a:pt x="1425" y="679"/>
                    </a:lnTo>
                    <a:lnTo>
                      <a:pt x="1426" y="682"/>
                    </a:lnTo>
                    <a:lnTo>
                      <a:pt x="1428" y="686"/>
                    </a:lnTo>
                    <a:lnTo>
                      <a:pt x="1428" y="691"/>
                    </a:lnTo>
                    <a:lnTo>
                      <a:pt x="1428" y="699"/>
                    </a:lnTo>
                    <a:lnTo>
                      <a:pt x="1426" y="708"/>
                    </a:lnTo>
                    <a:lnTo>
                      <a:pt x="1424" y="716"/>
                    </a:lnTo>
                    <a:lnTo>
                      <a:pt x="1422" y="723"/>
                    </a:lnTo>
                    <a:lnTo>
                      <a:pt x="1416" y="737"/>
                    </a:lnTo>
                    <a:lnTo>
                      <a:pt x="1410" y="749"/>
                    </a:lnTo>
                    <a:lnTo>
                      <a:pt x="1402" y="761"/>
                    </a:lnTo>
                    <a:lnTo>
                      <a:pt x="1396" y="774"/>
                    </a:lnTo>
                    <a:lnTo>
                      <a:pt x="1393" y="780"/>
                    </a:lnTo>
                    <a:lnTo>
                      <a:pt x="1391" y="788"/>
                    </a:lnTo>
                    <a:lnTo>
                      <a:pt x="1389" y="796"/>
                    </a:lnTo>
                    <a:lnTo>
                      <a:pt x="1387" y="805"/>
                    </a:lnTo>
                    <a:lnTo>
                      <a:pt x="1383" y="801"/>
                    </a:lnTo>
                    <a:lnTo>
                      <a:pt x="1379" y="798"/>
                    </a:lnTo>
                    <a:lnTo>
                      <a:pt x="1375" y="797"/>
                    </a:lnTo>
                    <a:lnTo>
                      <a:pt x="1371" y="797"/>
                    </a:lnTo>
                    <a:lnTo>
                      <a:pt x="1366" y="798"/>
                    </a:lnTo>
                    <a:lnTo>
                      <a:pt x="1362" y="799"/>
                    </a:lnTo>
                    <a:lnTo>
                      <a:pt x="1359" y="801"/>
                    </a:lnTo>
                    <a:lnTo>
                      <a:pt x="1355" y="803"/>
                    </a:lnTo>
                    <a:lnTo>
                      <a:pt x="1342" y="816"/>
                    </a:lnTo>
                    <a:lnTo>
                      <a:pt x="1331" y="829"/>
                    </a:lnTo>
                    <a:lnTo>
                      <a:pt x="1309" y="823"/>
                    </a:lnTo>
                    <a:lnTo>
                      <a:pt x="1287" y="820"/>
                    </a:lnTo>
                    <a:lnTo>
                      <a:pt x="1267" y="818"/>
                    </a:lnTo>
                    <a:lnTo>
                      <a:pt x="1248" y="816"/>
                    </a:lnTo>
                    <a:lnTo>
                      <a:pt x="1230" y="814"/>
                    </a:lnTo>
                    <a:lnTo>
                      <a:pt x="1212" y="812"/>
                    </a:lnTo>
                    <a:lnTo>
                      <a:pt x="1194" y="809"/>
                    </a:lnTo>
                    <a:lnTo>
                      <a:pt x="1176" y="805"/>
                    </a:lnTo>
                    <a:lnTo>
                      <a:pt x="1174" y="799"/>
                    </a:lnTo>
                    <a:lnTo>
                      <a:pt x="1172" y="795"/>
                    </a:lnTo>
                    <a:lnTo>
                      <a:pt x="1168" y="792"/>
                    </a:lnTo>
                    <a:lnTo>
                      <a:pt x="1165" y="790"/>
                    </a:lnTo>
                    <a:lnTo>
                      <a:pt x="1161" y="789"/>
                    </a:lnTo>
                    <a:lnTo>
                      <a:pt x="1157" y="789"/>
                    </a:lnTo>
                    <a:lnTo>
                      <a:pt x="1152" y="789"/>
                    </a:lnTo>
                    <a:lnTo>
                      <a:pt x="1147" y="790"/>
                    </a:lnTo>
                    <a:lnTo>
                      <a:pt x="1127" y="797"/>
                    </a:lnTo>
                    <a:lnTo>
                      <a:pt x="1111" y="805"/>
                    </a:lnTo>
                    <a:lnTo>
                      <a:pt x="1106" y="805"/>
                    </a:lnTo>
                    <a:lnTo>
                      <a:pt x="1103" y="805"/>
                    </a:lnTo>
                    <a:lnTo>
                      <a:pt x="1089" y="801"/>
                    </a:lnTo>
                    <a:lnTo>
                      <a:pt x="1077" y="797"/>
                    </a:lnTo>
                    <a:lnTo>
                      <a:pt x="1071" y="796"/>
                    </a:lnTo>
                    <a:lnTo>
                      <a:pt x="1065" y="797"/>
                    </a:lnTo>
                    <a:lnTo>
                      <a:pt x="1060" y="799"/>
                    </a:lnTo>
                    <a:lnTo>
                      <a:pt x="1054" y="805"/>
                    </a:lnTo>
                    <a:lnTo>
                      <a:pt x="1046" y="805"/>
                    </a:lnTo>
                    <a:lnTo>
                      <a:pt x="1038" y="805"/>
                    </a:lnTo>
                    <a:lnTo>
                      <a:pt x="1034" y="801"/>
                    </a:lnTo>
                    <a:lnTo>
                      <a:pt x="1029" y="799"/>
                    </a:lnTo>
                    <a:lnTo>
                      <a:pt x="1025" y="798"/>
                    </a:lnTo>
                    <a:lnTo>
                      <a:pt x="1022" y="798"/>
                    </a:lnTo>
                    <a:lnTo>
                      <a:pt x="1014" y="800"/>
                    </a:lnTo>
                    <a:lnTo>
                      <a:pt x="1006" y="805"/>
                    </a:lnTo>
                    <a:lnTo>
                      <a:pt x="999" y="810"/>
                    </a:lnTo>
                    <a:lnTo>
                      <a:pt x="991" y="814"/>
                    </a:lnTo>
                    <a:lnTo>
                      <a:pt x="982" y="818"/>
                    </a:lnTo>
                    <a:lnTo>
                      <a:pt x="973" y="820"/>
                    </a:lnTo>
                    <a:lnTo>
                      <a:pt x="976" y="816"/>
                    </a:lnTo>
                    <a:lnTo>
                      <a:pt x="978" y="813"/>
                    </a:lnTo>
                    <a:lnTo>
                      <a:pt x="979" y="810"/>
                    </a:lnTo>
                    <a:lnTo>
                      <a:pt x="978" y="807"/>
                    </a:lnTo>
                    <a:lnTo>
                      <a:pt x="973" y="800"/>
                    </a:lnTo>
                    <a:lnTo>
                      <a:pt x="967" y="794"/>
                    </a:lnTo>
                    <a:lnTo>
                      <a:pt x="963" y="791"/>
                    </a:lnTo>
                    <a:lnTo>
                      <a:pt x="961" y="788"/>
                    </a:lnTo>
                    <a:lnTo>
                      <a:pt x="959" y="785"/>
                    </a:lnTo>
                    <a:lnTo>
                      <a:pt x="957" y="780"/>
                    </a:lnTo>
                    <a:lnTo>
                      <a:pt x="957" y="777"/>
                    </a:lnTo>
                    <a:lnTo>
                      <a:pt x="958" y="773"/>
                    </a:lnTo>
                    <a:lnTo>
                      <a:pt x="960" y="769"/>
                    </a:lnTo>
                    <a:lnTo>
                      <a:pt x="964" y="763"/>
                    </a:lnTo>
                    <a:lnTo>
                      <a:pt x="960" y="765"/>
                    </a:lnTo>
                    <a:lnTo>
                      <a:pt x="956" y="767"/>
                    </a:lnTo>
                    <a:lnTo>
                      <a:pt x="953" y="769"/>
                    </a:lnTo>
                    <a:lnTo>
                      <a:pt x="950" y="772"/>
                    </a:lnTo>
                    <a:lnTo>
                      <a:pt x="949" y="775"/>
                    </a:lnTo>
                    <a:lnTo>
                      <a:pt x="949" y="778"/>
                    </a:lnTo>
                    <a:lnTo>
                      <a:pt x="949" y="781"/>
                    </a:lnTo>
                    <a:lnTo>
                      <a:pt x="950" y="785"/>
                    </a:lnTo>
                    <a:lnTo>
                      <a:pt x="955" y="791"/>
                    </a:lnTo>
                    <a:lnTo>
                      <a:pt x="960" y="797"/>
                    </a:lnTo>
                    <a:lnTo>
                      <a:pt x="966" y="801"/>
                    </a:lnTo>
                    <a:lnTo>
                      <a:pt x="973" y="805"/>
                    </a:lnTo>
                    <a:lnTo>
                      <a:pt x="966" y="813"/>
                    </a:lnTo>
                    <a:lnTo>
                      <a:pt x="957" y="821"/>
                    </a:lnTo>
                    <a:lnTo>
                      <a:pt x="947" y="831"/>
                    </a:lnTo>
                    <a:lnTo>
                      <a:pt x="937" y="839"/>
                    </a:lnTo>
                    <a:lnTo>
                      <a:pt x="918" y="854"/>
                    </a:lnTo>
                    <a:lnTo>
                      <a:pt x="907" y="861"/>
                    </a:lnTo>
                    <a:lnTo>
                      <a:pt x="892" y="869"/>
                    </a:lnTo>
                    <a:lnTo>
                      <a:pt x="874" y="876"/>
                    </a:lnTo>
                    <a:lnTo>
                      <a:pt x="866" y="880"/>
                    </a:lnTo>
                    <a:lnTo>
                      <a:pt x="860" y="886"/>
                    </a:lnTo>
                    <a:lnTo>
                      <a:pt x="857" y="890"/>
                    </a:lnTo>
                    <a:lnTo>
                      <a:pt x="855" y="893"/>
                    </a:lnTo>
                    <a:lnTo>
                      <a:pt x="853" y="897"/>
                    </a:lnTo>
                    <a:lnTo>
                      <a:pt x="850" y="901"/>
                    </a:lnTo>
                    <a:lnTo>
                      <a:pt x="824" y="901"/>
                    </a:lnTo>
                    <a:lnTo>
                      <a:pt x="798" y="901"/>
                    </a:lnTo>
                    <a:lnTo>
                      <a:pt x="771" y="901"/>
                    </a:lnTo>
                    <a:lnTo>
                      <a:pt x="745" y="901"/>
                    </a:lnTo>
                    <a:lnTo>
                      <a:pt x="740" y="894"/>
                    </a:lnTo>
                    <a:lnTo>
                      <a:pt x="734" y="888"/>
                    </a:lnTo>
                    <a:lnTo>
                      <a:pt x="726" y="882"/>
                    </a:lnTo>
                    <a:lnTo>
                      <a:pt x="718" y="878"/>
                    </a:lnTo>
                    <a:lnTo>
                      <a:pt x="699" y="870"/>
                    </a:lnTo>
                    <a:lnTo>
                      <a:pt x="680" y="861"/>
                    </a:lnTo>
                    <a:lnTo>
                      <a:pt x="666" y="853"/>
                    </a:lnTo>
                    <a:lnTo>
                      <a:pt x="652" y="845"/>
                    </a:lnTo>
                    <a:lnTo>
                      <a:pt x="641" y="834"/>
                    </a:lnTo>
                    <a:lnTo>
                      <a:pt x="628" y="823"/>
                    </a:lnTo>
                    <a:lnTo>
                      <a:pt x="605" y="801"/>
                    </a:lnTo>
                    <a:lnTo>
                      <a:pt x="583" y="777"/>
                    </a:lnTo>
                    <a:lnTo>
                      <a:pt x="560" y="753"/>
                    </a:lnTo>
                    <a:lnTo>
                      <a:pt x="535" y="730"/>
                    </a:lnTo>
                    <a:lnTo>
                      <a:pt x="522" y="718"/>
                    </a:lnTo>
                    <a:lnTo>
                      <a:pt x="508" y="709"/>
                    </a:lnTo>
                    <a:lnTo>
                      <a:pt x="492" y="699"/>
                    </a:lnTo>
                    <a:lnTo>
                      <a:pt x="477" y="691"/>
                    </a:lnTo>
                    <a:lnTo>
                      <a:pt x="465" y="686"/>
                    </a:lnTo>
                    <a:lnTo>
                      <a:pt x="455" y="681"/>
                    </a:lnTo>
                    <a:lnTo>
                      <a:pt x="443" y="677"/>
                    </a:lnTo>
                    <a:lnTo>
                      <a:pt x="432" y="674"/>
                    </a:lnTo>
                    <a:lnTo>
                      <a:pt x="410" y="669"/>
                    </a:lnTo>
                    <a:lnTo>
                      <a:pt x="389" y="663"/>
                    </a:lnTo>
                    <a:lnTo>
                      <a:pt x="367" y="658"/>
                    </a:lnTo>
                    <a:lnTo>
                      <a:pt x="345" y="650"/>
                    </a:lnTo>
                    <a:lnTo>
                      <a:pt x="333" y="646"/>
                    </a:lnTo>
                    <a:lnTo>
                      <a:pt x="322" y="640"/>
                    </a:lnTo>
                    <a:lnTo>
                      <a:pt x="310" y="633"/>
                    </a:lnTo>
                    <a:lnTo>
                      <a:pt x="298" y="626"/>
                    </a:lnTo>
                    <a:lnTo>
                      <a:pt x="292" y="620"/>
                    </a:lnTo>
                    <a:lnTo>
                      <a:pt x="285" y="614"/>
                    </a:lnTo>
                    <a:lnTo>
                      <a:pt x="276" y="609"/>
                    </a:lnTo>
                    <a:lnTo>
                      <a:pt x="265" y="603"/>
                    </a:lnTo>
                    <a:lnTo>
                      <a:pt x="260" y="602"/>
                    </a:lnTo>
                    <a:lnTo>
                      <a:pt x="253" y="601"/>
                    </a:lnTo>
                    <a:lnTo>
                      <a:pt x="248" y="600"/>
                    </a:lnTo>
                    <a:lnTo>
                      <a:pt x="243" y="600"/>
                    </a:lnTo>
                    <a:lnTo>
                      <a:pt x="239" y="601"/>
                    </a:lnTo>
                    <a:lnTo>
                      <a:pt x="233" y="602"/>
                    </a:lnTo>
                    <a:lnTo>
                      <a:pt x="229" y="606"/>
                    </a:lnTo>
                    <a:lnTo>
                      <a:pt x="225" y="609"/>
                    </a:lnTo>
                    <a:lnTo>
                      <a:pt x="207" y="604"/>
                    </a:lnTo>
                    <a:lnTo>
                      <a:pt x="189" y="599"/>
                    </a:lnTo>
                    <a:lnTo>
                      <a:pt x="173" y="593"/>
                    </a:lnTo>
                    <a:lnTo>
                      <a:pt x="157" y="586"/>
                    </a:lnTo>
                    <a:lnTo>
                      <a:pt x="142" y="578"/>
                    </a:lnTo>
                    <a:lnTo>
                      <a:pt x="127" y="570"/>
                    </a:lnTo>
                    <a:lnTo>
                      <a:pt x="112" y="561"/>
                    </a:lnTo>
                    <a:lnTo>
                      <a:pt x="100" y="552"/>
                    </a:lnTo>
                    <a:lnTo>
                      <a:pt x="87" y="541"/>
                    </a:lnTo>
                    <a:lnTo>
                      <a:pt x="75" y="530"/>
                    </a:lnTo>
                    <a:lnTo>
                      <a:pt x="65" y="518"/>
                    </a:lnTo>
                    <a:lnTo>
                      <a:pt x="54" y="505"/>
                    </a:lnTo>
                    <a:lnTo>
                      <a:pt x="45" y="492"/>
                    </a:lnTo>
                    <a:lnTo>
                      <a:pt x="36" y="478"/>
                    </a:lnTo>
                    <a:lnTo>
                      <a:pt x="28" y="462"/>
                    </a:lnTo>
                    <a:lnTo>
                      <a:pt x="22" y="447"/>
                    </a:lnTo>
                    <a:lnTo>
                      <a:pt x="18" y="442"/>
                    </a:lnTo>
                    <a:lnTo>
                      <a:pt x="13" y="438"/>
                    </a:lnTo>
                    <a:lnTo>
                      <a:pt x="10" y="433"/>
                    </a:lnTo>
                    <a:lnTo>
                      <a:pt x="7" y="428"/>
                    </a:lnTo>
                    <a:lnTo>
                      <a:pt x="3" y="416"/>
                    </a:lnTo>
                    <a:lnTo>
                      <a:pt x="1" y="403"/>
                    </a:lnTo>
                    <a:lnTo>
                      <a:pt x="0" y="392"/>
                    </a:lnTo>
                    <a:lnTo>
                      <a:pt x="1" y="379"/>
                    </a:lnTo>
                    <a:lnTo>
                      <a:pt x="3" y="366"/>
                    </a:lnTo>
                    <a:lnTo>
                      <a:pt x="7" y="356"/>
                    </a:lnTo>
                    <a:lnTo>
                      <a:pt x="12" y="348"/>
                    </a:lnTo>
                    <a:lnTo>
                      <a:pt x="18" y="340"/>
                    </a:lnTo>
                    <a:lnTo>
                      <a:pt x="21" y="337"/>
                    </a:lnTo>
                    <a:lnTo>
                      <a:pt x="24" y="335"/>
                    </a:lnTo>
                    <a:lnTo>
                      <a:pt x="27" y="334"/>
                    </a:lnTo>
                    <a:lnTo>
                      <a:pt x="31" y="334"/>
                    </a:lnTo>
                    <a:lnTo>
                      <a:pt x="34" y="334"/>
                    </a:lnTo>
                    <a:lnTo>
                      <a:pt x="39" y="335"/>
                    </a:lnTo>
                    <a:lnTo>
                      <a:pt x="43" y="337"/>
                    </a:lnTo>
                    <a:lnTo>
                      <a:pt x="46" y="340"/>
                    </a:lnTo>
                    <a:lnTo>
                      <a:pt x="50" y="345"/>
                    </a:lnTo>
                    <a:lnTo>
                      <a:pt x="54" y="351"/>
                    </a:lnTo>
                    <a:lnTo>
                      <a:pt x="59" y="357"/>
                    </a:lnTo>
                    <a:lnTo>
                      <a:pt x="63" y="365"/>
                    </a:lnTo>
                    <a:lnTo>
                      <a:pt x="63" y="370"/>
                    </a:lnTo>
                    <a:lnTo>
                      <a:pt x="63" y="374"/>
                    </a:lnTo>
                    <a:lnTo>
                      <a:pt x="71" y="374"/>
                    </a:lnTo>
                    <a:lnTo>
                      <a:pt x="80" y="375"/>
                    </a:lnTo>
                    <a:lnTo>
                      <a:pt x="87" y="377"/>
                    </a:lnTo>
                    <a:lnTo>
                      <a:pt x="93" y="379"/>
                    </a:lnTo>
                    <a:lnTo>
                      <a:pt x="106" y="384"/>
                    </a:lnTo>
                    <a:lnTo>
                      <a:pt x="120" y="390"/>
                    </a:lnTo>
                    <a:lnTo>
                      <a:pt x="128" y="393"/>
                    </a:lnTo>
                    <a:lnTo>
                      <a:pt x="135" y="398"/>
                    </a:lnTo>
                    <a:lnTo>
                      <a:pt x="137" y="389"/>
                    </a:lnTo>
                    <a:lnTo>
                      <a:pt x="137" y="382"/>
                    </a:lnTo>
                    <a:lnTo>
                      <a:pt x="135" y="377"/>
                    </a:lnTo>
                    <a:lnTo>
                      <a:pt x="133" y="374"/>
                    </a:lnTo>
                    <a:lnTo>
                      <a:pt x="131" y="372"/>
                    </a:lnTo>
                    <a:lnTo>
                      <a:pt x="128" y="371"/>
                    </a:lnTo>
                    <a:lnTo>
                      <a:pt x="125" y="371"/>
                    </a:lnTo>
                    <a:lnTo>
                      <a:pt x="121" y="371"/>
                    </a:lnTo>
                    <a:lnTo>
                      <a:pt x="113" y="371"/>
                    </a:lnTo>
                    <a:lnTo>
                      <a:pt x="106" y="371"/>
                    </a:lnTo>
                    <a:lnTo>
                      <a:pt x="102" y="369"/>
                    </a:lnTo>
                    <a:lnTo>
                      <a:pt x="100" y="366"/>
                    </a:lnTo>
                    <a:lnTo>
                      <a:pt x="97" y="362"/>
                    </a:lnTo>
                    <a:lnTo>
                      <a:pt x="94" y="357"/>
                    </a:lnTo>
                    <a:lnTo>
                      <a:pt x="90" y="350"/>
                    </a:lnTo>
                    <a:lnTo>
                      <a:pt x="87" y="341"/>
                    </a:lnTo>
                    <a:lnTo>
                      <a:pt x="86" y="334"/>
                    </a:lnTo>
                    <a:lnTo>
                      <a:pt x="87" y="325"/>
                    </a:lnTo>
                    <a:lnTo>
                      <a:pt x="88" y="318"/>
                    </a:lnTo>
                    <a:lnTo>
                      <a:pt x="90" y="311"/>
                    </a:lnTo>
                    <a:lnTo>
                      <a:pt x="94" y="305"/>
                    </a:lnTo>
                    <a:lnTo>
                      <a:pt x="98" y="300"/>
                    </a:lnTo>
                    <a:lnTo>
                      <a:pt x="103" y="296"/>
                    </a:lnTo>
                    <a:lnTo>
                      <a:pt x="107" y="294"/>
                    </a:lnTo>
                    <a:lnTo>
                      <a:pt x="111" y="294"/>
                    </a:lnTo>
                    <a:lnTo>
                      <a:pt x="117" y="295"/>
                    </a:lnTo>
                    <a:lnTo>
                      <a:pt x="120" y="298"/>
                    </a:lnTo>
                    <a:lnTo>
                      <a:pt x="124" y="304"/>
                    </a:lnTo>
                    <a:lnTo>
                      <a:pt x="126" y="313"/>
                    </a:lnTo>
                    <a:lnTo>
                      <a:pt x="127" y="324"/>
                    </a:lnTo>
                    <a:lnTo>
                      <a:pt x="133" y="326"/>
                    </a:lnTo>
                    <a:lnTo>
                      <a:pt x="139" y="330"/>
                    </a:lnTo>
                    <a:lnTo>
                      <a:pt x="142" y="332"/>
                    </a:lnTo>
                    <a:lnTo>
                      <a:pt x="145" y="336"/>
                    </a:lnTo>
                    <a:lnTo>
                      <a:pt x="147" y="339"/>
                    </a:lnTo>
                    <a:lnTo>
                      <a:pt x="148" y="343"/>
                    </a:lnTo>
                    <a:lnTo>
                      <a:pt x="148" y="346"/>
                    </a:lnTo>
                    <a:lnTo>
                      <a:pt x="148" y="352"/>
                    </a:lnTo>
                    <a:lnTo>
                      <a:pt x="146" y="361"/>
                    </a:lnTo>
                    <a:lnTo>
                      <a:pt x="144" y="373"/>
                    </a:lnTo>
                    <a:lnTo>
                      <a:pt x="143" y="384"/>
                    </a:lnTo>
                    <a:lnTo>
                      <a:pt x="144" y="398"/>
                    </a:lnTo>
                    <a:lnTo>
                      <a:pt x="147" y="398"/>
                    </a:lnTo>
                    <a:lnTo>
                      <a:pt x="150" y="400"/>
                    </a:lnTo>
                    <a:lnTo>
                      <a:pt x="153" y="402"/>
                    </a:lnTo>
                    <a:lnTo>
                      <a:pt x="155" y="404"/>
                    </a:lnTo>
                    <a:lnTo>
                      <a:pt x="159" y="411"/>
                    </a:lnTo>
                    <a:lnTo>
                      <a:pt x="161" y="417"/>
                    </a:lnTo>
                    <a:lnTo>
                      <a:pt x="164" y="423"/>
                    </a:lnTo>
                    <a:lnTo>
                      <a:pt x="168" y="428"/>
                    </a:lnTo>
                    <a:lnTo>
                      <a:pt x="171" y="430"/>
                    </a:lnTo>
                    <a:lnTo>
                      <a:pt x="174" y="431"/>
                    </a:lnTo>
                    <a:lnTo>
                      <a:pt x="179" y="431"/>
                    </a:lnTo>
                    <a:lnTo>
                      <a:pt x="184" y="431"/>
                    </a:lnTo>
                    <a:lnTo>
                      <a:pt x="187" y="428"/>
                    </a:lnTo>
                    <a:lnTo>
                      <a:pt x="189" y="424"/>
                    </a:lnTo>
                    <a:lnTo>
                      <a:pt x="189" y="421"/>
                    </a:lnTo>
                    <a:lnTo>
                      <a:pt x="189" y="418"/>
                    </a:lnTo>
                    <a:lnTo>
                      <a:pt x="186" y="412"/>
                    </a:lnTo>
                    <a:lnTo>
                      <a:pt x="182" y="404"/>
                    </a:lnTo>
                    <a:lnTo>
                      <a:pt x="178" y="397"/>
                    </a:lnTo>
                    <a:lnTo>
                      <a:pt x="175" y="390"/>
                    </a:lnTo>
                    <a:lnTo>
                      <a:pt x="175" y="386"/>
                    </a:lnTo>
                    <a:lnTo>
                      <a:pt x="178" y="382"/>
                    </a:lnTo>
                    <a:lnTo>
                      <a:pt x="180" y="378"/>
                    </a:lnTo>
                    <a:lnTo>
                      <a:pt x="184" y="374"/>
                    </a:lnTo>
                    <a:lnTo>
                      <a:pt x="192" y="377"/>
                    </a:lnTo>
                    <a:lnTo>
                      <a:pt x="201" y="381"/>
                    </a:lnTo>
                    <a:lnTo>
                      <a:pt x="208" y="385"/>
                    </a:lnTo>
                    <a:lnTo>
                      <a:pt x="217" y="390"/>
                    </a:lnTo>
                    <a:lnTo>
                      <a:pt x="217" y="394"/>
                    </a:lnTo>
                    <a:lnTo>
                      <a:pt x="217" y="398"/>
                    </a:lnTo>
                    <a:lnTo>
                      <a:pt x="219" y="393"/>
                    </a:lnTo>
                    <a:lnTo>
                      <a:pt x="221" y="389"/>
                    </a:lnTo>
                    <a:lnTo>
                      <a:pt x="223" y="383"/>
                    </a:lnTo>
                    <a:lnTo>
                      <a:pt x="225" y="380"/>
                    </a:lnTo>
                    <a:lnTo>
                      <a:pt x="231" y="373"/>
                    </a:lnTo>
                    <a:lnTo>
                      <a:pt x="240" y="368"/>
                    </a:lnTo>
                    <a:lnTo>
                      <a:pt x="257" y="358"/>
                    </a:lnTo>
                    <a:lnTo>
                      <a:pt x="273" y="349"/>
                    </a:lnTo>
                    <a:lnTo>
                      <a:pt x="272" y="346"/>
                    </a:lnTo>
                    <a:lnTo>
                      <a:pt x="269" y="344"/>
                    </a:lnTo>
                    <a:lnTo>
                      <a:pt x="266" y="342"/>
                    </a:lnTo>
                    <a:lnTo>
                      <a:pt x="262" y="341"/>
                    </a:lnTo>
                    <a:lnTo>
                      <a:pt x="252" y="339"/>
                    </a:lnTo>
                    <a:lnTo>
                      <a:pt x="242" y="339"/>
                    </a:lnTo>
                    <a:lnTo>
                      <a:pt x="231" y="341"/>
                    </a:lnTo>
                    <a:lnTo>
                      <a:pt x="224" y="345"/>
                    </a:lnTo>
                    <a:lnTo>
                      <a:pt x="221" y="348"/>
                    </a:lnTo>
                    <a:lnTo>
                      <a:pt x="218" y="351"/>
                    </a:lnTo>
                    <a:lnTo>
                      <a:pt x="217" y="354"/>
                    </a:lnTo>
                    <a:lnTo>
                      <a:pt x="217" y="357"/>
                    </a:lnTo>
                    <a:lnTo>
                      <a:pt x="209" y="357"/>
                    </a:lnTo>
                    <a:lnTo>
                      <a:pt x="204" y="356"/>
                    </a:lnTo>
                    <a:lnTo>
                      <a:pt x="199" y="354"/>
                    </a:lnTo>
                    <a:lnTo>
                      <a:pt x="195" y="350"/>
                    </a:lnTo>
                    <a:lnTo>
                      <a:pt x="193" y="345"/>
                    </a:lnTo>
                    <a:lnTo>
                      <a:pt x="192" y="339"/>
                    </a:lnTo>
                    <a:lnTo>
                      <a:pt x="192" y="332"/>
                    </a:lnTo>
                    <a:lnTo>
                      <a:pt x="192" y="324"/>
                    </a:lnTo>
                    <a:lnTo>
                      <a:pt x="197" y="323"/>
                    </a:lnTo>
                    <a:lnTo>
                      <a:pt x="199" y="322"/>
                    </a:lnTo>
                    <a:lnTo>
                      <a:pt x="200" y="321"/>
                    </a:lnTo>
                    <a:lnTo>
                      <a:pt x="200" y="319"/>
                    </a:lnTo>
                    <a:lnTo>
                      <a:pt x="198" y="317"/>
                    </a:lnTo>
                    <a:lnTo>
                      <a:pt x="193" y="314"/>
                    </a:lnTo>
                    <a:lnTo>
                      <a:pt x="188" y="310"/>
                    </a:lnTo>
                    <a:lnTo>
                      <a:pt x="184" y="304"/>
                    </a:lnTo>
                    <a:lnTo>
                      <a:pt x="183" y="302"/>
                    </a:lnTo>
                    <a:lnTo>
                      <a:pt x="183" y="299"/>
                    </a:lnTo>
                    <a:lnTo>
                      <a:pt x="183" y="296"/>
                    </a:lnTo>
                    <a:lnTo>
                      <a:pt x="184" y="292"/>
                    </a:lnTo>
                    <a:lnTo>
                      <a:pt x="179" y="281"/>
                    </a:lnTo>
                    <a:lnTo>
                      <a:pt x="171" y="269"/>
                    </a:lnTo>
                    <a:lnTo>
                      <a:pt x="163" y="257"/>
                    </a:lnTo>
                    <a:lnTo>
                      <a:pt x="154" y="247"/>
                    </a:lnTo>
                    <a:lnTo>
                      <a:pt x="149" y="243"/>
                    </a:lnTo>
                    <a:lnTo>
                      <a:pt x="145" y="241"/>
                    </a:lnTo>
                    <a:lnTo>
                      <a:pt x="141" y="240"/>
                    </a:lnTo>
                    <a:lnTo>
                      <a:pt x="135" y="240"/>
                    </a:lnTo>
                    <a:lnTo>
                      <a:pt x="131" y="242"/>
                    </a:lnTo>
                    <a:lnTo>
                      <a:pt x="127" y="245"/>
                    </a:lnTo>
                    <a:lnTo>
                      <a:pt x="123" y="252"/>
                    </a:lnTo>
                    <a:lnTo>
                      <a:pt x="120" y="260"/>
                    </a:lnTo>
                    <a:lnTo>
                      <a:pt x="113" y="252"/>
                    </a:lnTo>
                    <a:lnTo>
                      <a:pt x="108" y="243"/>
                    </a:lnTo>
                    <a:lnTo>
                      <a:pt x="104" y="235"/>
                    </a:lnTo>
                    <a:lnTo>
                      <a:pt x="101" y="227"/>
                    </a:lnTo>
                    <a:lnTo>
                      <a:pt x="99" y="219"/>
                    </a:lnTo>
                    <a:lnTo>
                      <a:pt x="97" y="212"/>
                    </a:lnTo>
                    <a:lnTo>
                      <a:pt x="95" y="203"/>
                    </a:lnTo>
                    <a:lnTo>
                      <a:pt x="94" y="196"/>
                    </a:lnTo>
                    <a:lnTo>
                      <a:pt x="94" y="189"/>
                    </a:lnTo>
                    <a:lnTo>
                      <a:pt x="95" y="181"/>
                    </a:lnTo>
                    <a:lnTo>
                      <a:pt x="97" y="174"/>
                    </a:lnTo>
                    <a:lnTo>
                      <a:pt x="98" y="167"/>
                    </a:lnTo>
                    <a:lnTo>
                      <a:pt x="103" y="153"/>
                    </a:lnTo>
                    <a:lnTo>
                      <a:pt x="109" y="140"/>
                    </a:lnTo>
                    <a:lnTo>
                      <a:pt x="118" y="126"/>
                    </a:lnTo>
                    <a:lnTo>
                      <a:pt x="127" y="114"/>
                    </a:lnTo>
                    <a:lnTo>
                      <a:pt x="137" y="102"/>
                    </a:lnTo>
                    <a:lnTo>
                      <a:pt x="148" y="91"/>
                    </a:lnTo>
                    <a:lnTo>
                      <a:pt x="170" y="68"/>
                    </a:lnTo>
                    <a:lnTo>
                      <a:pt x="192" y="48"/>
                    </a:lnTo>
                    <a:lnTo>
                      <a:pt x="195" y="53"/>
                    </a:lnTo>
                    <a:lnTo>
                      <a:pt x="200" y="55"/>
                    </a:lnTo>
                    <a:lnTo>
                      <a:pt x="204" y="57"/>
                    </a:lnTo>
                    <a:lnTo>
                      <a:pt x="208" y="57"/>
                    </a:lnTo>
                    <a:lnTo>
                      <a:pt x="217" y="57"/>
                    </a:lnTo>
                    <a:lnTo>
                      <a:pt x="226" y="55"/>
                    </a:lnTo>
                    <a:lnTo>
                      <a:pt x="233" y="53"/>
                    </a:lnTo>
                    <a:lnTo>
                      <a:pt x="241" y="53"/>
                    </a:lnTo>
                    <a:lnTo>
                      <a:pt x="244" y="54"/>
                    </a:lnTo>
                    <a:lnTo>
                      <a:pt x="246" y="56"/>
                    </a:lnTo>
                    <a:lnTo>
                      <a:pt x="248" y="60"/>
                    </a:lnTo>
                    <a:lnTo>
                      <a:pt x="249" y="64"/>
                    </a:lnTo>
                    <a:lnTo>
                      <a:pt x="251" y="63"/>
                    </a:lnTo>
                    <a:lnTo>
                      <a:pt x="253" y="61"/>
                    </a:lnTo>
                    <a:lnTo>
                      <a:pt x="253" y="59"/>
                    </a:lnTo>
                    <a:lnTo>
                      <a:pt x="253" y="57"/>
                    </a:lnTo>
                    <a:lnTo>
                      <a:pt x="251" y="53"/>
                    </a:lnTo>
                    <a:lnTo>
                      <a:pt x="248" y="48"/>
                    </a:lnTo>
                    <a:lnTo>
                      <a:pt x="246" y="47"/>
                    </a:lnTo>
                    <a:lnTo>
                      <a:pt x="245" y="45"/>
                    </a:lnTo>
                    <a:lnTo>
                      <a:pt x="245" y="42"/>
                    </a:lnTo>
                    <a:lnTo>
                      <a:pt x="245" y="40"/>
                    </a:lnTo>
                    <a:lnTo>
                      <a:pt x="246" y="38"/>
                    </a:lnTo>
                    <a:lnTo>
                      <a:pt x="248" y="36"/>
                    </a:lnTo>
                    <a:lnTo>
                      <a:pt x="252" y="34"/>
                    </a:lnTo>
                    <a:lnTo>
                      <a:pt x="258" y="32"/>
                    </a:lnTo>
                    <a:lnTo>
                      <a:pt x="265" y="27"/>
                    </a:lnTo>
                    <a:lnTo>
                      <a:pt x="274" y="24"/>
                    </a:lnTo>
                    <a:lnTo>
                      <a:pt x="280" y="23"/>
                    </a:lnTo>
                    <a:lnTo>
                      <a:pt x="285" y="23"/>
                    </a:lnTo>
                    <a:lnTo>
                      <a:pt x="291" y="23"/>
                    </a:lnTo>
                    <a:lnTo>
                      <a:pt x="298" y="24"/>
                    </a:lnTo>
                    <a:lnTo>
                      <a:pt x="318" y="17"/>
                    </a:lnTo>
                    <a:lnTo>
                      <a:pt x="338" y="11"/>
                    </a:lnTo>
                    <a:lnTo>
                      <a:pt x="349" y="10"/>
                    </a:lnTo>
                    <a:lnTo>
                      <a:pt x="361" y="7"/>
                    </a:lnTo>
                    <a:lnTo>
                      <a:pt x="373" y="7"/>
                    </a:lnTo>
                    <a:lnTo>
                      <a:pt x="387" y="7"/>
                    </a:lnTo>
                    <a:lnTo>
                      <a:pt x="399" y="6"/>
                    </a:lnTo>
                    <a:lnTo>
                      <a:pt x="411" y="6"/>
                    </a:lnTo>
                    <a:lnTo>
                      <a:pt x="424" y="7"/>
                    </a:lnTo>
                    <a:lnTo>
                      <a:pt x="438" y="8"/>
                    </a:lnTo>
                    <a:lnTo>
                      <a:pt x="449" y="8"/>
                    </a:lnTo>
                    <a:lnTo>
                      <a:pt x="461" y="8"/>
                    </a:lnTo>
                    <a:lnTo>
                      <a:pt x="466" y="6"/>
                    </a:lnTo>
                    <a:lnTo>
                      <a:pt x="470" y="5"/>
                    </a:lnTo>
                    <a:lnTo>
                      <a:pt x="473" y="2"/>
                    </a:lnTo>
                    <a:lnTo>
                      <a:pt x="477" y="0"/>
                    </a:lnTo>
                    <a:lnTo>
                      <a:pt x="499" y="15"/>
                    </a:lnTo>
                    <a:lnTo>
                      <a:pt x="520" y="30"/>
                    </a:lnTo>
                    <a:lnTo>
                      <a:pt x="541" y="45"/>
                    </a:lnTo>
                    <a:lnTo>
                      <a:pt x="561" y="61"/>
                    </a:lnTo>
                    <a:lnTo>
                      <a:pt x="582" y="78"/>
                    </a:lnTo>
                    <a:lnTo>
                      <a:pt x="601" y="95"/>
                    </a:lnTo>
                    <a:lnTo>
                      <a:pt x="621" y="112"/>
                    </a:lnTo>
                    <a:lnTo>
                      <a:pt x="640" y="130"/>
                    </a:lnTo>
                    <a:lnTo>
                      <a:pt x="639" y="140"/>
                    </a:lnTo>
                    <a:lnTo>
                      <a:pt x="639" y="149"/>
                    </a:lnTo>
                    <a:lnTo>
                      <a:pt x="641" y="156"/>
                    </a:lnTo>
                    <a:lnTo>
                      <a:pt x="643" y="162"/>
                    </a:lnTo>
                    <a:lnTo>
                      <a:pt x="647" y="167"/>
                    </a:lnTo>
                    <a:lnTo>
                      <a:pt x="652" y="172"/>
                    </a:lnTo>
                    <a:lnTo>
                      <a:pt x="658" y="176"/>
                    </a:lnTo>
                    <a:lnTo>
                      <a:pt x="664" y="178"/>
                    </a:lnTo>
                    <a:lnTo>
                      <a:pt x="680" y="193"/>
                    </a:lnTo>
                    <a:lnTo>
                      <a:pt x="697" y="205"/>
                    </a:lnTo>
                    <a:lnTo>
                      <a:pt x="715" y="217"/>
                    </a:lnTo>
                    <a:lnTo>
                      <a:pt x="733" y="226"/>
                    </a:lnTo>
                    <a:lnTo>
                      <a:pt x="751" y="235"/>
                    </a:lnTo>
                    <a:lnTo>
                      <a:pt x="770" y="241"/>
                    </a:lnTo>
                    <a:lnTo>
                      <a:pt x="789" y="246"/>
                    </a:lnTo>
                    <a:lnTo>
                      <a:pt x="810" y="252"/>
                    </a:lnTo>
                    <a:lnTo>
                      <a:pt x="810" y="263"/>
                    </a:lnTo>
                    <a:lnTo>
                      <a:pt x="810" y="276"/>
                    </a:lnTo>
                    <a:lnTo>
                      <a:pt x="810" y="289"/>
                    </a:lnTo>
                    <a:lnTo>
                      <a:pt x="810" y="300"/>
                    </a:lnTo>
                    <a:lnTo>
                      <a:pt x="825" y="308"/>
                    </a:lnTo>
                    <a:lnTo>
                      <a:pt x="840" y="313"/>
                    </a:lnTo>
                    <a:lnTo>
                      <a:pt x="854" y="316"/>
                    </a:lnTo>
                    <a:lnTo>
                      <a:pt x="867" y="318"/>
                    </a:lnTo>
                    <a:lnTo>
                      <a:pt x="882" y="321"/>
                    </a:lnTo>
                    <a:lnTo>
                      <a:pt x="897" y="323"/>
                    </a:lnTo>
                    <a:lnTo>
                      <a:pt x="914" y="328"/>
                    </a:lnTo>
                    <a:lnTo>
                      <a:pt x="932" y="333"/>
                    </a:lnTo>
                    <a:lnTo>
                      <a:pt x="929" y="334"/>
                    </a:lnTo>
                    <a:lnTo>
                      <a:pt x="927" y="336"/>
                    </a:lnTo>
                    <a:lnTo>
                      <a:pt x="925" y="338"/>
                    </a:lnTo>
                    <a:lnTo>
                      <a:pt x="925" y="342"/>
                    </a:lnTo>
                    <a:lnTo>
                      <a:pt x="924" y="350"/>
                    </a:lnTo>
                    <a:lnTo>
                      <a:pt x="924" y="357"/>
                    </a:lnTo>
                    <a:lnTo>
                      <a:pt x="927" y="353"/>
                    </a:lnTo>
                    <a:lnTo>
                      <a:pt x="933" y="350"/>
                    </a:lnTo>
                    <a:lnTo>
                      <a:pt x="939" y="348"/>
                    </a:lnTo>
                    <a:lnTo>
                      <a:pt x="945" y="345"/>
                    </a:lnTo>
                    <a:lnTo>
                      <a:pt x="953" y="345"/>
                    </a:lnTo>
                    <a:lnTo>
                      <a:pt x="961" y="345"/>
                    </a:lnTo>
                    <a:lnTo>
                      <a:pt x="969" y="348"/>
                    </a:lnTo>
                    <a:lnTo>
                      <a:pt x="978" y="350"/>
                    </a:lnTo>
                    <a:lnTo>
                      <a:pt x="986" y="352"/>
                    </a:lnTo>
                    <a:lnTo>
                      <a:pt x="995" y="355"/>
                    </a:lnTo>
                    <a:lnTo>
                      <a:pt x="1002" y="359"/>
                    </a:lnTo>
                    <a:lnTo>
                      <a:pt x="1009" y="362"/>
                    </a:lnTo>
                    <a:lnTo>
                      <a:pt x="1016" y="368"/>
                    </a:lnTo>
                    <a:lnTo>
                      <a:pt x="1022" y="372"/>
                    </a:lnTo>
                    <a:lnTo>
                      <a:pt x="1026" y="377"/>
                    </a:lnTo>
                    <a:lnTo>
                      <a:pt x="1029" y="381"/>
                    </a:lnTo>
                    <a:lnTo>
                      <a:pt x="1033" y="380"/>
                    </a:lnTo>
                    <a:lnTo>
                      <a:pt x="1034" y="379"/>
                    </a:lnTo>
                    <a:lnTo>
                      <a:pt x="1035" y="377"/>
                    </a:lnTo>
                    <a:lnTo>
                      <a:pt x="1035" y="375"/>
                    </a:lnTo>
                    <a:lnTo>
                      <a:pt x="1032" y="371"/>
                    </a:lnTo>
                    <a:lnTo>
                      <a:pt x="1027" y="365"/>
                    </a:lnTo>
                    <a:lnTo>
                      <a:pt x="1016" y="356"/>
                    </a:lnTo>
                    <a:lnTo>
                      <a:pt x="1005" y="349"/>
                    </a:lnTo>
                    <a:lnTo>
                      <a:pt x="989" y="332"/>
                    </a:lnTo>
                    <a:lnTo>
                      <a:pt x="973" y="317"/>
                    </a:lnTo>
                    <a:lnTo>
                      <a:pt x="963" y="310"/>
                    </a:lnTo>
                    <a:lnTo>
                      <a:pt x="954" y="303"/>
                    </a:lnTo>
                    <a:lnTo>
                      <a:pt x="943" y="297"/>
                    </a:lnTo>
                    <a:lnTo>
                      <a:pt x="932" y="292"/>
                    </a:lnTo>
                    <a:lnTo>
                      <a:pt x="932" y="284"/>
                    </a:lnTo>
                    <a:lnTo>
                      <a:pt x="932" y="276"/>
                    </a:lnTo>
                    <a:lnTo>
                      <a:pt x="939" y="269"/>
                    </a:lnTo>
                    <a:lnTo>
                      <a:pt x="945" y="263"/>
                    </a:lnTo>
                    <a:lnTo>
                      <a:pt x="953" y="260"/>
                    </a:lnTo>
                    <a:lnTo>
                      <a:pt x="959" y="258"/>
                    </a:lnTo>
                    <a:lnTo>
                      <a:pt x="965" y="257"/>
                    </a:lnTo>
                    <a:lnTo>
                      <a:pt x="972" y="257"/>
                    </a:lnTo>
                    <a:lnTo>
                      <a:pt x="978" y="258"/>
                    </a:lnTo>
                    <a:lnTo>
                      <a:pt x="984" y="259"/>
                    </a:lnTo>
                    <a:lnTo>
                      <a:pt x="997" y="263"/>
                    </a:lnTo>
                    <a:lnTo>
                      <a:pt x="1011" y="268"/>
                    </a:lnTo>
                    <a:lnTo>
                      <a:pt x="1017" y="269"/>
                    </a:lnTo>
                    <a:lnTo>
                      <a:pt x="1023" y="270"/>
                    </a:lnTo>
                    <a:lnTo>
                      <a:pt x="1031" y="269"/>
                    </a:lnTo>
                    <a:lnTo>
                      <a:pt x="1038" y="268"/>
                    </a:lnTo>
                    <a:lnTo>
                      <a:pt x="1039" y="264"/>
                    </a:lnTo>
                    <a:lnTo>
                      <a:pt x="1041" y="261"/>
                    </a:lnTo>
                    <a:lnTo>
                      <a:pt x="1043" y="258"/>
                    </a:lnTo>
                    <a:lnTo>
                      <a:pt x="1046" y="256"/>
                    </a:lnTo>
                    <a:lnTo>
                      <a:pt x="1049" y="254"/>
                    </a:lnTo>
                    <a:lnTo>
                      <a:pt x="1053" y="253"/>
                    </a:lnTo>
                    <a:lnTo>
                      <a:pt x="1057" y="252"/>
                    </a:lnTo>
                    <a:lnTo>
                      <a:pt x="1062" y="252"/>
                    </a:lnTo>
                    <a:lnTo>
                      <a:pt x="1064" y="241"/>
                    </a:lnTo>
                    <a:lnTo>
                      <a:pt x="1065" y="232"/>
                    </a:lnTo>
                    <a:lnTo>
                      <a:pt x="1065" y="221"/>
                    </a:lnTo>
                    <a:lnTo>
                      <a:pt x="1064" y="212"/>
                    </a:lnTo>
                    <a:lnTo>
                      <a:pt x="1061" y="201"/>
                    </a:lnTo>
                    <a:lnTo>
                      <a:pt x="1058" y="192"/>
                    </a:lnTo>
                    <a:lnTo>
                      <a:pt x="1055" y="182"/>
                    </a:lnTo>
                    <a:lnTo>
                      <a:pt x="1051" y="173"/>
                    </a:lnTo>
                    <a:lnTo>
                      <a:pt x="1043" y="156"/>
                    </a:lnTo>
                    <a:lnTo>
                      <a:pt x="1037" y="141"/>
                    </a:lnTo>
                    <a:lnTo>
                      <a:pt x="1035" y="135"/>
                    </a:lnTo>
                    <a:lnTo>
                      <a:pt x="1035" y="130"/>
                    </a:lnTo>
                    <a:lnTo>
                      <a:pt x="1036" y="125"/>
                    </a:lnTo>
                    <a:lnTo>
                      <a:pt x="1038" y="121"/>
                    </a:lnTo>
                    <a:lnTo>
                      <a:pt x="1042" y="118"/>
                    </a:lnTo>
                    <a:lnTo>
                      <a:pt x="1046" y="116"/>
                    </a:lnTo>
                    <a:lnTo>
                      <a:pt x="1051" y="114"/>
                    </a:lnTo>
                    <a:lnTo>
                      <a:pt x="1055" y="114"/>
                    </a:lnTo>
                    <a:lnTo>
                      <a:pt x="1059" y="114"/>
                    </a:lnTo>
                    <a:lnTo>
                      <a:pt x="1063" y="115"/>
                    </a:lnTo>
                    <a:lnTo>
                      <a:pt x="1067" y="116"/>
                    </a:lnTo>
                    <a:lnTo>
                      <a:pt x="1072" y="118"/>
                    </a:lnTo>
                    <a:lnTo>
                      <a:pt x="1081" y="124"/>
                    </a:lnTo>
                    <a:lnTo>
                      <a:pt x="1089" y="132"/>
                    </a:lnTo>
                    <a:lnTo>
                      <a:pt x="1100" y="140"/>
                    </a:lnTo>
                    <a:lnTo>
                      <a:pt x="1110" y="150"/>
                    </a:lnTo>
                    <a:lnTo>
                      <a:pt x="1120" y="160"/>
                    </a:lnTo>
                    <a:lnTo>
                      <a:pt x="1132" y="171"/>
                    </a:lnTo>
                    <a:lnTo>
                      <a:pt x="1142" y="180"/>
                    </a:lnTo>
                    <a:lnTo>
                      <a:pt x="1155" y="189"/>
                    </a:lnTo>
                    <a:lnTo>
                      <a:pt x="1167" y="195"/>
                    </a:lnTo>
                    <a:lnTo>
                      <a:pt x="1180" y="200"/>
                    </a:lnTo>
                    <a:lnTo>
                      <a:pt x="1187" y="202"/>
                    </a:lnTo>
                    <a:lnTo>
                      <a:pt x="1194" y="203"/>
                    </a:lnTo>
                    <a:lnTo>
                      <a:pt x="1201" y="203"/>
                    </a:lnTo>
                    <a:lnTo>
                      <a:pt x="1208" y="203"/>
                    </a:lnTo>
                    <a:lnTo>
                      <a:pt x="1208" y="205"/>
                    </a:lnTo>
                    <a:lnTo>
                      <a:pt x="1211" y="207"/>
                    </a:lnTo>
                    <a:lnTo>
                      <a:pt x="1212" y="209"/>
                    </a:lnTo>
                    <a:lnTo>
                      <a:pt x="1214" y="210"/>
                    </a:lnTo>
                    <a:lnTo>
                      <a:pt x="1219" y="210"/>
                    </a:lnTo>
                    <a:lnTo>
                      <a:pt x="1224" y="211"/>
                    </a:lnTo>
                    <a:lnTo>
                      <a:pt x="1222" y="214"/>
                    </a:lnTo>
                    <a:lnTo>
                      <a:pt x="1220" y="217"/>
                    </a:lnTo>
                    <a:lnTo>
                      <a:pt x="1218" y="222"/>
                    </a:lnTo>
                    <a:lnTo>
                      <a:pt x="1217" y="229"/>
                    </a:lnTo>
                    <a:lnTo>
                      <a:pt x="1216" y="242"/>
                    </a:lnTo>
                    <a:lnTo>
                      <a:pt x="1216" y="257"/>
                    </a:lnTo>
                    <a:lnTo>
                      <a:pt x="1217" y="263"/>
                    </a:lnTo>
                    <a:lnTo>
                      <a:pt x="1218" y="270"/>
                    </a:lnTo>
                    <a:lnTo>
                      <a:pt x="1220" y="274"/>
                    </a:lnTo>
                    <a:lnTo>
                      <a:pt x="1221" y="278"/>
                    </a:lnTo>
                    <a:lnTo>
                      <a:pt x="1224" y="280"/>
                    </a:lnTo>
                    <a:lnTo>
                      <a:pt x="1226" y="281"/>
                    </a:lnTo>
                    <a:lnTo>
                      <a:pt x="1230" y="279"/>
                    </a:lnTo>
                    <a:lnTo>
                      <a:pt x="1233" y="276"/>
                    </a:lnTo>
                    <a:lnTo>
                      <a:pt x="1239" y="281"/>
                    </a:lnTo>
                    <a:lnTo>
                      <a:pt x="1245" y="286"/>
                    </a:lnTo>
                    <a:lnTo>
                      <a:pt x="1253" y="292"/>
                    </a:lnTo>
                    <a:lnTo>
                      <a:pt x="1261" y="296"/>
                    </a:lnTo>
                    <a:lnTo>
                      <a:pt x="1270" y="299"/>
                    </a:lnTo>
                    <a:lnTo>
                      <a:pt x="1278" y="302"/>
                    </a:lnTo>
                    <a:lnTo>
                      <a:pt x="1287" y="305"/>
                    </a:lnTo>
                    <a:lnTo>
                      <a:pt x="1297" y="306"/>
                    </a:lnTo>
                    <a:lnTo>
                      <a:pt x="1297" y="308"/>
                    </a:lnTo>
                    <a:lnTo>
                      <a:pt x="1298" y="308"/>
                    </a:lnTo>
                    <a:lnTo>
                      <a:pt x="1290" y="341"/>
                    </a:lnTo>
                    <a:lnTo>
                      <a:pt x="1285" y="348"/>
                    </a:lnTo>
                    <a:lnTo>
                      <a:pt x="1282" y="355"/>
                    </a:lnTo>
                    <a:lnTo>
                      <a:pt x="1281" y="360"/>
                    </a:lnTo>
                    <a:lnTo>
                      <a:pt x="1281" y="366"/>
                    </a:lnTo>
                    <a:lnTo>
                      <a:pt x="1282" y="372"/>
                    </a:lnTo>
                    <a:lnTo>
                      <a:pt x="1284" y="377"/>
                    </a:lnTo>
                    <a:lnTo>
                      <a:pt x="1287" y="382"/>
                    </a:lnTo>
                    <a:lnTo>
                      <a:pt x="1291" y="386"/>
                    </a:lnTo>
                    <a:lnTo>
                      <a:pt x="1299" y="396"/>
                    </a:lnTo>
                    <a:lnTo>
                      <a:pt x="1309" y="404"/>
                    </a:lnTo>
                    <a:lnTo>
                      <a:pt x="1316" y="413"/>
                    </a:lnTo>
                    <a:lnTo>
                      <a:pt x="1322" y="422"/>
                    </a:lnTo>
                    <a:lnTo>
                      <a:pt x="1325" y="423"/>
                    </a:lnTo>
                    <a:lnTo>
                      <a:pt x="1327" y="423"/>
                    </a:lnTo>
                    <a:lnTo>
                      <a:pt x="1331" y="423"/>
                    </a:lnTo>
                    <a:lnTo>
                      <a:pt x="1333" y="422"/>
                    </a:lnTo>
                    <a:lnTo>
                      <a:pt x="1338" y="419"/>
                    </a:lnTo>
                    <a:lnTo>
                      <a:pt x="1342" y="416"/>
                    </a:lnTo>
                    <a:lnTo>
                      <a:pt x="1346" y="414"/>
                    </a:lnTo>
                    <a:lnTo>
                      <a:pt x="1350" y="413"/>
                    </a:lnTo>
                    <a:lnTo>
                      <a:pt x="1351" y="414"/>
                    </a:lnTo>
                    <a:lnTo>
                      <a:pt x="1353" y="416"/>
                    </a:lnTo>
                    <a:lnTo>
                      <a:pt x="1354" y="418"/>
                    </a:lnTo>
                    <a:lnTo>
                      <a:pt x="1355" y="422"/>
                    </a:lnTo>
                    <a:lnTo>
                      <a:pt x="1350" y="424"/>
                    </a:lnTo>
                    <a:lnTo>
                      <a:pt x="1347" y="427"/>
                    </a:lnTo>
                    <a:lnTo>
                      <a:pt x="1346" y="428"/>
                    </a:lnTo>
                    <a:lnTo>
                      <a:pt x="1347" y="428"/>
                    </a:lnTo>
                    <a:lnTo>
                      <a:pt x="1351" y="428"/>
                    </a:lnTo>
                    <a:lnTo>
                      <a:pt x="1354" y="428"/>
                    </a:lnTo>
                    <a:lnTo>
                      <a:pt x="1357" y="427"/>
                    </a:lnTo>
                    <a:lnTo>
                      <a:pt x="1360" y="424"/>
                    </a:lnTo>
                    <a:lnTo>
                      <a:pt x="1362" y="427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560" name="Lolland kant"/>
              <p:cNvSpPr>
                <a:spLocks/>
              </p:cNvSpPr>
              <p:nvPr/>
            </p:nvSpPr>
            <p:spPr bwMode="auto">
              <a:xfrm>
                <a:off x="2776538" y="6005513"/>
                <a:ext cx="763587" cy="476250"/>
              </a:xfrm>
              <a:custGeom>
                <a:avLst/>
                <a:gdLst>
                  <a:gd name="T0" fmla="*/ 472 w 1443"/>
                  <a:gd name="T1" fmla="*/ 161 h 901"/>
                  <a:gd name="T2" fmla="*/ 470 w 1443"/>
                  <a:gd name="T3" fmla="*/ 194 h 901"/>
                  <a:gd name="T4" fmla="*/ 453 w 1443"/>
                  <a:gd name="T5" fmla="*/ 215 h 901"/>
                  <a:gd name="T6" fmla="*/ 468 w 1443"/>
                  <a:gd name="T7" fmla="*/ 222 h 901"/>
                  <a:gd name="T8" fmla="*/ 475 w 1443"/>
                  <a:gd name="T9" fmla="*/ 238 h 901"/>
                  <a:gd name="T10" fmla="*/ 461 w 1443"/>
                  <a:gd name="T11" fmla="*/ 267 h 901"/>
                  <a:gd name="T12" fmla="*/ 436 w 1443"/>
                  <a:gd name="T13" fmla="*/ 274 h 901"/>
                  <a:gd name="T14" fmla="*/ 389 w 1443"/>
                  <a:gd name="T15" fmla="*/ 264 h 901"/>
                  <a:gd name="T16" fmla="*/ 363 w 1443"/>
                  <a:gd name="T17" fmla="*/ 267 h 901"/>
                  <a:gd name="T18" fmla="*/ 342 w 1443"/>
                  <a:gd name="T19" fmla="*/ 266 h 901"/>
                  <a:gd name="T20" fmla="*/ 326 w 1443"/>
                  <a:gd name="T21" fmla="*/ 270 h 901"/>
                  <a:gd name="T22" fmla="*/ 320 w 1443"/>
                  <a:gd name="T23" fmla="*/ 256 h 901"/>
                  <a:gd name="T24" fmla="*/ 318 w 1443"/>
                  <a:gd name="T25" fmla="*/ 263 h 901"/>
                  <a:gd name="T26" fmla="*/ 297 w 1443"/>
                  <a:gd name="T27" fmla="*/ 289 h 901"/>
                  <a:gd name="T28" fmla="*/ 257 w 1443"/>
                  <a:gd name="T29" fmla="*/ 300 h 901"/>
                  <a:gd name="T30" fmla="*/ 214 w 1443"/>
                  <a:gd name="T31" fmla="*/ 278 h 901"/>
                  <a:gd name="T32" fmla="*/ 155 w 1443"/>
                  <a:gd name="T33" fmla="*/ 228 h 901"/>
                  <a:gd name="T34" fmla="*/ 103 w 1443"/>
                  <a:gd name="T35" fmla="*/ 211 h 901"/>
                  <a:gd name="T36" fmla="*/ 80 w 1443"/>
                  <a:gd name="T37" fmla="*/ 200 h 901"/>
                  <a:gd name="T38" fmla="*/ 37 w 1443"/>
                  <a:gd name="T39" fmla="*/ 187 h 901"/>
                  <a:gd name="T40" fmla="*/ 6 w 1443"/>
                  <a:gd name="T41" fmla="*/ 147 h 901"/>
                  <a:gd name="T42" fmla="*/ 4 w 1443"/>
                  <a:gd name="T43" fmla="*/ 116 h 901"/>
                  <a:gd name="T44" fmla="*/ 17 w 1443"/>
                  <a:gd name="T45" fmla="*/ 115 h 901"/>
                  <a:gd name="T46" fmla="*/ 35 w 1443"/>
                  <a:gd name="T47" fmla="*/ 128 h 901"/>
                  <a:gd name="T48" fmla="*/ 42 w 1443"/>
                  <a:gd name="T49" fmla="*/ 124 h 901"/>
                  <a:gd name="T50" fmla="*/ 29 w 1443"/>
                  <a:gd name="T51" fmla="*/ 111 h 901"/>
                  <a:gd name="T52" fmla="*/ 40 w 1443"/>
                  <a:gd name="T53" fmla="*/ 99 h 901"/>
                  <a:gd name="T54" fmla="*/ 49 w 1443"/>
                  <a:gd name="T55" fmla="*/ 115 h 901"/>
                  <a:gd name="T56" fmla="*/ 53 w 1443"/>
                  <a:gd name="T57" fmla="*/ 137 h 901"/>
                  <a:gd name="T58" fmla="*/ 63 w 1443"/>
                  <a:gd name="T59" fmla="*/ 140 h 901"/>
                  <a:gd name="T60" fmla="*/ 64 w 1443"/>
                  <a:gd name="T61" fmla="*/ 126 h 901"/>
                  <a:gd name="T62" fmla="*/ 77 w 1443"/>
                  <a:gd name="T63" fmla="*/ 124 h 901"/>
                  <a:gd name="T64" fmla="*/ 77 w 1443"/>
                  <a:gd name="T65" fmla="*/ 114 h 901"/>
                  <a:gd name="T66" fmla="*/ 64 w 1443"/>
                  <a:gd name="T67" fmla="*/ 115 h 901"/>
                  <a:gd name="T68" fmla="*/ 63 w 1443"/>
                  <a:gd name="T69" fmla="*/ 103 h 901"/>
                  <a:gd name="T70" fmla="*/ 50 w 1443"/>
                  <a:gd name="T71" fmla="*/ 81 h 901"/>
                  <a:gd name="T72" fmla="*/ 35 w 1443"/>
                  <a:gd name="T73" fmla="*/ 78 h 901"/>
                  <a:gd name="T74" fmla="*/ 34 w 1443"/>
                  <a:gd name="T75" fmla="*/ 51 h 901"/>
                  <a:gd name="T76" fmla="*/ 68 w 1443"/>
                  <a:gd name="T77" fmla="*/ 19 h 901"/>
                  <a:gd name="T78" fmla="*/ 84 w 1443"/>
                  <a:gd name="T79" fmla="*/ 21 h 901"/>
                  <a:gd name="T80" fmla="*/ 82 w 1443"/>
                  <a:gd name="T81" fmla="*/ 13 h 901"/>
                  <a:gd name="T82" fmla="*/ 106 w 1443"/>
                  <a:gd name="T83" fmla="*/ 6 h 901"/>
                  <a:gd name="T84" fmla="*/ 150 w 1443"/>
                  <a:gd name="T85" fmla="*/ 3 h 901"/>
                  <a:gd name="T86" fmla="*/ 194 w 1443"/>
                  <a:gd name="T87" fmla="*/ 26 h 901"/>
                  <a:gd name="T88" fmla="*/ 219 w 1443"/>
                  <a:gd name="T89" fmla="*/ 59 h 901"/>
                  <a:gd name="T90" fmla="*/ 270 w 1443"/>
                  <a:gd name="T91" fmla="*/ 88 h 901"/>
                  <a:gd name="T92" fmla="*/ 305 w 1443"/>
                  <a:gd name="T93" fmla="*/ 109 h 901"/>
                  <a:gd name="T94" fmla="*/ 313 w 1443"/>
                  <a:gd name="T95" fmla="*/ 116 h 901"/>
                  <a:gd name="T96" fmla="*/ 339 w 1443"/>
                  <a:gd name="T97" fmla="*/ 123 h 901"/>
                  <a:gd name="T98" fmla="*/ 339 w 1443"/>
                  <a:gd name="T99" fmla="*/ 119 h 901"/>
                  <a:gd name="T100" fmla="*/ 313 w 1443"/>
                  <a:gd name="T101" fmla="*/ 90 h 901"/>
                  <a:gd name="T102" fmla="*/ 339 w 1443"/>
                  <a:gd name="T103" fmla="*/ 90 h 901"/>
                  <a:gd name="T104" fmla="*/ 352 w 1443"/>
                  <a:gd name="T105" fmla="*/ 84 h 901"/>
                  <a:gd name="T106" fmla="*/ 348 w 1443"/>
                  <a:gd name="T107" fmla="*/ 52 h 901"/>
                  <a:gd name="T108" fmla="*/ 353 w 1443"/>
                  <a:gd name="T109" fmla="*/ 38 h 901"/>
                  <a:gd name="T110" fmla="*/ 381 w 1443"/>
                  <a:gd name="T111" fmla="*/ 60 h 901"/>
                  <a:gd name="T112" fmla="*/ 404 w 1443"/>
                  <a:gd name="T113" fmla="*/ 70 h 901"/>
                  <a:gd name="T114" fmla="*/ 406 w 1443"/>
                  <a:gd name="T115" fmla="*/ 88 h 901"/>
                  <a:gd name="T116" fmla="*/ 418 w 1443"/>
                  <a:gd name="T117" fmla="*/ 97 h 901"/>
                  <a:gd name="T118" fmla="*/ 427 w 1443"/>
                  <a:gd name="T119" fmla="*/ 118 h 901"/>
                  <a:gd name="T120" fmla="*/ 441 w 1443"/>
                  <a:gd name="T121" fmla="*/ 141 h 901"/>
                  <a:gd name="T122" fmla="*/ 451 w 1443"/>
                  <a:gd name="T123" fmla="*/ 139 h 901"/>
                  <a:gd name="T124" fmla="*/ 453 w 1443"/>
                  <a:gd name="T125" fmla="*/ 141 h 901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443" h="901">
                    <a:moveTo>
                      <a:pt x="1362" y="427"/>
                    </a:moveTo>
                    <a:lnTo>
                      <a:pt x="1362" y="433"/>
                    </a:lnTo>
                    <a:lnTo>
                      <a:pt x="1363" y="438"/>
                    </a:lnTo>
                    <a:lnTo>
                      <a:pt x="1365" y="442"/>
                    </a:lnTo>
                    <a:lnTo>
                      <a:pt x="1367" y="448"/>
                    </a:lnTo>
                    <a:lnTo>
                      <a:pt x="1373" y="455"/>
                    </a:lnTo>
                    <a:lnTo>
                      <a:pt x="1380" y="460"/>
                    </a:lnTo>
                    <a:lnTo>
                      <a:pt x="1396" y="471"/>
                    </a:lnTo>
                    <a:lnTo>
                      <a:pt x="1412" y="480"/>
                    </a:lnTo>
                    <a:lnTo>
                      <a:pt x="1416" y="485"/>
                    </a:lnTo>
                    <a:lnTo>
                      <a:pt x="1426" y="497"/>
                    </a:lnTo>
                    <a:lnTo>
                      <a:pt x="1432" y="504"/>
                    </a:lnTo>
                    <a:lnTo>
                      <a:pt x="1437" y="512"/>
                    </a:lnTo>
                    <a:lnTo>
                      <a:pt x="1441" y="519"/>
                    </a:lnTo>
                    <a:lnTo>
                      <a:pt x="1443" y="527"/>
                    </a:lnTo>
                    <a:lnTo>
                      <a:pt x="1439" y="537"/>
                    </a:lnTo>
                    <a:lnTo>
                      <a:pt x="1434" y="549"/>
                    </a:lnTo>
                    <a:lnTo>
                      <a:pt x="1426" y="558"/>
                    </a:lnTo>
                    <a:lnTo>
                      <a:pt x="1420" y="569"/>
                    </a:lnTo>
                    <a:lnTo>
                      <a:pt x="1409" y="584"/>
                    </a:lnTo>
                    <a:lnTo>
                      <a:pt x="1403" y="593"/>
                    </a:lnTo>
                    <a:lnTo>
                      <a:pt x="1399" y="600"/>
                    </a:lnTo>
                    <a:lnTo>
                      <a:pt x="1395" y="609"/>
                    </a:lnTo>
                    <a:lnTo>
                      <a:pt x="1387" y="609"/>
                    </a:lnTo>
                    <a:lnTo>
                      <a:pt x="1379" y="609"/>
                    </a:lnTo>
                    <a:lnTo>
                      <a:pt x="1372" y="604"/>
                    </a:lnTo>
                    <a:lnTo>
                      <a:pt x="1363" y="601"/>
                    </a:lnTo>
                    <a:lnTo>
                      <a:pt x="1360" y="624"/>
                    </a:lnTo>
                    <a:lnTo>
                      <a:pt x="1358" y="642"/>
                    </a:lnTo>
                    <a:lnTo>
                      <a:pt x="1358" y="647"/>
                    </a:lnTo>
                    <a:lnTo>
                      <a:pt x="1359" y="650"/>
                    </a:lnTo>
                    <a:lnTo>
                      <a:pt x="1360" y="653"/>
                    </a:lnTo>
                    <a:lnTo>
                      <a:pt x="1362" y="656"/>
                    </a:lnTo>
                    <a:lnTo>
                      <a:pt x="1365" y="659"/>
                    </a:lnTo>
                    <a:lnTo>
                      <a:pt x="1369" y="661"/>
                    </a:lnTo>
                    <a:lnTo>
                      <a:pt x="1374" y="663"/>
                    </a:lnTo>
                    <a:lnTo>
                      <a:pt x="1379" y="666"/>
                    </a:lnTo>
                    <a:lnTo>
                      <a:pt x="1389" y="667"/>
                    </a:lnTo>
                    <a:lnTo>
                      <a:pt x="1397" y="667"/>
                    </a:lnTo>
                    <a:lnTo>
                      <a:pt x="1405" y="668"/>
                    </a:lnTo>
                    <a:lnTo>
                      <a:pt x="1413" y="669"/>
                    </a:lnTo>
                    <a:lnTo>
                      <a:pt x="1419" y="672"/>
                    </a:lnTo>
                    <a:lnTo>
                      <a:pt x="1424" y="676"/>
                    </a:lnTo>
                    <a:lnTo>
                      <a:pt x="1425" y="679"/>
                    </a:lnTo>
                    <a:lnTo>
                      <a:pt x="1426" y="682"/>
                    </a:lnTo>
                    <a:lnTo>
                      <a:pt x="1428" y="686"/>
                    </a:lnTo>
                    <a:lnTo>
                      <a:pt x="1428" y="691"/>
                    </a:lnTo>
                    <a:lnTo>
                      <a:pt x="1428" y="699"/>
                    </a:lnTo>
                    <a:lnTo>
                      <a:pt x="1426" y="708"/>
                    </a:lnTo>
                    <a:lnTo>
                      <a:pt x="1424" y="716"/>
                    </a:lnTo>
                    <a:lnTo>
                      <a:pt x="1422" y="723"/>
                    </a:lnTo>
                    <a:lnTo>
                      <a:pt x="1416" y="737"/>
                    </a:lnTo>
                    <a:lnTo>
                      <a:pt x="1410" y="749"/>
                    </a:lnTo>
                    <a:lnTo>
                      <a:pt x="1402" y="761"/>
                    </a:lnTo>
                    <a:lnTo>
                      <a:pt x="1396" y="774"/>
                    </a:lnTo>
                    <a:lnTo>
                      <a:pt x="1393" y="780"/>
                    </a:lnTo>
                    <a:lnTo>
                      <a:pt x="1391" y="788"/>
                    </a:lnTo>
                    <a:lnTo>
                      <a:pt x="1389" y="796"/>
                    </a:lnTo>
                    <a:lnTo>
                      <a:pt x="1387" y="805"/>
                    </a:lnTo>
                    <a:lnTo>
                      <a:pt x="1383" y="801"/>
                    </a:lnTo>
                    <a:lnTo>
                      <a:pt x="1379" y="798"/>
                    </a:lnTo>
                    <a:lnTo>
                      <a:pt x="1375" y="797"/>
                    </a:lnTo>
                    <a:lnTo>
                      <a:pt x="1371" y="797"/>
                    </a:lnTo>
                    <a:lnTo>
                      <a:pt x="1366" y="798"/>
                    </a:lnTo>
                    <a:lnTo>
                      <a:pt x="1362" y="799"/>
                    </a:lnTo>
                    <a:lnTo>
                      <a:pt x="1359" y="801"/>
                    </a:lnTo>
                    <a:lnTo>
                      <a:pt x="1355" y="803"/>
                    </a:lnTo>
                    <a:lnTo>
                      <a:pt x="1342" y="816"/>
                    </a:lnTo>
                    <a:lnTo>
                      <a:pt x="1331" y="829"/>
                    </a:lnTo>
                    <a:lnTo>
                      <a:pt x="1309" y="823"/>
                    </a:lnTo>
                    <a:lnTo>
                      <a:pt x="1287" y="820"/>
                    </a:lnTo>
                    <a:lnTo>
                      <a:pt x="1267" y="818"/>
                    </a:lnTo>
                    <a:lnTo>
                      <a:pt x="1248" y="816"/>
                    </a:lnTo>
                    <a:lnTo>
                      <a:pt x="1230" y="814"/>
                    </a:lnTo>
                    <a:lnTo>
                      <a:pt x="1212" y="812"/>
                    </a:lnTo>
                    <a:lnTo>
                      <a:pt x="1194" y="809"/>
                    </a:lnTo>
                    <a:lnTo>
                      <a:pt x="1176" y="805"/>
                    </a:lnTo>
                    <a:lnTo>
                      <a:pt x="1174" y="799"/>
                    </a:lnTo>
                    <a:lnTo>
                      <a:pt x="1172" y="795"/>
                    </a:lnTo>
                    <a:lnTo>
                      <a:pt x="1168" y="792"/>
                    </a:lnTo>
                    <a:lnTo>
                      <a:pt x="1165" y="790"/>
                    </a:lnTo>
                    <a:lnTo>
                      <a:pt x="1161" y="789"/>
                    </a:lnTo>
                    <a:lnTo>
                      <a:pt x="1157" y="789"/>
                    </a:lnTo>
                    <a:lnTo>
                      <a:pt x="1152" y="789"/>
                    </a:lnTo>
                    <a:lnTo>
                      <a:pt x="1147" y="790"/>
                    </a:lnTo>
                    <a:lnTo>
                      <a:pt x="1127" y="797"/>
                    </a:lnTo>
                    <a:lnTo>
                      <a:pt x="1111" y="805"/>
                    </a:lnTo>
                    <a:lnTo>
                      <a:pt x="1106" y="805"/>
                    </a:lnTo>
                    <a:lnTo>
                      <a:pt x="1103" y="805"/>
                    </a:lnTo>
                    <a:lnTo>
                      <a:pt x="1089" y="801"/>
                    </a:lnTo>
                    <a:lnTo>
                      <a:pt x="1077" y="797"/>
                    </a:lnTo>
                    <a:lnTo>
                      <a:pt x="1071" y="796"/>
                    </a:lnTo>
                    <a:lnTo>
                      <a:pt x="1065" y="797"/>
                    </a:lnTo>
                    <a:lnTo>
                      <a:pt x="1060" y="799"/>
                    </a:lnTo>
                    <a:lnTo>
                      <a:pt x="1054" y="805"/>
                    </a:lnTo>
                    <a:lnTo>
                      <a:pt x="1046" y="805"/>
                    </a:lnTo>
                    <a:lnTo>
                      <a:pt x="1038" y="805"/>
                    </a:lnTo>
                    <a:lnTo>
                      <a:pt x="1034" y="801"/>
                    </a:lnTo>
                    <a:lnTo>
                      <a:pt x="1029" y="799"/>
                    </a:lnTo>
                    <a:lnTo>
                      <a:pt x="1025" y="798"/>
                    </a:lnTo>
                    <a:lnTo>
                      <a:pt x="1022" y="798"/>
                    </a:lnTo>
                    <a:lnTo>
                      <a:pt x="1014" y="800"/>
                    </a:lnTo>
                    <a:lnTo>
                      <a:pt x="1006" y="805"/>
                    </a:lnTo>
                    <a:lnTo>
                      <a:pt x="999" y="810"/>
                    </a:lnTo>
                    <a:lnTo>
                      <a:pt x="991" y="814"/>
                    </a:lnTo>
                    <a:lnTo>
                      <a:pt x="982" y="818"/>
                    </a:lnTo>
                    <a:lnTo>
                      <a:pt x="973" y="820"/>
                    </a:lnTo>
                    <a:lnTo>
                      <a:pt x="976" y="816"/>
                    </a:lnTo>
                    <a:lnTo>
                      <a:pt x="978" y="813"/>
                    </a:lnTo>
                    <a:lnTo>
                      <a:pt x="979" y="810"/>
                    </a:lnTo>
                    <a:lnTo>
                      <a:pt x="978" y="807"/>
                    </a:lnTo>
                    <a:lnTo>
                      <a:pt x="973" y="800"/>
                    </a:lnTo>
                    <a:lnTo>
                      <a:pt x="967" y="794"/>
                    </a:lnTo>
                    <a:lnTo>
                      <a:pt x="963" y="791"/>
                    </a:lnTo>
                    <a:lnTo>
                      <a:pt x="961" y="788"/>
                    </a:lnTo>
                    <a:lnTo>
                      <a:pt x="959" y="785"/>
                    </a:lnTo>
                    <a:lnTo>
                      <a:pt x="957" y="780"/>
                    </a:lnTo>
                    <a:lnTo>
                      <a:pt x="957" y="777"/>
                    </a:lnTo>
                    <a:lnTo>
                      <a:pt x="958" y="773"/>
                    </a:lnTo>
                    <a:lnTo>
                      <a:pt x="960" y="769"/>
                    </a:lnTo>
                    <a:lnTo>
                      <a:pt x="964" y="763"/>
                    </a:lnTo>
                    <a:lnTo>
                      <a:pt x="960" y="765"/>
                    </a:lnTo>
                    <a:lnTo>
                      <a:pt x="956" y="767"/>
                    </a:lnTo>
                    <a:lnTo>
                      <a:pt x="953" y="769"/>
                    </a:lnTo>
                    <a:lnTo>
                      <a:pt x="950" y="772"/>
                    </a:lnTo>
                    <a:lnTo>
                      <a:pt x="949" y="775"/>
                    </a:lnTo>
                    <a:lnTo>
                      <a:pt x="949" y="778"/>
                    </a:lnTo>
                    <a:lnTo>
                      <a:pt x="949" y="781"/>
                    </a:lnTo>
                    <a:lnTo>
                      <a:pt x="950" y="785"/>
                    </a:lnTo>
                    <a:lnTo>
                      <a:pt x="955" y="791"/>
                    </a:lnTo>
                    <a:lnTo>
                      <a:pt x="960" y="797"/>
                    </a:lnTo>
                    <a:lnTo>
                      <a:pt x="966" y="801"/>
                    </a:lnTo>
                    <a:lnTo>
                      <a:pt x="973" y="805"/>
                    </a:lnTo>
                    <a:lnTo>
                      <a:pt x="966" y="813"/>
                    </a:lnTo>
                    <a:lnTo>
                      <a:pt x="957" y="821"/>
                    </a:lnTo>
                    <a:lnTo>
                      <a:pt x="947" y="831"/>
                    </a:lnTo>
                    <a:lnTo>
                      <a:pt x="937" y="839"/>
                    </a:lnTo>
                    <a:lnTo>
                      <a:pt x="918" y="854"/>
                    </a:lnTo>
                    <a:lnTo>
                      <a:pt x="907" y="861"/>
                    </a:lnTo>
                    <a:lnTo>
                      <a:pt x="892" y="869"/>
                    </a:lnTo>
                    <a:lnTo>
                      <a:pt x="874" y="876"/>
                    </a:lnTo>
                    <a:lnTo>
                      <a:pt x="866" y="880"/>
                    </a:lnTo>
                    <a:lnTo>
                      <a:pt x="860" y="886"/>
                    </a:lnTo>
                    <a:lnTo>
                      <a:pt x="857" y="890"/>
                    </a:lnTo>
                    <a:lnTo>
                      <a:pt x="855" y="893"/>
                    </a:lnTo>
                    <a:lnTo>
                      <a:pt x="853" y="897"/>
                    </a:lnTo>
                    <a:lnTo>
                      <a:pt x="850" y="901"/>
                    </a:lnTo>
                    <a:lnTo>
                      <a:pt x="824" y="901"/>
                    </a:lnTo>
                    <a:lnTo>
                      <a:pt x="798" y="901"/>
                    </a:lnTo>
                    <a:lnTo>
                      <a:pt x="771" y="901"/>
                    </a:lnTo>
                    <a:lnTo>
                      <a:pt x="745" y="901"/>
                    </a:lnTo>
                    <a:lnTo>
                      <a:pt x="740" y="894"/>
                    </a:lnTo>
                    <a:lnTo>
                      <a:pt x="734" y="888"/>
                    </a:lnTo>
                    <a:lnTo>
                      <a:pt x="726" y="882"/>
                    </a:lnTo>
                    <a:lnTo>
                      <a:pt x="718" y="878"/>
                    </a:lnTo>
                    <a:lnTo>
                      <a:pt x="699" y="870"/>
                    </a:lnTo>
                    <a:lnTo>
                      <a:pt x="680" y="861"/>
                    </a:lnTo>
                    <a:lnTo>
                      <a:pt x="666" y="853"/>
                    </a:lnTo>
                    <a:lnTo>
                      <a:pt x="652" y="845"/>
                    </a:lnTo>
                    <a:lnTo>
                      <a:pt x="641" y="834"/>
                    </a:lnTo>
                    <a:lnTo>
                      <a:pt x="628" y="823"/>
                    </a:lnTo>
                    <a:lnTo>
                      <a:pt x="605" y="801"/>
                    </a:lnTo>
                    <a:lnTo>
                      <a:pt x="583" y="777"/>
                    </a:lnTo>
                    <a:lnTo>
                      <a:pt x="560" y="753"/>
                    </a:lnTo>
                    <a:lnTo>
                      <a:pt x="535" y="730"/>
                    </a:lnTo>
                    <a:lnTo>
                      <a:pt x="522" y="718"/>
                    </a:lnTo>
                    <a:lnTo>
                      <a:pt x="508" y="709"/>
                    </a:lnTo>
                    <a:lnTo>
                      <a:pt x="492" y="699"/>
                    </a:lnTo>
                    <a:lnTo>
                      <a:pt x="477" y="691"/>
                    </a:lnTo>
                    <a:lnTo>
                      <a:pt x="465" y="686"/>
                    </a:lnTo>
                    <a:lnTo>
                      <a:pt x="455" y="681"/>
                    </a:lnTo>
                    <a:lnTo>
                      <a:pt x="443" y="677"/>
                    </a:lnTo>
                    <a:lnTo>
                      <a:pt x="432" y="674"/>
                    </a:lnTo>
                    <a:lnTo>
                      <a:pt x="410" y="669"/>
                    </a:lnTo>
                    <a:lnTo>
                      <a:pt x="389" y="663"/>
                    </a:lnTo>
                    <a:lnTo>
                      <a:pt x="367" y="658"/>
                    </a:lnTo>
                    <a:lnTo>
                      <a:pt x="345" y="650"/>
                    </a:lnTo>
                    <a:lnTo>
                      <a:pt x="333" y="646"/>
                    </a:lnTo>
                    <a:lnTo>
                      <a:pt x="322" y="640"/>
                    </a:lnTo>
                    <a:lnTo>
                      <a:pt x="310" y="633"/>
                    </a:lnTo>
                    <a:lnTo>
                      <a:pt x="298" y="626"/>
                    </a:lnTo>
                    <a:lnTo>
                      <a:pt x="292" y="620"/>
                    </a:lnTo>
                    <a:lnTo>
                      <a:pt x="285" y="614"/>
                    </a:lnTo>
                    <a:lnTo>
                      <a:pt x="276" y="609"/>
                    </a:lnTo>
                    <a:lnTo>
                      <a:pt x="265" y="603"/>
                    </a:lnTo>
                    <a:lnTo>
                      <a:pt x="260" y="602"/>
                    </a:lnTo>
                    <a:lnTo>
                      <a:pt x="253" y="601"/>
                    </a:lnTo>
                    <a:lnTo>
                      <a:pt x="248" y="600"/>
                    </a:lnTo>
                    <a:lnTo>
                      <a:pt x="243" y="600"/>
                    </a:lnTo>
                    <a:lnTo>
                      <a:pt x="239" y="601"/>
                    </a:lnTo>
                    <a:lnTo>
                      <a:pt x="233" y="602"/>
                    </a:lnTo>
                    <a:lnTo>
                      <a:pt x="229" y="606"/>
                    </a:lnTo>
                    <a:lnTo>
                      <a:pt x="225" y="609"/>
                    </a:lnTo>
                    <a:lnTo>
                      <a:pt x="207" y="604"/>
                    </a:lnTo>
                    <a:lnTo>
                      <a:pt x="189" y="599"/>
                    </a:lnTo>
                    <a:lnTo>
                      <a:pt x="173" y="593"/>
                    </a:lnTo>
                    <a:lnTo>
                      <a:pt x="157" y="586"/>
                    </a:lnTo>
                    <a:lnTo>
                      <a:pt x="142" y="578"/>
                    </a:lnTo>
                    <a:lnTo>
                      <a:pt x="127" y="570"/>
                    </a:lnTo>
                    <a:lnTo>
                      <a:pt x="112" y="561"/>
                    </a:lnTo>
                    <a:lnTo>
                      <a:pt x="100" y="552"/>
                    </a:lnTo>
                    <a:lnTo>
                      <a:pt x="87" y="541"/>
                    </a:lnTo>
                    <a:lnTo>
                      <a:pt x="75" y="530"/>
                    </a:lnTo>
                    <a:lnTo>
                      <a:pt x="65" y="518"/>
                    </a:lnTo>
                    <a:lnTo>
                      <a:pt x="54" y="505"/>
                    </a:lnTo>
                    <a:lnTo>
                      <a:pt x="45" y="492"/>
                    </a:lnTo>
                    <a:lnTo>
                      <a:pt x="36" y="478"/>
                    </a:lnTo>
                    <a:lnTo>
                      <a:pt x="28" y="462"/>
                    </a:lnTo>
                    <a:lnTo>
                      <a:pt x="22" y="447"/>
                    </a:lnTo>
                    <a:lnTo>
                      <a:pt x="18" y="442"/>
                    </a:lnTo>
                    <a:lnTo>
                      <a:pt x="13" y="438"/>
                    </a:lnTo>
                    <a:lnTo>
                      <a:pt x="10" y="433"/>
                    </a:lnTo>
                    <a:lnTo>
                      <a:pt x="7" y="428"/>
                    </a:lnTo>
                    <a:lnTo>
                      <a:pt x="3" y="416"/>
                    </a:lnTo>
                    <a:lnTo>
                      <a:pt x="1" y="403"/>
                    </a:lnTo>
                    <a:lnTo>
                      <a:pt x="0" y="392"/>
                    </a:lnTo>
                    <a:lnTo>
                      <a:pt x="1" y="379"/>
                    </a:lnTo>
                    <a:lnTo>
                      <a:pt x="3" y="366"/>
                    </a:lnTo>
                    <a:lnTo>
                      <a:pt x="7" y="356"/>
                    </a:lnTo>
                    <a:lnTo>
                      <a:pt x="12" y="348"/>
                    </a:lnTo>
                    <a:lnTo>
                      <a:pt x="18" y="340"/>
                    </a:lnTo>
                    <a:lnTo>
                      <a:pt x="21" y="337"/>
                    </a:lnTo>
                    <a:lnTo>
                      <a:pt x="24" y="335"/>
                    </a:lnTo>
                    <a:lnTo>
                      <a:pt x="27" y="334"/>
                    </a:lnTo>
                    <a:lnTo>
                      <a:pt x="31" y="334"/>
                    </a:lnTo>
                    <a:lnTo>
                      <a:pt x="34" y="334"/>
                    </a:lnTo>
                    <a:lnTo>
                      <a:pt x="39" y="335"/>
                    </a:lnTo>
                    <a:lnTo>
                      <a:pt x="43" y="337"/>
                    </a:lnTo>
                    <a:lnTo>
                      <a:pt x="46" y="340"/>
                    </a:lnTo>
                    <a:lnTo>
                      <a:pt x="50" y="345"/>
                    </a:lnTo>
                    <a:lnTo>
                      <a:pt x="54" y="351"/>
                    </a:lnTo>
                    <a:lnTo>
                      <a:pt x="59" y="357"/>
                    </a:lnTo>
                    <a:lnTo>
                      <a:pt x="63" y="365"/>
                    </a:lnTo>
                    <a:lnTo>
                      <a:pt x="63" y="370"/>
                    </a:lnTo>
                    <a:lnTo>
                      <a:pt x="63" y="374"/>
                    </a:lnTo>
                    <a:lnTo>
                      <a:pt x="71" y="374"/>
                    </a:lnTo>
                    <a:lnTo>
                      <a:pt x="80" y="375"/>
                    </a:lnTo>
                    <a:lnTo>
                      <a:pt x="87" y="377"/>
                    </a:lnTo>
                    <a:lnTo>
                      <a:pt x="93" y="379"/>
                    </a:lnTo>
                    <a:lnTo>
                      <a:pt x="106" y="384"/>
                    </a:lnTo>
                    <a:lnTo>
                      <a:pt x="120" y="390"/>
                    </a:lnTo>
                    <a:lnTo>
                      <a:pt x="128" y="393"/>
                    </a:lnTo>
                    <a:lnTo>
                      <a:pt x="135" y="398"/>
                    </a:lnTo>
                    <a:lnTo>
                      <a:pt x="137" y="389"/>
                    </a:lnTo>
                    <a:lnTo>
                      <a:pt x="137" y="382"/>
                    </a:lnTo>
                    <a:lnTo>
                      <a:pt x="135" y="377"/>
                    </a:lnTo>
                    <a:lnTo>
                      <a:pt x="133" y="374"/>
                    </a:lnTo>
                    <a:lnTo>
                      <a:pt x="131" y="372"/>
                    </a:lnTo>
                    <a:lnTo>
                      <a:pt x="128" y="371"/>
                    </a:lnTo>
                    <a:lnTo>
                      <a:pt x="125" y="371"/>
                    </a:lnTo>
                    <a:lnTo>
                      <a:pt x="121" y="371"/>
                    </a:lnTo>
                    <a:lnTo>
                      <a:pt x="113" y="371"/>
                    </a:lnTo>
                    <a:lnTo>
                      <a:pt x="106" y="371"/>
                    </a:lnTo>
                    <a:lnTo>
                      <a:pt x="102" y="369"/>
                    </a:lnTo>
                    <a:lnTo>
                      <a:pt x="100" y="366"/>
                    </a:lnTo>
                    <a:lnTo>
                      <a:pt x="97" y="362"/>
                    </a:lnTo>
                    <a:lnTo>
                      <a:pt x="94" y="357"/>
                    </a:lnTo>
                    <a:lnTo>
                      <a:pt x="90" y="350"/>
                    </a:lnTo>
                    <a:lnTo>
                      <a:pt x="87" y="341"/>
                    </a:lnTo>
                    <a:lnTo>
                      <a:pt x="86" y="334"/>
                    </a:lnTo>
                    <a:lnTo>
                      <a:pt x="87" y="325"/>
                    </a:lnTo>
                    <a:lnTo>
                      <a:pt x="88" y="318"/>
                    </a:lnTo>
                    <a:lnTo>
                      <a:pt x="90" y="311"/>
                    </a:lnTo>
                    <a:lnTo>
                      <a:pt x="94" y="305"/>
                    </a:lnTo>
                    <a:lnTo>
                      <a:pt x="98" y="300"/>
                    </a:lnTo>
                    <a:lnTo>
                      <a:pt x="103" y="296"/>
                    </a:lnTo>
                    <a:lnTo>
                      <a:pt x="107" y="294"/>
                    </a:lnTo>
                    <a:lnTo>
                      <a:pt x="111" y="294"/>
                    </a:lnTo>
                    <a:lnTo>
                      <a:pt x="117" y="295"/>
                    </a:lnTo>
                    <a:lnTo>
                      <a:pt x="120" y="298"/>
                    </a:lnTo>
                    <a:lnTo>
                      <a:pt x="124" y="304"/>
                    </a:lnTo>
                    <a:lnTo>
                      <a:pt x="126" y="313"/>
                    </a:lnTo>
                    <a:lnTo>
                      <a:pt x="127" y="324"/>
                    </a:lnTo>
                    <a:lnTo>
                      <a:pt x="133" y="326"/>
                    </a:lnTo>
                    <a:lnTo>
                      <a:pt x="139" y="330"/>
                    </a:lnTo>
                    <a:lnTo>
                      <a:pt x="142" y="332"/>
                    </a:lnTo>
                    <a:lnTo>
                      <a:pt x="145" y="336"/>
                    </a:lnTo>
                    <a:lnTo>
                      <a:pt x="147" y="339"/>
                    </a:lnTo>
                    <a:lnTo>
                      <a:pt x="148" y="343"/>
                    </a:lnTo>
                    <a:lnTo>
                      <a:pt x="148" y="346"/>
                    </a:lnTo>
                    <a:lnTo>
                      <a:pt x="148" y="352"/>
                    </a:lnTo>
                    <a:lnTo>
                      <a:pt x="146" y="361"/>
                    </a:lnTo>
                    <a:lnTo>
                      <a:pt x="144" y="373"/>
                    </a:lnTo>
                    <a:lnTo>
                      <a:pt x="143" y="384"/>
                    </a:lnTo>
                    <a:lnTo>
                      <a:pt x="144" y="398"/>
                    </a:lnTo>
                    <a:lnTo>
                      <a:pt x="147" y="398"/>
                    </a:lnTo>
                    <a:lnTo>
                      <a:pt x="150" y="400"/>
                    </a:lnTo>
                    <a:lnTo>
                      <a:pt x="153" y="402"/>
                    </a:lnTo>
                    <a:lnTo>
                      <a:pt x="155" y="404"/>
                    </a:lnTo>
                    <a:lnTo>
                      <a:pt x="159" y="411"/>
                    </a:lnTo>
                    <a:lnTo>
                      <a:pt x="161" y="417"/>
                    </a:lnTo>
                    <a:lnTo>
                      <a:pt x="164" y="423"/>
                    </a:lnTo>
                    <a:lnTo>
                      <a:pt x="168" y="428"/>
                    </a:lnTo>
                    <a:lnTo>
                      <a:pt x="171" y="430"/>
                    </a:lnTo>
                    <a:lnTo>
                      <a:pt x="174" y="431"/>
                    </a:lnTo>
                    <a:lnTo>
                      <a:pt x="179" y="431"/>
                    </a:lnTo>
                    <a:lnTo>
                      <a:pt x="184" y="431"/>
                    </a:lnTo>
                    <a:lnTo>
                      <a:pt x="187" y="428"/>
                    </a:lnTo>
                    <a:lnTo>
                      <a:pt x="189" y="424"/>
                    </a:lnTo>
                    <a:lnTo>
                      <a:pt x="189" y="421"/>
                    </a:lnTo>
                    <a:lnTo>
                      <a:pt x="189" y="418"/>
                    </a:lnTo>
                    <a:lnTo>
                      <a:pt x="186" y="412"/>
                    </a:lnTo>
                    <a:lnTo>
                      <a:pt x="182" y="404"/>
                    </a:lnTo>
                    <a:lnTo>
                      <a:pt x="178" y="397"/>
                    </a:lnTo>
                    <a:lnTo>
                      <a:pt x="175" y="390"/>
                    </a:lnTo>
                    <a:lnTo>
                      <a:pt x="175" y="386"/>
                    </a:lnTo>
                    <a:lnTo>
                      <a:pt x="178" y="382"/>
                    </a:lnTo>
                    <a:lnTo>
                      <a:pt x="180" y="378"/>
                    </a:lnTo>
                    <a:lnTo>
                      <a:pt x="184" y="374"/>
                    </a:lnTo>
                    <a:lnTo>
                      <a:pt x="192" y="377"/>
                    </a:lnTo>
                    <a:lnTo>
                      <a:pt x="201" y="381"/>
                    </a:lnTo>
                    <a:lnTo>
                      <a:pt x="208" y="385"/>
                    </a:lnTo>
                    <a:lnTo>
                      <a:pt x="217" y="390"/>
                    </a:lnTo>
                    <a:lnTo>
                      <a:pt x="217" y="394"/>
                    </a:lnTo>
                    <a:lnTo>
                      <a:pt x="217" y="398"/>
                    </a:lnTo>
                    <a:lnTo>
                      <a:pt x="219" y="393"/>
                    </a:lnTo>
                    <a:lnTo>
                      <a:pt x="221" y="389"/>
                    </a:lnTo>
                    <a:lnTo>
                      <a:pt x="223" y="383"/>
                    </a:lnTo>
                    <a:lnTo>
                      <a:pt x="225" y="380"/>
                    </a:lnTo>
                    <a:lnTo>
                      <a:pt x="231" y="373"/>
                    </a:lnTo>
                    <a:lnTo>
                      <a:pt x="240" y="368"/>
                    </a:lnTo>
                    <a:lnTo>
                      <a:pt x="257" y="358"/>
                    </a:lnTo>
                    <a:lnTo>
                      <a:pt x="273" y="349"/>
                    </a:lnTo>
                    <a:lnTo>
                      <a:pt x="272" y="346"/>
                    </a:lnTo>
                    <a:lnTo>
                      <a:pt x="269" y="344"/>
                    </a:lnTo>
                    <a:lnTo>
                      <a:pt x="266" y="342"/>
                    </a:lnTo>
                    <a:lnTo>
                      <a:pt x="262" y="341"/>
                    </a:lnTo>
                    <a:lnTo>
                      <a:pt x="252" y="339"/>
                    </a:lnTo>
                    <a:lnTo>
                      <a:pt x="242" y="339"/>
                    </a:lnTo>
                    <a:lnTo>
                      <a:pt x="231" y="341"/>
                    </a:lnTo>
                    <a:lnTo>
                      <a:pt x="224" y="345"/>
                    </a:lnTo>
                    <a:lnTo>
                      <a:pt x="221" y="348"/>
                    </a:lnTo>
                    <a:lnTo>
                      <a:pt x="218" y="351"/>
                    </a:lnTo>
                    <a:lnTo>
                      <a:pt x="217" y="354"/>
                    </a:lnTo>
                    <a:lnTo>
                      <a:pt x="217" y="357"/>
                    </a:lnTo>
                    <a:lnTo>
                      <a:pt x="209" y="357"/>
                    </a:lnTo>
                    <a:lnTo>
                      <a:pt x="204" y="356"/>
                    </a:lnTo>
                    <a:lnTo>
                      <a:pt x="199" y="354"/>
                    </a:lnTo>
                    <a:lnTo>
                      <a:pt x="195" y="350"/>
                    </a:lnTo>
                    <a:lnTo>
                      <a:pt x="193" y="345"/>
                    </a:lnTo>
                    <a:lnTo>
                      <a:pt x="192" y="339"/>
                    </a:lnTo>
                    <a:lnTo>
                      <a:pt x="192" y="332"/>
                    </a:lnTo>
                    <a:lnTo>
                      <a:pt x="192" y="324"/>
                    </a:lnTo>
                    <a:lnTo>
                      <a:pt x="197" y="323"/>
                    </a:lnTo>
                    <a:lnTo>
                      <a:pt x="199" y="322"/>
                    </a:lnTo>
                    <a:lnTo>
                      <a:pt x="200" y="321"/>
                    </a:lnTo>
                    <a:lnTo>
                      <a:pt x="200" y="319"/>
                    </a:lnTo>
                    <a:lnTo>
                      <a:pt x="198" y="317"/>
                    </a:lnTo>
                    <a:lnTo>
                      <a:pt x="193" y="314"/>
                    </a:lnTo>
                    <a:lnTo>
                      <a:pt x="188" y="310"/>
                    </a:lnTo>
                    <a:lnTo>
                      <a:pt x="184" y="304"/>
                    </a:lnTo>
                    <a:lnTo>
                      <a:pt x="183" y="302"/>
                    </a:lnTo>
                    <a:lnTo>
                      <a:pt x="183" y="299"/>
                    </a:lnTo>
                    <a:lnTo>
                      <a:pt x="183" y="296"/>
                    </a:lnTo>
                    <a:lnTo>
                      <a:pt x="184" y="292"/>
                    </a:lnTo>
                    <a:lnTo>
                      <a:pt x="179" y="281"/>
                    </a:lnTo>
                    <a:lnTo>
                      <a:pt x="171" y="269"/>
                    </a:lnTo>
                    <a:lnTo>
                      <a:pt x="163" y="257"/>
                    </a:lnTo>
                    <a:lnTo>
                      <a:pt x="154" y="247"/>
                    </a:lnTo>
                    <a:lnTo>
                      <a:pt x="149" y="243"/>
                    </a:lnTo>
                    <a:lnTo>
                      <a:pt x="145" y="241"/>
                    </a:lnTo>
                    <a:lnTo>
                      <a:pt x="141" y="240"/>
                    </a:lnTo>
                    <a:lnTo>
                      <a:pt x="135" y="240"/>
                    </a:lnTo>
                    <a:lnTo>
                      <a:pt x="131" y="242"/>
                    </a:lnTo>
                    <a:lnTo>
                      <a:pt x="127" y="245"/>
                    </a:lnTo>
                    <a:lnTo>
                      <a:pt x="123" y="252"/>
                    </a:lnTo>
                    <a:lnTo>
                      <a:pt x="120" y="260"/>
                    </a:lnTo>
                    <a:lnTo>
                      <a:pt x="113" y="252"/>
                    </a:lnTo>
                    <a:lnTo>
                      <a:pt x="108" y="243"/>
                    </a:lnTo>
                    <a:lnTo>
                      <a:pt x="104" y="235"/>
                    </a:lnTo>
                    <a:lnTo>
                      <a:pt x="101" y="227"/>
                    </a:lnTo>
                    <a:lnTo>
                      <a:pt x="99" y="219"/>
                    </a:lnTo>
                    <a:lnTo>
                      <a:pt x="97" y="212"/>
                    </a:lnTo>
                    <a:lnTo>
                      <a:pt x="95" y="203"/>
                    </a:lnTo>
                    <a:lnTo>
                      <a:pt x="94" y="196"/>
                    </a:lnTo>
                    <a:lnTo>
                      <a:pt x="94" y="189"/>
                    </a:lnTo>
                    <a:lnTo>
                      <a:pt x="95" y="181"/>
                    </a:lnTo>
                    <a:lnTo>
                      <a:pt x="97" y="174"/>
                    </a:lnTo>
                    <a:lnTo>
                      <a:pt x="98" y="167"/>
                    </a:lnTo>
                    <a:lnTo>
                      <a:pt x="103" y="153"/>
                    </a:lnTo>
                    <a:lnTo>
                      <a:pt x="109" y="140"/>
                    </a:lnTo>
                    <a:lnTo>
                      <a:pt x="118" y="126"/>
                    </a:lnTo>
                    <a:lnTo>
                      <a:pt x="127" y="114"/>
                    </a:lnTo>
                    <a:lnTo>
                      <a:pt x="137" y="102"/>
                    </a:lnTo>
                    <a:lnTo>
                      <a:pt x="148" y="91"/>
                    </a:lnTo>
                    <a:lnTo>
                      <a:pt x="170" y="68"/>
                    </a:lnTo>
                    <a:lnTo>
                      <a:pt x="192" y="48"/>
                    </a:lnTo>
                    <a:lnTo>
                      <a:pt x="195" y="53"/>
                    </a:lnTo>
                    <a:lnTo>
                      <a:pt x="200" y="55"/>
                    </a:lnTo>
                    <a:lnTo>
                      <a:pt x="204" y="57"/>
                    </a:lnTo>
                    <a:lnTo>
                      <a:pt x="208" y="57"/>
                    </a:lnTo>
                    <a:lnTo>
                      <a:pt x="217" y="57"/>
                    </a:lnTo>
                    <a:lnTo>
                      <a:pt x="226" y="55"/>
                    </a:lnTo>
                    <a:lnTo>
                      <a:pt x="233" y="53"/>
                    </a:lnTo>
                    <a:lnTo>
                      <a:pt x="241" y="53"/>
                    </a:lnTo>
                    <a:lnTo>
                      <a:pt x="244" y="54"/>
                    </a:lnTo>
                    <a:lnTo>
                      <a:pt x="246" y="56"/>
                    </a:lnTo>
                    <a:lnTo>
                      <a:pt x="248" y="60"/>
                    </a:lnTo>
                    <a:lnTo>
                      <a:pt x="249" y="64"/>
                    </a:lnTo>
                    <a:lnTo>
                      <a:pt x="251" y="63"/>
                    </a:lnTo>
                    <a:lnTo>
                      <a:pt x="253" y="61"/>
                    </a:lnTo>
                    <a:lnTo>
                      <a:pt x="253" y="59"/>
                    </a:lnTo>
                    <a:lnTo>
                      <a:pt x="253" y="57"/>
                    </a:lnTo>
                    <a:lnTo>
                      <a:pt x="251" y="53"/>
                    </a:lnTo>
                    <a:lnTo>
                      <a:pt x="248" y="48"/>
                    </a:lnTo>
                    <a:lnTo>
                      <a:pt x="246" y="47"/>
                    </a:lnTo>
                    <a:lnTo>
                      <a:pt x="245" y="45"/>
                    </a:lnTo>
                    <a:lnTo>
                      <a:pt x="245" y="42"/>
                    </a:lnTo>
                    <a:lnTo>
                      <a:pt x="245" y="40"/>
                    </a:lnTo>
                    <a:lnTo>
                      <a:pt x="246" y="38"/>
                    </a:lnTo>
                    <a:lnTo>
                      <a:pt x="248" y="36"/>
                    </a:lnTo>
                    <a:lnTo>
                      <a:pt x="252" y="34"/>
                    </a:lnTo>
                    <a:lnTo>
                      <a:pt x="258" y="32"/>
                    </a:lnTo>
                    <a:lnTo>
                      <a:pt x="265" y="27"/>
                    </a:lnTo>
                    <a:lnTo>
                      <a:pt x="274" y="24"/>
                    </a:lnTo>
                    <a:lnTo>
                      <a:pt x="280" y="23"/>
                    </a:lnTo>
                    <a:lnTo>
                      <a:pt x="285" y="23"/>
                    </a:lnTo>
                    <a:lnTo>
                      <a:pt x="291" y="23"/>
                    </a:lnTo>
                    <a:lnTo>
                      <a:pt x="298" y="24"/>
                    </a:lnTo>
                    <a:lnTo>
                      <a:pt x="318" y="17"/>
                    </a:lnTo>
                    <a:lnTo>
                      <a:pt x="338" y="11"/>
                    </a:lnTo>
                    <a:lnTo>
                      <a:pt x="349" y="10"/>
                    </a:lnTo>
                    <a:lnTo>
                      <a:pt x="361" y="7"/>
                    </a:lnTo>
                    <a:lnTo>
                      <a:pt x="373" y="7"/>
                    </a:lnTo>
                    <a:lnTo>
                      <a:pt x="387" y="7"/>
                    </a:lnTo>
                    <a:lnTo>
                      <a:pt x="399" y="6"/>
                    </a:lnTo>
                    <a:lnTo>
                      <a:pt x="411" y="6"/>
                    </a:lnTo>
                    <a:lnTo>
                      <a:pt x="424" y="7"/>
                    </a:lnTo>
                    <a:lnTo>
                      <a:pt x="438" y="8"/>
                    </a:lnTo>
                    <a:lnTo>
                      <a:pt x="449" y="8"/>
                    </a:lnTo>
                    <a:lnTo>
                      <a:pt x="461" y="8"/>
                    </a:lnTo>
                    <a:lnTo>
                      <a:pt x="466" y="6"/>
                    </a:lnTo>
                    <a:lnTo>
                      <a:pt x="470" y="5"/>
                    </a:lnTo>
                    <a:lnTo>
                      <a:pt x="473" y="2"/>
                    </a:lnTo>
                    <a:lnTo>
                      <a:pt x="477" y="0"/>
                    </a:lnTo>
                    <a:lnTo>
                      <a:pt x="499" y="15"/>
                    </a:lnTo>
                    <a:lnTo>
                      <a:pt x="520" y="30"/>
                    </a:lnTo>
                    <a:lnTo>
                      <a:pt x="541" y="45"/>
                    </a:lnTo>
                    <a:lnTo>
                      <a:pt x="561" y="61"/>
                    </a:lnTo>
                    <a:lnTo>
                      <a:pt x="582" y="78"/>
                    </a:lnTo>
                    <a:lnTo>
                      <a:pt x="601" y="95"/>
                    </a:lnTo>
                    <a:lnTo>
                      <a:pt x="621" y="112"/>
                    </a:lnTo>
                    <a:lnTo>
                      <a:pt x="640" y="130"/>
                    </a:lnTo>
                    <a:lnTo>
                      <a:pt x="639" y="140"/>
                    </a:lnTo>
                    <a:lnTo>
                      <a:pt x="639" y="149"/>
                    </a:lnTo>
                    <a:lnTo>
                      <a:pt x="641" y="156"/>
                    </a:lnTo>
                    <a:lnTo>
                      <a:pt x="643" y="162"/>
                    </a:lnTo>
                    <a:lnTo>
                      <a:pt x="647" y="167"/>
                    </a:lnTo>
                    <a:lnTo>
                      <a:pt x="652" y="172"/>
                    </a:lnTo>
                    <a:lnTo>
                      <a:pt x="658" y="176"/>
                    </a:lnTo>
                    <a:lnTo>
                      <a:pt x="664" y="178"/>
                    </a:lnTo>
                    <a:lnTo>
                      <a:pt x="680" y="193"/>
                    </a:lnTo>
                    <a:lnTo>
                      <a:pt x="697" y="205"/>
                    </a:lnTo>
                    <a:lnTo>
                      <a:pt x="715" y="217"/>
                    </a:lnTo>
                    <a:lnTo>
                      <a:pt x="733" y="226"/>
                    </a:lnTo>
                    <a:lnTo>
                      <a:pt x="751" y="235"/>
                    </a:lnTo>
                    <a:lnTo>
                      <a:pt x="770" y="241"/>
                    </a:lnTo>
                    <a:lnTo>
                      <a:pt x="789" y="246"/>
                    </a:lnTo>
                    <a:lnTo>
                      <a:pt x="810" y="252"/>
                    </a:lnTo>
                    <a:lnTo>
                      <a:pt x="810" y="263"/>
                    </a:lnTo>
                    <a:lnTo>
                      <a:pt x="810" y="276"/>
                    </a:lnTo>
                    <a:lnTo>
                      <a:pt x="810" y="289"/>
                    </a:lnTo>
                    <a:lnTo>
                      <a:pt x="810" y="300"/>
                    </a:lnTo>
                    <a:lnTo>
                      <a:pt x="825" y="308"/>
                    </a:lnTo>
                    <a:lnTo>
                      <a:pt x="840" y="313"/>
                    </a:lnTo>
                    <a:lnTo>
                      <a:pt x="854" y="316"/>
                    </a:lnTo>
                    <a:lnTo>
                      <a:pt x="867" y="318"/>
                    </a:lnTo>
                    <a:lnTo>
                      <a:pt x="882" y="321"/>
                    </a:lnTo>
                    <a:lnTo>
                      <a:pt x="897" y="323"/>
                    </a:lnTo>
                    <a:lnTo>
                      <a:pt x="914" y="328"/>
                    </a:lnTo>
                    <a:lnTo>
                      <a:pt x="932" y="333"/>
                    </a:lnTo>
                    <a:lnTo>
                      <a:pt x="929" y="334"/>
                    </a:lnTo>
                    <a:lnTo>
                      <a:pt x="927" y="336"/>
                    </a:lnTo>
                    <a:lnTo>
                      <a:pt x="925" y="338"/>
                    </a:lnTo>
                    <a:lnTo>
                      <a:pt x="925" y="342"/>
                    </a:lnTo>
                    <a:lnTo>
                      <a:pt x="924" y="350"/>
                    </a:lnTo>
                    <a:lnTo>
                      <a:pt x="924" y="357"/>
                    </a:lnTo>
                    <a:lnTo>
                      <a:pt x="927" y="353"/>
                    </a:lnTo>
                    <a:lnTo>
                      <a:pt x="933" y="350"/>
                    </a:lnTo>
                    <a:lnTo>
                      <a:pt x="939" y="348"/>
                    </a:lnTo>
                    <a:lnTo>
                      <a:pt x="945" y="345"/>
                    </a:lnTo>
                    <a:lnTo>
                      <a:pt x="953" y="345"/>
                    </a:lnTo>
                    <a:lnTo>
                      <a:pt x="961" y="345"/>
                    </a:lnTo>
                    <a:lnTo>
                      <a:pt x="969" y="348"/>
                    </a:lnTo>
                    <a:lnTo>
                      <a:pt x="978" y="350"/>
                    </a:lnTo>
                    <a:lnTo>
                      <a:pt x="986" y="352"/>
                    </a:lnTo>
                    <a:lnTo>
                      <a:pt x="995" y="355"/>
                    </a:lnTo>
                    <a:lnTo>
                      <a:pt x="1002" y="359"/>
                    </a:lnTo>
                    <a:lnTo>
                      <a:pt x="1009" y="362"/>
                    </a:lnTo>
                    <a:lnTo>
                      <a:pt x="1016" y="368"/>
                    </a:lnTo>
                    <a:lnTo>
                      <a:pt x="1022" y="372"/>
                    </a:lnTo>
                    <a:lnTo>
                      <a:pt x="1026" y="377"/>
                    </a:lnTo>
                    <a:lnTo>
                      <a:pt x="1029" y="381"/>
                    </a:lnTo>
                    <a:lnTo>
                      <a:pt x="1033" y="380"/>
                    </a:lnTo>
                    <a:lnTo>
                      <a:pt x="1034" y="379"/>
                    </a:lnTo>
                    <a:lnTo>
                      <a:pt x="1035" y="377"/>
                    </a:lnTo>
                    <a:lnTo>
                      <a:pt x="1035" y="375"/>
                    </a:lnTo>
                    <a:lnTo>
                      <a:pt x="1032" y="371"/>
                    </a:lnTo>
                    <a:lnTo>
                      <a:pt x="1027" y="365"/>
                    </a:lnTo>
                    <a:lnTo>
                      <a:pt x="1016" y="356"/>
                    </a:lnTo>
                    <a:lnTo>
                      <a:pt x="1005" y="349"/>
                    </a:lnTo>
                    <a:lnTo>
                      <a:pt x="989" y="332"/>
                    </a:lnTo>
                    <a:lnTo>
                      <a:pt x="973" y="317"/>
                    </a:lnTo>
                    <a:lnTo>
                      <a:pt x="963" y="310"/>
                    </a:lnTo>
                    <a:lnTo>
                      <a:pt x="954" y="303"/>
                    </a:lnTo>
                    <a:lnTo>
                      <a:pt x="943" y="297"/>
                    </a:lnTo>
                    <a:lnTo>
                      <a:pt x="932" y="292"/>
                    </a:lnTo>
                    <a:lnTo>
                      <a:pt x="932" y="284"/>
                    </a:lnTo>
                    <a:lnTo>
                      <a:pt x="932" y="276"/>
                    </a:lnTo>
                    <a:lnTo>
                      <a:pt x="939" y="269"/>
                    </a:lnTo>
                    <a:lnTo>
                      <a:pt x="945" y="263"/>
                    </a:lnTo>
                    <a:lnTo>
                      <a:pt x="953" y="260"/>
                    </a:lnTo>
                    <a:lnTo>
                      <a:pt x="959" y="258"/>
                    </a:lnTo>
                    <a:lnTo>
                      <a:pt x="965" y="257"/>
                    </a:lnTo>
                    <a:lnTo>
                      <a:pt x="972" y="257"/>
                    </a:lnTo>
                    <a:lnTo>
                      <a:pt x="978" y="258"/>
                    </a:lnTo>
                    <a:lnTo>
                      <a:pt x="984" y="259"/>
                    </a:lnTo>
                    <a:lnTo>
                      <a:pt x="997" y="263"/>
                    </a:lnTo>
                    <a:lnTo>
                      <a:pt x="1011" y="268"/>
                    </a:lnTo>
                    <a:lnTo>
                      <a:pt x="1017" y="269"/>
                    </a:lnTo>
                    <a:lnTo>
                      <a:pt x="1023" y="270"/>
                    </a:lnTo>
                    <a:lnTo>
                      <a:pt x="1031" y="269"/>
                    </a:lnTo>
                    <a:lnTo>
                      <a:pt x="1038" y="268"/>
                    </a:lnTo>
                    <a:lnTo>
                      <a:pt x="1039" y="264"/>
                    </a:lnTo>
                    <a:lnTo>
                      <a:pt x="1041" y="261"/>
                    </a:lnTo>
                    <a:lnTo>
                      <a:pt x="1043" y="258"/>
                    </a:lnTo>
                    <a:lnTo>
                      <a:pt x="1046" y="256"/>
                    </a:lnTo>
                    <a:lnTo>
                      <a:pt x="1049" y="254"/>
                    </a:lnTo>
                    <a:lnTo>
                      <a:pt x="1053" y="253"/>
                    </a:lnTo>
                    <a:lnTo>
                      <a:pt x="1057" y="252"/>
                    </a:lnTo>
                    <a:lnTo>
                      <a:pt x="1062" y="252"/>
                    </a:lnTo>
                    <a:lnTo>
                      <a:pt x="1064" y="241"/>
                    </a:lnTo>
                    <a:lnTo>
                      <a:pt x="1065" y="232"/>
                    </a:lnTo>
                    <a:lnTo>
                      <a:pt x="1065" y="221"/>
                    </a:lnTo>
                    <a:lnTo>
                      <a:pt x="1064" y="212"/>
                    </a:lnTo>
                    <a:lnTo>
                      <a:pt x="1061" y="201"/>
                    </a:lnTo>
                    <a:lnTo>
                      <a:pt x="1058" y="192"/>
                    </a:lnTo>
                    <a:lnTo>
                      <a:pt x="1055" y="182"/>
                    </a:lnTo>
                    <a:lnTo>
                      <a:pt x="1051" y="173"/>
                    </a:lnTo>
                    <a:lnTo>
                      <a:pt x="1043" y="156"/>
                    </a:lnTo>
                    <a:lnTo>
                      <a:pt x="1037" y="141"/>
                    </a:lnTo>
                    <a:lnTo>
                      <a:pt x="1035" y="135"/>
                    </a:lnTo>
                    <a:lnTo>
                      <a:pt x="1035" y="130"/>
                    </a:lnTo>
                    <a:lnTo>
                      <a:pt x="1036" y="125"/>
                    </a:lnTo>
                    <a:lnTo>
                      <a:pt x="1038" y="121"/>
                    </a:lnTo>
                    <a:lnTo>
                      <a:pt x="1042" y="118"/>
                    </a:lnTo>
                    <a:lnTo>
                      <a:pt x="1046" y="116"/>
                    </a:lnTo>
                    <a:lnTo>
                      <a:pt x="1051" y="114"/>
                    </a:lnTo>
                    <a:lnTo>
                      <a:pt x="1055" y="114"/>
                    </a:lnTo>
                    <a:lnTo>
                      <a:pt x="1059" y="114"/>
                    </a:lnTo>
                    <a:lnTo>
                      <a:pt x="1063" y="115"/>
                    </a:lnTo>
                    <a:lnTo>
                      <a:pt x="1067" y="116"/>
                    </a:lnTo>
                    <a:lnTo>
                      <a:pt x="1072" y="118"/>
                    </a:lnTo>
                    <a:lnTo>
                      <a:pt x="1081" y="124"/>
                    </a:lnTo>
                    <a:lnTo>
                      <a:pt x="1089" y="132"/>
                    </a:lnTo>
                    <a:lnTo>
                      <a:pt x="1100" y="140"/>
                    </a:lnTo>
                    <a:lnTo>
                      <a:pt x="1110" y="150"/>
                    </a:lnTo>
                    <a:lnTo>
                      <a:pt x="1120" y="160"/>
                    </a:lnTo>
                    <a:lnTo>
                      <a:pt x="1132" y="171"/>
                    </a:lnTo>
                    <a:lnTo>
                      <a:pt x="1142" y="180"/>
                    </a:lnTo>
                    <a:lnTo>
                      <a:pt x="1155" y="189"/>
                    </a:lnTo>
                    <a:lnTo>
                      <a:pt x="1167" y="195"/>
                    </a:lnTo>
                    <a:lnTo>
                      <a:pt x="1180" y="200"/>
                    </a:lnTo>
                    <a:lnTo>
                      <a:pt x="1187" y="202"/>
                    </a:lnTo>
                    <a:lnTo>
                      <a:pt x="1194" y="203"/>
                    </a:lnTo>
                    <a:lnTo>
                      <a:pt x="1201" y="203"/>
                    </a:lnTo>
                    <a:lnTo>
                      <a:pt x="1208" y="203"/>
                    </a:lnTo>
                    <a:lnTo>
                      <a:pt x="1208" y="205"/>
                    </a:lnTo>
                    <a:lnTo>
                      <a:pt x="1211" y="207"/>
                    </a:lnTo>
                    <a:lnTo>
                      <a:pt x="1212" y="209"/>
                    </a:lnTo>
                    <a:lnTo>
                      <a:pt x="1214" y="210"/>
                    </a:lnTo>
                    <a:lnTo>
                      <a:pt x="1219" y="210"/>
                    </a:lnTo>
                    <a:lnTo>
                      <a:pt x="1224" y="211"/>
                    </a:lnTo>
                    <a:lnTo>
                      <a:pt x="1222" y="214"/>
                    </a:lnTo>
                    <a:lnTo>
                      <a:pt x="1220" y="217"/>
                    </a:lnTo>
                    <a:lnTo>
                      <a:pt x="1218" y="222"/>
                    </a:lnTo>
                    <a:lnTo>
                      <a:pt x="1217" y="229"/>
                    </a:lnTo>
                    <a:lnTo>
                      <a:pt x="1216" y="242"/>
                    </a:lnTo>
                    <a:lnTo>
                      <a:pt x="1216" y="257"/>
                    </a:lnTo>
                    <a:lnTo>
                      <a:pt x="1217" y="263"/>
                    </a:lnTo>
                    <a:lnTo>
                      <a:pt x="1218" y="270"/>
                    </a:lnTo>
                    <a:lnTo>
                      <a:pt x="1220" y="274"/>
                    </a:lnTo>
                    <a:lnTo>
                      <a:pt x="1221" y="278"/>
                    </a:lnTo>
                    <a:lnTo>
                      <a:pt x="1224" y="280"/>
                    </a:lnTo>
                    <a:lnTo>
                      <a:pt x="1226" y="281"/>
                    </a:lnTo>
                    <a:lnTo>
                      <a:pt x="1230" y="279"/>
                    </a:lnTo>
                    <a:lnTo>
                      <a:pt x="1233" y="276"/>
                    </a:lnTo>
                    <a:lnTo>
                      <a:pt x="1239" y="281"/>
                    </a:lnTo>
                    <a:lnTo>
                      <a:pt x="1245" y="286"/>
                    </a:lnTo>
                    <a:lnTo>
                      <a:pt x="1253" y="292"/>
                    </a:lnTo>
                    <a:lnTo>
                      <a:pt x="1261" y="296"/>
                    </a:lnTo>
                    <a:lnTo>
                      <a:pt x="1270" y="299"/>
                    </a:lnTo>
                    <a:lnTo>
                      <a:pt x="1278" y="302"/>
                    </a:lnTo>
                    <a:lnTo>
                      <a:pt x="1287" y="305"/>
                    </a:lnTo>
                    <a:lnTo>
                      <a:pt x="1297" y="306"/>
                    </a:lnTo>
                    <a:lnTo>
                      <a:pt x="1297" y="308"/>
                    </a:lnTo>
                    <a:lnTo>
                      <a:pt x="1298" y="308"/>
                    </a:lnTo>
                    <a:lnTo>
                      <a:pt x="1290" y="341"/>
                    </a:lnTo>
                    <a:lnTo>
                      <a:pt x="1285" y="348"/>
                    </a:lnTo>
                    <a:lnTo>
                      <a:pt x="1282" y="355"/>
                    </a:lnTo>
                    <a:lnTo>
                      <a:pt x="1281" y="360"/>
                    </a:lnTo>
                    <a:lnTo>
                      <a:pt x="1281" y="366"/>
                    </a:lnTo>
                    <a:lnTo>
                      <a:pt x="1282" y="372"/>
                    </a:lnTo>
                    <a:lnTo>
                      <a:pt x="1284" y="377"/>
                    </a:lnTo>
                    <a:lnTo>
                      <a:pt x="1287" y="382"/>
                    </a:lnTo>
                    <a:lnTo>
                      <a:pt x="1291" y="386"/>
                    </a:lnTo>
                    <a:lnTo>
                      <a:pt x="1299" y="396"/>
                    </a:lnTo>
                    <a:lnTo>
                      <a:pt x="1309" y="404"/>
                    </a:lnTo>
                    <a:lnTo>
                      <a:pt x="1316" y="413"/>
                    </a:lnTo>
                    <a:lnTo>
                      <a:pt x="1322" y="422"/>
                    </a:lnTo>
                    <a:lnTo>
                      <a:pt x="1325" y="423"/>
                    </a:lnTo>
                    <a:lnTo>
                      <a:pt x="1327" y="423"/>
                    </a:lnTo>
                    <a:lnTo>
                      <a:pt x="1331" y="423"/>
                    </a:lnTo>
                    <a:lnTo>
                      <a:pt x="1333" y="422"/>
                    </a:lnTo>
                    <a:lnTo>
                      <a:pt x="1338" y="419"/>
                    </a:lnTo>
                    <a:lnTo>
                      <a:pt x="1342" y="416"/>
                    </a:lnTo>
                    <a:lnTo>
                      <a:pt x="1346" y="414"/>
                    </a:lnTo>
                    <a:lnTo>
                      <a:pt x="1350" y="413"/>
                    </a:lnTo>
                    <a:lnTo>
                      <a:pt x="1351" y="414"/>
                    </a:lnTo>
                    <a:lnTo>
                      <a:pt x="1353" y="416"/>
                    </a:lnTo>
                    <a:lnTo>
                      <a:pt x="1354" y="418"/>
                    </a:lnTo>
                    <a:lnTo>
                      <a:pt x="1355" y="422"/>
                    </a:lnTo>
                    <a:lnTo>
                      <a:pt x="1350" y="424"/>
                    </a:lnTo>
                    <a:lnTo>
                      <a:pt x="1347" y="427"/>
                    </a:lnTo>
                    <a:lnTo>
                      <a:pt x="1346" y="428"/>
                    </a:lnTo>
                    <a:lnTo>
                      <a:pt x="1347" y="428"/>
                    </a:lnTo>
                    <a:lnTo>
                      <a:pt x="1351" y="428"/>
                    </a:lnTo>
                    <a:lnTo>
                      <a:pt x="1354" y="428"/>
                    </a:lnTo>
                    <a:lnTo>
                      <a:pt x="1357" y="427"/>
                    </a:lnTo>
                    <a:lnTo>
                      <a:pt x="1360" y="424"/>
                    </a:lnTo>
                    <a:lnTo>
                      <a:pt x="1362" y="427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550" name="Guldborgsund"/>
            <p:cNvSpPr>
              <a:spLocks/>
            </p:cNvSpPr>
            <p:nvPr/>
          </p:nvSpPr>
          <p:spPr bwMode="auto">
            <a:xfrm>
              <a:off x="3386138" y="5980113"/>
              <a:ext cx="392112" cy="501650"/>
            </a:xfrm>
            <a:custGeom>
              <a:avLst/>
              <a:gdLst>
                <a:gd name="T0" fmla="*/ 92 w 739"/>
                <a:gd name="T1" fmla="*/ 212 h 950"/>
                <a:gd name="T2" fmla="*/ 92 w 739"/>
                <a:gd name="T3" fmla="*/ 217 h 950"/>
                <a:gd name="T4" fmla="*/ 107 w 739"/>
                <a:gd name="T5" fmla="*/ 225 h 950"/>
                <a:gd name="T6" fmla="*/ 110 w 739"/>
                <a:gd name="T7" fmla="*/ 233 h 950"/>
                <a:gd name="T8" fmla="*/ 101 w 739"/>
                <a:gd name="T9" fmla="*/ 243 h 950"/>
                <a:gd name="T10" fmla="*/ 95 w 739"/>
                <a:gd name="T11" fmla="*/ 244 h 950"/>
                <a:gd name="T12" fmla="*/ 94 w 739"/>
                <a:gd name="T13" fmla="*/ 262 h 950"/>
                <a:gd name="T14" fmla="*/ 95 w 739"/>
                <a:gd name="T15" fmla="*/ 286 h 950"/>
                <a:gd name="T16" fmla="*/ 110 w 739"/>
                <a:gd name="T17" fmla="*/ 311 h 950"/>
                <a:gd name="T18" fmla="*/ 151 w 739"/>
                <a:gd name="T19" fmla="*/ 314 h 950"/>
                <a:gd name="T20" fmla="*/ 151 w 739"/>
                <a:gd name="T21" fmla="*/ 301 h 950"/>
                <a:gd name="T22" fmla="*/ 147 w 739"/>
                <a:gd name="T23" fmla="*/ 305 h 950"/>
                <a:gd name="T24" fmla="*/ 143 w 739"/>
                <a:gd name="T25" fmla="*/ 276 h 950"/>
                <a:gd name="T26" fmla="*/ 147 w 739"/>
                <a:gd name="T27" fmla="*/ 253 h 950"/>
                <a:gd name="T28" fmla="*/ 150 w 739"/>
                <a:gd name="T29" fmla="*/ 238 h 950"/>
                <a:gd name="T30" fmla="*/ 157 w 739"/>
                <a:gd name="T31" fmla="*/ 226 h 950"/>
                <a:gd name="T32" fmla="*/ 172 w 739"/>
                <a:gd name="T33" fmla="*/ 210 h 950"/>
                <a:gd name="T34" fmla="*/ 186 w 739"/>
                <a:gd name="T35" fmla="*/ 181 h 950"/>
                <a:gd name="T36" fmla="*/ 206 w 739"/>
                <a:gd name="T37" fmla="*/ 154 h 950"/>
                <a:gd name="T38" fmla="*/ 197 w 739"/>
                <a:gd name="T39" fmla="*/ 162 h 950"/>
                <a:gd name="T40" fmla="*/ 214 w 739"/>
                <a:gd name="T41" fmla="*/ 147 h 950"/>
                <a:gd name="T42" fmla="*/ 229 w 739"/>
                <a:gd name="T43" fmla="*/ 130 h 950"/>
                <a:gd name="T44" fmla="*/ 244 w 739"/>
                <a:gd name="T45" fmla="*/ 117 h 950"/>
                <a:gd name="T46" fmla="*/ 244 w 739"/>
                <a:gd name="T47" fmla="*/ 104 h 950"/>
                <a:gd name="T48" fmla="*/ 228 w 739"/>
                <a:gd name="T49" fmla="*/ 84 h 950"/>
                <a:gd name="T50" fmla="*/ 217 w 739"/>
                <a:gd name="T51" fmla="*/ 66 h 950"/>
                <a:gd name="T52" fmla="*/ 200 w 739"/>
                <a:gd name="T53" fmla="*/ 57 h 950"/>
                <a:gd name="T54" fmla="*/ 180 w 739"/>
                <a:gd name="T55" fmla="*/ 62 h 950"/>
                <a:gd name="T56" fmla="*/ 161 w 739"/>
                <a:gd name="T57" fmla="*/ 59 h 950"/>
                <a:gd name="T58" fmla="*/ 150 w 739"/>
                <a:gd name="T59" fmla="*/ 47 h 950"/>
                <a:gd name="T60" fmla="*/ 142 w 739"/>
                <a:gd name="T61" fmla="*/ 26 h 950"/>
                <a:gd name="T62" fmla="*/ 129 w 739"/>
                <a:gd name="T63" fmla="*/ 21 h 950"/>
                <a:gd name="T64" fmla="*/ 115 w 739"/>
                <a:gd name="T65" fmla="*/ 23 h 950"/>
                <a:gd name="T66" fmla="*/ 110 w 739"/>
                <a:gd name="T67" fmla="*/ 37 h 950"/>
                <a:gd name="T68" fmla="*/ 103 w 739"/>
                <a:gd name="T69" fmla="*/ 41 h 950"/>
                <a:gd name="T70" fmla="*/ 81 w 739"/>
                <a:gd name="T71" fmla="*/ 9 h 950"/>
                <a:gd name="T72" fmla="*/ 63 w 739"/>
                <a:gd name="T73" fmla="*/ 1 h 950"/>
                <a:gd name="T74" fmla="*/ 65 w 739"/>
                <a:gd name="T75" fmla="*/ 11 h 950"/>
                <a:gd name="T76" fmla="*/ 60 w 739"/>
                <a:gd name="T77" fmla="*/ 18 h 950"/>
                <a:gd name="T78" fmla="*/ 56 w 739"/>
                <a:gd name="T79" fmla="*/ 22 h 950"/>
                <a:gd name="T80" fmla="*/ 42 w 739"/>
                <a:gd name="T81" fmla="*/ 12 h 950"/>
                <a:gd name="T82" fmla="*/ 29 w 739"/>
                <a:gd name="T83" fmla="*/ 5 h 950"/>
                <a:gd name="T84" fmla="*/ 17 w 739"/>
                <a:gd name="T85" fmla="*/ 15 h 950"/>
                <a:gd name="T86" fmla="*/ 7 w 739"/>
                <a:gd name="T87" fmla="*/ 26 h 950"/>
                <a:gd name="T88" fmla="*/ 0 w 739"/>
                <a:gd name="T89" fmla="*/ 32 h 950"/>
                <a:gd name="T90" fmla="*/ 3 w 739"/>
                <a:gd name="T91" fmla="*/ 33 h 950"/>
                <a:gd name="T92" fmla="*/ 22 w 739"/>
                <a:gd name="T93" fmla="*/ 41 h 950"/>
                <a:gd name="T94" fmla="*/ 20 w 739"/>
                <a:gd name="T95" fmla="*/ 64 h 950"/>
                <a:gd name="T96" fmla="*/ 24 w 739"/>
                <a:gd name="T97" fmla="*/ 81 h 950"/>
                <a:gd name="T98" fmla="*/ 30 w 739"/>
                <a:gd name="T99" fmla="*/ 88 h 950"/>
                <a:gd name="T100" fmla="*/ 41 w 739"/>
                <a:gd name="T101" fmla="*/ 103 h 950"/>
                <a:gd name="T102" fmla="*/ 49 w 739"/>
                <a:gd name="T103" fmla="*/ 113 h 950"/>
                <a:gd name="T104" fmla="*/ 50 w 739"/>
                <a:gd name="T105" fmla="*/ 124 h 950"/>
                <a:gd name="T106" fmla="*/ 46 w 739"/>
                <a:gd name="T107" fmla="*/ 137 h 950"/>
                <a:gd name="T108" fmla="*/ 50 w 739"/>
                <a:gd name="T109" fmla="*/ 142 h 950"/>
                <a:gd name="T110" fmla="*/ 57 w 739"/>
                <a:gd name="T111" fmla="*/ 153 h 950"/>
                <a:gd name="T112" fmla="*/ 71 w 739"/>
                <a:gd name="T113" fmla="*/ 154 h 950"/>
                <a:gd name="T114" fmla="*/ 87 w 739"/>
                <a:gd name="T115" fmla="*/ 176 h 95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739" h="950">
                  <a:moveTo>
                    <a:pt x="292" y="569"/>
                  </a:moveTo>
                  <a:lnTo>
                    <a:pt x="290" y="591"/>
                  </a:lnTo>
                  <a:lnTo>
                    <a:pt x="287" y="612"/>
                  </a:lnTo>
                  <a:lnTo>
                    <a:pt x="284" y="622"/>
                  </a:lnTo>
                  <a:lnTo>
                    <a:pt x="281" y="630"/>
                  </a:lnTo>
                  <a:lnTo>
                    <a:pt x="278" y="633"/>
                  </a:lnTo>
                  <a:lnTo>
                    <a:pt x="276" y="637"/>
                  </a:lnTo>
                  <a:lnTo>
                    <a:pt x="271" y="640"/>
                  </a:lnTo>
                  <a:lnTo>
                    <a:pt x="268" y="642"/>
                  </a:lnTo>
                  <a:lnTo>
                    <a:pt x="270" y="643"/>
                  </a:lnTo>
                  <a:lnTo>
                    <a:pt x="272" y="644"/>
                  </a:lnTo>
                  <a:lnTo>
                    <a:pt x="273" y="646"/>
                  </a:lnTo>
                  <a:lnTo>
                    <a:pt x="273" y="648"/>
                  </a:lnTo>
                  <a:lnTo>
                    <a:pt x="274" y="652"/>
                  </a:lnTo>
                  <a:lnTo>
                    <a:pt x="276" y="658"/>
                  </a:lnTo>
                  <a:lnTo>
                    <a:pt x="292" y="662"/>
                  </a:lnTo>
                  <a:lnTo>
                    <a:pt x="308" y="666"/>
                  </a:lnTo>
                  <a:lnTo>
                    <a:pt x="312" y="667"/>
                  </a:lnTo>
                  <a:lnTo>
                    <a:pt x="316" y="669"/>
                  </a:lnTo>
                  <a:lnTo>
                    <a:pt x="319" y="671"/>
                  </a:lnTo>
                  <a:lnTo>
                    <a:pt x="321" y="675"/>
                  </a:lnTo>
                  <a:lnTo>
                    <a:pt x="323" y="678"/>
                  </a:lnTo>
                  <a:lnTo>
                    <a:pt x="324" y="681"/>
                  </a:lnTo>
                  <a:lnTo>
                    <a:pt x="325" y="685"/>
                  </a:lnTo>
                  <a:lnTo>
                    <a:pt x="325" y="690"/>
                  </a:lnTo>
                  <a:lnTo>
                    <a:pt x="328" y="693"/>
                  </a:lnTo>
                  <a:lnTo>
                    <a:pt x="330" y="696"/>
                  </a:lnTo>
                  <a:lnTo>
                    <a:pt x="330" y="700"/>
                  </a:lnTo>
                  <a:lnTo>
                    <a:pt x="329" y="704"/>
                  </a:lnTo>
                  <a:lnTo>
                    <a:pt x="328" y="708"/>
                  </a:lnTo>
                  <a:lnTo>
                    <a:pt x="325" y="712"/>
                  </a:lnTo>
                  <a:lnTo>
                    <a:pt x="322" y="717"/>
                  </a:lnTo>
                  <a:lnTo>
                    <a:pt x="318" y="721"/>
                  </a:lnTo>
                  <a:lnTo>
                    <a:pt x="310" y="728"/>
                  </a:lnTo>
                  <a:lnTo>
                    <a:pt x="302" y="732"/>
                  </a:lnTo>
                  <a:lnTo>
                    <a:pt x="299" y="735"/>
                  </a:lnTo>
                  <a:lnTo>
                    <a:pt x="296" y="735"/>
                  </a:lnTo>
                  <a:lnTo>
                    <a:pt x="293" y="733"/>
                  </a:lnTo>
                  <a:lnTo>
                    <a:pt x="292" y="731"/>
                  </a:lnTo>
                  <a:lnTo>
                    <a:pt x="288" y="731"/>
                  </a:lnTo>
                  <a:lnTo>
                    <a:pt x="286" y="732"/>
                  </a:lnTo>
                  <a:lnTo>
                    <a:pt x="285" y="733"/>
                  </a:lnTo>
                  <a:lnTo>
                    <a:pt x="284" y="736"/>
                  </a:lnTo>
                  <a:lnTo>
                    <a:pt x="284" y="737"/>
                  </a:lnTo>
                  <a:lnTo>
                    <a:pt x="284" y="740"/>
                  </a:lnTo>
                  <a:lnTo>
                    <a:pt x="285" y="753"/>
                  </a:lnTo>
                  <a:lnTo>
                    <a:pt x="284" y="766"/>
                  </a:lnTo>
                  <a:lnTo>
                    <a:pt x="283" y="778"/>
                  </a:lnTo>
                  <a:lnTo>
                    <a:pt x="280" y="788"/>
                  </a:lnTo>
                  <a:lnTo>
                    <a:pt x="278" y="799"/>
                  </a:lnTo>
                  <a:lnTo>
                    <a:pt x="276" y="810"/>
                  </a:lnTo>
                  <a:lnTo>
                    <a:pt x="274" y="823"/>
                  </a:lnTo>
                  <a:lnTo>
                    <a:pt x="276" y="837"/>
                  </a:lnTo>
                  <a:lnTo>
                    <a:pt x="278" y="845"/>
                  </a:lnTo>
                  <a:lnTo>
                    <a:pt x="281" y="854"/>
                  </a:lnTo>
                  <a:lnTo>
                    <a:pt x="284" y="861"/>
                  </a:lnTo>
                  <a:lnTo>
                    <a:pt x="287" y="868"/>
                  </a:lnTo>
                  <a:lnTo>
                    <a:pt x="296" y="881"/>
                  </a:lnTo>
                  <a:lnTo>
                    <a:pt x="305" y="894"/>
                  </a:lnTo>
                  <a:lnTo>
                    <a:pt x="313" y="905"/>
                  </a:lnTo>
                  <a:lnTo>
                    <a:pt x="322" y="919"/>
                  </a:lnTo>
                  <a:lnTo>
                    <a:pt x="325" y="926"/>
                  </a:lnTo>
                  <a:lnTo>
                    <a:pt x="328" y="934"/>
                  </a:lnTo>
                  <a:lnTo>
                    <a:pt x="331" y="942"/>
                  </a:lnTo>
                  <a:lnTo>
                    <a:pt x="332" y="950"/>
                  </a:lnTo>
                  <a:lnTo>
                    <a:pt x="363" y="950"/>
                  </a:lnTo>
                  <a:lnTo>
                    <a:pt x="393" y="950"/>
                  </a:lnTo>
                  <a:lnTo>
                    <a:pt x="424" y="950"/>
                  </a:lnTo>
                  <a:lnTo>
                    <a:pt x="455" y="950"/>
                  </a:lnTo>
                  <a:lnTo>
                    <a:pt x="453" y="944"/>
                  </a:lnTo>
                  <a:lnTo>
                    <a:pt x="453" y="937"/>
                  </a:lnTo>
                  <a:lnTo>
                    <a:pt x="455" y="929"/>
                  </a:lnTo>
                  <a:lnTo>
                    <a:pt x="456" y="921"/>
                  </a:lnTo>
                  <a:lnTo>
                    <a:pt x="456" y="914"/>
                  </a:lnTo>
                  <a:lnTo>
                    <a:pt x="455" y="908"/>
                  </a:lnTo>
                  <a:lnTo>
                    <a:pt x="453" y="905"/>
                  </a:lnTo>
                  <a:lnTo>
                    <a:pt x="451" y="904"/>
                  </a:lnTo>
                  <a:lnTo>
                    <a:pt x="449" y="903"/>
                  </a:lnTo>
                  <a:lnTo>
                    <a:pt x="446" y="902"/>
                  </a:lnTo>
                  <a:lnTo>
                    <a:pt x="446" y="907"/>
                  </a:lnTo>
                  <a:lnTo>
                    <a:pt x="445" y="912"/>
                  </a:lnTo>
                  <a:lnTo>
                    <a:pt x="444" y="915"/>
                  </a:lnTo>
                  <a:lnTo>
                    <a:pt x="443" y="917"/>
                  </a:lnTo>
                  <a:lnTo>
                    <a:pt x="441" y="918"/>
                  </a:lnTo>
                  <a:lnTo>
                    <a:pt x="439" y="918"/>
                  </a:lnTo>
                  <a:lnTo>
                    <a:pt x="439" y="909"/>
                  </a:lnTo>
                  <a:lnTo>
                    <a:pt x="439" y="899"/>
                  </a:lnTo>
                  <a:lnTo>
                    <a:pt x="438" y="888"/>
                  </a:lnTo>
                  <a:lnTo>
                    <a:pt x="437" y="877"/>
                  </a:lnTo>
                  <a:lnTo>
                    <a:pt x="432" y="854"/>
                  </a:lnTo>
                  <a:lnTo>
                    <a:pt x="429" y="830"/>
                  </a:lnTo>
                  <a:lnTo>
                    <a:pt x="428" y="819"/>
                  </a:lnTo>
                  <a:lnTo>
                    <a:pt x="427" y="807"/>
                  </a:lnTo>
                  <a:lnTo>
                    <a:pt x="428" y="797"/>
                  </a:lnTo>
                  <a:lnTo>
                    <a:pt x="429" y="787"/>
                  </a:lnTo>
                  <a:lnTo>
                    <a:pt x="431" y="778"/>
                  </a:lnTo>
                  <a:lnTo>
                    <a:pt x="435" y="769"/>
                  </a:lnTo>
                  <a:lnTo>
                    <a:pt x="440" y="762"/>
                  </a:lnTo>
                  <a:lnTo>
                    <a:pt x="446" y="756"/>
                  </a:lnTo>
                  <a:lnTo>
                    <a:pt x="446" y="746"/>
                  </a:lnTo>
                  <a:lnTo>
                    <a:pt x="448" y="737"/>
                  </a:lnTo>
                  <a:lnTo>
                    <a:pt x="450" y="729"/>
                  </a:lnTo>
                  <a:lnTo>
                    <a:pt x="455" y="723"/>
                  </a:lnTo>
                  <a:lnTo>
                    <a:pt x="451" y="719"/>
                  </a:lnTo>
                  <a:lnTo>
                    <a:pt x="450" y="715"/>
                  </a:lnTo>
                  <a:lnTo>
                    <a:pt x="450" y="710"/>
                  </a:lnTo>
                  <a:lnTo>
                    <a:pt x="450" y="705"/>
                  </a:lnTo>
                  <a:lnTo>
                    <a:pt x="452" y="701"/>
                  </a:lnTo>
                  <a:lnTo>
                    <a:pt x="455" y="697"/>
                  </a:lnTo>
                  <a:lnTo>
                    <a:pt x="458" y="691"/>
                  </a:lnTo>
                  <a:lnTo>
                    <a:pt x="461" y="687"/>
                  </a:lnTo>
                  <a:lnTo>
                    <a:pt x="469" y="679"/>
                  </a:lnTo>
                  <a:lnTo>
                    <a:pt x="479" y="670"/>
                  </a:lnTo>
                  <a:lnTo>
                    <a:pt x="487" y="664"/>
                  </a:lnTo>
                  <a:lnTo>
                    <a:pt x="496" y="658"/>
                  </a:lnTo>
                  <a:lnTo>
                    <a:pt x="501" y="653"/>
                  </a:lnTo>
                  <a:lnTo>
                    <a:pt x="506" y="647"/>
                  </a:lnTo>
                  <a:lnTo>
                    <a:pt x="510" y="639"/>
                  </a:lnTo>
                  <a:lnTo>
                    <a:pt x="515" y="630"/>
                  </a:lnTo>
                  <a:lnTo>
                    <a:pt x="522" y="611"/>
                  </a:lnTo>
                  <a:lnTo>
                    <a:pt x="528" y="591"/>
                  </a:lnTo>
                  <a:lnTo>
                    <a:pt x="535" y="573"/>
                  </a:lnTo>
                  <a:lnTo>
                    <a:pt x="542" y="558"/>
                  </a:lnTo>
                  <a:lnTo>
                    <a:pt x="546" y="551"/>
                  </a:lnTo>
                  <a:lnTo>
                    <a:pt x="550" y="547"/>
                  </a:lnTo>
                  <a:lnTo>
                    <a:pt x="555" y="545"/>
                  </a:lnTo>
                  <a:lnTo>
                    <a:pt x="560" y="544"/>
                  </a:lnTo>
                  <a:lnTo>
                    <a:pt x="565" y="532"/>
                  </a:lnTo>
                  <a:lnTo>
                    <a:pt x="571" y="521"/>
                  </a:lnTo>
                  <a:lnTo>
                    <a:pt x="579" y="510"/>
                  </a:lnTo>
                  <a:lnTo>
                    <a:pt x="586" y="501"/>
                  </a:lnTo>
                  <a:lnTo>
                    <a:pt x="601" y="482"/>
                  </a:lnTo>
                  <a:lnTo>
                    <a:pt x="617" y="463"/>
                  </a:lnTo>
                  <a:lnTo>
                    <a:pt x="614" y="464"/>
                  </a:lnTo>
                  <a:lnTo>
                    <a:pt x="611" y="465"/>
                  </a:lnTo>
                  <a:lnTo>
                    <a:pt x="608" y="467"/>
                  </a:lnTo>
                  <a:lnTo>
                    <a:pt x="605" y="469"/>
                  </a:lnTo>
                  <a:lnTo>
                    <a:pt x="600" y="477"/>
                  </a:lnTo>
                  <a:lnTo>
                    <a:pt x="595" y="483"/>
                  </a:lnTo>
                  <a:lnTo>
                    <a:pt x="589" y="488"/>
                  </a:lnTo>
                  <a:lnTo>
                    <a:pt x="585" y="492"/>
                  </a:lnTo>
                  <a:lnTo>
                    <a:pt x="583" y="492"/>
                  </a:lnTo>
                  <a:lnTo>
                    <a:pt x="581" y="492"/>
                  </a:lnTo>
                  <a:lnTo>
                    <a:pt x="579" y="490"/>
                  </a:lnTo>
                  <a:lnTo>
                    <a:pt x="577" y="487"/>
                  </a:lnTo>
                  <a:lnTo>
                    <a:pt x="606" y="466"/>
                  </a:lnTo>
                  <a:lnTo>
                    <a:pt x="640" y="443"/>
                  </a:lnTo>
                  <a:lnTo>
                    <a:pt x="655" y="431"/>
                  </a:lnTo>
                  <a:lnTo>
                    <a:pt x="668" y="420"/>
                  </a:lnTo>
                  <a:lnTo>
                    <a:pt x="674" y="414"/>
                  </a:lnTo>
                  <a:lnTo>
                    <a:pt x="678" y="408"/>
                  </a:lnTo>
                  <a:lnTo>
                    <a:pt x="681" y="403"/>
                  </a:lnTo>
                  <a:lnTo>
                    <a:pt x="682" y="398"/>
                  </a:lnTo>
                  <a:lnTo>
                    <a:pt x="684" y="392"/>
                  </a:lnTo>
                  <a:lnTo>
                    <a:pt x="687" y="388"/>
                  </a:lnTo>
                  <a:lnTo>
                    <a:pt x="690" y="383"/>
                  </a:lnTo>
                  <a:lnTo>
                    <a:pt x="694" y="380"/>
                  </a:lnTo>
                  <a:lnTo>
                    <a:pt x="703" y="372"/>
                  </a:lnTo>
                  <a:lnTo>
                    <a:pt x="711" y="367"/>
                  </a:lnTo>
                  <a:lnTo>
                    <a:pt x="721" y="361"/>
                  </a:lnTo>
                  <a:lnTo>
                    <a:pt x="729" y="353"/>
                  </a:lnTo>
                  <a:lnTo>
                    <a:pt x="733" y="349"/>
                  </a:lnTo>
                  <a:lnTo>
                    <a:pt x="736" y="345"/>
                  </a:lnTo>
                  <a:lnTo>
                    <a:pt x="738" y="340"/>
                  </a:lnTo>
                  <a:lnTo>
                    <a:pt x="739" y="333"/>
                  </a:lnTo>
                  <a:lnTo>
                    <a:pt x="737" y="327"/>
                  </a:lnTo>
                  <a:lnTo>
                    <a:pt x="734" y="321"/>
                  </a:lnTo>
                  <a:lnTo>
                    <a:pt x="729" y="314"/>
                  </a:lnTo>
                  <a:lnTo>
                    <a:pt x="724" y="309"/>
                  </a:lnTo>
                  <a:lnTo>
                    <a:pt x="714" y="298"/>
                  </a:lnTo>
                  <a:lnTo>
                    <a:pt x="703" y="286"/>
                  </a:lnTo>
                  <a:lnTo>
                    <a:pt x="692" y="275"/>
                  </a:lnTo>
                  <a:lnTo>
                    <a:pt x="685" y="265"/>
                  </a:lnTo>
                  <a:lnTo>
                    <a:pt x="682" y="260"/>
                  </a:lnTo>
                  <a:lnTo>
                    <a:pt x="681" y="254"/>
                  </a:lnTo>
                  <a:lnTo>
                    <a:pt x="681" y="249"/>
                  </a:lnTo>
                  <a:lnTo>
                    <a:pt x="682" y="244"/>
                  </a:lnTo>
                  <a:lnTo>
                    <a:pt x="675" y="229"/>
                  </a:lnTo>
                  <a:lnTo>
                    <a:pt x="666" y="215"/>
                  </a:lnTo>
                  <a:lnTo>
                    <a:pt x="661" y="209"/>
                  </a:lnTo>
                  <a:lnTo>
                    <a:pt x="656" y="203"/>
                  </a:lnTo>
                  <a:lnTo>
                    <a:pt x="650" y="198"/>
                  </a:lnTo>
                  <a:lnTo>
                    <a:pt x="644" y="192"/>
                  </a:lnTo>
                  <a:lnTo>
                    <a:pt x="638" y="188"/>
                  </a:lnTo>
                  <a:lnTo>
                    <a:pt x="630" y="184"/>
                  </a:lnTo>
                  <a:lnTo>
                    <a:pt x="623" y="180"/>
                  </a:lnTo>
                  <a:lnTo>
                    <a:pt x="615" y="176"/>
                  </a:lnTo>
                  <a:lnTo>
                    <a:pt x="606" y="174"/>
                  </a:lnTo>
                  <a:lnTo>
                    <a:pt x="597" y="172"/>
                  </a:lnTo>
                  <a:lnTo>
                    <a:pt x="587" y="171"/>
                  </a:lnTo>
                  <a:lnTo>
                    <a:pt x="577" y="170"/>
                  </a:lnTo>
                  <a:lnTo>
                    <a:pt x="570" y="175"/>
                  </a:lnTo>
                  <a:lnTo>
                    <a:pt x="563" y="180"/>
                  </a:lnTo>
                  <a:lnTo>
                    <a:pt x="557" y="183"/>
                  </a:lnTo>
                  <a:lnTo>
                    <a:pt x="548" y="185"/>
                  </a:lnTo>
                  <a:lnTo>
                    <a:pt x="540" y="186"/>
                  </a:lnTo>
                  <a:lnTo>
                    <a:pt x="532" y="187"/>
                  </a:lnTo>
                  <a:lnTo>
                    <a:pt x="523" y="187"/>
                  </a:lnTo>
                  <a:lnTo>
                    <a:pt x="515" y="186"/>
                  </a:lnTo>
                  <a:lnTo>
                    <a:pt x="506" y="185"/>
                  </a:lnTo>
                  <a:lnTo>
                    <a:pt x="498" y="183"/>
                  </a:lnTo>
                  <a:lnTo>
                    <a:pt x="489" y="181"/>
                  </a:lnTo>
                  <a:lnTo>
                    <a:pt x="482" y="178"/>
                  </a:lnTo>
                  <a:lnTo>
                    <a:pt x="475" y="174"/>
                  </a:lnTo>
                  <a:lnTo>
                    <a:pt x="467" y="170"/>
                  </a:lnTo>
                  <a:lnTo>
                    <a:pt x="461" y="167"/>
                  </a:lnTo>
                  <a:lnTo>
                    <a:pt x="455" y="163"/>
                  </a:lnTo>
                  <a:lnTo>
                    <a:pt x="455" y="154"/>
                  </a:lnTo>
                  <a:lnTo>
                    <a:pt x="455" y="146"/>
                  </a:lnTo>
                  <a:lnTo>
                    <a:pt x="449" y="142"/>
                  </a:lnTo>
                  <a:lnTo>
                    <a:pt x="445" y="136"/>
                  </a:lnTo>
                  <a:lnTo>
                    <a:pt x="442" y="130"/>
                  </a:lnTo>
                  <a:lnTo>
                    <a:pt x="440" y="123"/>
                  </a:lnTo>
                  <a:lnTo>
                    <a:pt x="436" y="108"/>
                  </a:lnTo>
                  <a:lnTo>
                    <a:pt x="431" y="92"/>
                  </a:lnTo>
                  <a:lnTo>
                    <a:pt x="429" y="85"/>
                  </a:lnTo>
                  <a:lnTo>
                    <a:pt x="426" y="77"/>
                  </a:lnTo>
                  <a:lnTo>
                    <a:pt x="423" y="72"/>
                  </a:lnTo>
                  <a:lnTo>
                    <a:pt x="419" y="66"/>
                  </a:lnTo>
                  <a:lnTo>
                    <a:pt x="413" y="62"/>
                  </a:lnTo>
                  <a:lnTo>
                    <a:pt x="407" y="59"/>
                  </a:lnTo>
                  <a:lnTo>
                    <a:pt x="399" y="56"/>
                  </a:lnTo>
                  <a:lnTo>
                    <a:pt x="389" y="56"/>
                  </a:lnTo>
                  <a:lnTo>
                    <a:pt x="387" y="62"/>
                  </a:lnTo>
                  <a:lnTo>
                    <a:pt x="384" y="65"/>
                  </a:lnTo>
                  <a:lnTo>
                    <a:pt x="381" y="67"/>
                  </a:lnTo>
                  <a:lnTo>
                    <a:pt x="378" y="69"/>
                  </a:lnTo>
                  <a:lnTo>
                    <a:pt x="370" y="71"/>
                  </a:lnTo>
                  <a:lnTo>
                    <a:pt x="362" y="70"/>
                  </a:lnTo>
                  <a:lnTo>
                    <a:pt x="353" y="70"/>
                  </a:lnTo>
                  <a:lnTo>
                    <a:pt x="345" y="69"/>
                  </a:lnTo>
                  <a:lnTo>
                    <a:pt x="342" y="69"/>
                  </a:lnTo>
                  <a:lnTo>
                    <a:pt x="339" y="70"/>
                  </a:lnTo>
                  <a:lnTo>
                    <a:pt x="336" y="71"/>
                  </a:lnTo>
                  <a:lnTo>
                    <a:pt x="332" y="73"/>
                  </a:lnTo>
                  <a:lnTo>
                    <a:pt x="333" y="91"/>
                  </a:lnTo>
                  <a:lnTo>
                    <a:pt x="331" y="108"/>
                  </a:lnTo>
                  <a:lnTo>
                    <a:pt x="330" y="112"/>
                  </a:lnTo>
                  <a:lnTo>
                    <a:pt x="329" y="115"/>
                  </a:lnTo>
                  <a:lnTo>
                    <a:pt x="327" y="117"/>
                  </a:lnTo>
                  <a:lnTo>
                    <a:pt x="324" y="120"/>
                  </a:lnTo>
                  <a:lnTo>
                    <a:pt x="322" y="121"/>
                  </a:lnTo>
                  <a:lnTo>
                    <a:pt x="318" y="122"/>
                  </a:lnTo>
                  <a:lnTo>
                    <a:pt x="313" y="122"/>
                  </a:lnTo>
                  <a:lnTo>
                    <a:pt x="308" y="122"/>
                  </a:lnTo>
                  <a:lnTo>
                    <a:pt x="298" y="103"/>
                  </a:lnTo>
                  <a:lnTo>
                    <a:pt x="287" y="84"/>
                  </a:lnTo>
                  <a:lnTo>
                    <a:pt x="276" y="66"/>
                  </a:lnTo>
                  <a:lnTo>
                    <a:pt x="264" y="49"/>
                  </a:lnTo>
                  <a:lnTo>
                    <a:pt x="257" y="41"/>
                  </a:lnTo>
                  <a:lnTo>
                    <a:pt x="249" y="33"/>
                  </a:lnTo>
                  <a:lnTo>
                    <a:pt x="242" y="26"/>
                  </a:lnTo>
                  <a:lnTo>
                    <a:pt x="233" y="20"/>
                  </a:lnTo>
                  <a:lnTo>
                    <a:pt x="225" y="13"/>
                  </a:lnTo>
                  <a:lnTo>
                    <a:pt x="215" y="8"/>
                  </a:lnTo>
                  <a:lnTo>
                    <a:pt x="206" y="4"/>
                  </a:lnTo>
                  <a:lnTo>
                    <a:pt x="194" y="0"/>
                  </a:lnTo>
                  <a:lnTo>
                    <a:pt x="191" y="2"/>
                  </a:lnTo>
                  <a:lnTo>
                    <a:pt x="189" y="4"/>
                  </a:lnTo>
                  <a:lnTo>
                    <a:pt x="188" y="6"/>
                  </a:lnTo>
                  <a:lnTo>
                    <a:pt x="188" y="9"/>
                  </a:lnTo>
                  <a:lnTo>
                    <a:pt x="190" y="14"/>
                  </a:lnTo>
                  <a:lnTo>
                    <a:pt x="192" y="20"/>
                  </a:lnTo>
                  <a:lnTo>
                    <a:pt x="194" y="26"/>
                  </a:lnTo>
                  <a:lnTo>
                    <a:pt x="195" y="31"/>
                  </a:lnTo>
                  <a:lnTo>
                    <a:pt x="194" y="34"/>
                  </a:lnTo>
                  <a:lnTo>
                    <a:pt x="193" y="36"/>
                  </a:lnTo>
                  <a:lnTo>
                    <a:pt x="190" y="39"/>
                  </a:lnTo>
                  <a:lnTo>
                    <a:pt x="186" y="41"/>
                  </a:lnTo>
                  <a:lnTo>
                    <a:pt x="183" y="42"/>
                  </a:lnTo>
                  <a:lnTo>
                    <a:pt x="181" y="45"/>
                  </a:lnTo>
                  <a:lnTo>
                    <a:pt x="180" y="49"/>
                  </a:lnTo>
                  <a:lnTo>
                    <a:pt x="179" y="53"/>
                  </a:lnTo>
                  <a:lnTo>
                    <a:pt x="179" y="57"/>
                  </a:lnTo>
                  <a:lnTo>
                    <a:pt x="177" y="62"/>
                  </a:lnTo>
                  <a:lnTo>
                    <a:pt x="175" y="63"/>
                  </a:lnTo>
                  <a:lnTo>
                    <a:pt x="174" y="64"/>
                  </a:lnTo>
                  <a:lnTo>
                    <a:pt x="172" y="65"/>
                  </a:lnTo>
                  <a:lnTo>
                    <a:pt x="170" y="65"/>
                  </a:lnTo>
                  <a:lnTo>
                    <a:pt x="167" y="66"/>
                  </a:lnTo>
                  <a:lnTo>
                    <a:pt x="165" y="67"/>
                  </a:lnTo>
                  <a:lnTo>
                    <a:pt x="162" y="67"/>
                  </a:lnTo>
                  <a:lnTo>
                    <a:pt x="160" y="66"/>
                  </a:lnTo>
                  <a:lnTo>
                    <a:pt x="153" y="64"/>
                  </a:lnTo>
                  <a:lnTo>
                    <a:pt x="148" y="60"/>
                  </a:lnTo>
                  <a:lnTo>
                    <a:pt x="138" y="48"/>
                  </a:lnTo>
                  <a:lnTo>
                    <a:pt x="126" y="35"/>
                  </a:lnTo>
                  <a:lnTo>
                    <a:pt x="120" y="29"/>
                  </a:lnTo>
                  <a:lnTo>
                    <a:pt x="113" y="24"/>
                  </a:lnTo>
                  <a:lnTo>
                    <a:pt x="107" y="19"/>
                  </a:lnTo>
                  <a:lnTo>
                    <a:pt x="100" y="15"/>
                  </a:lnTo>
                  <a:lnTo>
                    <a:pt x="95" y="14"/>
                  </a:lnTo>
                  <a:lnTo>
                    <a:pt x="91" y="14"/>
                  </a:lnTo>
                  <a:lnTo>
                    <a:pt x="87" y="14"/>
                  </a:lnTo>
                  <a:lnTo>
                    <a:pt x="83" y="15"/>
                  </a:lnTo>
                  <a:lnTo>
                    <a:pt x="79" y="16"/>
                  </a:lnTo>
                  <a:lnTo>
                    <a:pt x="74" y="19"/>
                  </a:lnTo>
                  <a:lnTo>
                    <a:pt x="69" y="21"/>
                  </a:lnTo>
                  <a:lnTo>
                    <a:pt x="65" y="24"/>
                  </a:lnTo>
                  <a:lnTo>
                    <a:pt x="58" y="34"/>
                  </a:lnTo>
                  <a:lnTo>
                    <a:pt x="51" y="44"/>
                  </a:lnTo>
                  <a:lnTo>
                    <a:pt x="49" y="49"/>
                  </a:lnTo>
                  <a:lnTo>
                    <a:pt x="47" y="55"/>
                  </a:lnTo>
                  <a:lnTo>
                    <a:pt x="47" y="64"/>
                  </a:lnTo>
                  <a:lnTo>
                    <a:pt x="48" y="73"/>
                  </a:lnTo>
                  <a:lnTo>
                    <a:pt x="39" y="73"/>
                  </a:lnTo>
                  <a:lnTo>
                    <a:pt x="29" y="74"/>
                  </a:lnTo>
                  <a:lnTo>
                    <a:pt x="22" y="77"/>
                  </a:lnTo>
                  <a:lnTo>
                    <a:pt x="15" y="81"/>
                  </a:lnTo>
                  <a:lnTo>
                    <a:pt x="10" y="84"/>
                  </a:lnTo>
                  <a:lnTo>
                    <a:pt x="6" y="87"/>
                  </a:lnTo>
                  <a:lnTo>
                    <a:pt x="4" y="89"/>
                  </a:lnTo>
                  <a:lnTo>
                    <a:pt x="2" y="91"/>
                  </a:lnTo>
                  <a:lnTo>
                    <a:pt x="1" y="94"/>
                  </a:lnTo>
                  <a:lnTo>
                    <a:pt x="0" y="97"/>
                  </a:lnTo>
                  <a:lnTo>
                    <a:pt x="7" y="93"/>
                  </a:lnTo>
                  <a:lnTo>
                    <a:pt x="11" y="92"/>
                  </a:lnTo>
                  <a:lnTo>
                    <a:pt x="12" y="91"/>
                  </a:lnTo>
                  <a:lnTo>
                    <a:pt x="13" y="92"/>
                  </a:lnTo>
                  <a:lnTo>
                    <a:pt x="12" y="92"/>
                  </a:lnTo>
                  <a:lnTo>
                    <a:pt x="10" y="100"/>
                  </a:lnTo>
                  <a:lnTo>
                    <a:pt x="8" y="113"/>
                  </a:lnTo>
                  <a:lnTo>
                    <a:pt x="22" y="113"/>
                  </a:lnTo>
                  <a:lnTo>
                    <a:pt x="36" y="113"/>
                  </a:lnTo>
                  <a:lnTo>
                    <a:pt x="50" y="113"/>
                  </a:lnTo>
                  <a:lnTo>
                    <a:pt x="65" y="113"/>
                  </a:lnTo>
                  <a:lnTo>
                    <a:pt x="65" y="117"/>
                  </a:lnTo>
                  <a:lnTo>
                    <a:pt x="65" y="122"/>
                  </a:lnTo>
                  <a:lnTo>
                    <a:pt x="67" y="129"/>
                  </a:lnTo>
                  <a:lnTo>
                    <a:pt x="69" y="136"/>
                  </a:lnTo>
                  <a:lnTo>
                    <a:pt x="69" y="144"/>
                  </a:lnTo>
                  <a:lnTo>
                    <a:pt x="68" y="151"/>
                  </a:lnTo>
                  <a:lnTo>
                    <a:pt x="65" y="167"/>
                  </a:lnTo>
                  <a:lnTo>
                    <a:pt x="61" y="183"/>
                  </a:lnTo>
                  <a:lnTo>
                    <a:pt x="59" y="191"/>
                  </a:lnTo>
                  <a:lnTo>
                    <a:pt x="58" y="199"/>
                  </a:lnTo>
                  <a:lnTo>
                    <a:pt x="56" y="207"/>
                  </a:lnTo>
                  <a:lnTo>
                    <a:pt x="58" y="214"/>
                  </a:lnTo>
                  <a:lnTo>
                    <a:pt x="59" y="222"/>
                  </a:lnTo>
                  <a:lnTo>
                    <a:pt x="62" y="229"/>
                  </a:lnTo>
                  <a:lnTo>
                    <a:pt x="66" y="236"/>
                  </a:lnTo>
                  <a:lnTo>
                    <a:pt x="72" y="244"/>
                  </a:lnTo>
                  <a:lnTo>
                    <a:pt x="75" y="243"/>
                  </a:lnTo>
                  <a:lnTo>
                    <a:pt x="79" y="244"/>
                  </a:lnTo>
                  <a:lnTo>
                    <a:pt x="81" y="245"/>
                  </a:lnTo>
                  <a:lnTo>
                    <a:pt x="83" y="246"/>
                  </a:lnTo>
                  <a:lnTo>
                    <a:pt x="86" y="250"/>
                  </a:lnTo>
                  <a:lnTo>
                    <a:pt x="88" y="258"/>
                  </a:lnTo>
                  <a:lnTo>
                    <a:pt x="89" y="266"/>
                  </a:lnTo>
                  <a:lnTo>
                    <a:pt x="90" y="276"/>
                  </a:lnTo>
                  <a:lnTo>
                    <a:pt x="89" y="288"/>
                  </a:lnTo>
                  <a:lnTo>
                    <a:pt x="89" y="301"/>
                  </a:lnTo>
                  <a:lnTo>
                    <a:pt x="101" y="303"/>
                  </a:lnTo>
                  <a:lnTo>
                    <a:pt x="112" y="306"/>
                  </a:lnTo>
                  <a:lnTo>
                    <a:pt x="118" y="307"/>
                  </a:lnTo>
                  <a:lnTo>
                    <a:pt x="122" y="310"/>
                  </a:lnTo>
                  <a:lnTo>
                    <a:pt x="126" y="312"/>
                  </a:lnTo>
                  <a:lnTo>
                    <a:pt x="129" y="317"/>
                  </a:lnTo>
                  <a:lnTo>
                    <a:pt x="131" y="323"/>
                  </a:lnTo>
                  <a:lnTo>
                    <a:pt x="134" y="328"/>
                  </a:lnTo>
                  <a:lnTo>
                    <a:pt x="140" y="331"/>
                  </a:lnTo>
                  <a:lnTo>
                    <a:pt x="144" y="334"/>
                  </a:lnTo>
                  <a:lnTo>
                    <a:pt x="148" y="339"/>
                  </a:lnTo>
                  <a:lnTo>
                    <a:pt x="152" y="343"/>
                  </a:lnTo>
                  <a:lnTo>
                    <a:pt x="153" y="346"/>
                  </a:lnTo>
                  <a:lnTo>
                    <a:pt x="154" y="349"/>
                  </a:lnTo>
                  <a:lnTo>
                    <a:pt x="154" y="353"/>
                  </a:lnTo>
                  <a:lnTo>
                    <a:pt x="154" y="358"/>
                  </a:lnTo>
                  <a:lnTo>
                    <a:pt x="152" y="363"/>
                  </a:lnTo>
                  <a:lnTo>
                    <a:pt x="149" y="374"/>
                  </a:lnTo>
                  <a:lnTo>
                    <a:pt x="146" y="386"/>
                  </a:lnTo>
                  <a:lnTo>
                    <a:pt x="143" y="392"/>
                  </a:lnTo>
                  <a:lnTo>
                    <a:pt x="144" y="394"/>
                  </a:lnTo>
                  <a:lnTo>
                    <a:pt x="143" y="399"/>
                  </a:lnTo>
                  <a:lnTo>
                    <a:pt x="141" y="403"/>
                  </a:lnTo>
                  <a:lnTo>
                    <a:pt x="139" y="407"/>
                  </a:lnTo>
                  <a:lnTo>
                    <a:pt x="137" y="412"/>
                  </a:lnTo>
                  <a:lnTo>
                    <a:pt x="135" y="419"/>
                  </a:lnTo>
                  <a:lnTo>
                    <a:pt x="135" y="424"/>
                  </a:lnTo>
                  <a:lnTo>
                    <a:pt x="138" y="430"/>
                  </a:lnTo>
                  <a:lnTo>
                    <a:pt x="140" y="428"/>
                  </a:lnTo>
                  <a:lnTo>
                    <a:pt x="143" y="427"/>
                  </a:lnTo>
                  <a:lnTo>
                    <a:pt x="146" y="427"/>
                  </a:lnTo>
                  <a:lnTo>
                    <a:pt x="149" y="428"/>
                  </a:lnTo>
                  <a:lnTo>
                    <a:pt x="157" y="431"/>
                  </a:lnTo>
                  <a:lnTo>
                    <a:pt x="163" y="438"/>
                  </a:lnTo>
                  <a:lnTo>
                    <a:pt x="169" y="444"/>
                  </a:lnTo>
                  <a:lnTo>
                    <a:pt x="172" y="451"/>
                  </a:lnTo>
                  <a:lnTo>
                    <a:pt x="173" y="454"/>
                  </a:lnTo>
                  <a:lnTo>
                    <a:pt x="173" y="458"/>
                  </a:lnTo>
                  <a:lnTo>
                    <a:pt x="172" y="461"/>
                  </a:lnTo>
                  <a:lnTo>
                    <a:pt x="170" y="463"/>
                  </a:lnTo>
                  <a:lnTo>
                    <a:pt x="183" y="461"/>
                  </a:lnTo>
                  <a:lnTo>
                    <a:pt x="192" y="457"/>
                  </a:lnTo>
                  <a:lnTo>
                    <a:pt x="197" y="457"/>
                  </a:lnTo>
                  <a:lnTo>
                    <a:pt x="201" y="457"/>
                  </a:lnTo>
                  <a:lnTo>
                    <a:pt x="205" y="459"/>
                  </a:lnTo>
                  <a:lnTo>
                    <a:pt x="211" y="463"/>
                  </a:lnTo>
                  <a:lnTo>
                    <a:pt x="211" y="466"/>
                  </a:lnTo>
                  <a:lnTo>
                    <a:pt x="211" y="468"/>
                  </a:lnTo>
                  <a:lnTo>
                    <a:pt x="211" y="471"/>
                  </a:lnTo>
                  <a:lnTo>
                    <a:pt x="224" y="487"/>
                  </a:lnTo>
                  <a:lnTo>
                    <a:pt x="234" y="498"/>
                  </a:lnTo>
                  <a:lnTo>
                    <a:pt x="246" y="509"/>
                  </a:lnTo>
                  <a:lnTo>
                    <a:pt x="260" y="528"/>
                  </a:lnTo>
                  <a:lnTo>
                    <a:pt x="263" y="529"/>
                  </a:lnTo>
                  <a:lnTo>
                    <a:pt x="271" y="536"/>
                  </a:lnTo>
                  <a:lnTo>
                    <a:pt x="277" y="541"/>
                  </a:lnTo>
                  <a:lnTo>
                    <a:pt x="282" y="548"/>
                  </a:lnTo>
                  <a:lnTo>
                    <a:pt x="287" y="558"/>
                  </a:lnTo>
                  <a:lnTo>
                    <a:pt x="292" y="569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 dirty="0"/>
            </a:p>
          </p:txBody>
        </p:sp>
        <p:sp>
          <p:nvSpPr>
            <p:cNvPr id="551" name="Guldborgsund kant"/>
            <p:cNvSpPr>
              <a:spLocks/>
            </p:cNvSpPr>
            <p:nvPr/>
          </p:nvSpPr>
          <p:spPr bwMode="auto">
            <a:xfrm>
              <a:off x="3386138" y="5980113"/>
              <a:ext cx="392112" cy="501650"/>
            </a:xfrm>
            <a:custGeom>
              <a:avLst/>
              <a:gdLst>
                <a:gd name="T0" fmla="*/ 92 w 739"/>
                <a:gd name="T1" fmla="*/ 212 h 950"/>
                <a:gd name="T2" fmla="*/ 92 w 739"/>
                <a:gd name="T3" fmla="*/ 217 h 950"/>
                <a:gd name="T4" fmla="*/ 107 w 739"/>
                <a:gd name="T5" fmla="*/ 225 h 950"/>
                <a:gd name="T6" fmla="*/ 110 w 739"/>
                <a:gd name="T7" fmla="*/ 233 h 950"/>
                <a:gd name="T8" fmla="*/ 101 w 739"/>
                <a:gd name="T9" fmla="*/ 243 h 950"/>
                <a:gd name="T10" fmla="*/ 95 w 739"/>
                <a:gd name="T11" fmla="*/ 244 h 950"/>
                <a:gd name="T12" fmla="*/ 94 w 739"/>
                <a:gd name="T13" fmla="*/ 262 h 950"/>
                <a:gd name="T14" fmla="*/ 95 w 739"/>
                <a:gd name="T15" fmla="*/ 286 h 950"/>
                <a:gd name="T16" fmla="*/ 110 w 739"/>
                <a:gd name="T17" fmla="*/ 311 h 950"/>
                <a:gd name="T18" fmla="*/ 151 w 739"/>
                <a:gd name="T19" fmla="*/ 314 h 950"/>
                <a:gd name="T20" fmla="*/ 151 w 739"/>
                <a:gd name="T21" fmla="*/ 301 h 950"/>
                <a:gd name="T22" fmla="*/ 147 w 739"/>
                <a:gd name="T23" fmla="*/ 305 h 950"/>
                <a:gd name="T24" fmla="*/ 143 w 739"/>
                <a:gd name="T25" fmla="*/ 276 h 950"/>
                <a:gd name="T26" fmla="*/ 147 w 739"/>
                <a:gd name="T27" fmla="*/ 253 h 950"/>
                <a:gd name="T28" fmla="*/ 150 w 739"/>
                <a:gd name="T29" fmla="*/ 238 h 950"/>
                <a:gd name="T30" fmla="*/ 157 w 739"/>
                <a:gd name="T31" fmla="*/ 226 h 950"/>
                <a:gd name="T32" fmla="*/ 172 w 739"/>
                <a:gd name="T33" fmla="*/ 210 h 950"/>
                <a:gd name="T34" fmla="*/ 186 w 739"/>
                <a:gd name="T35" fmla="*/ 181 h 950"/>
                <a:gd name="T36" fmla="*/ 206 w 739"/>
                <a:gd name="T37" fmla="*/ 154 h 950"/>
                <a:gd name="T38" fmla="*/ 197 w 739"/>
                <a:gd name="T39" fmla="*/ 162 h 950"/>
                <a:gd name="T40" fmla="*/ 214 w 739"/>
                <a:gd name="T41" fmla="*/ 147 h 950"/>
                <a:gd name="T42" fmla="*/ 229 w 739"/>
                <a:gd name="T43" fmla="*/ 130 h 950"/>
                <a:gd name="T44" fmla="*/ 244 w 739"/>
                <a:gd name="T45" fmla="*/ 117 h 950"/>
                <a:gd name="T46" fmla="*/ 244 w 739"/>
                <a:gd name="T47" fmla="*/ 104 h 950"/>
                <a:gd name="T48" fmla="*/ 228 w 739"/>
                <a:gd name="T49" fmla="*/ 84 h 950"/>
                <a:gd name="T50" fmla="*/ 217 w 739"/>
                <a:gd name="T51" fmla="*/ 66 h 950"/>
                <a:gd name="T52" fmla="*/ 200 w 739"/>
                <a:gd name="T53" fmla="*/ 57 h 950"/>
                <a:gd name="T54" fmla="*/ 180 w 739"/>
                <a:gd name="T55" fmla="*/ 62 h 950"/>
                <a:gd name="T56" fmla="*/ 161 w 739"/>
                <a:gd name="T57" fmla="*/ 59 h 950"/>
                <a:gd name="T58" fmla="*/ 150 w 739"/>
                <a:gd name="T59" fmla="*/ 47 h 950"/>
                <a:gd name="T60" fmla="*/ 142 w 739"/>
                <a:gd name="T61" fmla="*/ 26 h 950"/>
                <a:gd name="T62" fmla="*/ 129 w 739"/>
                <a:gd name="T63" fmla="*/ 21 h 950"/>
                <a:gd name="T64" fmla="*/ 115 w 739"/>
                <a:gd name="T65" fmla="*/ 23 h 950"/>
                <a:gd name="T66" fmla="*/ 110 w 739"/>
                <a:gd name="T67" fmla="*/ 37 h 950"/>
                <a:gd name="T68" fmla="*/ 103 w 739"/>
                <a:gd name="T69" fmla="*/ 41 h 950"/>
                <a:gd name="T70" fmla="*/ 81 w 739"/>
                <a:gd name="T71" fmla="*/ 9 h 950"/>
                <a:gd name="T72" fmla="*/ 63 w 739"/>
                <a:gd name="T73" fmla="*/ 1 h 950"/>
                <a:gd name="T74" fmla="*/ 65 w 739"/>
                <a:gd name="T75" fmla="*/ 11 h 950"/>
                <a:gd name="T76" fmla="*/ 60 w 739"/>
                <a:gd name="T77" fmla="*/ 18 h 950"/>
                <a:gd name="T78" fmla="*/ 56 w 739"/>
                <a:gd name="T79" fmla="*/ 22 h 950"/>
                <a:gd name="T80" fmla="*/ 42 w 739"/>
                <a:gd name="T81" fmla="*/ 12 h 950"/>
                <a:gd name="T82" fmla="*/ 29 w 739"/>
                <a:gd name="T83" fmla="*/ 5 h 950"/>
                <a:gd name="T84" fmla="*/ 17 w 739"/>
                <a:gd name="T85" fmla="*/ 15 h 950"/>
                <a:gd name="T86" fmla="*/ 7 w 739"/>
                <a:gd name="T87" fmla="*/ 26 h 950"/>
                <a:gd name="T88" fmla="*/ 0 w 739"/>
                <a:gd name="T89" fmla="*/ 32 h 950"/>
                <a:gd name="T90" fmla="*/ 3 w 739"/>
                <a:gd name="T91" fmla="*/ 33 h 950"/>
                <a:gd name="T92" fmla="*/ 22 w 739"/>
                <a:gd name="T93" fmla="*/ 41 h 950"/>
                <a:gd name="T94" fmla="*/ 20 w 739"/>
                <a:gd name="T95" fmla="*/ 64 h 950"/>
                <a:gd name="T96" fmla="*/ 24 w 739"/>
                <a:gd name="T97" fmla="*/ 81 h 950"/>
                <a:gd name="T98" fmla="*/ 30 w 739"/>
                <a:gd name="T99" fmla="*/ 88 h 950"/>
                <a:gd name="T100" fmla="*/ 41 w 739"/>
                <a:gd name="T101" fmla="*/ 103 h 950"/>
                <a:gd name="T102" fmla="*/ 49 w 739"/>
                <a:gd name="T103" fmla="*/ 113 h 950"/>
                <a:gd name="T104" fmla="*/ 50 w 739"/>
                <a:gd name="T105" fmla="*/ 124 h 950"/>
                <a:gd name="T106" fmla="*/ 46 w 739"/>
                <a:gd name="T107" fmla="*/ 137 h 950"/>
                <a:gd name="T108" fmla="*/ 50 w 739"/>
                <a:gd name="T109" fmla="*/ 142 h 950"/>
                <a:gd name="T110" fmla="*/ 57 w 739"/>
                <a:gd name="T111" fmla="*/ 153 h 950"/>
                <a:gd name="T112" fmla="*/ 71 w 739"/>
                <a:gd name="T113" fmla="*/ 154 h 950"/>
                <a:gd name="T114" fmla="*/ 87 w 739"/>
                <a:gd name="T115" fmla="*/ 176 h 95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739" h="950">
                  <a:moveTo>
                    <a:pt x="292" y="569"/>
                  </a:moveTo>
                  <a:lnTo>
                    <a:pt x="290" y="591"/>
                  </a:lnTo>
                  <a:lnTo>
                    <a:pt x="287" y="612"/>
                  </a:lnTo>
                  <a:lnTo>
                    <a:pt x="284" y="622"/>
                  </a:lnTo>
                  <a:lnTo>
                    <a:pt x="281" y="630"/>
                  </a:lnTo>
                  <a:lnTo>
                    <a:pt x="278" y="633"/>
                  </a:lnTo>
                  <a:lnTo>
                    <a:pt x="276" y="637"/>
                  </a:lnTo>
                  <a:lnTo>
                    <a:pt x="271" y="640"/>
                  </a:lnTo>
                  <a:lnTo>
                    <a:pt x="268" y="642"/>
                  </a:lnTo>
                  <a:lnTo>
                    <a:pt x="270" y="643"/>
                  </a:lnTo>
                  <a:lnTo>
                    <a:pt x="272" y="644"/>
                  </a:lnTo>
                  <a:lnTo>
                    <a:pt x="273" y="646"/>
                  </a:lnTo>
                  <a:lnTo>
                    <a:pt x="273" y="648"/>
                  </a:lnTo>
                  <a:lnTo>
                    <a:pt x="274" y="652"/>
                  </a:lnTo>
                  <a:lnTo>
                    <a:pt x="276" y="658"/>
                  </a:lnTo>
                  <a:lnTo>
                    <a:pt x="292" y="662"/>
                  </a:lnTo>
                  <a:lnTo>
                    <a:pt x="308" y="666"/>
                  </a:lnTo>
                  <a:lnTo>
                    <a:pt x="312" y="667"/>
                  </a:lnTo>
                  <a:lnTo>
                    <a:pt x="316" y="669"/>
                  </a:lnTo>
                  <a:lnTo>
                    <a:pt x="319" y="671"/>
                  </a:lnTo>
                  <a:lnTo>
                    <a:pt x="321" y="675"/>
                  </a:lnTo>
                  <a:lnTo>
                    <a:pt x="323" y="678"/>
                  </a:lnTo>
                  <a:lnTo>
                    <a:pt x="324" y="681"/>
                  </a:lnTo>
                  <a:lnTo>
                    <a:pt x="325" y="685"/>
                  </a:lnTo>
                  <a:lnTo>
                    <a:pt x="325" y="690"/>
                  </a:lnTo>
                  <a:lnTo>
                    <a:pt x="328" y="693"/>
                  </a:lnTo>
                  <a:lnTo>
                    <a:pt x="330" y="696"/>
                  </a:lnTo>
                  <a:lnTo>
                    <a:pt x="330" y="700"/>
                  </a:lnTo>
                  <a:lnTo>
                    <a:pt x="329" y="704"/>
                  </a:lnTo>
                  <a:lnTo>
                    <a:pt x="328" y="708"/>
                  </a:lnTo>
                  <a:lnTo>
                    <a:pt x="325" y="712"/>
                  </a:lnTo>
                  <a:lnTo>
                    <a:pt x="322" y="717"/>
                  </a:lnTo>
                  <a:lnTo>
                    <a:pt x="318" y="721"/>
                  </a:lnTo>
                  <a:lnTo>
                    <a:pt x="310" y="728"/>
                  </a:lnTo>
                  <a:lnTo>
                    <a:pt x="302" y="732"/>
                  </a:lnTo>
                  <a:lnTo>
                    <a:pt x="299" y="735"/>
                  </a:lnTo>
                  <a:lnTo>
                    <a:pt x="296" y="735"/>
                  </a:lnTo>
                  <a:lnTo>
                    <a:pt x="293" y="733"/>
                  </a:lnTo>
                  <a:lnTo>
                    <a:pt x="292" y="731"/>
                  </a:lnTo>
                  <a:lnTo>
                    <a:pt x="288" y="731"/>
                  </a:lnTo>
                  <a:lnTo>
                    <a:pt x="286" y="732"/>
                  </a:lnTo>
                  <a:lnTo>
                    <a:pt x="285" y="733"/>
                  </a:lnTo>
                  <a:lnTo>
                    <a:pt x="284" y="736"/>
                  </a:lnTo>
                  <a:lnTo>
                    <a:pt x="284" y="737"/>
                  </a:lnTo>
                  <a:lnTo>
                    <a:pt x="284" y="740"/>
                  </a:lnTo>
                  <a:lnTo>
                    <a:pt x="285" y="753"/>
                  </a:lnTo>
                  <a:lnTo>
                    <a:pt x="284" y="766"/>
                  </a:lnTo>
                  <a:lnTo>
                    <a:pt x="283" y="778"/>
                  </a:lnTo>
                  <a:lnTo>
                    <a:pt x="280" y="788"/>
                  </a:lnTo>
                  <a:lnTo>
                    <a:pt x="278" y="799"/>
                  </a:lnTo>
                  <a:lnTo>
                    <a:pt x="276" y="810"/>
                  </a:lnTo>
                  <a:lnTo>
                    <a:pt x="274" y="823"/>
                  </a:lnTo>
                  <a:lnTo>
                    <a:pt x="276" y="837"/>
                  </a:lnTo>
                  <a:lnTo>
                    <a:pt x="278" y="845"/>
                  </a:lnTo>
                  <a:lnTo>
                    <a:pt x="281" y="854"/>
                  </a:lnTo>
                  <a:lnTo>
                    <a:pt x="284" y="861"/>
                  </a:lnTo>
                  <a:lnTo>
                    <a:pt x="287" y="868"/>
                  </a:lnTo>
                  <a:lnTo>
                    <a:pt x="296" y="881"/>
                  </a:lnTo>
                  <a:lnTo>
                    <a:pt x="305" y="894"/>
                  </a:lnTo>
                  <a:lnTo>
                    <a:pt x="313" y="905"/>
                  </a:lnTo>
                  <a:lnTo>
                    <a:pt x="322" y="919"/>
                  </a:lnTo>
                  <a:lnTo>
                    <a:pt x="325" y="926"/>
                  </a:lnTo>
                  <a:lnTo>
                    <a:pt x="328" y="934"/>
                  </a:lnTo>
                  <a:lnTo>
                    <a:pt x="331" y="942"/>
                  </a:lnTo>
                  <a:lnTo>
                    <a:pt x="332" y="950"/>
                  </a:lnTo>
                  <a:lnTo>
                    <a:pt x="363" y="950"/>
                  </a:lnTo>
                  <a:lnTo>
                    <a:pt x="393" y="950"/>
                  </a:lnTo>
                  <a:lnTo>
                    <a:pt x="424" y="950"/>
                  </a:lnTo>
                  <a:lnTo>
                    <a:pt x="455" y="950"/>
                  </a:lnTo>
                  <a:lnTo>
                    <a:pt x="453" y="944"/>
                  </a:lnTo>
                  <a:lnTo>
                    <a:pt x="453" y="937"/>
                  </a:lnTo>
                  <a:lnTo>
                    <a:pt x="455" y="929"/>
                  </a:lnTo>
                  <a:lnTo>
                    <a:pt x="456" y="921"/>
                  </a:lnTo>
                  <a:lnTo>
                    <a:pt x="456" y="914"/>
                  </a:lnTo>
                  <a:lnTo>
                    <a:pt x="455" y="908"/>
                  </a:lnTo>
                  <a:lnTo>
                    <a:pt x="453" y="905"/>
                  </a:lnTo>
                  <a:lnTo>
                    <a:pt x="451" y="904"/>
                  </a:lnTo>
                  <a:lnTo>
                    <a:pt x="449" y="903"/>
                  </a:lnTo>
                  <a:lnTo>
                    <a:pt x="446" y="902"/>
                  </a:lnTo>
                  <a:lnTo>
                    <a:pt x="446" y="907"/>
                  </a:lnTo>
                  <a:lnTo>
                    <a:pt x="445" y="912"/>
                  </a:lnTo>
                  <a:lnTo>
                    <a:pt x="444" y="915"/>
                  </a:lnTo>
                  <a:lnTo>
                    <a:pt x="443" y="917"/>
                  </a:lnTo>
                  <a:lnTo>
                    <a:pt x="441" y="918"/>
                  </a:lnTo>
                  <a:lnTo>
                    <a:pt x="439" y="918"/>
                  </a:lnTo>
                  <a:lnTo>
                    <a:pt x="439" y="909"/>
                  </a:lnTo>
                  <a:lnTo>
                    <a:pt x="439" y="899"/>
                  </a:lnTo>
                  <a:lnTo>
                    <a:pt x="438" y="888"/>
                  </a:lnTo>
                  <a:lnTo>
                    <a:pt x="437" y="877"/>
                  </a:lnTo>
                  <a:lnTo>
                    <a:pt x="432" y="854"/>
                  </a:lnTo>
                  <a:lnTo>
                    <a:pt x="429" y="830"/>
                  </a:lnTo>
                  <a:lnTo>
                    <a:pt x="428" y="819"/>
                  </a:lnTo>
                  <a:lnTo>
                    <a:pt x="427" y="807"/>
                  </a:lnTo>
                  <a:lnTo>
                    <a:pt x="428" y="797"/>
                  </a:lnTo>
                  <a:lnTo>
                    <a:pt x="429" y="787"/>
                  </a:lnTo>
                  <a:lnTo>
                    <a:pt x="431" y="778"/>
                  </a:lnTo>
                  <a:lnTo>
                    <a:pt x="435" y="769"/>
                  </a:lnTo>
                  <a:lnTo>
                    <a:pt x="440" y="762"/>
                  </a:lnTo>
                  <a:lnTo>
                    <a:pt x="446" y="756"/>
                  </a:lnTo>
                  <a:lnTo>
                    <a:pt x="446" y="746"/>
                  </a:lnTo>
                  <a:lnTo>
                    <a:pt x="448" y="737"/>
                  </a:lnTo>
                  <a:lnTo>
                    <a:pt x="450" y="729"/>
                  </a:lnTo>
                  <a:lnTo>
                    <a:pt x="455" y="723"/>
                  </a:lnTo>
                  <a:lnTo>
                    <a:pt x="451" y="719"/>
                  </a:lnTo>
                  <a:lnTo>
                    <a:pt x="450" y="715"/>
                  </a:lnTo>
                  <a:lnTo>
                    <a:pt x="450" y="710"/>
                  </a:lnTo>
                  <a:lnTo>
                    <a:pt x="450" y="705"/>
                  </a:lnTo>
                  <a:lnTo>
                    <a:pt x="452" y="701"/>
                  </a:lnTo>
                  <a:lnTo>
                    <a:pt x="455" y="697"/>
                  </a:lnTo>
                  <a:lnTo>
                    <a:pt x="458" y="691"/>
                  </a:lnTo>
                  <a:lnTo>
                    <a:pt x="461" y="687"/>
                  </a:lnTo>
                  <a:lnTo>
                    <a:pt x="469" y="679"/>
                  </a:lnTo>
                  <a:lnTo>
                    <a:pt x="479" y="670"/>
                  </a:lnTo>
                  <a:lnTo>
                    <a:pt x="487" y="664"/>
                  </a:lnTo>
                  <a:lnTo>
                    <a:pt x="496" y="658"/>
                  </a:lnTo>
                  <a:lnTo>
                    <a:pt x="501" y="653"/>
                  </a:lnTo>
                  <a:lnTo>
                    <a:pt x="506" y="647"/>
                  </a:lnTo>
                  <a:lnTo>
                    <a:pt x="510" y="639"/>
                  </a:lnTo>
                  <a:lnTo>
                    <a:pt x="515" y="630"/>
                  </a:lnTo>
                  <a:lnTo>
                    <a:pt x="522" y="611"/>
                  </a:lnTo>
                  <a:lnTo>
                    <a:pt x="528" y="591"/>
                  </a:lnTo>
                  <a:lnTo>
                    <a:pt x="535" y="573"/>
                  </a:lnTo>
                  <a:lnTo>
                    <a:pt x="542" y="558"/>
                  </a:lnTo>
                  <a:lnTo>
                    <a:pt x="546" y="551"/>
                  </a:lnTo>
                  <a:lnTo>
                    <a:pt x="550" y="547"/>
                  </a:lnTo>
                  <a:lnTo>
                    <a:pt x="555" y="545"/>
                  </a:lnTo>
                  <a:lnTo>
                    <a:pt x="560" y="544"/>
                  </a:lnTo>
                  <a:lnTo>
                    <a:pt x="565" y="532"/>
                  </a:lnTo>
                  <a:lnTo>
                    <a:pt x="571" y="521"/>
                  </a:lnTo>
                  <a:lnTo>
                    <a:pt x="579" y="510"/>
                  </a:lnTo>
                  <a:lnTo>
                    <a:pt x="586" y="501"/>
                  </a:lnTo>
                  <a:lnTo>
                    <a:pt x="601" y="482"/>
                  </a:lnTo>
                  <a:lnTo>
                    <a:pt x="617" y="463"/>
                  </a:lnTo>
                  <a:lnTo>
                    <a:pt x="614" y="464"/>
                  </a:lnTo>
                  <a:lnTo>
                    <a:pt x="611" y="465"/>
                  </a:lnTo>
                  <a:lnTo>
                    <a:pt x="608" y="467"/>
                  </a:lnTo>
                  <a:lnTo>
                    <a:pt x="605" y="469"/>
                  </a:lnTo>
                  <a:lnTo>
                    <a:pt x="600" y="477"/>
                  </a:lnTo>
                  <a:lnTo>
                    <a:pt x="595" y="483"/>
                  </a:lnTo>
                  <a:lnTo>
                    <a:pt x="589" y="488"/>
                  </a:lnTo>
                  <a:lnTo>
                    <a:pt x="585" y="492"/>
                  </a:lnTo>
                  <a:lnTo>
                    <a:pt x="583" y="492"/>
                  </a:lnTo>
                  <a:lnTo>
                    <a:pt x="581" y="492"/>
                  </a:lnTo>
                  <a:lnTo>
                    <a:pt x="579" y="490"/>
                  </a:lnTo>
                  <a:lnTo>
                    <a:pt x="577" y="487"/>
                  </a:lnTo>
                  <a:lnTo>
                    <a:pt x="606" y="466"/>
                  </a:lnTo>
                  <a:lnTo>
                    <a:pt x="640" y="443"/>
                  </a:lnTo>
                  <a:lnTo>
                    <a:pt x="655" y="431"/>
                  </a:lnTo>
                  <a:lnTo>
                    <a:pt x="668" y="420"/>
                  </a:lnTo>
                  <a:lnTo>
                    <a:pt x="674" y="414"/>
                  </a:lnTo>
                  <a:lnTo>
                    <a:pt x="678" y="408"/>
                  </a:lnTo>
                  <a:lnTo>
                    <a:pt x="681" y="403"/>
                  </a:lnTo>
                  <a:lnTo>
                    <a:pt x="682" y="398"/>
                  </a:lnTo>
                  <a:lnTo>
                    <a:pt x="684" y="392"/>
                  </a:lnTo>
                  <a:lnTo>
                    <a:pt x="687" y="388"/>
                  </a:lnTo>
                  <a:lnTo>
                    <a:pt x="690" y="383"/>
                  </a:lnTo>
                  <a:lnTo>
                    <a:pt x="694" y="380"/>
                  </a:lnTo>
                  <a:lnTo>
                    <a:pt x="703" y="372"/>
                  </a:lnTo>
                  <a:lnTo>
                    <a:pt x="711" y="367"/>
                  </a:lnTo>
                  <a:lnTo>
                    <a:pt x="721" y="361"/>
                  </a:lnTo>
                  <a:lnTo>
                    <a:pt x="729" y="353"/>
                  </a:lnTo>
                  <a:lnTo>
                    <a:pt x="733" y="349"/>
                  </a:lnTo>
                  <a:lnTo>
                    <a:pt x="736" y="345"/>
                  </a:lnTo>
                  <a:lnTo>
                    <a:pt x="738" y="340"/>
                  </a:lnTo>
                  <a:lnTo>
                    <a:pt x="739" y="333"/>
                  </a:lnTo>
                  <a:lnTo>
                    <a:pt x="737" y="327"/>
                  </a:lnTo>
                  <a:lnTo>
                    <a:pt x="734" y="321"/>
                  </a:lnTo>
                  <a:lnTo>
                    <a:pt x="729" y="314"/>
                  </a:lnTo>
                  <a:lnTo>
                    <a:pt x="724" y="309"/>
                  </a:lnTo>
                  <a:lnTo>
                    <a:pt x="714" y="298"/>
                  </a:lnTo>
                  <a:lnTo>
                    <a:pt x="703" y="286"/>
                  </a:lnTo>
                  <a:lnTo>
                    <a:pt x="692" y="275"/>
                  </a:lnTo>
                  <a:lnTo>
                    <a:pt x="685" y="265"/>
                  </a:lnTo>
                  <a:lnTo>
                    <a:pt x="682" y="260"/>
                  </a:lnTo>
                  <a:lnTo>
                    <a:pt x="681" y="254"/>
                  </a:lnTo>
                  <a:lnTo>
                    <a:pt x="681" y="249"/>
                  </a:lnTo>
                  <a:lnTo>
                    <a:pt x="682" y="244"/>
                  </a:lnTo>
                  <a:lnTo>
                    <a:pt x="675" y="229"/>
                  </a:lnTo>
                  <a:lnTo>
                    <a:pt x="666" y="215"/>
                  </a:lnTo>
                  <a:lnTo>
                    <a:pt x="661" y="209"/>
                  </a:lnTo>
                  <a:lnTo>
                    <a:pt x="656" y="203"/>
                  </a:lnTo>
                  <a:lnTo>
                    <a:pt x="650" y="198"/>
                  </a:lnTo>
                  <a:lnTo>
                    <a:pt x="644" y="192"/>
                  </a:lnTo>
                  <a:lnTo>
                    <a:pt x="638" y="188"/>
                  </a:lnTo>
                  <a:lnTo>
                    <a:pt x="630" y="184"/>
                  </a:lnTo>
                  <a:lnTo>
                    <a:pt x="623" y="180"/>
                  </a:lnTo>
                  <a:lnTo>
                    <a:pt x="615" y="176"/>
                  </a:lnTo>
                  <a:lnTo>
                    <a:pt x="606" y="174"/>
                  </a:lnTo>
                  <a:lnTo>
                    <a:pt x="597" y="172"/>
                  </a:lnTo>
                  <a:lnTo>
                    <a:pt x="587" y="171"/>
                  </a:lnTo>
                  <a:lnTo>
                    <a:pt x="577" y="170"/>
                  </a:lnTo>
                  <a:lnTo>
                    <a:pt x="570" y="175"/>
                  </a:lnTo>
                  <a:lnTo>
                    <a:pt x="563" y="180"/>
                  </a:lnTo>
                  <a:lnTo>
                    <a:pt x="557" y="183"/>
                  </a:lnTo>
                  <a:lnTo>
                    <a:pt x="548" y="185"/>
                  </a:lnTo>
                  <a:lnTo>
                    <a:pt x="540" y="186"/>
                  </a:lnTo>
                  <a:lnTo>
                    <a:pt x="532" y="187"/>
                  </a:lnTo>
                  <a:lnTo>
                    <a:pt x="523" y="187"/>
                  </a:lnTo>
                  <a:lnTo>
                    <a:pt x="515" y="186"/>
                  </a:lnTo>
                  <a:lnTo>
                    <a:pt x="506" y="185"/>
                  </a:lnTo>
                  <a:lnTo>
                    <a:pt x="498" y="183"/>
                  </a:lnTo>
                  <a:lnTo>
                    <a:pt x="489" y="181"/>
                  </a:lnTo>
                  <a:lnTo>
                    <a:pt x="482" y="178"/>
                  </a:lnTo>
                  <a:lnTo>
                    <a:pt x="475" y="174"/>
                  </a:lnTo>
                  <a:lnTo>
                    <a:pt x="467" y="170"/>
                  </a:lnTo>
                  <a:lnTo>
                    <a:pt x="461" y="167"/>
                  </a:lnTo>
                  <a:lnTo>
                    <a:pt x="455" y="163"/>
                  </a:lnTo>
                  <a:lnTo>
                    <a:pt x="455" y="154"/>
                  </a:lnTo>
                  <a:lnTo>
                    <a:pt x="455" y="146"/>
                  </a:lnTo>
                  <a:lnTo>
                    <a:pt x="449" y="142"/>
                  </a:lnTo>
                  <a:lnTo>
                    <a:pt x="445" y="136"/>
                  </a:lnTo>
                  <a:lnTo>
                    <a:pt x="442" y="130"/>
                  </a:lnTo>
                  <a:lnTo>
                    <a:pt x="440" y="123"/>
                  </a:lnTo>
                  <a:lnTo>
                    <a:pt x="436" y="108"/>
                  </a:lnTo>
                  <a:lnTo>
                    <a:pt x="431" y="92"/>
                  </a:lnTo>
                  <a:lnTo>
                    <a:pt x="429" y="85"/>
                  </a:lnTo>
                  <a:lnTo>
                    <a:pt x="426" y="77"/>
                  </a:lnTo>
                  <a:lnTo>
                    <a:pt x="423" y="72"/>
                  </a:lnTo>
                  <a:lnTo>
                    <a:pt x="419" y="66"/>
                  </a:lnTo>
                  <a:lnTo>
                    <a:pt x="413" y="62"/>
                  </a:lnTo>
                  <a:lnTo>
                    <a:pt x="407" y="59"/>
                  </a:lnTo>
                  <a:lnTo>
                    <a:pt x="399" y="56"/>
                  </a:lnTo>
                  <a:lnTo>
                    <a:pt x="389" y="56"/>
                  </a:lnTo>
                  <a:lnTo>
                    <a:pt x="387" y="62"/>
                  </a:lnTo>
                  <a:lnTo>
                    <a:pt x="384" y="65"/>
                  </a:lnTo>
                  <a:lnTo>
                    <a:pt x="381" y="67"/>
                  </a:lnTo>
                  <a:lnTo>
                    <a:pt x="378" y="69"/>
                  </a:lnTo>
                  <a:lnTo>
                    <a:pt x="370" y="71"/>
                  </a:lnTo>
                  <a:lnTo>
                    <a:pt x="362" y="70"/>
                  </a:lnTo>
                  <a:lnTo>
                    <a:pt x="353" y="70"/>
                  </a:lnTo>
                  <a:lnTo>
                    <a:pt x="345" y="69"/>
                  </a:lnTo>
                  <a:lnTo>
                    <a:pt x="342" y="69"/>
                  </a:lnTo>
                  <a:lnTo>
                    <a:pt x="339" y="70"/>
                  </a:lnTo>
                  <a:lnTo>
                    <a:pt x="336" y="71"/>
                  </a:lnTo>
                  <a:lnTo>
                    <a:pt x="332" y="73"/>
                  </a:lnTo>
                  <a:lnTo>
                    <a:pt x="333" y="91"/>
                  </a:lnTo>
                  <a:lnTo>
                    <a:pt x="331" y="108"/>
                  </a:lnTo>
                  <a:lnTo>
                    <a:pt x="330" y="112"/>
                  </a:lnTo>
                  <a:lnTo>
                    <a:pt x="329" y="115"/>
                  </a:lnTo>
                  <a:lnTo>
                    <a:pt x="327" y="117"/>
                  </a:lnTo>
                  <a:lnTo>
                    <a:pt x="324" y="120"/>
                  </a:lnTo>
                  <a:lnTo>
                    <a:pt x="322" y="121"/>
                  </a:lnTo>
                  <a:lnTo>
                    <a:pt x="318" y="122"/>
                  </a:lnTo>
                  <a:lnTo>
                    <a:pt x="313" y="122"/>
                  </a:lnTo>
                  <a:lnTo>
                    <a:pt x="308" y="122"/>
                  </a:lnTo>
                  <a:lnTo>
                    <a:pt x="298" y="103"/>
                  </a:lnTo>
                  <a:lnTo>
                    <a:pt x="287" y="84"/>
                  </a:lnTo>
                  <a:lnTo>
                    <a:pt x="276" y="66"/>
                  </a:lnTo>
                  <a:lnTo>
                    <a:pt x="264" y="49"/>
                  </a:lnTo>
                  <a:lnTo>
                    <a:pt x="257" y="41"/>
                  </a:lnTo>
                  <a:lnTo>
                    <a:pt x="249" y="33"/>
                  </a:lnTo>
                  <a:lnTo>
                    <a:pt x="242" y="26"/>
                  </a:lnTo>
                  <a:lnTo>
                    <a:pt x="233" y="20"/>
                  </a:lnTo>
                  <a:lnTo>
                    <a:pt x="225" y="13"/>
                  </a:lnTo>
                  <a:lnTo>
                    <a:pt x="215" y="8"/>
                  </a:lnTo>
                  <a:lnTo>
                    <a:pt x="206" y="4"/>
                  </a:lnTo>
                  <a:lnTo>
                    <a:pt x="194" y="0"/>
                  </a:lnTo>
                  <a:lnTo>
                    <a:pt x="191" y="2"/>
                  </a:lnTo>
                  <a:lnTo>
                    <a:pt x="189" y="4"/>
                  </a:lnTo>
                  <a:lnTo>
                    <a:pt x="188" y="6"/>
                  </a:lnTo>
                  <a:lnTo>
                    <a:pt x="188" y="9"/>
                  </a:lnTo>
                  <a:lnTo>
                    <a:pt x="190" y="14"/>
                  </a:lnTo>
                  <a:lnTo>
                    <a:pt x="192" y="20"/>
                  </a:lnTo>
                  <a:lnTo>
                    <a:pt x="194" y="26"/>
                  </a:lnTo>
                  <a:lnTo>
                    <a:pt x="195" y="31"/>
                  </a:lnTo>
                  <a:lnTo>
                    <a:pt x="194" y="34"/>
                  </a:lnTo>
                  <a:lnTo>
                    <a:pt x="193" y="36"/>
                  </a:lnTo>
                  <a:lnTo>
                    <a:pt x="190" y="39"/>
                  </a:lnTo>
                  <a:lnTo>
                    <a:pt x="186" y="41"/>
                  </a:lnTo>
                  <a:lnTo>
                    <a:pt x="183" y="42"/>
                  </a:lnTo>
                  <a:lnTo>
                    <a:pt x="181" y="45"/>
                  </a:lnTo>
                  <a:lnTo>
                    <a:pt x="180" y="49"/>
                  </a:lnTo>
                  <a:lnTo>
                    <a:pt x="179" y="53"/>
                  </a:lnTo>
                  <a:lnTo>
                    <a:pt x="179" y="57"/>
                  </a:lnTo>
                  <a:lnTo>
                    <a:pt x="177" y="62"/>
                  </a:lnTo>
                  <a:lnTo>
                    <a:pt x="175" y="63"/>
                  </a:lnTo>
                  <a:lnTo>
                    <a:pt x="174" y="64"/>
                  </a:lnTo>
                  <a:lnTo>
                    <a:pt x="172" y="65"/>
                  </a:lnTo>
                  <a:lnTo>
                    <a:pt x="170" y="65"/>
                  </a:lnTo>
                  <a:lnTo>
                    <a:pt x="167" y="66"/>
                  </a:lnTo>
                  <a:lnTo>
                    <a:pt x="165" y="67"/>
                  </a:lnTo>
                  <a:lnTo>
                    <a:pt x="162" y="67"/>
                  </a:lnTo>
                  <a:lnTo>
                    <a:pt x="160" y="66"/>
                  </a:lnTo>
                  <a:lnTo>
                    <a:pt x="153" y="64"/>
                  </a:lnTo>
                  <a:lnTo>
                    <a:pt x="148" y="60"/>
                  </a:lnTo>
                  <a:lnTo>
                    <a:pt x="138" y="48"/>
                  </a:lnTo>
                  <a:lnTo>
                    <a:pt x="126" y="35"/>
                  </a:lnTo>
                  <a:lnTo>
                    <a:pt x="120" y="29"/>
                  </a:lnTo>
                  <a:lnTo>
                    <a:pt x="113" y="24"/>
                  </a:lnTo>
                  <a:lnTo>
                    <a:pt x="107" y="19"/>
                  </a:lnTo>
                  <a:lnTo>
                    <a:pt x="100" y="15"/>
                  </a:lnTo>
                  <a:lnTo>
                    <a:pt x="95" y="14"/>
                  </a:lnTo>
                  <a:lnTo>
                    <a:pt x="91" y="14"/>
                  </a:lnTo>
                  <a:lnTo>
                    <a:pt x="87" y="14"/>
                  </a:lnTo>
                  <a:lnTo>
                    <a:pt x="83" y="15"/>
                  </a:lnTo>
                  <a:lnTo>
                    <a:pt x="79" y="16"/>
                  </a:lnTo>
                  <a:lnTo>
                    <a:pt x="74" y="19"/>
                  </a:lnTo>
                  <a:lnTo>
                    <a:pt x="69" y="21"/>
                  </a:lnTo>
                  <a:lnTo>
                    <a:pt x="65" y="24"/>
                  </a:lnTo>
                  <a:lnTo>
                    <a:pt x="58" y="34"/>
                  </a:lnTo>
                  <a:lnTo>
                    <a:pt x="51" y="44"/>
                  </a:lnTo>
                  <a:lnTo>
                    <a:pt x="49" y="49"/>
                  </a:lnTo>
                  <a:lnTo>
                    <a:pt x="47" y="55"/>
                  </a:lnTo>
                  <a:lnTo>
                    <a:pt x="47" y="64"/>
                  </a:lnTo>
                  <a:lnTo>
                    <a:pt x="48" y="73"/>
                  </a:lnTo>
                  <a:lnTo>
                    <a:pt x="39" y="73"/>
                  </a:lnTo>
                  <a:lnTo>
                    <a:pt x="29" y="74"/>
                  </a:lnTo>
                  <a:lnTo>
                    <a:pt x="22" y="77"/>
                  </a:lnTo>
                  <a:lnTo>
                    <a:pt x="15" y="81"/>
                  </a:lnTo>
                  <a:lnTo>
                    <a:pt x="10" y="84"/>
                  </a:lnTo>
                  <a:lnTo>
                    <a:pt x="6" y="87"/>
                  </a:lnTo>
                  <a:lnTo>
                    <a:pt x="4" y="89"/>
                  </a:lnTo>
                  <a:lnTo>
                    <a:pt x="2" y="91"/>
                  </a:lnTo>
                  <a:lnTo>
                    <a:pt x="1" y="94"/>
                  </a:lnTo>
                  <a:lnTo>
                    <a:pt x="0" y="97"/>
                  </a:lnTo>
                  <a:lnTo>
                    <a:pt x="7" y="93"/>
                  </a:lnTo>
                  <a:lnTo>
                    <a:pt x="11" y="92"/>
                  </a:lnTo>
                  <a:lnTo>
                    <a:pt x="12" y="91"/>
                  </a:lnTo>
                  <a:lnTo>
                    <a:pt x="13" y="92"/>
                  </a:lnTo>
                  <a:lnTo>
                    <a:pt x="12" y="92"/>
                  </a:lnTo>
                  <a:lnTo>
                    <a:pt x="10" y="100"/>
                  </a:lnTo>
                  <a:lnTo>
                    <a:pt x="8" y="113"/>
                  </a:lnTo>
                  <a:lnTo>
                    <a:pt x="22" y="113"/>
                  </a:lnTo>
                  <a:lnTo>
                    <a:pt x="36" y="113"/>
                  </a:lnTo>
                  <a:lnTo>
                    <a:pt x="50" y="113"/>
                  </a:lnTo>
                  <a:lnTo>
                    <a:pt x="65" y="113"/>
                  </a:lnTo>
                  <a:lnTo>
                    <a:pt x="65" y="117"/>
                  </a:lnTo>
                  <a:lnTo>
                    <a:pt x="65" y="122"/>
                  </a:lnTo>
                  <a:lnTo>
                    <a:pt x="67" y="129"/>
                  </a:lnTo>
                  <a:lnTo>
                    <a:pt x="69" y="136"/>
                  </a:lnTo>
                  <a:lnTo>
                    <a:pt x="69" y="144"/>
                  </a:lnTo>
                  <a:lnTo>
                    <a:pt x="68" y="151"/>
                  </a:lnTo>
                  <a:lnTo>
                    <a:pt x="65" y="167"/>
                  </a:lnTo>
                  <a:lnTo>
                    <a:pt x="61" y="183"/>
                  </a:lnTo>
                  <a:lnTo>
                    <a:pt x="59" y="191"/>
                  </a:lnTo>
                  <a:lnTo>
                    <a:pt x="58" y="199"/>
                  </a:lnTo>
                  <a:lnTo>
                    <a:pt x="56" y="207"/>
                  </a:lnTo>
                  <a:lnTo>
                    <a:pt x="58" y="214"/>
                  </a:lnTo>
                  <a:lnTo>
                    <a:pt x="59" y="222"/>
                  </a:lnTo>
                  <a:lnTo>
                    <a:pt x="62" y="229"/>
                  </a:lnTo>
                  <a:lnTo>
                    <a:pt x="66" y="236"/>
                  </a:lnTo>
                  <a:lnTo>
                    <a:pt x="72" y="244"/>
                  </a:lnTo>
                  <a:lnTo>
                    <a:pt x="75" y="243"/>
                  </a:lnTo>
                  <a:lnTo>
                    <a:pt x="79" y="244"/>
                  </a:lnTo>
                  <a:lnTo>
                    <a:pt x="81" y="245"/>
                  </a:lnTo>
                  <a:lnTo>
                    <a:pt x="83" y="246"/>
                  </a:lnTo>
                  <a:lnTo>
                    <a:pt x="86" y="250"/>
                  </a:lnTo>
                  <a:lnTo>
                    <a:pt x="88" y="258"/>
                  </a:lnTo>
                  <a:lnTo>
                    <a:pt x="89" y="266"/>
                  </a:lnTo>
                  <a:lnTo>
                    <a:pt x="90" y="276"/>
                  </a:lnTo>
                  <a:lnTo>
                    <a:pt x="89" y="288"/>
                  </a:lnTo>
                  <a:lnTo>
                    <a:pt x="89" y="301"/>
                  </a:lnTo>
                  <a:lnTo>
                    <a:pt x="101" y="303"/>
                  </a:lnTo>
                  <a:lnTo>
                    <a:pt x="112" y="306"/>
                  </a:lnTo>
                  <a:lnTo>
                    <a:pt x="118" y="307"/>
                  </a:lnTo>
                  <a:lnTo>
                    <a:pt x="122" y="310"/>
                  </a:lnTo>
                  <a:lnTo>
                    <a:pt x="126" y="312"/>
                  </a:lnTo>
                  <a:lnTo>
                    <a:pt x="129" y="317"/>
                  </a:lnTo>
                  <a:lnTo>
                    <a:pt x="131" y="323"/>
                  </a:lnTo>
                  <a:lnTo>
                    <a:pt x="134" y="328"/>
                  </a:lnTo>
                  <a:lnTo>
                    <a:pt x="140" y="331"/>
                  </a:lnTo>
                  <a:lnTo>
                    <a:pt x="144" y="334"/>
                  </a:lnTo>
                  <a:lnTo>
                    <a:pt x="148" y="339"/>
                  </a:lnTo>
                  <a:lnTo>
                    <a:pt x="152" y="343"/>
                  </a:lnTo>
                  <a:lnTo>
                    <a:pt x="153" y="346"/>
                  </a:lnTo>
                  <a:lnTo>
                    <a:pt x="154" y="349"/>
                  </a:lnTo>
                  <a:lnTo>
                    <a:pt x="154" y="353"/>
                  </a:lnTo>
                  <a:lnTo>
                    <a:pt x="154" y="358"/>
                  </a:lnTo>
                  <a:lnTo>
                    <a:pt x="152" y="363"/>
                  </a:lnTo>
                  <a:lnTo>
                    <a:pt x="149" y="374"/>
                  </a:lnTo>
                  <a:lnTo>
                    <a:pt x="146" y="386"/>
                  </a:lnTo>
                  <a:lnTo>
                    <a:pt x="143" y="392"/>
                  </a:lnTo>
                  <a:lnTo>
                    <a:pt x="144" y="394"/>
                  </a:lnTo>
                  <a:lnTo>
                    <a:pt x="143" y="399"/>
                  </a:lnTo>
                  <a:lnTo>
                    <a:pt x="141" y="403"/>
                  </a:lnTo>
                  <a:lnTo>
                    <a:pt x="139" y="407"/>
                  </a:lnTo>
                  <a:lnTo>
                    <a:pt x="137" y="412"/>
                  </a:lnTo>
                  <a:lnTo>
                    <a:pt x="135" y="419"/>
                  </a:lnTo>
                  <a:lnTo>
                    <a:pt x="135" y="424"/>
                  </a:lnTo>
                  <a:lnTo>
                    <a:pt x="138" y="430"/>
                  </a:lnTo>
                  <a:lnTo>
                    <a:pt x="140" y="428"/>
                  </a:lnTo>
                  <a:lnTo>
                    <a:pt x="143" y="427"/>
                  </a:lnTo>
                  <a:lnTo>
                    <a:pt x="146" y="427"/>
                  </a:lnTo>
                  <a:lnTo>
                    <a:pt x="149" y="428"/>
                  </a:lnTo>
                  <a:lnTo>
                    <a:pt x="157" y="431"/>
                  </a:lnTo>
                  <a:lnTo>
                    <a:pt x="163" y="438"/>
                  </a:lnTo>
                  <a:lnTo>
                    <a:pt x="169" y="444"/>
                  </a:lnTo>
                  <a:lnTo>
                    <a:pt x="172" y="451"/>
                  </a:lnTo>
                  <a:lnTo>
                    <a:pt x="173" y="454"/>
                  </a:lnTo>
                  <a:lnTo>
                    <a:pt x="173" y="458"/>
                  </a:lnTo>
                  <a:lnTo>
                    <a:pt x="172" y="461"/>
                  </a:lnTo>
                  <a:lnTo>
                    <a:pt x="170" y="463"/>
                  </a:lnTo>
                  <a:lnTo>
                    <a:pt x="183" y="461"/>
                  </a:lnTo>
                  <a:lnTo>
                    <a:pt x="192" y="457"/>
                  </a:lnTo>
                  <a:lnTo>
                    <a:pt x="197" y="457"/>
                  </a:lnTo>
                  <a:lnTo>
                    <a:pt x="201" y="457"/>
                  </a:lnTo>
                  <a:lnTo>
                    <a:pt x="205" y="459"/>
                  </a:lnTo>
                  <a:lnTo>
                    <a:pt x="211" y="463"/>
                  </a:lnTo>
                  <a:lnTo>
                    <a:pt x="211" y="466"/>
                  </a:lnTo>
                  <a:lnTo>
                    <a:pt x="211" y="468"/>
                  </a:lnTo>
                  <a:lnTo>
                    <a:pt x="211" y="471"/>
                  </a:lnTo>
                  <a:lnTo>
                    <a:pt x="224" y="487"/>
                  </a:lnTo>
                  <a:lnTo>
                    <a:pt x="234" y="498"/>
                  </a:lnTo>
                  <a:lnTo>
                    <a:pt x="246" y="509"/>
                  </a:lnTo>
                  <a:lnTo>
                    <a:pt x="260" y="528"/>
                  </a:lnTo>
                  <a:lnTo>
                    <a:pt x="263" y="529"/>
                  </a:lnTo>
                  <a:lnTo>
                    <a:pt x="271" y="536"/>
                  </a:lnTo>
                  <a:lnTo>
                    <a:pt x="277" y="541"/>
                  </a:lnTo>
                  <a:lnTo>
                    <a:pt x="282" y="548"/>
                  </a:lnTo>
                  <a:lnTo>
                    <a:pt x="287" y="558"/>
                  </a:lnTo>
                  <a:lnTo>
                    <a:pt x="292" y="569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</p:grpSp>
      <p:grpSp>
        <p:nvGrpSpPr>
          <p:cNvPr id="602" name="Hovedstaden"/>
          <p:cNvGrpSpPr>
            <a:grpSpLocks/>
          </p:cNvGrpSpPr>
          <p:nvPr/>
        </p:nvGrpSpPr>
        <p:grpSpPr>
          <a:xfrm>
            <a:off x="8672109" y="2778505"/>
            <a:ext cx="655638" cy="1938337"/>
            <a:chOff x="3435350" y="3157538"/>
            <a:chExt cx="655638" cy="1938337"/>
          </a:xfrm>
          <a:solidFill>
            <a:schemeClr val="accent5">
              <a:lumMod val="60000"/>
              <a:lumOff val="40000"/>
            </a:schemeClr>
          </a:solidFill>
        </p:grpSpPr>
        <p:sp>
          <p:nvSpPr>
            <p:cNvPr id="603" name="Bornholm"/>
            <p:cNvSpPr>
              <a:spLocks/>
            </p:cNvSpPr>
            <p:nvPr/>
          </p:nvSpPr>
          <p:spPr bwMode="auto">
            <a:xfrm>
              <a:off x="3500438" y="3157538"/>
              <a:ext cx="446087" cy="504825"/>
            </a:xfrm>
            <a:custGeom>
              <a:avLst/>
              <a:gdLst>
                <a:gd name="T0" fmla="*/ 253 w 845"/>
                <a:gd name="T1" fmla="*/ 153 h 952"/>
                <a:gd name="T2" fmla="*/ 231 w 845"/>
                <a:gd name="T3" fmla="*/ 142 h 952"/>
                <a:gd name="T4" fmla="*/ 210 w 845"/>
                <a:gd name="T5" fmla="*/ 130 h 952"/>
                <a:gd name="T6" fmla="*/ 191 w 845"/>
                <a:gd name="T7" fmla="*/ 115 h 952"/>
                <a:gd name="T8" fmla="*/ 175 w 845"/>
                <a:gd name="T9" fmla="*/ 98 h 952"/>
                <a:gd name="T10" fmla="*/ 164 w 845"/>
                <a:gd name="T11" fmla="*/ 84 h 952"/>
                <a:gd name="T12" fmla="*/ 162 w 845"/>
                <a:gd name="T13" fmla="*/ 83 h 952"/>
                <a:gd name="T14" fmla="*/ 156 w 845"/>
                <a:gd name="T15" fmla="*/ 86 h 952"/>
                <a:gd name="T16" fmla="*/ 151 w 845"/>
                <a:gd name="T17" fmla="*/ 89 h 952"/>
                <a:gd name="T18" fmla="*/ 139 w 845"/>
                <a:gd name="T19" fmla="*/ 83 h 952"/>
                <a:gd name="T20" fmla="*/ 111 w 845"/>
                <a:gd name="T21" fmla="*/ 65 h 952"/>
                <a:gd name="T22" fmla="*/ 84 w 845"/>
                <a:gd name="T23" fmla="*/ 47 h 952"/>
                <a:gd name="T24" fmla="*/ 74 w 845"/>
                <a:gd name="T25" fmla="*/ 34 h 952"/>
                <a:gd name="T26" fmla="*/ 68 w 845"/>
                <a:gd name="T27" fmla="*/ 24 h 952"/>
                <a:gd name="T28" fmla="*/ 56 w 845"/>
                <a:gd name="T29" fmla="*/ 10 h 952"/>
                <a:gd name="T30" fmla="*/ 51 w 845"/>
                <a:gd name="T31" fmla="*/ 3 h 952"/>
                <a:gd name="T32" fmla="*/ 47 w 845"/>
                <a:gd name="T33" fmla="*/ 0 h 952"/>
                <a:gd name="T34" fmla="*/ 43 w 845"/>
                <a:gd name="T35" fmla="*/ 3 h 952"/>
                <a:gd name="T36" fmla="*/ 39 w 845"/>
                <a:gd name="T37" fmla="*/ 7 h 952"/>
                <a:gd name="T38" fmla="*/ 36 w 845"/>
                <a:gd name="T39" fmla="*/ 16 h 952"/>
                <a:gd name="T40" fmla="*/ 35 w 845"/>
                <a:gd name="T41" fmla="*/ 31 h 952"/>
                <a:gd name="T42" fmla="*/ 30 w 845"/>
                <a:gd name="T43" fmla="*/ 45 h 952"/>
                <a:gd name="T44" fmla="*/ 18 w 845"/>
                <a:gd name="T45" fmla="*/ 67 h 952"/>
                <a:gd name="T46" fmla="*/ 11 w 845"/>
                <a:gd name="T47" fmla="*/ 81 h 952"/>
                <a:gd name="T48" fmla="*/ 11 w 845"/>
                <a:gd name="T49" fmla="*/ 121 h 952"/>
                <a:gd name="T50" fmla="*/ 11 w 845"/>
                <a:gd name="T51" fmla="*/ 166 h 952"/>
                <a:gd name="T52" fmla="*/ 9 w 845"/>
                <a:gd name="T53" fmla="*/ 189 h 952"/>
                <a:gd name="T54" fmla="*/ 4 w 845"/>
                <a:gd name="T55" fmla="*/ 206 h 952"/>
                <a:gd name="T56" fmla="*/ 0 w 845"/>
                <a:gd name="T57" fmla="*/ 213 h 952"/>
                <a:gd name="T58" fmla="*/ 5 w 845"/>
                <a:gd name="T59" fmla="*/ 216 h 952"/>
                <a:gd name="T60" fmla="*/ 11 w 845"/>
                <a:gd name="T61" fmla="*/ 223 h 952"/>
                <a:gd name="T62" fmla="*/ 15 w 845"/>
                <a:gd name="T63" fmla="*/ 226 h 952"/>
                <a:gd name="T64" fmla="*/ 21 w 845"/>
                <a:gd name="T65" fmla="*/ 228 h 952"/>
                <a:gd name="T66" fmla="*/ 26 w 845"/>
                <a:gd name="T67" fmla="*/ 230 h 952"/>
                <a:gd name="T68" fmla="*/ 30 w 845"/>
                <a:gd name="T69" fmla="*/ 237 h 952"/>
                <a:gd name="T70" fmla="*/ 35 w 845"/>
                <a:gd name="T71" fmla="*/ 242 h 952"/>
                <a:gd name="T72" fmla="*/ 45 w 845"/>
                <a:gd name="T73" fmla="*/ 248 h 952"/>
                <a:gd name="T74" fmla="*/ 61 w 845"/>
                <a:gd name="T75" fmla="*/ 256 h 952"/>
                <a:gd name="T76" fmla="*/ 85 w 845"/>
                <a:gd name="T77" fmla="*/ 262 h 952"/>
                <a:gd name="T78" fmla="*/ 107 w 845"/>
                <a:gd name="T79" fmla="*/ 271 h 952"/>
                <a:gd name="T80" fmla="*/ 141 w 845"/>
                <a:gd name="T81" fmla="*/ 289 h 952"/>
                <a:gd name="T82" fmla="*/ 177 w 845"/>
                <a:gd name="T83" fmla="*/ 305 h 952"/>
                <a:gd name="T84" fmla="*/ 202 w 845"/>
                <a:gd name="T85" fmla="*/ 310 h 952"/>
                <a:gd name="T86" fmla="*/ 226 w 845"/>
                <a:gd name="T87" fmla="*/ 316 h 952"/>
                <a:gd name="T88" fmla="*/ 238 w 845"/>
                <a:gd name="T89" fmla="*/ 315 h 952"/>
                <a:gd name="T90" fmla="*/ 245 w 845"/>
                <a:gd name="T91" fmla="*/ 308 h 952"/>
                <a:gd name="T92" fmla="*/ 260 w 845"/>
                <a:gd name="T93" fmla="*/ 287 h 952"/>
                <a:gd name="T94" fmla="*/ 256 w 845"/>
                <a:gd name="T95" fmla="*/ 272 h 952"/>
                <a:gd name="T96" fmla="*/ 258 w 845"/>
                <a:gd name="T97" fmla="*/ 258 h 952"/>
                <a:gd name="T98" fmla="*/ 266 w 845"/>
                <a:gd name="T99" fmla="*/ 242 h 952"/>
                <a:gd name="T100" fmla="*/ 281 w 845"/>
                <a:gd name="T101" fmla="*/ 218 h 952"/>
                <a:gd name="T102" fmla="*/ 276 w 845"/>
                <a:gd name="T103" fmla="*/ 204 h 952"/>
                <a:gd name="T104" fmla="*/ 272 w 845"/>
                <a:gd name="T105" fmla="*/ 190 h 952"/>
                <a:gd name="T106" fmla="*/ 273 w 845"/>
                <a:gd name="T107" fmla="*/ 183 h 952"/>
                <a:gd name="T108" fmla="*/ 276 w 845"/>
                <a:gd name="T109" fmla="*/ 180 h 952"/>
                <a:gd name="T110" fmla="*/ 278 w 845"/>
                <a:gd name="T111" fmla="*/ 177 h 952"/>
                <a:gd name="T112" fmla="*/ 279 w 845"/>
                <a:gd name="T113" fmla="*/ 164 h 952"/>
                <a:gd name="T114" fmla="*/ 275 w 845"/>
                <a:gd name="T115" fmla="*/ 164 h 952"/>
                <a:gd name="T116" fmla="*/ 274 w 845"/>
                <a:gd name="T117" fmla="*/ 162 h 952"/>
                <a:gd name="T118" fmla="*/ 272 w 845"/>
                <a:gd name="T119" fmla="*/ 159 h 952"/>
                <a:gd name="T120" fmla="*/ 269 w 845"/>
                <a:gd name="T121" fmla="*/ 159 h 952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845" h="952">
                  <a:moveTo>
                    <a:pt x="809" y="476"/>
                  </a:moveTo>
                  <a:lnTo>
                    <a:pt x="786" y="467"/>
                  </a:lnTo>
                  <a:lnTo>
                    <a:pt x="762" y="457"/>
                  </a:lnTo>
                  <a:lnTo>
                    <a:pt x="740" y="447"/>
                  </a:lnTo>
                  <a:lnTo>
                    <a:pt x="716" y="436"/>
                  </a:lnTo>
                  <a:lnTo>
                    <a:pt x="694" y="425"/>
                  </a:lnTo>
                  <a:lnTo>
                    <a:pt x="673" y="413"/>
                  </a:lnTo>
                  <a:lnTo>
                    <a:pt x="652" y="400"/>
                  </a:lnTo>
                  <a:lnTo>
                    <a:pt x="632" y="388"/>
                  </a:lnTo>
                  <a:lnTo>
                    <a:pt x="612" y="374"/>
                  </a:lnTo>
                  <a:lnTo>
                    <a:pt x="593" y="359"/>
                  </a:lnTo>
                  <a:lnTo>
                    <a:pt x="575" y="345"/>
                  </a:lnTo>
                  <a:lnTo>
                    <a:pt x="557" y="329"/>
                  </a:lnTo>
                  <a:lnTo>
                    <a:pt x="542" y="312"/>
                  </a:lnTo>
                  <a:lnTo>
                    <a:pt x="526" y="294"/>
                  </a:lnTo>
                  <a:lnTo>
                    <a:pt x="511" y="275"/>
                  </a:lnTo>
                  <a:lnTo>
                    <a:pt x="496" y="256"/>
                  </a:lnTo>
                  <a:lnTo>
                    <a:pt x="494" y="252"/>
                  </a:lnTo>
                  <a:lnTo>
                    <a:pt x="491" y="250"/>
                  </a:lnTo>
                  <a:lnTo>
                    <a:pt x="488" y="249"/>
                  </a:lnTo>
                  <a:lnTo>
                    <a:pt x="486" y="248"/>
                  </a:lnTo>
                  <a:lnTo>
                    <a:pt x="481" y="250"/>
                  </a:lnTo>
                  <a:lnTo>
                    <a:pt x="475" y="254"/>
                  </a:lnTo>
                  <a:lnTo>
                    <a:pt x="469" y="258"/>
                  </a:lnTo>
                  <a:lnTo>
                    <a:pt x="463" y="262"/>
                  </a:lnTo>
                  <a:lnTo>
                    <a:pt x="460" y="265"/>
                  </a:lnTo>
                  <a:lnTo>
                    <a:pt x="455" y="265"/>
                  </a:lnTo>
                  <a:lnTo>
                    <a:pt x="451" y="265"/>
                  </a:lnTo>
                  <a:lnTo>
                    <a:pt x="447" y="263"/>
                  </a:lnTo>
                  <a:lnTo>
                    <a:pt x="418" y="247"/>
                  </a:lnTo>
                  <a:lnTo>
                    <a:pt x="391" y="230"/>
                  </a:lnTo>
                  <a:lnTo>
                    <a:pt x="363" y="212"/>
                  </a:lnTo>
                  <a:lnTo>
                    <a:pt x="334" y="195"/>
                  </a:lnTo>
                  <a:lnTo>
                    <a:pt x="307" y="177"/>
                  </a:lnTo>
                  <a:lnTo>
                    <a:pt x="279" y="159"/>
                  </a:lnTo>
                  <a:lnTo>
                    <a:pt x="253" y="140"/>
                  </a:lnTo>
                  <a:lnTo>
                    <a:pt x="227" y="121"/>
                  </a:lnTo>
                  <a:lnTo>
                    <a:pt x="225" y="111"/>
                  </a:lnTo>
                  <a:lnTo>
                    <a:pt x="222" y="101"/>
                  </a:lnTo>
                  <a:lnTo>
                    <a:pt x="218" y="93"/>
                  </a:lnTo>
                  <a:lnTo>
                    <a:pt x="213" y="86"/>
                  </a:lnTo>
                  <a:lnTo>
                    <a:pt x="204" y="71"/>
                  </a:lnTo>
                  <a:lnTo>
                    <a:pt x="192" y="57"/>
                  </a:lnTo>
                  <a:lnTo>
                    <a:pt x="179" y="44"/>
                  </a:lnTo>
                  <a:lnTo>
                    <a:pt x="168" y="31"/>
                  </a:lnTo>
                  <a:lnTo>
                    <a:pt x="163" y="24"/>
                  </a:lnTo>
                  <a:lnTo>
                    <a:pt x="157" y="17"/>
                  </a:lnTo>
                  <a:lnTo>
                    <a:pt x="153" y="9"/>
                  </a:lnTo>
                  <a:lnTo>
                    <a:pt x="149" y="0"/>
                  </a:lnTo>
                  <a:lnTo>
                    <a:pt x="145" y="0"/>
                  </a:lnTo>
                  <a:lnTo>
                    <a:pt x="140" y="1"/>
                  </a:lnTo>
                  <a:lnTo>
                    <a:pt x="137" y="2"/>
                  </a:lnTo>
                  <a:lnTo>
                    <a:pt x="134" y="3"/>
                  </a:lnTo>
                  <a:lnTo>
                    <a:pt x="130" y="8"/>
                  </a:lnTo>
                  <a:lnTo>
                    <a:pt x="126" y="13"/>
                  </a:lnTo>
                  <a:lnTo>
                    <a:pt x="122" y="18"/>
                  </a:lnTo>
                  <a:lnTo>
                    <a:pt x="117" y="22"/>
                  </a:lnTo>
                  <a:lnTo>
                    <a:pt x="113" y="27"/>
                  </a:lnTo>
                  <a:lnTo>
                    <a:pt x="107" y="29"/>
                  </a:lnTo>
                  <a:lnTo>
                    <a:pt x="109" y="47"/>
                  </a:lnTo>
                  <a:lnTo>
                    <a:pt x="109" y="62"/>
                  </a:lnTo>
                  <a:lnTo>
                    <a:pt x="108" y="78"/>
                  </a:lnTo>
                  <a:lnTo>
                    <a:pt x="105" y="94"/>
                  </a:lnTo>
                  <a:lnTo>
                    <a:pt x="102" y="109"/>
                  </a:lnTo>
                  <a:lnTo>
                    <a:pt x="96" y="122"/>
                  </a:lnTo>
                  <a:lnTo>
                    <a:pt x="90" y="136"/>
                  </a:lnTo>
                  <a:lnTo>
                    <a:pt x="84" y="150"/>
                  </a:lnTo>
                  <a:lnTo>
                    <a:pt x="69" y="176"/>
                  </a:lnTo>
                  <a:lnTo>
                    <a:pt x="54" y="202"/>
                  </a:lnTo>
                  <a:lnTo>
                    <a:pt x="47" y="216"/>
                  </a:lnTo>
                  <a:lnTo>
                    <a:pt x="39" y="229"/>
                  </a:lnTo>
                  <a:lnTo>
                    <a:pt x="34" y="242"/>
                  </a:lnTo>
                  <a:lnTo>
                    <a:pt x="29" y="256"/>
                  </a:lnTo>
                  <a:lnTo>
                    <a:pt x="30" y="309"/>
                  </a:lnTo>
                  <a:lnTo>
                    <a:pt x="32" y="362"/>
                  </a:lnTo>
                  <a:lnTo>
                    <a:pt x="33" y="417"/>
                  </a:lnTo>
                  <a:lnTo>
                    <a:pt x="34" y="471"/>
                  </a:lnTo>
                  <a:lnTo>
                    <a:pt x="33" y="496"/>
                  </a:lnTo>
                  <a:lnTo>
                    <a:pt x="31" y="521"/>
                  </a:lnTo>
                  <a:lnTo>
                    <a:pt x="29" y="545"/>
                  </a:lnTo>
                  <a:lnTo>
                    <a:pt x="26" y="567"/>
                  </a:lnTo>
                  <a:lnTo>
                    <a:pt x="21" y="588"/>
                  </a:lnTo>
                  <a:lnTo>
                    <a:pt x="15" y="607"/>
                  </a:lnTo>
                  <a:lnTo>
                    <a:pt x="12" y="616"/>
                  </a:lnTo>
                  <a:lnTo>
                    <a:pt x="9" y="625"/>
                  </a:lnTo>
                  <a:lnTo>
                    <a:pt x="5" y="632"/>
                  </a:lnTo>
                  <a:lnTo>
                    <a:pt x="0" y="639"/>
                  </a:lnTo>
                  <a:lnTo>
                    <a:pt x="6" y="642"/>
                  </a:lnTo>
                  <a:lnTo>
                    <a:pt x="10" y="645"/>
                  </a:lnTo>
                  <a:lnTo>
                    <a:pt x="14" y="648"/>
                  </a:lnTo>
                  <a:lnTo>
                    <a:pt x="18" y="651"/>
                  </a:lnTo>
                  <a:lnTo>
                    <a:pt x="26" y="659"/>
                  </a:lnTo>
                  <a:lnTo>
                    <a:pt x="33" y="667"/>
                  </a:lnTo>
                  <a:lnTo>
                    <a:pt x="36" y="671"/>
                  </a:lnTo>
                  <a:lnTo>
                    <a:pt x="40" y="674"/>
                  </a:lnTo>
                  <a:lnTo>
                    <a:pt x="46" y="677"/>
                  </a:lnTo>
                  <a:lnTo>
                    <a:pt x="50" y="679"/>
                  </a:lnTo>
                  <a:lnTo>
                    <a:pt x="56" y="682"/>
                  </a:lnTo>
                  <a:lnTo>
                    <a:pt x="63" y="683"/>
                  </a:lnTo>
                  <a:lnTo>
                    <a:pt x="70" y="683"/>
                  </a:lnTo>
                  <a:lnTo>
                    <a:pt x="78" y="683"/>
                  </a:lnTo>
                  <a:lnTo>
                    <a:pt x="79" y="690"/>
                  </a:lnTo>
                  <a:lnTo>
                    <a:pt x="83" y="697"/>
                  </a:lnTo>
                  <a:lnTo>
                    <a:pt x="86" y="704"/>
                  </a:lnTo>
                  <a:lnTo>
                    <a:pt x="90" y="710"/>
                  </a:lnTo>
                  <a:lnTo>
                    <a:pt x="94" y="715"/>
                  </a:lnTo>
                  <a:lnTo>
                    <a:pt x="99" y="719"/>
                  </a:lnTo>
                  <a:lnTo>
                    <a:pt x="105" y="724"/>
                  </a:lnTo>
                  <a:lnTo>
                    <a:pt x="111" y="728"/>
                  </a:lnTo>
                  <a:lnTo>
                    <a:pt x="123" y="735"/>
                  </a:lnTo>
                  <a:lnTo>
                    <a:pt x="135" y="743"/>
                  </a:lnTo>
                  <a:lnTo>
                    <a:pt x="146" y="751"/>
                  </a:lnTo>
                  <a:lnTo>
                    <a:pt x="156" y="761"/>
                  </a:lnTo>
                  <a:lnTo>
                    <a:pt x="183" y="765"/>
                  </a:lnTo>
                  <a:lnTo>
                    <a:pt x="208" y="770"/>
                  </a:lnTo>
                  <a:lnTo>
                    <a:pt x="232" y="777"/>
                  </a:lnTo>
                  <a:lnTo>
                    <a:pt x="256" y="785"/>
                  </a:lnTo>
                  <a:lnTo>
                    <a:pt x="278" y="793"/>
                  </a:lnTo>
                  <a:lnTo>
                    <a:pt x="301" y="802"/>
                  </a:lnTo>
                  <a:lnTo>
                    <a:pt x="323" y="811"/>
                  </a:lnTo>
                  <a:lnTo>
                    <a:pt x="343" y="822"/>
                  </a:lnTo>
                  <a:lnTo>
                    <a:pt x="384" y="843"/>
                  </a:lnTo>
                  <a:lnTo>
                    <a:pt x="424" y="866"/>
                  </a:lnTo>
                  <a:lnTo>
                    <a:pt x="464" y="888"/>
                  </a:lnTo>
                  <a:lnTo>
                    <a:pt x="504" y="909"/>
                  </a:lnTo>
                  <a:lnTo>
                    <a:pt x="531" y="912"/>
                  </a:lnTo>
                  <a:lnTo>
                    <a:pt x="556" y="916"/>
                  </a:lnTo>
                  <a:lnTo>
                    <a:pt x="582" y="922"/>
                  </a:lnTo>
                  <a:lnTo>
                    <a:pt x="607" y="927"/>
                  </a:lnTo>
                  <a:lnTo>
                    <a:pt x="631" y="933"/>
                  </a:lnTo>
                  <a:lnTo>
                    <a:pt x="654" y="940"/>
                  </a:lnTo>
                  <a:lnTo>
                    <a:pt x="679" y="946"/>
                  </a:lnTo>
                  <a:lnTo>
                    <a:pt x="703" y="952"/>
                  </a:lnTo>
                  <a:lnTo>
                    <a:pt x="710" y="948"/>
                  </a:lnTo>
                  <a:lnTo>
                    <a:pt x="716" y="944"/>
                  </a:lnTo>
                  <a:lnTo>
                    <a:pt x="722" y="940"/>
                  </a:lnTo>
                  <a:lnTo>
                    <a:pt x="727" y="934"/>
                  </a:lnTo>
                  <a:lnTo>
                    <a:pt x="738" y="923"/>
                  </a:lnTo>
                  <a:lnTo>
                    <a:pt x="746" y="910"/>
                  </a:lnTo>
                  <a:lnTo>
                    <a:pt x="763" y="884"/>
                  </a:lnTo>
                  <a:lnTo>
                    <a:pt x="781" y="859"/>
                  </a:lnTo>
                  <a:lnTo>
                    <a:pt x="775" y="844"/>
                  </a:lnTo>
                  <a:lnTo>
                    <a:pt x="772" y="828"/>
                  </a:lnTo>
                  <a:lnTo>
                    <a:pt x="770" y="813"/>
                  </a:lnTo>
                  <a:lnTo>
                    <a:pt x="771" y="799"/>
                  </a:lnTo>
                  <a:lnTo>
                    <a:pt x="773" y="786"/>
                  </a:lnTo>
                  <a:lnTo>
                    <a:pt x="776" y="772"/>
                  </a:lnTo>
                  <a:lnTo>
                    <a:pt x="782" y="759"/>
                  </a:lnTo>
                  <a:lnTo>
                    <a:pt x="787" y="747"/>
                  </a:lnTo>
                  <a:lnTo>
                    <a:pt x="801" y="723"/>
                  </a:lnTo>
                  <a:lnTo>
                    <a:pt x="815" y="698"/>
                  </a:lnTo>
                  <a:lnTo>
                    <a:pt x="831" y="676"/>
                  </a:lnTo>
                  <a:lnTo>
                    <a:pt x="845" y="654"/>
                  </a:lnTo>
                  <a:lnTo>
                    <a:pt x="842" y="639"/>
                  </a:lnTo>
                  <a:lnTo>
                    <a:pt x="837" y="626"/>
                  </a:lnTo>
                  <a:lnTo>
                    <a:pt x="831" y="611"/>
                  </a:lnTo>
                  <a:lnTo>
                    <a:pt x="825" y="597"/>
                  </a:lnTo>
                  <a:lnTo>
                    <a:pt x="821" y="583"/>
                  </a:lnTo>
                  <a:lnTo>
                    <a:pt x="819" y="568"/>
                  </a:lnTo>
                  <a:lnTo>
                    <a:pt x="819" y="561"/>
                  </a:lnTo>
                  <a:lnTo>
                    <a:pt x="819" y="554"/>
                  </a:lnTo>
                  <a:lnTo>
                    <a:pt x="821" y="547"/>
                  </a:lnTo>
                  <a:lnTo>
                    <a:pt x="824" y="540"/>
                  </a:lnTo>
                  <a:lnTo>
                    <a:pt x="827" y="539"/>
                  </a:lnTo>
                  <a:lnTo>
                    <a:pt x="830" y="538"/>
                  </a:lnTo>
                  <a:lnTo>
                    <a:pt x="832" y="537"/>
                  </a:lnTo>
                  <a:lnTo>
                    <a:pt x="834" y="535"/>
                  </a:lnTo>
                  <a:lnTo>
                    <a:pt x="837" y="529"/>
                  </a:lnTo>
                  <a:lnTo>
                    <a:pt x="838" y="523"/>
                  </a:lnTo>
                  <a:lnTo>
                    <a:pt x="838" y="507"/>
                  </a:lnTo>
                  <a:lnTo>
                    <a:pt x="838" y="490"/>
                  </a:lnTo>
                  <a:lnTo>
                    <a:pt x="833" y="492"/>
                  </a:lnTo>
                  <a:lnTo>
                    <a:pt x="831" y="492"/>
                  </a:lnTo>
                  <a:lnTo>
                    <a:pt x="828" y="492"/>
                  </a:lnTo>
                  <a:lnTo>
                    <a:pt x="827" y="491"/>
                  </a:lnTo>
                  <a:lnTo>
                    <a:pt x="825" y="488"/>
                  </a:lnTo>
                  <a:lnTo>
                    <a:pt x="824" y="484"/>
                  </a:lnTo>
                  <a:lnTo>
                    <a:pt x="822" y="479"/>
                  </a:lnTo>
                  <a:lnTo>
                    <a:pt x="820" y="476"/>
                  </a:lnTo>
                  <a:lnTo>
                    <a:pt x="819" y="475"/>
                  </a:lnTo>
                  <a:lnTo>
                    <a:pt x="817" y="475"/>
                  </a:lnTo>
                  <a:lnTo>
                    <a:pt x="813" y="475"/>
                  </a:lnTo>
                  <a:lnTo>
                    <a:pt x="809" y="476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04" name="Bornholm kant"/>
            <p:cNvSpPr>
              <a:spLocks/>
            </p:cNvSpPr>
            <p:nvPr/>
          </p:nvSpPr>
          <p:spPr bwMode="auto">
            <a:xfrm>
              <a:off x="3500438" y="3157538"/>
              <a:ext cx="446087" cy="504825"/>
            </a:xfrm>
            <a:custGeom>
              <a:avLst/>
              <a:gdLst>
                <a:gd name="T0" fmla="*/ 253 w 845"/>
                <a:gd name="T1" fmla="*/ 153 h 952"/>
                <a:gd name="T2" fmla="*/ 231 w 845"/>
                <a:gd name="T3" fmla="*/ 142 h 952"/>
                <a:gd name="T4" fmla="*/ 210 w 845"/>
                <a:gd name="T5" fmla="*/ 130 h 952"/>
                <a:gd name="T6" fmla="*/ 191 w 845"/>
                <a:gd name="T7" fmla="*/ 115 h 952"/>
                <a:gd name="T8" fmla="*/ 175 w 845"/>
                <a:gd name="T9" fmla="*/ 98 h 952"/>
                <a:gd name="T10" fmla="*/ 164 w 845"/>
                <a:gd name="T11" fmla="*/ 84 h 952"/>
                <a:gd name="T12" fmla="*/ 162 w 845"/>
                <a:gd name="T13" fmla="*/ 83 h 952"/>
                <a:gd name="T14" fmla="*/ 156 w 845"/>
                <a:gd name="T15" fmla="*/ 86 h 952"/>
                <a:gd name="T16" fmla="*/ 151 w 845"/>
                <a:gd name="T17" fmla="*/ 89 h 952"/>
                <a:gd name="T18" fmla="*/ 139 w 845"/>
                <a:gd name="T19" fmla="*/ 83 h 952"/>
                <a:gd name="T20" fmla="*/ 111 w 845"/>
                <a:gd name="T21" fmla="*/ 65 h 952"/>
                <a:gd name="T22" fmla="*/ 84 w 845"/>
                <a:gd name="T23" fmla="*/ 47 h 952"/>
                <a:gd name="T24" fmla="*/ 74 w 845"/>
                <a:gd name="T25" fmla="*/ 34 h 952"/>
                <a:gd name="T26" fmla="*/ 68 w 845"/>
                <a:gd name="T27" fmla="*/ 24 h 952"/>
                <a:gd name="T28" fmla="*/ 56 w 845"/>
                <a:gd name="T29" fmla="*/ 10 h 952"/>
                <a:gd name="T30" fmla="*/ 51 w 845"/>
                <a:gd name="T31" fmla="*/ 3 h 952"/>
                <a:gd name="T32" fmla="*/ 47 w 845"/>
                <a:gd name="T33" fmla="*/ 0 h 952"/>
                <a:gd name="T34" fmla="*/ 43 w 845"/>
                <a:gd name="T35" fmla="*/ 3 h 952"/>
                <a:gd name="T36" fmla="*/ 39 w 845"/>
                <a:gd name="T37" fmla="*/ 7 h 952"/>
                <a:gd name="T38" fmla="*/ 36 w 845"/>
                <a:gd name="T39" fmla="*/ 16 h 952"/>
                <a:gd name="T40" fmla="*/ 35 w 845"/>
                <a:gd name="T41" fmla="*/ 31 h 952"/>
                <a:gd name="T42" fmla="*/ 30 w 845"/>
                <a:gd name="T43" fmla="*/ 45 h 952"/>
                <a:gd name="T44" fmla="*/ 18 w 845"/>
                <a:gd name="T45" fmla="*/ 67 h 952"/>
                <a:gd name="T46" fmla="*/ 11 w 845"/>
                <a:gd name="T47" fmla="*/ 81 h 952"/>
                <a:gd name="T48" fmla="*/ 11 w 845"/>
                <a:gd name="T49" fmla="*/ 121 h 952"/>
                <a:gd name="T50" fmla="*/ 11 w 845"/>
                <a:gd name="T51" fmla="*/ 166 h 952"/>
                <a:gd name="T52" fmla="*/ 9 w 845"/>
                <a:gd name="T53" fmla="*/ 189 h 952"/>
                <a:gd name="T54" fmla="*/ 4 w 845"/>
                <a:gd name="T55" fmla="*/ 206 h 952"/>
                <a:gd name="T56" fmla="*/ 0 w 845"/>
                <a:gd name="T57" fmla="*/ 213 h 952"/>
                <a:gd name="T58" fmla="*/ 5 w 845"/>
                <a:gd name="T59" fmla="*/ 216 h 952"/>
                <a:gd name="T60" fmla="*/ 11 w 845"/>
                <a:gd name="T61" fmla="*/ 223 h 952"/>
                <a:gd name="T62" fmla="*/ 15 w 845"/>
                <a:gd name="T63" fmla="*/ 226 h 952"/>
                <a:gd name="T64" fmla="*/ 21 w 845"/>
                <a:gd name="T65" fmla="*/ 228 h 952"/>
                <a:gd name="T66" fmla="*/ 26 w 845"/>
                <a:gd name="T67" fmla="*/ 230 h 952"/>
                <a:gd name="T68" fmla="*/ 30 w 845"/>
                <a:gd name="T69" fmla="*/ 237 h 952"/>
                <a:gd name="T70" fmla="*/ 35 w 845"/>
                <a:gd name="T71" fmla="*/ 242 h 952"/>
                <a:gd name="T72" fmla="*/ 45 w 845"/>
                <a:gd name="T73" fmla="*/ 248 h 952"/>
                <a:gd name="T74" fmla="*/ 61 w 845"/>
                <a:gd name="T75" fmla="*/ 256 h 952"/>
                <a:gd name="T76" fmla="*/ 85 w 845"/>
                <a:gd name="T77" fmla="*/ 262 h 952"/>
                <a:gd name="T78" fmla="*/ 107 w 845"/>
                <a:gd name="T79" fmla="*/ 271 h 952"/>
                <a:gd name="T80" fmla="*/ 141 w 845"/>
                <a:gd name="T81" fmla="*/ 289 h 952"/>
                <a:gd name="T82" fmla="*/ 177 w 845"/>
                <a:gd name="T83" fmla="*/ 305 h 952"/>
                <a:gd name="T84" fmla="*/ 202 w 845"/>
                <a:gd name="T85" fmla="*/ 310 h 952"/>
                <a:gd name="T86" fmla="*/ 226 w 845"/>
                <a:gd name="T87" fmla="*/ 316 h 952"/>
                <a:gd name="T88" fmla="*/ 238 w 845"/>
                <a:gd name="T89" fmla="*/ 315 h 952"/>
                <a:gd name="T90" fmla="*/ 245 w 845"/>
                <a:gd name="T91" fmla="*/ 308 h 952"/>
                <a:gd name="T92" fmla="*/ 260 w 845"/>
                <a:gd name="T93" fmla="*/ 287 h 952"/>
                <a:gd name="T94" fmla="*/ 256 w 845"/>
                <a:gd name="T95" fmla="*/ 272 h 952"/>
                <a:gd name="T96" fmla="*/ 258 w 845"/>
                <a:gd name="T97" fmla="*/ 258 h 952"/>
                <a:gd name="T98" fmla="*/ 266 w 845"/>
                <a:gd name="T99" fmla="*/ 242 h 952"/>
                <a:gd name="T100" fmla="*/ 281 w 845"/>
                <a:gd name="T101" fmla="*/ 218 h 952"/>
                <a:gd name="T102" fmla="*/ 276 w 845"/>
                <a:gd name="T103" fmla="*/ 204 h 952"/>
                <a:gd name="T104" fmla="*/ 272 w 845"/>
                <a:gd name="T105" fmla="*/ 190 h 952"/>
                <a:gd name="T106" fmla="*/ 273 w 845"/>
                <a:gd name="T107" fmla="*/ 183 h 952"/>
                <a:gd name="T108" fmla="*/ 276 w 845"/>
                <a:gd name="T109" fmla="*/ 180 h 952"/>
                <a:gd name="T110" fmla="*/ 278 w 845"/>
                <a:gd name="T111" fmla="*/ 177 h 952"/>
                <a:gd name="T112" fmla="*/ 279 w 845"/>
                <a:gd name="T113" fmla="*/ 164 h 952"/>
                <a:gd name="T114" fmla="*/ 275 w 845"/>
                <a:gd name="T115" fmla="*/ 164 h 952"/>
                <a:gd name="T116" fmla="*/ 274 w 845"/>
                <a:gd name="T117" fmla="*/ 162 h 952"/>
                <a:gd name="T118" fmla="*/ 272 w 845"/>
                <a:gd name="T119" fmla="*/ 159 h 952"/>
                <a:gd name="T120" fmla="*/ 269 w 845"/>
                <a:gd name="T121" fmla="*/ 159 h 952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845" h="952">
                  <a:moveTo>
                    <a:pt x="809" y="476"/>
                  </a:moveTo>
                  <a:lnTo>
                    <a:pt x="786" y="467"/>
                  </a:lnTo>
                  <a:lnTo>
                    <a:pt x="762" y="457"/>
                  </a:lnTo>
                  <a:lnTo>
                    <a:pt x="740" y="447"/>
                  </a:lnTo>
                  <a:lnTo>
                    <a:pt x="716" y="436"/>
                  </a:lnTo>
                  <a:lnTo>
                    <a:pt x="694" y="425"/>
                  </a:lnTo>
                  <a:lnTo>
                    <a:pt x="673" y="413"/>
                  </a:lnTo>
                  <a:lnTo>
                    <a:pt x="652" y="400"/>
                  </a:lnTo>
                  <a:lnTo>
                    <a:pt x="632" y="388"/>
                  </a:lnTo>
                  <a:lnTo>
                    <a:pt x="612" y="374"/>
                  </a:lnTo>
                  <a:lnTo>
                    <a:pt x="593" y="359"/>
                  </a:lnTo>
                  <a:lnTo>
                    <a:pt x="575" y="345"/>
                  </a:lnTo>
                  <a:lnTo>
                    <a:pt x="557" y="329"/>
                  </a:lnTo>
                  <a:lnTo>
                    <a:pt x="542" y="312"/>
                  </a:lnTo>
                  <a:lnTo>
                    <a:pt x="526" y="294"/>
                  </a:lnTo>
                  <a:lnTo>
                    <a:pt x="511" y="275"/>
                  </a:lnTo>
                  <a:lnTo>
                    <a:pt x="496" y="256"/>
                  </a:lnTo>
                  <a:lnTo>
                    <a:pt x="494" y="252"/>
                  </a:lnTo>
                  <a:lnTo>
                    <a:pt x="491" y="250"/>
                  </a:lnTo>
                  <a:lnTo>
                    <a:pt x="488" y="249"/>
                  </a:lnTo>
                  <a:lnTo>
                    <a:pt x="486" y="248"/>
                  </a:lnTo>
                  <a:lnTo>
                    <a:pt x="481" y="250"/>
                  </a:lnTo>
                  <a:lnTo>
                    <a:pt x="475" y="254"/>
                  </a:lnTo>
                  <a:lnTo>
                    <a:pt x="469" y="258"/>
                  </a:lnTo>
                  <a:lnTo>
                    <a:pt x="463" y="262"/>
                  </a:lnTo>
                  <a:lnTo>
                    <a:pt x="460" y="265"/>
                  </a:lnTo>
                  <a:lnTo>
                    <a:pt x="455" y="265"/>
                  </a:lnTo>
                  <a:lnTo>
                    <a:pt x="451" y="265"/>
                  </a:lnTo>
                  <a:lnTo>
                    <a:pt x="447" y="263"/>
                  </a:lnTo>
                  <a:lnTo>
                    <a:pt x="418" y="247"/>
                  </a:lnTo>
                  <a:lnTo>
                    <a:pt x="391" y="230"/>
                  </a:lnTo>
                  <a:lnTo>
                    <a:pt x="363" y="212"/>
                  </a:lnTo>
                  <a:lnTo>
                    <a:pt x="334" y="195"/>
                  </a:lnTo>
                  <a:lnTo>
                    <a:pt x="307" y="177"/>
                  </a:lnTo>
                  <a:lnTo>
                    <a:pt x="279" y="159"/>
                  </a:lnTo>
                  <a:lnTo>
                    <a:pt x="253" y="140"/>
                  </a:lnTo>
                  <a:lnTo>
                    <a:pt x="227" y="121"/>
                  </a:lnTo>
                  <a:lnTo>
                    <a:pt x="225" y="111"/>
                  </a:lnTo>
                  <a:lnTo>
                    <a:pt x="222" y="101"/>
                  </a:lnTo>
                  <a:lnTo>
                    <a:pt x="218" y="93"/>
                  </a:lnTo>
                  <a:lnTo>
                    <a:pt x="213" y="86"/>
                  </a:lnTo>
                  <a:lnTo>
                    <a:pt x="204" y="71"/>
                  </a:lnTo>
                  <a:lnTo>
                    <a:pt x="192" y="57"/>
                  </a:lnTo>
                  <a:lnTo>
                    <a:pt x="179" y="44"/>
                  </a:lnTo>
                  <a:lnTo>
                    <a:pt x="168" y="31"/>
                  </a:lnTo>
                  <a:lnTo>
                    <a:pt x="163" y="24"/>
                  </a:lnTo>
                  <a:lnTo>
                    <a:pt x="157" y="17"/>
                  </a:lnTo>
                  <a:lnTo>
                    <a:pt x="153" y="9"/>
                  </a:lnTo>
                  <a:lnTo>
                    <a:pt x="149" y="0"/>
                  </a:lnTo>
                  <a:lnTo>
                    <a:pt x="145" y="0"/>
                  </a:lnTo>
                  <a:lnTo>
                    <a:pt x="140" y="1"/>
                  </a:lnTo>
                  <a:lnTo>
                    <a:pt x="137" y="2"/>
                  </a:lnTo>
                  <a:lnTo>
                    <a:pt x="134" y="3"/>
                  </a:lnTo>
                  <a:lnTo>
                    <a:pt x="130" y="8"/>
                  </a:lnTo>
                  <a:lnTo>
                    <a:pt x="126" y="13"/>
                  </a:lnTo>
                  <a:lnTo>
                    <a:pt x="122" y="18"/>
                  </a:lnTo>
                  <a:lnTo>
                    <a:pt x="117" y="22"/>
                  </a:lnTo>
                  <a:lnTo>
                    <a:pt x="113" y="27"/>
                  </a:lnTo>
                  <a:lnTo>
                    <a:pt x="107" y="29"/>
                  </a:lnTo>
                  <a:lnTo>
                    <a:pt x="109" y="47"/>
                  </a:lnTo>
                  <a:lnTo>
                    <a:pt x="109" y="62"/>
                  </a:lnTo>
                  <a:lnTo>
                    <a:pt x="108" y="78"/>
                  </a:lnTo>
                  <a:lnTo>
                    <a:pt x="105" y="94"/>
                  </a:lnTo>
                  <a:lnTo>
                    <a:pt x="102" y="109"/>
                  </a:lnTo>
                  <a:lnTo>
                    <a:pt x="96" y="122"/>
                  </a:lnTo>
                  <a:lnTo>
                    <a:pt x="90" y="136"/>
                  </a:lnTo>
                  <a:lnTo>
                    <a:pt x="84" y="150"/>
                  </a:lnTo>
                  <a:lnTo>
                    <a:pt x="69" y="176"/>
                  </a:lnTo>
                  <a:lnTo>
                    <a:pt x="54" y="202"/>
                  </a:lnTo>
                  <a:lnTo>
                    <a:pt x="47" y="216"/>
                  </a:lnTo>
                  <a:lnTo>
                    <a:pt x="39" y="229"/>
                  </a:lnTo>
                  <a:lnTo>
                    <a:pt x="34" y="242"/>
                  </a:lnTo>
                  <a:lnTo>
                    <a:pt x="29" y="256"/>
                  </a:lnTo>
                  <a:lnTo>
                    <a:pt x="30" y="309"/>
                  </a:lnTo>
                  <a:lnTo>
                    <a:pt x="32" y="362"/>
                  </a:lnTo>
                  <a:lnTo>
                    <a:pt x="33" y="417"/>
                  </a:lnTo>
                  <a:lnTo>
                    <a:pt x="34" y="471"/>
                  </a:lnTo>
                  <a:lnTo>
                    <a:pt x="33" y="496"/>
                  </a:lnTo>
                  <a:lnTo>
                    <a:pt x="31" y="521"/>
                  </a:lnTo>
                  <a:lnTo>
                    <a:pt x="29" y="545"/>
                  </a:lnTo>
                  <a:lnTo>
                    <a:pt x="26" y="567"/>
                  </a:lnTo>
                  <a:lnTo>
                    <a:pt x="21" y="588"/>
                  </a:lnTo>
                  <a:lnTo>
                    <a:pt x="15" y="607"/>
                  </a:lnTo>
                  <a:lnTo>
                    <a:pt x="12" y="616"/>
                  </a:lnTo>
                  <a:lnTo>
                    <a:pt x="9" y="625"/>
                  </a:lnTo>
                  <a:lnTo>
                    <a:pt x="5" y="632"/>
                  </a:lnTo>
                  <a:lnTo>
                    <a:pt x="0" y="639"/>
                  </a:lnTo>
                  <a:lnTo>
                    <a:pt x="6" y="642"/>
                  </a:lnTo>
                  <a:lnTo>
                    <a:pt x="10" y="645"/>
                  </a:lnTo>
                  <a:lnTo>
                    <a:pt x="14" y="648"/>
                  </a:lnTo>
                  <a:lnTo>
                    <a:pt x="18" y="651"/>
                  </a:lnTo>
                  <a:lnTo>
                    <a:pt x="26" y="659"/>
                  </a:lnTo>
                  <a:lnTo>
                    <a:pt x="33" y="667"/>
                  </a:lnTo>
                  <a:lnTo>
                    <a:pt x="36" y="671"/>
                  </a:lnTo>
                  <a:lnTo>
                    <a:pt x="40" y="674"/>
                  </a:lnTo>
                  <a:lnTo>
                    <a:pt x="46" y="677"/>
                  </a:lnTo>
                  <a:lnTo>
                    <a:pt x="50" y="679"/>
                  </a:lnTo>
                  <a:lnTo>
                    <a:pt x="56" y="682"/>
                  </a:lnTo>
                  <a:lnTo>
                    <a:pt x="63" y="683"/>
                  </a:lnTo>
                  <a:lnTo>
                    <a:pt x="70" y="683"/>
                  </a:lnTo>
                  <a:lnTo>
                    <a:pt x="78" y="683"/>
                  </a:lnTo>
                  <a:lnTo>
                    <a:pt x="79" y="690"/>
                  </a:lnTo>
                  <a:lnTo>
                    <a:pt x="83" y="697"/>
                  </a:lnTo>
                  <a:lnTo>
                    <a:pt x="86" y="704"/>
                  </a:lnTo>
                  <a:lnTo>
                    <a:pt x="90" y="710"/>
                  </a:lnTo>
                  <a:lnTo>
                    <a:pt x="94" y="715"/>
                  </a:lnTo>
                  <a:lnTo>
                    <a:pt x="99" y="719"/>
                  </a:lnTo>
                  <a:lnTo>
                    <a:pt x="105" y="724"/>
                  </a:lnTo>
                  <a:lnTo>
                    <a:pt x="111" y="728"/>
                  </a:lnTo>
                  <a:lnTo>
                    <a:pt x="123" y="735"/>
                  </a:lnTo>
                  <a:lnTo>
                    <a:pt x="135" y="743"/>
                  </a:lnTo>
                  <a:lnTo>
                    <a:pt x="146" y="751"/>
                  </a:lnTo>
                  <a:lnTo>
                    <a:pt x="156" y="761"/>
                  </a:lnTo>
                  <a:lnTo>
                    <a:pt x="183" y="765"/>
                  </a:lnTo>
                  <a:lnTo>
                    <a:pt x="208" y="770"/>
                  </a:lnTo>
                  <a:lnTo>
                    <a:pt x="232" y="777"/>
                  </a:lnTo>
                  <a:lnTo>
                    <a:pt x="256" y="785"/>
                  </a:lnTo>
                  <a:lnTo>
                    <a:pt x="278" y="793"/>
                  </a:lnTo>
                  <a:lnTo>
                    <a:pt x="301" y="802"/>
                  </a:lnTo>
                  <a:lnTo>
                    <a:pt x="323" y="811"/>
                  </a:lnTo>
                  <a:lnTo>
                    <a:pt x="343" y="822"/>
                  </a:lnTo>
                  <a:lnTo>
                    <a:pt x="384" y="843"/>
                  </a:lnTo>
                  <a:lnTo>
                    <a:pt x="424" y="866"/>
                  </a:lnTo>
                  <a:lnTo>
                    <a:pt x="464" y="888"/>
                  </a:lnTo>
                  <a:lnTo>
                    <a:pt x="504" y="909"/>
                  </a:lnTo>
                  <a:lnTo>
                    <a:pt x="531" y="912"/>
                  </a:lnTo>
                  <a:lnTo>
                    <a:pt x="556" y="916"/>
                  </a:lnTo>
                  <a:lnTo>
                    <a:pt x="582" y="922"/>
                  </a:lnTo>
                  <a:lnTo>
                    <a:pt x="607" y="927"/>
                  </a:lnTo>
                  <a:lnTo>
                    <a:pt x="631" y="933"/>
                  </a:lnTo>
                  <a:lnTo>
                    <a:pt x="654" y="940"/>
                  </a:lnTo>
                  <a:lnTo>
                    <a:pt x="679" y="946"/>
                  </a:lnTo>
                  <a:lnTo>
                    <a:pt x="703" y="952"/>
                  </a:lnTo>
                  <a:lnTo>
                    <a:pt x="710" y="948"/>
                  </a:lnTo>
                  <a:lnTo>
                    <a:pt x="716" y="944"/>
                  </a:lnTo>
                  <a:lnTo>
                    <a:pt x="722" y="940"/>
                  </a:lnTo>
                  <a:lnTo>
                    <a:pt x="727" y="934"/>
                  </a:lnTo>
                  <a:lnTo>
                    <a:pt x="738" y="923"/>
                  </a:lnTo>
                  <a:lnTo>
                    <a:pt x="746" y="910"/>
                  </a:lnTo>
                  <a:lnTo>
                    <a:pt x="763" y="884"/>
                  </a:lnTo>
                  <a:lnTo>
                    <a:pt x="781" y="859"/>
                  </a:lnTo>
                  <a:lnTo>
                    <a:pt x="775" y="844"/>
                  </a:lnTo>
                  <a:lnTo>
                    <a:pt x="772" y="828"/>
                  </a:lnTo>
                  <a:lnTo>
                    <a:pt x="770" y="813"/>
                  </a:lnTo>
                  <a:lnTo>
                    <a:pt x="771" y="799"/>
                  </a:lnTo>
                  <a:lnTo>
                    <a:pt x="773" y="786"/>
                  </a:lnTo>
                  <a:lnTo>
                    <a:pt x="776" y="772"/>
                  </a:lnTo>
                  <a:lnTo>
                    <a:pt x="782" y="759"/>
                  </a:lnTo>
                  <a:lnTo>
                    <a:pt x="787" y="747"/>
                  </a:lnTo>
                  <a:lnTo>
                    <a:pt x="801" y="723"/>
                  </a:lnTo>
                  <a:lnTo>
                    <a:pt x="815" y="698"/>
                  </a:lnTo>
                  <a:lnTo>
                    <a:pt x="831" y="676"/>
                  </a:lnTo>
                  <a:lnTo>
                    <a:pt x="845" y="654"/>
                  </a:lnTo>
                  <a:lnTo>
                    <a:pt x="842" y="639"/>
                  </a:lnTo>
                  <a:lnTo>
                    <a:pt x="837" y="626"/>
                  </a:lnTo>
                  <a:lnTo>
                    <a:pt x="831" y="611"/>
                  </a:lnTo>
                  <a:lnTo>
                    <a:pt x="825" y="597"/>
                  </a:lnTo>
                  <a:lnTo>
                    <a:pt x="821" y="583"/>
                  </a:lnTo>
                  <a:lnTo>
                    <a:pt x="819" y="568"/>
                  </a:lnTo>
                  <a:lnTo>
                    <a:pt x="819" y="561"/>
                  </a:lnTo>
                  <a:lnTo>
                    <a:pt x="819" y="554"/>
                  </a:lnTo>
                  <a:lnTo>
                    <a:pt x="821" y="547"/>
                  </a:lnTo>
                  <a:lnTo>
                    <a:pt x="824" y="540"/>
                  </a:lnTo>
                  <a:lnTo>
                    <a:pt x="827" y="539"/>
                  </a:lnTo>
                  <a:lnTo>
                    <a:pt x="830" y="538"/>
                  </a:lnTo>
                  <a:lnTo>
                    <a:pt x="832" y="537"/>
                  </a:lnTo>
                  <a:lnTo>
                    <a:pt x="834" y="535"/>
                  </a:lnTo>
                  <a:lnTo>
                    <a:pt x="837" y="529"/>
                  </a:lnTo>
                  <a:lnTo>
                    <a:pt x="838" y="523"/>
                  </a:lnTo>
                  <a:lnTo>
                    <a:pt x="838" y="507"/>
                  </a:lnTo>
                  <a:lnTo>
                    <a:pt x="838" y="490"/>
                  </a:lnTo>
                  <a:lnTo>
                    <a:pt x="833" y="492"/>
                  </a:lnTo>
                  <a:lnTo>
                    <a:pt x="831" y="492"/>
                  </a:lnTo>
                  <a:lnTo>
                    <a:pt x="828" y="492"/>
                  </a:lnTo>
                  <a:lnTo>
                    <a:pt x="827" y="491"/>
                  </a:lnTo>
                  <a:lnTo>
                    <a:pt x="825" y="488"/>
                  </a:lnTo>
                  <a:lnTo>
                    <a:pt x="824" y="484"/>
                  </a:lnTo>
                  <a:lnTo>
                    <a:pt x="822" y="479"/>
                  </a:lnTo>
                  <a:lnTo>
                    <a:pt x="820" y="476"/>
                  </a:lnTo>
                  <a:lnTo>
                    <a:pt x="819" y="475"/>
                  </a:lnTo>
                  <a:lnTo>
                    <a:pt x="817" y="475"/>
                  </a:lnTo>
                  <a:lnTo>
                    <a:pt x="813" y="475"/>
                  </a:lnTo>
                  <a:lnTo>
                    <a:pt x="809" y="476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05" name="Fredrikssund"/>
            <p:cNvSpPr>
              <a:spLocks/>
            </p:cNvSpPr>
            <p:nvPr/>
          </p:nvSpPr>
          <p:spPr bwMode="auto">
            <a:xfrm>
              <a:off x="3452813" y="4616450"/>
              <a:ext cx="161925" cy="284163"/>
            </a:xfrm>
            <a:custGeom>
              <a:avLst/>
              <a:gdLst>
                <a:gd name="T0" fmla="*/ 87 w 308"/>
                <a:gd name="T1" fmla="*/ 89 h 536"/>
                <a:gd name="T2" fmla="*/ 88 w 308"/>
                <a:gd name="T3" fmla="*/ 96 h 536"/>
                <a:gd name="T4" fmla="*/ 93 w 308"/>
                <a:gd name="T5" fmla="*/ 103 h 536"/>
                <a:gd name="T6" fmla="*/ 94 w 308"/>
                <a:gd name="T7" fmla="*/ 105 h 536"/>
                <a:gd name="T8" fmla="*/ 90 w 308"/>
                <a:gd name="T9" fmla="*/ 111 h 536"/>
                <a:gd name="T10" fmla="*/ 93 w 308"/>
                <a:gd name="T11" fmla="*/ 114 h 536"/>
                <a:gd name="T12" fmla="*/ 98 w 308"/>
                <a:gd name="T13" fmla="*/ 115 h 536"/>
                <a:gd name="T14" fmla="*/ 98 w 308"/>
                <a:gd name="T15" fmla="*/ 130 h 536"/>
                <a:gd name="T16" fmla="*/ 100 w 308"/>
                <a:gd name="T17" fmla="*/ 143 h 536"/>
                <a:gd name="T18" fmla="*/ 101 w 308"/>
                <a:gd name="T19" fmla="*/ 155 h 536"/>
                <a:gd name="T20" fmla="*/ 102 w 308"/>
                <a:gd name="T21" fmla="*/ 171 h 536"/>
                <a:gd name="T22" fmla="*/ 94 w 308"/>
                <a:gd name="T23" fmla="*/ 168 h 536"/>
                <a:gd name="T24" fmla="*/ 84 w 308"/>
                <a:gd name="T25" fmla="*/ 174 h 536"/>
                <a:gd name="T26" fmla="*/ 77 w 308"/>
                <a:gd name="T27" fmla="*/ 178 h 536"/>
                <a:gd name="T28" fmla="*/ 74 w 308"/>
                <a:gd name="T29" fmla="*/ 169 h 536"/>
                <a:gd name="T30" fmla="*/ 70 w 308"/>
                <a:gd name="T31" fmla="*/ 166 h 536"/>
                <a:gd name="T32" fmla="*/ 71 w 308"/>
                <a:gd name="T33" fmla="*/ 162 h 536"/>
                <a:gd name="T34" fmla="*/ 74 w 308"/>
                <a:gd name="T35" fmla="*/ 156 h 536"/>
                <a:gd name="T36" fmla="*/ 67 w 308"/>
                <a:gd name="T37" fmla="*/ 164 h 536"/>
                <a:gd name="T38" fmla="*/ 59 w 308"/>
                <a:gd name="T39" fmla="*/ 173 h 536"/>
                <a:gd name="T40" fmla="*/ 47 w 308"/>
                <a:gd name="T41" fmla="*/ 167 h 536"/>
                <a:gd name="T42" fmla="*/ 39 w 308"/>
                <a:gd name="T43" fmla="*/ 168 h 536"/>
                <a:gd name="T44" fmla="*/ 29 w 308"/>
                <a:gd name="T45" fmla="*/ 176 h 536"/>
                <a:gd name="T46" fmla="*/ 23 w 308"/>
                <a:gd name="T47" fmla="*/ 174 h 536"/>
                <a:gd name="T48" fmla="*/ 13 w 308"/>
                <a:gd name="T49" fmla="*/ 169 h 536"/>
                <a:gd name="T50" fmla="*/ 5 w 308"/>
                <a:gd name="T51" fmla="*/ 164 h 536"/>
                <a:gd name="T52" fmla="*/ 0 w 308"/>
                <a:gd name="T53" fmla="*/ 155 h 536"/>
                <a:gd name="T54" fmla="*/ 2 w 308"/>
                <a:gd name="T55" fmla="*/ 153 h 536"/>
                <a:gd name="T56" fmla="*/ 7 w 308"/>
                <a:gd name="T57" fmla="*/ 146 h 536"/>
                <a:gd name="T58" fmla="*/ 5 w 308"/>
                <a:gd name="T59" fmla="*/ 138 h 536"/>
                <a:gd name="T60" fmla="*/ 7 w 308"/>
                <a:gd name="T61" fmla="*/ 127 h 536"/>
                <a:gd name="T62" fmla="*/ 7 w 308"/>
                <a:gd name="T63" fmla="*/ 118 h 536"/>
                <a:gd name="T64" fmla="*/ 14 w 308"/>
                <a:gd name="T65" fmla="*/ 115 h 536"/>
                <a:gd name="T66" fmla="*/ 13 w 308"/>
                <a:gd name="T67" fmla="*/ 109 h 536"/>
                <a:gd name="T68" fmla="*/ 16 w 308"/>
                <a:gd name="T69" fmla="*/ 102 h 536"/>
                <a:gd name="T70" fmla="*/ 27 w 308"/>
                <a:gd name="T71" fmla="*/ 99 h 536"/>
                <a:gd name="T72" fmla="*/ 37 w 308"/>
                <a:gd name="T73" fmla="*/ 101 h 536"/>
                <a:gd name="T74" fmla="*/ 44 w 308"/>
                <a:gd name="T75" fmla="*/ 95 h 536"/>
                <a:gd name="T76" fmla="*/ 47 w 308"/>
                <a:gd name="T77" fmla="*/ 64 h 536"/>
                <a:gd name="T78" fmla="*/ 41 w 308"/>
                <a:gd name="T79" fmla="*/ 55 h 536"/>
                <a:gd name="T80" fmla="*/ 35 w 308"/>
                <a:gd name="T81" fmla="*/ 47 h 536"/>
                <a:gd name="T82" fmla="*/ 35 w 308"/>
                <a:gd name="T83" fmla="*/ 38 h 536"/>
                <a:gd name="T84" fmla="*/ 28 w 308"/>
                <a:gd name="T85" fmla="*/ 26 h 536"/>
                <a:gd name="T86" fmla="*/ 22 w 308"/>
                <a:gd name="T87" fmla="*/ 17 h 536"/>
                <a:gd name="T88" fmla="*/ 21 w 308"/>
                <a:gd name="T89" fmla="*/ 7 h 536"/>
                <a:gd name="T90" fmla="*/ 33 w 308"/>
                <a:gd name="T91" fmla="*/ 1 h 536"/>
                <a:gd name="T92" fmla="*/ 46 w 308"/>
                <a:gd name="T93" fmla="*/ 5 h 536"/>
                <a:gd name="T94" fmla="*/ 65 w 308"/>
                <a:gd name="T95" fmla="*/ 18 h 536"/>
                <a:gd name="T96" fmla="*/ 77 w 308"/>
                <a:gd name="T97" fmla="*/ 22 h 536"/>
                <a:gd name="T98" fmla="*/ 79 w 308"/>
                <a:gd name="T99" fmla="*/ 29 h 536"/>
                <a:gd name="T100" fmla="*/ 73 w 308"/>
                <a:gd name="T101" fmla="*/ 36 h 536"/>
                <a:gd name="T102" fmla="*/ 68 w 308"/>
                <a:gd name="T103" fmla="*/ 47 h 536"/>
                <a:gd name="T104" fmla="*/ 71 w 308"/>
                <a:gd name="T105" fmla="*/ 63 h 536"/>
                <a:gd name="T106" fmla="*/ 85 w 308"/>
                <a:gd name="T107" fmla="*/ 73 h 536"/>
                <a:gd name="T108" fmla="*/ 86 w 308"/>
                <a:gd name="T109" fmla="*/ 84 h 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0" t="0" r="r" b="b"/>
              <a:pathLst>
                <a:path w="308" h="536">
                  <a:moveTo>
                    <a:pt x="259" y="252"/>
                  </a:moveTo>
                  <a:lnTo>
                    <a:pt x="261" y="257"/>
                  </a:lnTo>
                  <a:lnTo>
                    <a:pt x="262" y="262"/>
                  </a:lnTo>
                  <a:lnTo>
                    <a:pt x="262" y="265"/>
                  </a:lnTo>
                  <a:lnTo>
                    <a:pt x="263" y="267"/>
                  </a:lnTo>
                  <a:lnTo>
                    <a:pt x="266" y="269"/>
                  </a:lnTo>
                  <a:lnTo>
                    <a:pt x="269" y="269"/>
                  </a:lnTo>
                  <a:lnTo>
                    <a:pt x="266" y="275"/>
                  </a:lnTo>
                  <a:lnTo>
                    <a:pt x="264" y="281"/>
                  </a:lnTo>
                  <a:lnTo>
                    <a:pt x="265" y="287"/>
                  </a:lnTo>
                  <a:lnTo>
                    <a:pt x="266" y="294"/>
                  </a:lnTo>
                  <a:lnTo>
                    <a:pt x="269" y="300"/>
                  </a:lnTo>
                  <a:lnTo>
                    <a:pt x="275" y="304"/>
                  </a:lnTo>
                  <a:lnTo>
                    <a:pt x="277" y="306"/>
                  </a:lnTo>
                  <a:lnTo>
                    <a:pt x="280" y="307"/>
                  </a:lnTo>
                  <a:lnTo>
                    <a:pt x="283" y="307"/>
                  </a:lnTo>
                  <a:lnTo>
                    <a:pt x="287" y="307"/>
                  </a:lnTo>
                  <a:lnTo>
                    <a:pt x="286" y="311"/>
                  </a:lnTo>
                  <a:lnTo>
                    <a:pt x="285" y="312"/>
                  </a:lnTo>
                  <a:lnTo>
                    <a:pt x="283" y="313"/>
                  </a:lnTo>
                  <a:lnTo>
                    <a:pt x="281" y="314"/>
                  </a:lnTo>
                  <a:lnTo>
                    <a:pt x="276" y="315"/>
                  </a:lnTo>
                  <a:lnTo>
                    <a:pt x="272" y="318"/>
                  </a:lnTo>
                  <a:lnTo>
                    <a:pt x="273" y="323"/>
                  </a:lnTo>
                  <a:lnTo>
                    <a:pt x="272" y="331"/>
                  </a:lnTo>
                  <a:lnTo>
                    <a:pt x="272" y="334"/>
                  </a:lnTo>
                  <a:lnTo>
                    <a:pt x="272" y="337"/>
                  </a:lnTo>
                  <a:lnTo>
                    <a:pt x="273" y="339"/>
                  </a:lnTo>
                  <a:lnTo>
                    <a:pt x="275" y="340"/>
                  </a:lnTo>
                  <a:lnTo>
                    <a:pt x="281" y="341"/>
                  </a:lnTo>
                  <a:lnTo>
                    <a:pt x="287" y="340"/>
                  </a:lnTo>
                  <a:lnTo>
                    <a:pt x="291" y="340"/>
                  </a:lnTo>
                  <a:lnTo>
                    <a:pt x="294" y="341"/>
                  </a:lnTo>
                  <a:lnTo>
                    <a:pt x="295" y="342"/>
                  </a:lnTo>
                  <a:lnTo>
                    <a:pt x="295" y="345"/>
                  </a:lnTo>
                  <a:lnTo>
                    <a:pt x="292" y="355"/>
                  </a:lnTo>
                  <a:lnTo>
                    <a:pt x="291" y="363"/>
                  </a:lnTo>
                  <a:lnTo>
                    <a:pt x="292" y="373"/>
                  </a:lnTo>
                  <a:lnTo>
                    <a:pt x="293" y="381"/>
                  </a:lnTo>
                  <a:lnTo>
                    <a:pt x="296" y="390"/>
                  </a:lnTo>
                  <a:lnTo>
                    <a:pt x="299" y="398"/>
                  </a:lnTo>
                  <a:lnTo>
                    <a:pt x="303" y="405"/>
                  </a:lnTo>
                  <a:lnTo>
                    <a:pt x="307" y="412"/>
                  </a:lnTo>
                  <a:lnTo>
                    <a:pt x="305" y="421"/>
                  </a:lnTo>
                  <a:lnTo>
                    <a:pt x="302" y="428"/>
                  </a:lnTo>
                  <a:lnTo>
                    <a:pt x="299" y="437"/>
                  </a:lnTo>
                  <a:lnTo>
                    <a:pt x="295" y="444"/>
                  </a:lnTo>
                  <a:lnTo>
                    <a:pt x="299" y="451"/>
                  </a:lnTo>
                  <a:lnTo>
                    <a:pt x="303" y="458"/>
                  </a:lnTo>
                  <a:lnTo>
                    <a:pt x="305" y="465"/>
                  </a:lnTo>
                  <a:lnTo>
                    <a:pt x="307" y="474"/>
                  </a:lnTo>
                  <a:lnTo>
                    <a:pt x="308" y="483"/>
                  </a:lnTo>
                  <a:lnTo>
                    <a:pt x="308" y="492"/>
                  </a:lnTo>
                  <a:lnTo>
                    <a:pt x="308" y="501"/>
                  </a:lnTo>
                  <a:lnTo>
                    <a:pt x="307" y="511"/>
                  </a:lnTo>
                  <a:lnTo>
                    <a:pt x="303" y="507"/>
                  </a:lnTo>
                  <a:lnTo>
                    <a:pt x="298" y="505"/>
                  </a:lnTo>
                  <a:lnTo>
                    <a:pt x="294" y="504"/>
                  </a:lnTo>
                  <a:lnTo>
                    <a:pt x="288" y="504"/>
                  </a:lnTo>
                  <a:lnTo>
                    <a:pt x="284" y="504"/>
                  </a:lnTo>
                  <a:lnTo>
                    <a:pt x="279" y="505"/>
                  </a:lnTo>
                  <a:lnTo>
                    <a:pt x="274" y="506"/>
                  </a:lnTo>
                  <a:lnTo>
                    <a:pt x="269" y="509"/>
                  </a:lnTo>
                  <a:lnTo>
                    <a:pt x="261" y="514"/>
                  </a:lnTo>
                  <a:lnTo>
                    <a:pt x="254" y="520"/>
                  </a:lnTo>
                  <a:lnTo>
                    <a:pt x="247" y="527"/>
                  </a:lnTo>
                  <a:lnTo>
                    <a:pt x="244" y="536"/>
                  </a:lnTo>
                  <a:lnTo>
                    <a:pt x="240" y="536"/>
                  </a:lnTo>
                  <a:lnTo>
                    <a:pt x="237" y="535"/>
                  </a:lnTo>
                  <a:lnTo>
                    <a:pt x="234" y="533"/>
                  </a:lnTo>
                  <a:lnTo>
                    <a:pt x="232" y="531"/>
                  </a:lnTo>
                  <a:lnTo>
                    <a:pt x="228" y="525"/>
                  </a:lnTo>
                  <a:lnTo>
                    <a:pt x="226" y="519"/>
                  </a:lnTo>
                  <a:lnTo>
                    <a:pt x="224" y="513"/>
                  </a:lnTo>
                  <a:lnTo>
                    <a:pt x="222" y="506"/>
                  </a:lnTo>
                  <a:lnTo>
                    <a:pt x="220" y="504"/>
                  </a:lnTo>
                  <a:lnTo>
                    <a:pt x="218" y="502"/>
                  </a:lnTo>
                  <a:lnTo>
                    <a:pt x="215" y="501"/>
                  </a:lnTo>
                  <a:lnTo>
                    <a:pt x="210" y="500"/>
                  </a:lnTo>
                  <a:lnTo>
                    <a:pt x="210" y="497"/>
                  </a:lnTo>
                  <a:lnTo>
                    <a:pt x="210" y="493"/>
                  </a:lnTo>
                  <a:lnTo>
                    <a:pt x="210" y="491"/>
                  </a:lnTo>
                  <a:lnTo>
                    <a:pt x="212" y="489"/>
                  </a:lnTo>
                  <a:lnTo>
                    <a:pt x="213" y="486"/>
                  </a:lnTo>
                  <a:lnTo>
                    <a:pt x="215" y="485"/>
                  </a:lnTo>
                  <a:lnTo>
                    <a:pt x="219" y="485"/>
                  </a:lnTo>
                  <a:lnTo>
                    <a:pt x="224" y="485"/>
                  </a:lnTo>
                  <a:lnTo>
                    <a:pt x="224" y="477"/>
                  </a:lnTo>
                  <a:lnTo>
                    <a:pt x="223" y="470"/>
                  </a:lnTo>
                  <a:lnTo>
                    <a:pt x="222" y="466"/>
                  </a:lnTo>
                  <a:lnTo>
                    <a:pt x="220" y="464"/>
                  </a:lnTo>
                  <a:lnTo>
                    <a:pt x="217" y="463"/>
                  </a:lnTo>
                  <a:lnTo>
                    <a:pt x="214" y="462"/>
                  </a:lnTo>
                  <a:lnTo>
                    <a:pt x="208" y="477"/>
                  </a:lnTo>
                  <a:lnTo>
                    <a:pt x="203" y="491"/>
                  </a:lnTo>
                  <a:lnTo>
                    <a:pt x="198" y="505"/>
                  </a:lnTo>
                  <a:lnTo>
                    <a:pt x="194" y="521"/>
                  </a:lnTo>
                  <a:lnTo>
                    <a:pt x="187" y="521"/>
                  </a:lnTo>
                  <a:lnTo>
                    <a:pt x="182" y="520"/>
                  </a:lnTo>
                  <a:lnTo>
                    <a:pt x="177" y="519"/>
                  </a:lnTo>
                  <a:lnTo>
                    <a:pt x="173" y="518"/>
                  </a:lnTo>
                  <a:lnTo>
                    <a:pt x="164" y="514"/>
                  </a:lnTo>
                  <a:lnTo>
                    <a:pt x="157" y="509"/>
                  </a:lnTo>
                  <a:lnTo>
                    <a:pt x="149" y="504"/>
                  </a:lnTo>
                  <a:lnTo>
                    <a:pt x="142" y="500"/>
                  </a:lnTo>
                  <a:lnTo>
                    <a:pt x="138" y="498"/>
                  </a:lnTo>
                  <a:lnTo>
                    <a:pt x="133" y="497"/>
                  </a:lnTo>
                  <a:lnTo>
                    <a:pt x="128" y="496"/>
                  </a:lnTo>
                  <a:lnTo>
                    <a:pt x="122" y="495"/>
                  </a:lnTo>
                  <a:lnTo>
                    <a:pt x="117" y="502"/>
                  </a:lnTo>
                  <a:lnTo>
                    <a:pt x="111" y="510"/>
                  </a:lnTo>
                  <a:lnTo>
                    <a:pt x="104" y="516"/>
                  </a:lnTo>
                  <a:lnTo>
                    <a:pt x="97" y="522"/>
                  </a:lnTo>
                  <a:lnTo>
                    <a:pt x="94" y="525"/>
                  </a:lnTo>
                  <a:lnTo>
                    <a:pt x="89" y="526"/>
                  </a:lnTo>
                  <a:lnTo>
                    <a:pt x="85" y="527"/>
                  </a:lnTo>
                  <a:lnTo>
                    <a:pt x="81" y="529"/>
                  </a:lnTo>
                  <a:lnTo>
                    <a:pt x="77" y="527"/>
                  </a:lnTo>
                  <a:lnTo>
                    <a:pt x="73" y="525"/>
                  </a:lnTo>
                  <a:lnTo>
                    <a:pt x="68" y="522"/>
                  </a:lnTo>
                  <a:lnTo>
                    <a:pt x="64" y="518"/>
                  </a:lnTo>
                  <a:lnTo>
                    <a:pt x="51" y="516"/>
                  </a:lnTo>
                  <a:lnTo>
                    <a:pt x="38" y="513"/>
                  </a:lnTo>
                  <a:lnTo>
                    <a:pt x="38" y="510"/>
                  </a:lnTo>
                  <a:lnTo>
                    <a:pt x="38" y="505"/>
                  </a:lnTo>
                  <a:lnTo>
                    <a:pt x="31" y="505"/>
                  </a:lnTo>
                  <a:lnTo>
                    <a:pt x="25" y="505"/>
                  </a:lnTo>
                  <a:lnTo>
                    <a:pt x="20" y="505"/>
                  </a:lnTo>
                  <a:lnTo>
                    <a:pt x="16" y="503"/>
                  </a:lnTo>
                  <a:lnTo>
                    <a:pt x="16" y="490"/>
                  </a:lnTo>
                  <a:lnTo>
                    <a:pt x="15" y="477"/>
                  </a:lnTo>
                  <a:lnTo>
                    <a:pt x="13" y="472"/>
                  </a:lnTo>
                  <a:lnTo>
                    <a:pt x="10" y="469"/>
                  </a:lnTo>
                  <a:lnTo>
                    <a:pt x="6" y="465"/>
                  </a:lnTo>
                  <a:lnTo>
                    <a:pt x="0" y="465"/>
                  </a:lnTo>
                  <a:lnTo>
                    <a:pt x="0" y="462"/>
                  </a:lnTo>
                  <a:lnTo>
                    <a:pt x="0" y="460"/>
                  </a:lnTo>
                  <a:lnTo>
                    <a:pt x="1" y="459"/>
                  </a:lnTo>
                  <a:lnTo>
                    <a:pt x="3" y="459"/>
                  </a:lnTo>
                  <a:lnTo>
                    <a:pt x="6" y="457"/>
                  </a:lnTo>
                  <a:lnTo>
                    <a:pt x="8" y="455"/>
                  </a:lnTo>
                  <a:lnTo>
                    <a:pt x="13" y="450"/>
                  </a:lnTo>
                  <a:lnTo>
                    <a:pt x="18" y="443"/>
                  </a:lnTo>
                  <a:lnTo>
                    <a:pt x="20" y="440"/>
                  </a:lnTo>
                  <a:lnTo>
                    <a:pt x="21" y="437"/>
                  </a:lnTo>
                  <a:lnTo>
                    <a:pt x="20" y="434"/>
                  </a:lnTo>
                  <a:lnTo>
                    <a:pt x="18" y="430"/>
                  </a:lnTo>
                  <a:lnTo>
                    <a:pt x="15" y="424"/>
                  </a:lnTo>
                  <a:lnTo>
                    <a:pt x="14" y="419"/>
                  </a:lnTo>
                  <a:lnTo>
                    <a:pt x="14" y="414"/>
                  </a:lnTo>
                  <a:lnTo>
                    <a:pt x="14" y="407"/>
                  </a:lnTo>
                  <a:lnTo>
                    <a:pt x="17" y="396"/>
                  </a:lnTo>
                  <a:lnTo>
                    <a:pt x="18" y="383"/>
                  </a:lnTo>
                  <a:lnTo>
                    <a:pt x="20" y="382"/>
                  </a:lnTo>
                  <a:lnTo>
                    <a:pt x="21" y="379"/>
                  </a:lnTo>
                  <a:lnTo>
                    <a:pt x="21" y="376"/>
                  </a:lnTo>
                  <a:lnTo>
                    <a:pt x="21" y="373"/>
                  </a:lnTo>
                  <a:lnTo>
                    <a:pt x="20" y="365"/>
                  </a:lnTo>
                  <a:lnTo>
                    <a:pt x="21" y="358"/>
                  </a:lnTo>
                  <a:lnTo>
                    <a:pt x="22" y="354"/>
                  </a:lnTo>
                  <a:lnTo>
                    <a:pt x="23" y="348"/>
                  </a:lnTo>
                  <a:lnTo>
                    <a:pt x="27" y="346"/>
                  </a:lnTo>
                  <a:lnTo>
                    <a:pt x="33" y="345"/>
                  </a:lnTo>
                  <a:lnTo>
                    <a:pt x="38" y="345"/>
                  </a:lnTo>
                  <a:lnTo>
                    <a:pt x="43" y="345"/>
                  </a:lnTo>
                  <a:lnTo>
                    <a:pt x="44" y="341"/>
                  </a:lnTo>
                  <a:lnTo>
                    <a:pt x="44" y="337"/>
                  </a:lnTo>
                  <a:lnTo>
                    <a:pt x="43" y="334"/>
                  </a:lnTo>
                  <a:lnTo>
                    <a:pt x="42" y="332"/>
                  </a:lnTo>
                  <a:lnTo>
                    <a:pt x="39" y="327"/>
                  </a:lnTo>
                  <a:lnTo>
                    <a:pt x="36" y="322"/>
                  </a:lnTo>
                  <a:lnTo>
                    <a:pt x="38" y="318"/>
                  </a:lnTo>
                  <a:lnTo>
                    <a:pt x="40" y="313"/>
                  </a:lnTo>
                  <a:lnTo>
                    <a:pt x="44" y="310"/>
                  </a:lnTo>
                  <a:lnTo>
                    <a:pt x="48" y="305"/>
                  </a:lnTo>
                  <a:lnTo>
                    <a:pt x="53" y="302"/>
                  </a:lnTo>
                  <a:lnTo>
                    <a:pt x="58" y="300"/>
                  </a:lnTo>
                  <a:lnTo>
                    <a:pt x="63" y="298"/>
                  </a:lnTo>
                  <a:lnTo>
                    <a:pt x="68" y="297"/>
                  </a:lnTo>
                  <a:lnTo>
                    <a:pt x="81" y="295"/>
                  </a:lnTo>
                  <a:lnTo>
                    <a:pt x="93" y="296"/>
                  </a:lnTo>
                  <a:lnTo>
                    <a:pt x="98" y="296"/>
                  </a:lnTo>
                  <a:lnTo>
                    <a:pt x="103" y="298"/>
                  </a:lnTo>
                  <a:lnTo>
                    <a:pt x="107" y="300"/>
                  </a:lnTo>
                  <a:lnTo>
                    <a:pt x="111" y="302"/>
                  </a:lnTo>
                  <a:lnTo>
                    <a:pt x="117" y="300"/>
                  </a:lnTo>
                  <a:lnTo>
                    <a:pt x="120" y="298"/>
                  </a:lnTo>
                  <a:lnTo>
                    <a:pt x="124" y="294"/>
                  </a:lnTo>
                  <a:lnTo>
                    <a:pt x="127" y="291"/>
                  </a:lnTo>
                  <a:lnTo>
                    <a:pt x="133" y="283"/>
                  </a:lnTo>
                  <a:lnTo>
                    <a:pt x="140" y="277"/>
                  </a:lnTo>
                  <a:lnTo>
                    <a:pt x="144" y="244"/>
                  </a:lnTo>
                  <a:lnTo>
                    <a:pt x="146" y="217"/>
                  </a:lnTo>
                  <a:lnTo>
                    <a:pt x="145" y="204"/>
                  </a:lnTo>
                  <a:lnTo>
                    <a:pt x="142" y="192"/>
                  </a:lnTo>
                  <a:lnTo>
                    <a:pt x="140" y="185"/>
                  </a:lnTo>
                  <a:lnTo>
                    <a:pt x="138" y="180"/>
                  </a:lnTo>
                  <a:lnTo>
                    <a:pt x="134" y="174"/>
                  </a:lnTo>
                  <a:lnTo>
                    <a:pt x="129" y="167"/>
                  </a:lnTo>
                  <a:lnTo>
                    <a:pt x="125" y="166"/>
                  </a:lnTo>
                  <a:lnTo>
                    <a:pt x="121" y="164"/>
                  </a:lnTo>
                  <a:lnTo>
                    <a:pt x="118" y="161"/>
                  </a:lnTo>
                  <a:lnTo>
                    <a:pt x="116" y="158"/>
                  </a:lnTo>
                  <a:lnTo>
                    <a:pt x="110" y="151"/>
                  </a:lnTo>
                  <a:lnTo>
                    <a:pt x="107" y="142"/>
                  </a:lnTo>
                  <a:lnTo>
                    <a:pt x="106" y="134"/>
                  </a:lnTo>
                  <a:lnTo>
                    <a:pt x="107" y="124"/>
                  </a:lnTo>
                  <a:lnTo>
                    <a:pt x="107" y="120"/>
                  </a:lnTo>
                  <a:lnTo>
                    <a:pt x="107" y="116"/>
                  </a:lnTo>
                  <a:lnTo>
                    <a:pt x="106" y="113"/>
                  </a:lnTo>
                  <a:lnTo>
                    <a:pt x="104" y="109"/>
                  </a:lnTo>
                  <a:lnTo>
                    <a:pt x="98" y="102"/>
                  </a:lnTo>
                  <a:lnTo>
                    <a:pt x="94" y="95"/>
                  </a:lnTo>
                  <a:lnTo>
                    <a:pt x="89" y="85"/>
                  </a:lnTo>
                  <a:lnTo>
                    <a:pt x="85" y="77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3" y="57"/>
                  </a:lnTo>
                  <a:lnTo>
                    <a:pt x="69" y="54"/>
                  </a:lnTo>
                  <a:lnTo>
                    <a:pt x="65" y="50"/>
                  </a:lnTo>
                  <a:lnTo>
                    <a:pt x="61" y="48"/>
                  </a:lnTo>
                  <a:lnTo>
                    <a:pt x="61" y="40"/>
                  </a:lnTo>
                  <a:lnTo>
                    <a:pt x="61" y="34"/>
                  </a:lnTo>
                  <a:lnTo>
                    <a:pt x="61" y="27"/>
                  </a:lnTo>
                  <a:lnTo>
                    <a:pt x="63" y="21"/>
                  </a:lnTo>
                  <a:lnTo>
                    <a:pt x="66" y="10"/>
                  </a:lnTo>
                  <a:lnTo>
                    <a:pt x="71" y="0"/>
                  </a:lnTo>
                  <a:lnTo>
                    <a:pt x="82" y="0"/>
                  </a:lnTo>
                  <a:lnTo>
                    <a:pt x="91" y="1"/>
                  </a:lnTo>
                  <a:lnTo>
                    <a:pt x="101" y="2"/>
                  </a:lnTo>
                  <a:lnTo>
                    <a:pt x="109" y="3"/>
                  </a:lnTo>
                  <a:lnTo>
                    <a:pt x="118" y="5"/>
                  </a:lnTo>
                  <a:lnTo>
                    <a:pt x="125" y="8"/>
                  </a:lnTo>
                  <a:lnTo>
                    <a:pt x="133" y="12"/>
                  </a:lnTo>
                  <a:lnTo>
                    <a:pt x="139" y="15"/>
                  </a:lnTo>
                  <a:lnTo>
                    <a:pt x="152" y="23"/>
                  </a:lnTo>
                  <a:lnTo>
                    <a:pt x="163" y="33"/>
                  </a:lnTo>
                  <a:lnTo>
                    <a:pt x="174" y="43"/>
                  </a:lnTo>
                  <a:lnTo>
                    <a:pt x="183" y="54"/>
                  </a:lnTo>
                  <a:lnTo>
                    <a:pt x="195" y="54"/>
                  </a:lnTo>
                  <a:lnTo>
                    <a:pt x="205" y="55"/>
                  </a:lnTo>
                  <a:lnTo>
                    <a:pt x="216" y="57"/>
                  </a:lnTo>
                  <a:lnTo>
                    <a:pt x="225" y="60"/>
                  </a:lnTo>
                  <a:lnTo>
                    <a:pt x="228" y="62"/>
                  </a:lnTo>
                  <a:lnTo>
                    <a:pt x="232" y="65"/>
                  </a:lnTo>
                  <a:lnTo>
                    <a:pt x="235" y="68"/>
                  </a:lnTo>
                  <a:lnTo>
                    <a:pt x="237" y="72"/>
                  </a:lnTo>
                  <a:lnTo>
                    <a:pt x="238" y="76"/>
                  </a:lnTo>
                  <a:lnTo>
                    <a:pt x="238" y="81"/>
                  </a:lnTo>
                  <a:lnTo>
                    <a:pt x="238" y="86"/>
                  </a:lnTo>
                  <a:lnTo>
                    <a:pt x="237" y="92"/>
                  </a:lnTo>
                  <a:lnTo>
                    <a:pt x="235" y="96"/>
                  </a:lnTo>
                  <a:lnTo>
                    <a:pt x="230" y="100"/>
                  </a:lnTo>
                  <a:lnTo>
                    <a:pt x="226" y="104"/>
                  </a:lnTo>
                  <a:lnTo>
                    <a:pt x="221" y="109"/>
                  </a:lnTo>
                  <a:lnTo>
                    <a:pt x="217" y="115"/>
                  </a:lnTo>
                  <a:lnTo>
                    <a:pt x="212" y="120"/>
                  </a:lnTo>
                  <a:lnTo>
                    <a:pt x="208" y="125"/>
                  </a:lnTo>
                  <a:lnTo>
                    <a:pt x="206" y="133"/>
                  </a:lnTo>
                  <a:lnTo>
                    <a:pt x="204" y="140"/>
                  </a:lnTo>
                  <a:lnTo>
                    <a:pt x="204" y="146"/>
                  </a:lnTo>
                  <a:lnTo>
                    <a:pt x="204" y="154"/>
                  </a:lnTo>
                  <a:lnTo>
                    <a:pt x="205" y="160"/>
                  </a:lnTo>
                  <a:lnTo>
                    <a:pt x="208" y="173"/>
                  </a:lnTo>
                  <a:lnTo>
                    <a:pt x="214" y="188"/>
                  </a:lnTo>
                  <a:lnTo>
                    <a:pt x="232" y="197"/>
                  </a:lnTo>
                  <a:lnTo>
                    <a:pt x="248" y="207"/>
                  </a:lnTo>
                  <a:lnTo>
                    <a:pt x="252" y="212"/>
                  </a:lnTo>
                  <a:lnTo>
                    <a:pt x="255" y="215"/>
                  </a:lnTo>
                  <a:lnTo>
                    <a:pt x="257" y="219"/>
                  </a:lnTo>
                  <a:lnTo>
                    <a:pt x="259" y="224"/>
                  </a:lnTo>
                  <a:lnTo>
                    <a:pt x="260" y="229"/>
                  </a:lnTo>
                  <a:lnTo>
                    <a:pt x="261" y="237"/>
                  </a:lnTo>
                  <a:lnTo>
                    <a:pt x="260" y="243"/>
                  </a:lnTo>
                  <a:lnTo>
                    <a:pt x="259" y="252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06" name="Fredrikssund kant"/>
            <p:cNvSpPr>
              <a:spLocks/>
            </p:cNvSpPr>
            <p:nvPr/>
          </p:nvSpPr>
          <p:spPr bwMode="auto">
            <a:xfrm>
              <a:off x="3452813" y="4616450"/>
              <a:ext cx="161925" cy="284163"/>
            </a:xfrm>
            <a:custGeom>
              <a:avLst/>
              <a:gdLst>
                <a:gd name="T0" fmla="*/ 87 w 308"/>
                <a:gd name="T1" fmla="*/ 89 h 536"/>
                <a:gd name="T2" fmla="*/ 88 w 308"/>
                <a:gd name="T3" fmla="*/ 96 h 536"/>
                <a:gd name="T4" fmla="*/ 93 w 308"/>
                <a:gd name="T5" fmla="*/ 103 h 536"/>
                <a:gd name="T6" fmla="*/ 94 w 308"/>
                <a:gd name="T7" fmla="*/ 105 h 536"/>
                <a:gd name="T8" fmla="*/ 90 w 308"/>
                <a:gd name="T9" fmla="*/ 111 h 536"/>
                <a:gd name="T10" fmla="*/ 93 w 308"/>
                <a:gd name="T11" fmla="*/ 114 h 536"/>
                <a:gd name="T12" fmla="*/ 98 w 308"/>
                <a:gd name="T13" fmla="*/ 115 h 536"/>
                <a:gd name="T14" fmla="*/ 98 w 308"/>
                <a:gd name="T15" fmla="*/ 130 h 536"/>
                <a:gd name="T16" fmla="*/ 100 w 308"/>
                <a:gd name="T17" fmla="*/ 143 h 536"/>
                <a:gd name="T18" fmla="*/ 101 w 308"/>
                <a:gd name="T19" fmla="*/ 155 h 536"/>
                <a:gd name="T20" fmla="*/ 102 w 308"/>
                <a:gd name="T21" fmla="*/ 171 h 536"/>
                <a:gd name="T22" fmla="*/ 94 w 308"/>
                <a:gd name="T23" fmla="*/ 168 h 536"/>
                <a:gd name="T24" fmla="*/ 84 w 308"/>
                <a:gd name="T25" fmla="*/ 174 h 536"/>
                <a:gd name="T26" fmla="*/ 77 w 308"/>
                <a:gd name="T27" fmla="*/ 178 h 536"/>
                <a:gd name="T28" fmla="*/ 74 w 308"/>
                <a:gd name="T29" fmla="*/ 169 h 536"/>
                <a:gd name="T30" fmla="*/ 70 w 308"/>
                <a:gd name="T31" fmla="*/ 166 h 536"/>
                <a:gd name="T32" fmla="*/ 71 w 308"/>
                <a:gd name="T33" fmla="*/ 162 h 536"/>
                <a:gd name="T34" fmla="*/ 74 w 308"/>
                <a:gd name="T35" fmla="*/ 156 h 536"/>
                <a:gd name="T36" fmla="*/ 67 w 308"/>
                <a:gd name="T37" fmla="*/ 164 h 536"/>
                <a:gd name="T38" fmla="*/ 59 w 308"/>
                <a:gd name="T39" fmla="*/ 173 h 536"/>
                <a:gd name="T40" fmla="*/ 47 w 308"/>
                <a:gd name="T41" fmla="*/ 167 h 536"/>
                <a:gd name="T42" fmla="*/ 39 w 308"/>
                <a:gd name="T43" fmla="*/ 168 h 536"/>
                <a:gd name="T44" fmla="*/ 29 w 308"/>
                <a:gd name="T45" fmla="*/ 176 h 536"/>
                <a:gd name="T46" fmla="*/ 23 w 308"/>
                <a:gd name="T47" fmla="*/ 174 h 536"/>
                <a:gd name="T48" fmla="*/ 13 w 308"/>
                <a:gd name="T49" fmla="*/ 169 h 536"/>
                <a:gd name="T50" fmla="*/ 5 w 308"/>
                <a:gd name="T51" fmla="*/ 164 h 536"/>
                <a:gd name="T52" fmla="*/ 0 w 308"/>
                <a:gd name="T53" fmla="*/ 155 h 536"/>
                <a:gd name="T54" fmla="*/ 2 w 308"/>
                <a:gd name="T55" fmla="*/ 153 h 536"/>
                <a:gd name="T56" fmla="*/ 7 w 308"/>
                <a:gd name="T57" fmla="*/ 146 h 536"/>
                <a:gd name="T58" fmla="*/ 5 w 308"/>
                <a:gd name="T59" fmla="*/ 138 h 536"/>
                <a:gd name="T60" fmla="*/ 7 w 308"/>
                <a:gd name="T61" fmla="*/ 127 h 536"/>
                <a:gd name="T62" fmla="*/ 7 w 308"/>
                <a:gd name="T63" fmla="*/ 118 h 536"/>
                <a:gd name="T64" fmla="*/ 14 w 308"/>
                <a:gd name="T65" fmla="*/ 115 h 536"/>
                <a:gd name="T66" fmla="*/ 13 w 308"/>
                <a:gd name="T67" fmla="*/ 109 h 536"/>
                <a:gd name="T68" fmla="*/ 16 w 308"/>
                <a:gd name="T69" fmla="*/ 102 h 536"/>
                <a:gd name="T70" fmla="*/ 27 w 308"/>
                <a:gd name="T71" fmla="*/ 99 h 536"/>
                <a:gd name="T72" fmla="*/ 37 w 308"/>
                <a:gd name="T73" fmla="*/ 101 h 536"/>
                <a:gd name="T74" fmla="*/ 44 w 308"/>
                <a:gd name="T75" fmla="*/ 95 h 536"/>
                <a:gd name="T76" fmla="*/ 47 w 308"/>
                <a:gd name="T77" fmla="*/ 64 h 536"/>
                <a:gd name="T78" fmla="*/ 41 w 308"/>
                <a:gd name="T79" fmla="*/ 55 h 536"/>
                <a:gd name="T80" fmla="*/ 35 w 308"/>
                <a:gd name="T81" fmla="*/ 47 h 536"/>
                <a:gd name="T82" fmla="*/ 35 w 308"/>
                <a:gd name="T83" fmla="*/ 38 h 536"/>
                <a:gd name="T84" fmla="*/ 28 w 308"/>
                <a:gd name="T85" fmla="*/ 26 h 536"/>
                <a:gd name="T86" fmla="*/ 22 w 308"/>
                <a:gd name="T87" fmla="*/ 17 h 536"/>
                <a:gd name="T88" fmla="*/ 21 w 308"/>
                <a:gd name="T89" fmla="*/ 7 h 536"/>
                <a:gd name="T90" fmla="*/ 33 w 308"/>
                <a:gd name="T91" fmla="*/ 1 h 536"/>
                <a:gd name="T92" fmla="*/ 46 w 308"/>
                <a:gd name="T93" fmla="*/ 5 h 536"/>
                <a:gd name="T94" fmla="*/ 65 w 308"/>
                <a:gd name="T95" fmla="*/ 18 h 536"/>
                <a:gd name="T96" fmla="*/ 77 w 308"/>
                <a:gd name="T97" fmla="*/ 22 h 536"/>
                <a:gd name="T98" fmla="*/ 79 w 308"/>
                <a:gd name="T99" fmla="*/ 29 h 536"/>
                <a:gd name="T100" fmla="*/ 73 w 308"/>
                <a:gd name="T101" fmla="*/ 36 h 536"/>
                <a:gd name="T102" fmla="*/ 68 w 308"/>
                <a:gd name="T103" fmla="*/ 47 h 536"/>
                <a:gd name="T104" fmla="*/ 71 w 308"/>
                <a:gd name="T105" fmla="*/ 63 h 536"/>
                <a:gd name="T106" fmla="*/ 85 w 308"/>
                <a:gd name="T107" fmla="*/ 73 h 536"/>
                <a:gd name="T108" fmla="*/ 86 w 308"/>
                <a:gd name="T109" fmla="*/ 84 h 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0" t="0" r="r" b="b"/>
              <a:pathLst>
                <a:path w="308" h="536">
                  <a:moveTo>
                    <a:pt x="259" y="252"/>
                  </a:moveTo>
                  <a:lnTo>
                    <a:pt x="261" y="257"/>
                  </a:lnTo>
                  <a:lnTo>
                    <a:pt x="262" y="262"/>
                  </a:lnTo>
                  <a:lnTo>
                    <a:pt x="262" y="265"/>
                  </a:lnTo>
                  <a:lnTo>
                    <a:pt x="263" y="267"/>
                  </a:lnTo>
                  <a:lnTo>
                    <a:pt x="266" y="269"/>
                  </a:lnTo>
                  <a:lnTo>
                    <a:pt x="269" y="269"/>
                  </a:lnTo>
                  <a:lnTo>
                    <a:pt x="266" y="275"/>
                  </a:lnTo>
                  <a:lnTo>
                    <a:pt x="264" y="281"/>
                  </a:lnTo>
                  <a:lnTo>
                    <a:pt x="265" y="287"/>
                  </a:lnTo>
                  <a:lnTo>
                    <a:pt x="266" y="294"/>
                  </a:lnTo>
                  <a:lnTo>
                    <a:pt x="269" y="300"/>
                  </a:lnTo>
                  <a:lnTo>
                    <a:pt x="275" y="304"/>
                  </a:lnTo>
                  <a:lnTo>
                    <a:pt x="277" y="306"/>
                  </a:lnTo>
                  <a:lnTo>
                    <a:pt x="280" y="307"/>
                  </a:lnTo>
                  <a:lnTo>
                    <a:pt x="283" y="307"/>
                  </a:lnTo>
                  <a:lnTo>
                    <a:pt x="287" y="307"/>
                  </a:lnTo>
                  <a:lnTo>
                    <a:pt x="286" y="311"/>
                  </a:lnTo>
                  <a:lnTo>
                    <a:pt x="285" y="312"/>
                  </a:lnTo>
                  <a:lnTo>
                    <a:pt x="283" y="313"/>
                  </a:lnTo>
                  <a:lnTo>
                    <a:pt x="281" y="314"/>
                  </a:lnTo>
                  <a:lnTo>
                    <a:pt x="276" y="315"/>
                  </a:lnTo>
                  <a:lnTo>
                    <a:pt x="272" y="318"/>
                  </a:lnTo>
                  <a:lnTo>
                    <a:pt x="273" y="323"/>
                  </a:lnTo>
                  <a:lnTo>
                    <a:pt x="272" y="331"/>
                  </a:lnTo>
                  <a:lnTo>
                    <a:pt x="272" y="334"/>
                  </a:lnTo>
                  <a:lnTo>
                    <a:pt x="272" y="337"/>
                  </a:lnTo>
                  <a:lnTo>
                    <a:pt x="273" y="339"/>
                  </a:lnTo>
                  <a:lnTo>
                    <a:pt x="275" y="340"/>
                  </a:lnTo>
                  <a:lnTo>
                    <a:pt x="281" y="341"/>
                  </a:lnTo>
                  <a:lnTo>
                    <a:pt x="287" y="340"/>
                  </a:lnTo>
                  <a:lnTo>
                    <a:pt x="291" y="340"/>
                  </a:lnTo>
                  <a:lnTo>
                    <a:pt x="294" y="341"/>
                  </a:lnTo>
                  <a:lnTo>
                    <a:pt x="295" y="342"/>
                  </a:lnTo>
                  <a:lnTo>
                    <a:pt x="295" y="345"/>
                  </a:lnTo>
                  <a:lnTo>
                    <a:pt x="292" y="355"/>
                  </a:lnTo>
                  <a:lnTo>
                    <a:pt x="291" y="363"/>
                  </a:lnTo>
                  <a:lnTo>
                    <a:pt x="292" y="373"/>
                  </a:lnTo>
                  <a:lnTo>
                    <a:pt x="293" y="381"/>
                  </a:lnTo>
                  <a:lnTo>
                    <a:pt x="296" y="390"/>
                  </a:lnTo>
                  <a:lnTo>
                    <a:pt x="299" y="398"/>
                  </a:lnTo>
                  <a:lnTo>
                    <a:pt x="303" y="405"/>
                  </a:lnTo>
                  <a:lnTo>
                    <a:pt x="307" y="412"/>
                  </a:lnTo>
                  <a:lnTo>
                    <a:pt x="305" y="421"/>
                  </a:lnTo>
                  <a:lnTo>
                    <a:pt x="302" y="428"/>
                  </a:lnTo>
                  <a:lnTo>
                    <a:pt x="299" y="437"/>
                  </a:lnTo>
                  <a:lnTo>
                    <a:pt x="295" y="444"/>
                  </a:lnTo>
                  <a:lnTo>
                    <a:pt x="299" y="451"/>
                  </a:lnTo>
                  <a:lnTo>
                    <a:pt x="303" y="458"/>
                  </a:lnTo>
                  <a:lnTo>
                    <a:pt x="305" y="465"/>
                  </a:lnTo>
                  <a:lnTo>
                    <a:pt x="307" y="474"/>
                  </a:lnTo>
                  <a:lnTo>
                    <a:pt x="308" y="483"/>
                  </a:lnTo>
                  <a:lnTo>
                    <a:pt x="308" y="492"/>
                  </a:lnTo>
                  <a:lnTo>
                    <a:pt x="308" y="501"/>
                  </a:lnTo>
                  <a:lnTo>
                    <a:pt x="307" y="511"/>
                  </a:lnTo>
                  <a:lnTo>
                    <a:pt x="303" y="507"/>
                  </a:lnTo>
                  <a:lnTo>
                    <a:pt x="298" y="505"/>
                  </a:lnTo>
                  <a:lnTo>
                    <a:pt x="294" y="504"/>
                  </a:lnTo>
                  <a:lnTo>
                    <a:pt x="288" y="504"/>
                  </a:lnTo>
                  <a:lnTo>
                    <a:pt x="284" y="504"/>
                  </a:lnTo>
                  <a:lnTo>
                    <a:pt x="279" y="505"/>
                  </a:lnTo>
                  <a:lnTo>
                    <a:pt x="274" y="506"/>
                  </a:lnTo>
                  <a:lnTo>
                    <a:pt x="269" y="509"/>
                  </a:lnTo>
                  <a:lnTo>
                    <a:pt x="261" y="514"/>
                  </a:lnTo>
                  <a:lnTo>
                    <a:pt x="254" y="520"/>
                  </a:lnTo>
                  <a:lnTo>
                    <a:pt x="247" y="527"/>
                  </a:lnTo>
                  <a:lnTo>
                    <a:pt x="244" y="536"/>
                  </a:lnTo>
                  <a:lnTo>
                    <a:pt x="240" y="536"/>
                  </a:lnTo>
                  <a:lnTo>
                    <a:pt x="237" y="535"/>
                  </a:lnTo>
                  <a:lnTo>
                    <a:pt x="234" y="533"/>
                  </a:lnTo>
                  <a:lnTo>
                    <a:pt x="232" y="531"/>
                  </a:lnTo>
                  <a:lnTo>
                    <a:pt x="228" y="525"/>
                  </a:lnTo>
                  <a:lnTo>
                    <a:pt x="226" y="519"/>
                  </a:lnTo>
                  <a:lnTo>
                    <a:pt x="224" y="513"/>
                  </a:lnTo>
                  <a:lnTo>
                    <a:pt x="222" y="506"/>
                  </a:lnTo>
                  <a:lnTo>
                    <a:pt x="220" y="504"/>
                  </a:lnTo>
                  <a:lnTo>
                    <a:pt x="218" y="502"/>
                  </a:lnTo>
                  <a:lnTo>
                    <a:pt x="215" y="501"/>
                  </a:lnTo>
                  <a:lnTo>
                    <a:pt x="210" y="500"/>
                  </a:lnTo>
                  <a:lnTo>
                    <a:pt x="210" y="497"/>
                  </a:lnTo>
                  <a:lnTo>
                    <a:pt x="210" y="493"/>
                  </a:lnTo>
                  <a:lnTo>
                    <a:pt x="210" y="491"/>
                  </a:lnTo>
                  <a:lnTo>
                    <a:pt x="212" y="489"/>
                  </a:lnTo>
                  <a:lnTo>
                    <a:pt x="213" y="486"/>
                  </a:lnTo>
                  <a:lnTo>
                    <a:pt x="215" y="485"/>
                  </a:lnTo>
                  <a:lnTo>
                    <a:pt x="219" y="485"/>
                  </a:lnTo>
                  <a:lnTo>
                    <a:pt x="224" y="485"/>
                  </a:lnTo>
                  <a:lnTo>
                    <a:pt x="224" y="477"/>
                  </a:lnTo>
                  <a:lnTo>
                    <a:pt x="223" y="470"/>
                  </a:lnTo>
                  <a:lnTo>
                    <a:pt x="222" y="466"/>
                  </a:lnTo>
                  <a:lnTo>
                    <a:pt x="220" y="464"/>
                  </a:lnTo>
                  <a:lnTo>
                    <a:pt x="217" y="463"/>
                  </a:lnTo>
                  <a:lnTo>
                    <a:pt x="214" y="462"/>
                  </a:lnTo>
                  <a:lnTo>
                    <a:pt x="208" y="477"/>
                  </a:lnTo>
                  <a:lnTo>
                    <a:pt x="203" y="491"/>
                  </a:lnTo>
                  <a:lnTo>
                    <a:pt x="198" y="505"/>
                  </a:lnTo>
                  <a:lnTo>
                    <a:pt x="194" y="521"/>
                  </a:lnTo>
                  <a:lnTo>
                    <a:pt x="187" y="521"/>
                  </a:lnTo>
                  <a:lnTo>
                    <a:pt x="182" y="520"/>
                  </a:lnTo>
                  <a:lnTo>
                    <a:pt x="177" y="519"/>
                  </a:lnTo>
                  <a:lnTo>
                    <a:pt x="173" y="518"/>
                  </a:lnTo>
                  <a:lnTo>
                    <a:pt x="164" y="514"/>
                  </a:lnTo>
                  <a:lnTo>
                    <a:pt x="157" y="509"/>
                  </a:lnTo>
                  <a:lnTo>
                    <a:pt x="149" y="504"/>
                  </a:lnTo>
                  <a:lnTo>
                    <a:pt x="142" y="500"/>
                  </a:lnTo>
                  <a:lnTo>
                    <a:pt x="138" y="498"/>
                  </a:lnTo>
                  <a:lnTo>
                    <a:pt x="133" y="497"/>
                  </a:lnTo>
                  <a:lnTo>
                    <a:pt x="128" y="496"/>
                  </a:lnTo>
                  <a:lnTo>
                    <a:pt x="122" y="495"/>
                  </a:lnTo>
                  <a:lnTo>
                    <a:pt x="117" y="502"/>
                  </a:lnTo>
                  <a:lnTo>
                    <a:pt x="111" y="510"/>
                  </a:lnTo>
                  <a:lnTo>
                    <a:pt x="104" y="516"/>
                  </a:lnTo>
                  <a:lnTo>
                    <a:pt x="97" y="522"/>
                  </a:lnTo>
                  <a:lnTo>
                    <a:pt x="94" y="525"/>
                  </a:lnTo>
                  <a:lnTo>
                    <a:pt x="89" y="526"/>
                  </a:lnTo>
                  <a:lnTo>
                    <a:pt x="85" y="527"/>
                  </a:lnTo>
                  <a:lnTo>
                    <a:pt x="81" y="529"/>
                  </a:lnTo>
                  <a:lnTo>
                    <a:pt x="77" y="527"/>
                  </a:lnTo>
                  <a:lnTo>
                    <a:pt x="73" y="525"/>
                  </a:lnTo>
                  <a:lnTo>
                    <a:pt x="68" y="522"/>
                  </a:lnTo>
                  <a:lnTo>
                    <a:pt x="64" y="518"/>
                  </a:lnTo>
                  <a:lnTo>
                    <a:pt x="51" y="516"/>
                  </a:lnTo>
                  <a:lnTo>
                    <a:pt x="38" y="513"/>
                  </a:lnTo>
                  <a:lnTo>
                    <a:pt x="38" y="510"/>
                  </a:lnTo>
                  <a:lnTo>
                    <a:pt x="38" y="505"/>
                  </a:lnTo>
                  <a:lnTo>
                    <a:pt x="31" y="505"/>
                  </a:lnTo>
                  <a:lnTo>
                    <a:pt x="25" y="505"/>
                  </a:lnTo>
                  <a:lnTo>
                    <a:pt x="20" y="505"/>
                  </a:lnTo>
                  <a:lnTo>
                    <a:pt x="16" y="503"/>
                  </a:lnTo>
                  <a:lnTo>
                    <a:pt x="16" y="490"/>
                  </a:lnTo>
                  <a:lnTo>
                    <a:pt x="15" y="477"/>
                  </a:lnTo>
                  <a:lnTo>
                    <a:pt x="13" y="472"/>
                  </a:lnTo>
                  <a:lnTo>
                    <a:pt x="10" y="469"/>
                  </a:lnTo>
                  <a:lnTo>
                    <a:pt x="6" y="465"/>
                  </a:lnTo>
                  <a:lnTo>
                    <a:pt x="0" y="465"/>
                  </a:lnTo>
                  <a:lnTo>
                    <a:pt x="0" y="462"/>
                  </a:lnTo>
                  <a:lnTo>
                    <a:pt x="0" y="460"/>
                  </a:lnTo>
                  <a:lnTo>
                    <a:pt x="1" y="459"/>
                  </a:lnTo>
                  <a:lnTo>
                    <a:pt x="3" y="459"/>
                  </a:lnTo>
                  <a:lnTo>
                    <a:pt x="6" y="457"/>
                  </a:lnTo>
                  <a:lnTo>
                    <a:pt x="8" y="455"/>
                  </a:lnTo>
                  <a:lnTo>
                    <a:pt x="13" y="450"/>
                  </a:lnTo>
                  <a:lnTo>
                    <a:pt x="18" y="443"/>
                  </a:lnTo>
                  <a:lnTo>
                    <a:pt x="20" y="440"/>
                  </a:lnTo>
                  <a:lnTo>
                    <a:pt x="21" y="437"/>
                  </a:lnTo>
                  <a:lnTo>
                    <a:pt x="20" y="434"/>
                  </a:lnTo>
                  <a:lnTo>
                    <a:pt x="18" y="430"/>
                  </a:lnTo>
                  <a:lnTo>
                    <a:pt x="15" y="424"/>
                  </a:lnTo>
                  <a:lnTo>
                    <a:pt x="14" y="419"/>
                  </a:lnTo>
                  <a:lnTo>
                    <a:pt x="14" y="414"/>
                  </a:lnTo>
                  <a:lnTo>
                    <a:pt x="14" y="407"/>
                  </a:lnTo>
                  <a:lnTo>
                    <a:pt x="17" y="396"/>
                  </a:lnTo>
                  <a:lnTo>
                    <a:pt x="18" y="383"/>
                  </a:lnTo>
                  <a:lnTo>
                    <a:pt x="20" y="382"/>
                  </a:lnTo>
                  <a:lnTo>
                    <a:pt x="21" y="379"/>
                  </a:lnTo>
                  <a:lnTo>
                    <a:pt x="21" y="376"/>
                  </a:lnTo>
                  <a:lnTo>
                    <a:pt x="21" y="373"/>
                  </a:lnTo>
                  <a:lnTo>
                    <a:pt x="20" y="365"/>
                  </a:lnTo>
                  <a:lnTo>
                    <a:pt x="21" y="358"/>
                  </a:lnTo>
                  <a:lnTo>
                    <a:pt x="22" y="354"/>
                  </a:lnTo>
                  <a:lnTo>
                    <a:pt x="23" y="348"/>
                  </a:lnTo>
                  <a:lnTo>
                    <a:pt x="27" y="346"/>
                  </a:lnTo>
                  <a:lnTo>
                    <a:pt x="33" y="345"/>
                  </a:lnTo>
                  <a:lnTo>
                    <a:pt x="38" y="345"/>
                  </a:lnTo>
                  <a:lnTo>
                    <a:pt x="43" y="345"/>
                  </a:lnTo>
                  <a:lnTo>
                    <a:pt x="44" y="341"/>
                  </a:lnTo>
                  <a:lnTo>
                    <a:pt x="44" y="337"/>
                  </a:lnTo>
                  <a:lnTo>
                    <a:pt x="43" y="334"/>
                  </a:lnTo>
                  <a:lnTo>
                    <a:pt x="42" y="332"/>
                  </a:lnTo>
                  <a:lnTo>
                    <a:pt x="39" y="327"/>
                  </a:lnTo>
                  <a:lnTo>
                    <a:pt x="36" y="322"/>
                  </a:lnTo>
                  <a:lnTo>
                    <a:pt x="38" y="318"/>
                  </a:lnTo>
                  <a:lnTo>
                    <a:pt x="40" y="313"/>
                  </a:lnTo>
                  <a:lnTo>
                    <a:pt x="44" y="310"/>
                  </a:lnTo>
                  <a:lnTo>
                    <a:pt x="48" y="305"/>
                  </a:lnTo>
                  <a:lnTo>
                    <a:pt x="53" y="302"/>
                  </a:lnTo>
                  <a:lnTo>
                    <a:pt x="58" y="300"/>
                  </a:lnTo>
                  <a:lnTo>
                    <a:pt x="63" y="298"/>
                  </a:lnTo>
                  <a:lnTo>
                    <a:pt x="68" y="297"/>
                  </a:lnTo>
                  <a:lnTo>
                    <a:pt x="81" y="295"/>
                  </a:lnTo>
                  <a:lnTo>
                    <a:pt x="93" y="296"/>
                  </a:lnTo>
                  <a:lnTo>
                    <a:pt x="98" y="296"/>
                  </a:lnTo>
                  <a:lnTo>
                    <a:pt x="103" y="298"/>
                  </a:lnTo>
                  <a:lnTo>
                    <a:pt x="107" y="300"/>
                  </a:lnTo>
                  <a:lnTo>
                    <a:pt x="111" y="302"/>
                  </a:lnTo>
                  <a:lnTo>
                    <a:pt x="117" y="300"/>
                  </a:lnTo>
                  <a:lnTo>
                    <a:pt x="120" y="298"/>
                  </a:lnTo>
                  <a:lnTo>
                    <a:pt x="124" y="294"/>
                  </a:lnTo>
                  <a:lnTo>
                    <a:pt x="127" y="291"/>
                  </a:lnTo>
                  <a:lnTo>
                    <a:pt x="133" y="283"/>
                  </a:lnTo>
                  <a:lnTo>
                    <a:pt x="140" y="277"/>
                  </a:lnTo>
                  <a:lnTo>
                    <a:pt x="144" y="244"/>
                  </a:lnTo>
                  <a:lnTo>
                    <a:pt x="146" y="217"/>
                  </a:lnTo>
                  <a:lnTo>
                    <a:pt x="145" y="204"/>
                  </a:lnTo>
                  <a:lnTo>
                    <a:pt x="142" y="192"/>
                  </a:lnTo>
                  <a:lnTo>
                    <a:pt x="140" y="185"/>
                  </a:lnTo>
                  <a:lnTo>
                    <a:pt x="138" y="180"/>
                  </a:lnTo>
                  <a:lnTo>
                    <a:pt x="134" y="174"/>
                  </a:lnTo>
                  <a:lnTo>
                    <a:pt x="129" y="167"/>
                  </a:lnTo>
                  <a:lnTo>
                    <a:pt x="125" y="166"/>
                  </a:lnTo>
                  <a:lnTo>
                    <a:pt x="121" y="164"/>
                  </a:lnTo>
                  <a:lnTo>
                    <a:pt x="118" y="161"/>
                  </a:lnTo>
                  <a:lnTo>
                    <a:pt x="116" y="158"/>
                  </a:lnTo>
                  <a:lnTo>
                    <a:pt x="110" y="151"/>
                  </a:lnTo>
                  <a:lnTo>
                    <a:pt x="107" y="142"/>
                  </a:lnTo>
                  <a:lnTo>
                    <a:pt x="106" y="134"/>
                  </a:lnTo>
                  <a:lnTo>
                    <a:pt x="107" y="124"/>
                  </a:lnTo>
                  <a:lnTo>
                    <a:pt x="107" y="120"/>
                  </a:lnTo>
                  <a:lnTo>
                    <a:pt x="107" y="116"/>
                  </a:lnTo>
                  <a:lnTo>
                    <a:pt x="106" y="113"/>
                  </a:lnTo>
                  <a:lnTo>
                    <a:pt x="104" y="109"/>
                  </a:lnTo>
                  <a:lnTo>
                    <a:pt x="98" y="102"/>
                  </a:lnTo>
                  <a:lnTo>
                    <a:pt x="94" y="95"/>
                  </a:lnTo>
                  <a:lnTo>
                    <a:pt x="89" y="85"/>
                  </a:lnTo>
                  <a:lnTo>
                    <a:pt x="85" y="77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3" y="57"/>
                  </a:lnTo>
                  <a:lnTo>
                    <a:pt x="69" y="54"/>
                  </a:lnTo>
                  <a:lnTo>
                    <a:pt x="65" y="50"/>
                  </a:lnTo>
                  <a:lnTo>
                    <a:pt x="61" y="48"/>
                  </a:lnTo>
                  <a:lnTo>
                    <a:pt x="61" y="40"/>
                  </a:lnTo>
                  <a:lnTo>
                    <a:pt x="61" y="34"/>
                  </a:lnTo>
                  <a:lnTo>
                    <a:pt x="61" y="27"/>
                  </a:lnTo>
                  <a:lnTo>
                    <a:pt x="63" y="21"/>
                  </a:lnTo>
                  <a:lnTo>
                    <a:pt x="66" y="10"/>
                  </a:lnTo>
                  <a:lnTo>
                    <a:pt x="71" y="0"/>
                  </a:lnTo>
                  <a:lnTo>
                    <a:pt x="82" y="0"/>
                  </a:lnTo>
                  <a:lnTo>
                    <a:pt x="91" y="1"/>
                  </a:lnTo>
                  <a:lnTo>
                    <a:pt x="101" y="2"/>
                  </a:lnTo>
                  <a:lnTo>
                    <a:pt x="109" y="3"/>
                  </a:lnTo>
                  <a:lnTo>
                    <a:pt x="118" y="5"/>
                  </a:lnTo>
                  <a:lnTo>
                    <a:pt x="125" y="8"/>
                  </a:lnTo>
                  <a:lnTo>
                    <a:pt x="133" y="12"/>
                  </a:lnTo>
                  <a:lnTo>
                    <a:pt x="139" y="15"/>
                  </a:lnTo>
                  <a:lnTo>
                    <a:pt x="152" y="23"/>
                  </a:lnTo>
                  <a:lnTo>
                    <a:pt x="163" y="33"/>
                  </a:lnTo>
                  <a:lnTo>
                    <a:pt x="174" y="43"/>
                  </a:lnTo>
                  <a:lnTo>
                    <a:pt x="183" y="54"/>
                  </a:lnTo>
                  <a:lnTo>
                    <a:pt x="195" y="54"/>
                  </a:lnTo>
                  <a:lnTo>
                    <a:pt x="205" y="55"/>
                  </a:lnTo>
                  <a:lnTo>
                    <a:pt x="216" y="57"/>
                  </a:lnTo>
                  <a:lnTo>
                    <a:pt x="225" y="60"/>
                  </a:lnTo>
                  <a:lnTo>
                    <a:pt x="228" y="62"/>
                  </a:lnTo>
                  <a:lnTo>
                    <a:pt x="232" y="65"/>
                  </a:lnTo>
                  <a:lnTo>
                    <a:pt x="235" y="68"/>
                  </a:lnTo>
                  <a:lnTo>
                    <a:pt x="237" y="72"/>
                  </a:lnTo>
                  <a:lnTo>
                    <a:pt x="238" y="76"/>
                  </a:lnTo>
                  <a:lnTo>
                    <a:pt x="238" y="81"/>
                  </a:lnTo>
                  <a:lnTo>
                    <a:pt x="238" y="86"/>
                  </a:lnTo>
                  <a:lnTo>
                    <a:pt x="237" y="92"/>
                  </a:lnTo>
                  <a:lnTo>
                    <a:pt x="235" y="96"/>
                  </a:lnTo>
                  <a:lnTo>
                    <a:pt x="230" y="100"/>
                  </a:lnTo>
                  <a:lnTo>
                    <a:pt x="226" y="104"/>
                  </a:lnTo>
                  <a:lnTo>
                    <a:pt x="221" y="109"/>
                  </a:lnTo>
                  <a:lnTo>
                    <a:pt x="217" y="115"/>
                  </a:lnTo>
                  <a:lnTo>
                    <a:pt x="212" y="120"/>
                  </a:lnTo>
                  <a:lnTo>
                    <a:pt x="208" y="125"/>
                  </a:lnTo>
                  <a:lnTo>
                    <a:pt x="206" y="133"/>
                  </a:lnTo>
                  <a:lnTo>
                    <a:pt x="204" y="140"/>
                  </a:lnTo>
                  <a:lnTo>
                    <a:pt x="204" y="146"/>
                  </a:lnTo>
                  <a:lnTo>
                    <a:pt x="204" y="154"/>
                  </a:lnTo>
                  <a:lnTo>
                    <a:pt x="205" y="160"/>
                  </a:lnTo>
                  <a:lnTo>
                    <a:pt x="208" y="173"/>
                  </a:lnTo>
                  <a:lnTo>
                    <a:pt x="214" y="188"/>
                  </a:lnTo>
                  <a:lnTo>
                    <a:pt x="232" y="197"/>
                  </a:lnTo>
                  <a:lnTo>
                    <a:pt x="248" y="207"/>
                  </a:lnTo>
                  <a:lnTo>
                    <a:pt x="252" y="212"/>
                  </a:lnTo>
                  <a:lnTo>
                    <a:pt x="255" y="215"/>
                  </a:lnTo>
                  <a:lnTo>
                    <a:pt x="257" y="219"/>
                  </a:lnTo>
                  <a:lnTo>
                    <a:pt x="259" y="224"/>
                  </a:lnTo>
                  <a:lnTo>
                    <a:pt x="260" y="229"/>
                  </a:lnTo>
                  <a:lnTo>
                    <a:pt x="261" y="237"/>
                  </a:lnTo>
                  <a:lnTo>
                    <a:pt x="260" y="243"/>
                  </a:lnTo>
                  <a:lnTo>
                    <a:pt x="259" y="252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07" name="Lyngby-Taarbæk"/>
            <p:cNvSpPr>
              <a:spLocks/>
            </p:cNvSpPr>
            <p:nvPr/>
          </p:nvSpPr>
          <p:spPr bwMode="auto">
            <a:xfrm>
              <a:off x="3878263" y="4762500"/>
              <a:ext cx="136525" cy="71438"/>
            </a:xfrm>
            <a:custGeom>
              <a:avLst/>
              <a:gdLst>
                <a:gd name="T0" fmla="*/ 56 w 257"/>
                <a:gd name="T1" fmla="*/ 34 h 135"/>
                <a:gd name="T2" fmla="*/ 54 w 257"/>
                <a:gd name="T3" fmla="*/ 35 h 135"/>
                <a:gd name="T4" fmla="*/ 51 w 257"/>
                <a:gd name="T5" fmla="*/ 38 h 135"/>
                <a:gd name="T6" fmla="*/ 48 w 257"/>
                <a:gd name="T7" fmla="*/ 40 h 135"/>
                <a:gd name="T8" fmla="*/ 44 w 257"/>
                <a:gd name="T9" fmla="*/ 42 h 135"/>
                <a:gd name="T10" fmla="*/ 40 w 257"/>
                <a:gd name="T11" fmla="*/ 44 h 135"/>
                <a:gd name="T12" fmla="*/ 36 w 257"/>
                <a:gd name="T13" fmla="*/ 45 h 135"/>
                <a:gd name="T14" fmla="*/ 32 w 257"/>
                <a:gd name="T15" fmla="*/ 42 h 135"/>
                <a:gd name="T16" fmla="*/ 33 w 257"/>
                <a:gd name="T17" fmla="*/ 37 h 135"/>
                <a:gd name="T18" fmla="*/ 35 w 257"/>
                <a:gd name="T19" fmla="*/ 36 h 135"/>
                <a:gd name="T20" fmla="*/ 36 w 257"/>
                <a:gd name="T21" fmla="*/ 34 h 135"/>
                <a:gd name="T22" fmla="*/ 34 w 257"/>
                <a:gd name="T23" fmla="*/ 33 h 135"/>
                <a:gd name="T24" fmla="*/ 32 w 257"/>
                <a:gd name="T25" fmla="*/ 32 h 135"/>
                <a:gd name="T26" fmla="*/ 28 w 257"/>
                <a:gd name="T27" fmla="*/ 33 h 135"/>
                <a:gd name="T28" fmla="*/ 24 w 257"/>
                <a:gd name="T29" fmla="*/ 34 h 135"/>
                <a:gd name="T30" fmla="*/ 20 w 257"/>
                <a:gd name="T31" fmla="*/ 34 h 135"/>
                <a:gd name="T32" fmla="*/ 18 w 257"/>
                <a:gd name="T33" fmla="*/ 34 h 135"/>
                <a:gd name="T34" fmla="*/ 13 w 257"/>
                <a:gd name="T35" fmla="*/ 32 h 135"/>
                <a:gd name="T36" fmla="*/ 7 w 257"/>
                <a:gd name="T37" fmla="*/ 32 h 135"/>
                <a:gd name="T38" fmla="*/ 3 w 257"/>
                <a:gd name="T39" fmla="*/ 33 h 135"/>
                <a:gd name="T40" fmla="*/ 1 w 257"/>
                <a:gd name="T41" fmla="*/ 30 h 135"/>
                <a:gd name="T42" fmla="*/ 1 w 257"/>
                <a:gd name="T43" fmla="*/ 26 h 135"/>
                <a:gd name="T44" fmla="*/ 2 w 257"/>
                <a:gd name="T45" fmla="*/ 26 h 135"/>
                <a:gd name="T46" fmla="*/ 4 w 257"/>
                <a:gd name="T47" fmla="*/ 25 h 135"/>
                <a:gd name="T48" fmla="*/ 10 w 257"/>
                <a:gd name="T49" fmla="*/ 23 h 135"/>
                <a:gd name="T50" fmla="*/ 13 w 257"/>
                <a:gd name="T51" fmla="*/ 24 h 135"/>
                <a:gd name="T52" fmla="*/ 14 w 257"/>
                <a:gd name="T53" fmla="*/ 23 h 135"/>
                <a:gd name="T54" fmla="*/ 15 w 257"/>
                <a:gd name="T55" fmla="*/ 20 h 135"/>
                <a:gd name="T56" fmla="*/ 15 w 257"/>
                <a:gd name="T57" fmla="*/ 17 h 135"/>
                <a:gd name="T58" fmla="*/ 13 w 257"/>
                <a:gd name="T59" fmla="*/ 15 h 135"/>
                <a:gd name="T60" fmla="*/ 13 w 257"/>
                <a:gd name="T61" fmla="*/ 14 h 135"/>
                <a:gd name="T62" fmla="*/ 14 w 257"/>
                <a:gd name="T63" fmla="*/ 13 h 135"/>
                <a:gd name="T64" fmla="*/ 16 w 257"/>
                <a:gd name="T65" fmla="*/ 14 h 135"/>
                <a:gd name="T66" fmla="*/ 20 w 257"/>
                <a:gd name="T67" fmla="*/ 13 h 135"/>
                <a:gd name="T68" fmla="*/ 24 w 257"/>
                <a:gd name="T69" fmla="*/ 12 h 135"/>
                <a:gd name="T70" fmla="*/ 25 w 257"/>
                <a:gd name="T71" fmla="*/ 12 h 135"/>
                <a:gd name="T72" fmla="*/ 26 w 257"/>
                <a:gd name="T73" fmla="*/ 14 h 135"/>
                <a:gd name="T74" fmla="*/ 34 w 257"/>
                <a:gd name="T75" fmla="*/ 14 h 135"/>
                <a:gd name="T76" fmla="*/ 44 w 257"/>
                <a:gd name="T77" fmla="*/ 10 h 135"/>
                <a:gd name="T78" fmla="*/ 52 w 257"/>
                <a:gd name="T79" fmla="*/ 9 h 135"/>
                <a:gd name="T80" fmla="*/ 58 w 257"/>
                <a:gd name="T81" fmla="*/ 8 h 135"/>
                <a:gd name="T82" fmla="*/ 65 w 257"/>
                <a:gd name="T83" fmla="*/ 6 h 135"/>
                <a:gd name="T84" fmla="*/ 71 w 257"/>
                <a:gd name="T85" fmla="*/ 4 h 135"/>
                <a:gd name="T86" fmla="*/ 77 w 257"/>
                <a:gd name="T87" fmla="*/ 2 h 135"/>
                <a:gd name="T88" fmla="*/ 81 w 257"/>
                <a:gd name="T89" fmla="*/ 2 h 135"/>
                <a:gd name="T90" fmla="*/ 84 w 257"/>
                <a:gd name="T91" fmla="*/ 6 h 135"/>
                <a:gd name="T92" fmla="*/ 86 w 257"/>
                <a:gd name="T93" fmla="*/ 13 h 135"/>
                <a:gd name="T94" fmla="*/ 86 w 257"/>
                <a:gd name="T95" fmla="*/ 20 h 135"/>
                <a:gd name="T96" fmla="*/ 86 w 257"/>
                <a:gd name="T97" fmla="*/ 25 h 135"/>
                <a:gd name="T98" fmla="*/ 83 w 257"/>
                <a:gd name="T99" fmla="*/ 26 h 135"/>
                <a:gd name="T100" fmla="*/ 79 w 257"/>
                <a:gd name="T101" fmla="*/ 28 h 135"/>
                <a:gd name="T102" fmla="*/ 74 w 257"/>
                <a:gd name="T103" fmla="*/ 31 h 135"/>
                <a:gd name="T104" fmla="*/ 69 w 257"/>
                <a:gd name="T105" fmla="*/ 34 h 135"/>
                <a:gd name="T106" fmla="*/ 66 w 257"/>
                <a:gd name="T107" fmla="*/ 34 h 135"/>
                <a:gd name="T108" fmla="*/ 62 w 257"/>
                <a:gd name="T109" fmla="*/ 33 h 135"/>
                <a:gd name="T110" fmla="*/ 57 w 257"/>
                <a:gd name="T111" fmla="*/ 33 h 135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257" h="135">
                  <a:moveTo>
                    <a:pt x="171" y="99"/>
                  </a:moveTo>
                  <a:lnTo>
                    <a:pt x="167" y="101"/>
                  </a:lnTo>
                  <a:lnTo>
                    <a:pt x="164" y="102"/>
                  </a:lnTo>
                  <a:lnTo>
                    <a:pt x="160" y="104"/>
                  </a:lnTo>
                  <a:lnTo>
                    <a:pt x="157" y="107"/>
                  </a:lnTo>
                  <a:lnTo>
                    <a:pt x="153" y="114"/>
                  </a:lnTo>
                  <a:lnTo>
                    <a:pt x="150" y="121"/>
                  </a:lnTo>
                  <a:lnTo>
                    <a:pt x="143" y="121"/>
                  </a:lnTo>
                  <a:lnTo>
                    <a:pt x="136" y="123"/>
                  </a:lnTo>
                  <a:lnTo>
                    <a:pt x="130" y="125"/>
                  </a:lnTo>
                  <a:lnTo>
                    <a:pt x="126" y="128"/>
                  </a:lnTo>
                  <a:lnTo>
                    <a:pt x="120" y="131"/>
                  </a:lnTo>
                  <a:lnTo>
                    <a:pt x="114" y="134"/>
                  </a:lnTo>
                  <a:lnTo>
                    <a:pt x="108" y="135"/>
                  </a:lnTo>
                  <a:lnTo>
                    <a:pt x="99" y="135"/>
                  </a:lnTo>
                  <a:lnTo>
                    <a:pt x="96" y="125"/>
                  </a:lnTo>
                  <a:lnTo>
                    <a:pt x="94" y="115"/>
                  </a:lnTo>
                  <a:lnTo>
                    <a:pt x="98" y="111"/>
                  </a:lnTo>
                  <a:lnTo>
                    <a:pt x="103" y="108"/>
                  </a:lnTo>
                  <a:lnTo>
                    <a:pt x="105" y="107"/>
                  </a:lnTo>
                  <a:lnTo>
                    <a:pt x="106" y="105"/>
                  </a:lnTo>
                  <a:lnTo>
                    <a:pt x="107" y="102"/>
                  </a:lnTo>
                  <a:lnTo>
                    <a:pt x="107" y="99"/>
                  </a:lnTo>
                  <a:lnTo>
                    <a:pt x="103" y="98"/>
                  </a:lnTo>
                  <a:lnTo>
                    <a:pt x="99" y="97"/>
                  </a:lnTo>
                  <a:lnTo>
                    <a:pt x="95" y="97"/>
                  </a:lnTo>
                  <a:lnTo>
                    <a:pt x="92" y="97"/>
                  </a:lnTo>
                  <a:lnTo>
                    <a:pt x="85" y="98"/>
                  </a:lnTo>
                  <a:lnTo>
                    <a:pt x="78" y="101"/>
                  </a:lnTo>
                  <a:lnTo>
                    <a:pt x="72" y="102"/>
                  </a:lnTo>
                  <a:lnTo>
                    <a:pt x="65" y="103"/>
                  </a:lnTo>
                  <a:lnTo>
                    <a:pt x="61" y="103"/>
                  </a:lnTo>
                  <a:lnTo>
                    <a:pt x="58" y="103"/>
                  </a:lnTo>
                  <a:lnTo>
                    <a:pt x="55" y="101"/>
                  </a:lnTo>
                  <a:lnTo>
                    <a:pt x="51" y="99"/>
                  </a:lnTo>
                  <a:lnTo>
                    <a:pt x="39" y="97"/>
                  </a:lnTo>
                  <a:lnTo>
                    <a:pt x="27" y="97"/>
                  </a:lnTo>
                  <a:lnTo>
                    <a:pt x="21" y="97"/>
                  </a:lnTo>
                  <a:lnTo>
                    <a:pt x="15" y="98"/>
                  </a:lnTo>
                  <a:lnTo>
                    <a:pt x="10" y="100"/>
                  </a:lnTo>
                  <a:lnTo>
                    <a:pt x="6" y="102"/>
                  </a:lnTo>
                  <a:lnTo>
                    <a:pt x="3" y="90"/>
                  </a:lnTo>
                  <a:lnTo>
                    <a:pt x="0" y="79"/>
                  </a:lnTo>
                  <a:lnTo>
                    <a:pt x="3" y="79"/>
                  </a:lnTo>
                  <a:lnTo>
                    <a:pt x="4" y="78"/>
                  </a:lnTo>
                  <a:lnTo>
                    <a:pt x="5" y="78"/>
                  </a:lnTo>
                  <a:lnTo>
                    <a:pt x="6" y="76"/>
                  </a:lnTo>
                  <a:lnTo>
                    <a:pt x="12" y="74"/>
                  </a:lnTo>
                  <a:lnTo>
                    <a:pt x="20" y="71"/>
                  </a:lnTo>
                  <a:lnTo>
                    <a:pt x="29" y="70"/>
                  </a:lnTo>
                  <a:lnTo>
                    <a:pt x="38" y="71"/>
                  </a:lnTo>
                  <a:lnTo>
                    <a:pt x="39" y="71"/>
                  </a:lnTo>
                  <a:lnTo>
                    <a:pt x="40" y="71"/>
                  </a:lnTo>
                  <a:lnTo>
                    <a:pt x="43" y="68"/>
                  </a:lnTo>
                  <a:lnTo>
                    <a:pt x="44" y="65"/>
                  </a:lnTo>
                  <a:lnTo>
                    <a:pt x="44" y="61"/>
                  </a:lnTo>
                  <a:lnTo>
                    <a:pt x="44" y="56"/>
                  </a:lnTo>
                  <a:lnTo>
                    <a:pt x="44" y="51"/>
                  </a:lnTo>
                  <a:lnTo>
                    <a:pt x="43" y="47"/>
                  </a:lnTo>
                  <a:lnTo>
                    <a:pt x="40" y="44"/>
                  </a:lnTo>
                  <a:lnTo>
                    <a:pt x="38" y="43"/>
                  </a:lnTo>
                  <a:lnTo>
                    <a:pt x="39" y="42"/>
                  </a:lnTo>
                  <a:lnTo>
                    <a:pt x="40" y="41"/>
                  </a:lnTo>
                  <a:lnTo>
                    <a:pt x="43" y="40"/>
                  </a:lnTo>
                  <a:lnTo>
                    <a:pt x="45" y="40"/>
                  </a:lnTo>
                  <a:lnTo>
                    <a:pt x="49" y="41"/>
                  </a:lnTo>
                  <a:lnTo>
                    <a:pt x="53" y="41"/>
                  </a:lnTo>
                  <a:lnTo>
                    <a:pt x="60" y="39"/>
                  </a:lnTo>
                  <a:lnTo>
                    <a:pt x="68" y="36"/>
                  </a:lnTo>
                  <a:lnTo>
                    <a:pt x="71" y="35"/>
                  </a:lnTo>
                  <a:lnTo>
                    <a:pt x="73" y="35"/>
                  </a:lnTo>
                  <a:lnTo>
                    <a:pt x="76" y="35"/>
                  </a:lnTo>
                  <a:lnTo>
                    <a:pt x="79" y="36"/>
                  </a:lnTo>
                  <a:lnTo>
                    <a:pt x="79" y="41"/>
                  </a:lnTo>
                  <a:lnTo>
                    <a:pt x="82" y="46"/>
                  </a:lnTo>
                  <a:lnTo>
                    <a:pt x="102" y="41"/>
                  </a:lnTo>
                  <a:lnTo>
                    <a:pt x="122" y="35"/>
                  </a:lnTo>
                  <a:lnTo>
                    <a:pt x="132" y="31"/>
                  </a:lnTo>
                  <a:lnTo>
                    <a:pt x="143" y="29"/>
                  </a:lnTo>
                  <a:lnTo>
                    <a:pt x="154" y="28"/>
                  </a:lnTo>
                  <a:lnTo>
                    <a:pt x="166" y="28"/>
                  </a:lnTo>
                  <a:lnTo>
                    <a:pt x="174" y="23"/>
                  </a:lnTo>
                  <a:lnTo>
                    <a:pt x="184" y="19"/>
                  </a:lnTo>
                  <a:lnTo>
                    <a:pt x="193" y="17"/>
                  </a:lnTo>
                  <a:lnTo>
                    <a:pt x="203" y="14"/>
                  </a:lnTo>
                  <a:lnTo>
                    <a:pt x="211" y="11"/>
                  </a:lnTo>
                  <a:lnTo>
                    <a:pt x="220" y="8"/>
                  </a:lnTo>
                  <a:lnTo>
                    <a:pt x="229" y="5"/>
                  </a:lnTo>
                  <a:lnTo>
                    <a:pt x="236" y="0"/>
                  </a:lnTo>
                  <a:lnTo>
                    <a:pt x="243" y="5"/>
                  </a:lnTo>
                  <a:lnTo>
                    <a:pt x="248" y="11"/>
                  </a:lnTo>
                  <a:lnTo>
                    <a:pt x="251" y="19"/>
                  </a:lnTo>
                  <a:lnTo>
                    <a:pt x="254" y="28"/>
                  </a:lnTo>
                  <a:lnTo>
                    <a:pt x="256" y="38"/>
                  </a:lnTo>
                  <a:lnTo>
                    <a:pt x="257" y="47"/>
                  </a:lnTo>
                  <a:lnTo>
                    <a:pt x="257" y="59"/>
                  </a:lnTo>
                  <a:lnTo>
                    <a:pt x="256" y="71"/>
                  </a:lnTo>
                  <a:lnTo>
                    <a:pt x="256" y="75"/>
                  </a:lnTo>
                  <a:lnTo>
                    <a:pt x="256" y="79"/>
                  </a:lnTo>
                  <a:lnTo>
                    <a:pt x="249" y="79"/>
                  </a:lnTo>
                  <a:lnTo>
                    <a:pt x="242" y="81"/>
                  </a:lnTo>
                  <a:lnTo>
                    <a:pt x="236" y="83"/>
                  </a:lnTo>
                  <a:lnTo>
                    <a:pt x="230" y="86"/>
                  </a:lnTo>
                  <a:lnTo>
                    <a:pt x="220" y="94"/>
                  </a:lnTo>
                  <a:lnTo>
                    <a:pt x="209" y="99"/>
                  </a:lnTo>
                  <a:lnTo>
                    <a:pt x="205" y="101"/>
                  </a:lnTo>
                  <a:lnTo>
                    <a:pt x="202" y="101"/>
                  </a:lnTo>
                  <a:lnTo>
                    <a:pt x="198" y="101"/>
                  </a:lnTo>
                  <a:lnTo>
                    <a:pt x="194" y="100"/>
                  </a:lnTo>
                  <a:lnTo>
                    <a:pt x="185" y="98"/>
                  </a:lnTo>
                  <a:lnTo>
                    <a:pt x="173" y="97"/>
                  </a:lnTo>
                  <a:lnTo>
                    <a:pt x="171" y="99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08" name="Lyngby-Taarbæk kant"/>
            <p:cNvSpPr>
              <a:spLocks/>
            </p:cNvSpPr>
            <p:nvPr/>
          </p:nvSpPr>
          <p:spPr bwMode="auto">
            <a:xfrm>
              <a:off x="3878263" y="4762500"/>
              <a:ext cx="136525" cy="71438"/>
            </a:xfrm>
            <a:custGeom>
              <a:avLst/>
              <a:gdLst>
                <a:gd name="T0" fmla="*/ 56 w 257"/>
                <a:gd name="T1" fmla="*/ 34 h 135"/>
                <a:gd name="T2" fmla="*/ 54 w 257"/>
                <a:gd name="T3" fmla="*/ 35 h 135"/>
                <a:gd name="T4" fmla="*/ 51 w 257"/>
                <a:gd name="T5" fmla="*/ 38 h 135"/>
                <a:gd name="T6" fmla="*/ 48 w 257"/>
                <a:gd name="T7" fmla="*/ 40 h 135"/>
                <a:gd name="T8" fmla="*/ 44 w 257"/>
                <a:gd name="T9" fmla="*/ 42 h 135"/>
                <a:gd name="T10" fmla="*/ 40 w 257"/>
                <a:gd name="T11" fmla="*/ 44 h 135"/>
                <a:gd name="T12" fmla="*/ 36 w 257"/>
                <a:gd name="T13" fmla="*/ 45 h 135"/>
                <a:gd name="T14" fmla="*/ 32 w 257"/>
                <a:gd name="T15" fmla="*/ 42 h 135"/>
                <a:gd name="T16" fmla="*/ 33 w 257"/>
                <a:gd name="T17" fmla="*/ 37 h 135"/>
                <a:gd name="T18" fmla="*/ 35 w 257"/>
                <a:gd name="T19" fmla="*/ 36 h 135"/>
                <a:gd name="T20" fmla="*/ 36 w 257"/>
                <a:gd name="T21" fmla="*/ 34 h 135"/>
                <a:gd name="T22" fmla="*/ 34 w 257"/>
                <a:gd name="T23" fmla="*/ 33 h 135"/>
                <a:gd name="T24" fmla="*/ 32 w 257"/>
                <a:gd name="T25" fmla="*/ 32 h 135"/>
                <a:gd name="T26" fmla="*/ 28 w 257"/>
                <a:gd name="T27" fmla="*/ 33 h 135"/>
                <a:gd name="T28" fmla="*/ 24 w 257"/>
                <a:gd name="T29" fmla="*/ 34 h 135"/>
                <a:gd name="T30" fmla="*/ 20 w 257"/>
                <a:gd name="T31" fmla="*/ 34 h 135"/>
                <a:gd name="T32" fmla="*/ 18 w 257"/>
                <a:gd name="T33" fmla="*/ 34 h 135"/>
                <a:gd name="T34" fmla="*/ 13 w 257"/>
                <a:gd name="T35" fmla="*/ 32 h 135"/>
                <a:gd name="T36" fmla="*/ 7 w 257"/>
                <a:gd name="T37" fmla="*/ 32 h 135"/>
                <a:gd name="T38" fmla="*/ 3 w 257"/>
                <a:gd name="T39" fmla="*/ 33 h 135"/>
                <a:gd name="T40" fmla="*/ 1 w 257"/>
                <a:gd name="T41" fmla="*/ 30 h 135"/>
                <a:gd name="T42" fmla="*/ 1 w 257"/>
                <a:gd name="T43" fmla="*/ 26 h 135"/>
                <a:gd name="T44" fmla="*/ 2 w 257"/>
                <a:gd name="T45" fmla="*/ 26 h 135"/>
                <a:gd name="T46" fmla="*/ 4 w 257"/>
                <a:gd name="T47" fmla="*/ 25 h 135"/>
                <a:gd name="T48" fmla="*/ 10 w 257"/>
                <a:gd name="T49" fmla="*/ 23 h 135"/>
                <a:gd name="T50" fmla="*/ 13 w 257"/>
                <a:gd name="T51" fmla="*/ 24 h 135"/>
                <a:gd name="T52" fmla="*/ 14 w 257"/>
                <a:gd name="T53" fmla="*/ 23 h 135"/>
                <a:gd name="T54" fmla="*/ 15 w 257"/>
                <a:gd name="T55" fmla="*/ 20 h 135"/>
                <a:gd name="T56" fmla="*/ 15 w 257"/>
                <a:gd name="T57" fmla="*/ 17 h 135"/>
                <a:gd name="T58" fmla="*/ 13 w 257"/>
                <a:gd name="T59" fmla="*/ 15 h 135"/>
                <a:gd name="T60" fmla="*/ 13 w 257"/>
                <a:gd name="T61" fmla="*/ 14 h 135"/>
                <a:gd name="T62" fmla="*/ 14 w 257"/>
                <a:gd name="T63" fmla="*/ 13 h 135"/>
                <a:gd name="T64" fmla="*/ 16 w 257"/>
                <a:gd name="T65" fmla="*/ 14 h 135"/>
                <a:gd name="T66" fmla="*/ 20 w 257"/>
                <a:gd name="T67" fmla="*/ 13 h 135"/>
                <a:gd name="T68" fmla="*/ 24 w 257"/>
                <a:gd name="T69" fmla="*/ 12 h 135"/>
                <a:gd name="T70" fmla="*/ 25 w 257"/>
                <a:gd name="T71" fmla="*/ 12 h 135"/>
                <a:gd name="T72" fmla="*/ 26 w 257"/>
                <a:gd name="T73" fmla="*/ 14 h 135"/>
                <a:gd name="T74" fmla="*/ 34 w 257"/>
                <a:gd name="T75" fmla="*/ 14 h 135"/>
                <a:gd name="T76" fmla="*/ 44 w 257"/>
                <a:gd name="T77" fmla="*/ 10 h 135"/>
                <a:gd name="T78" fmla="*/ 52 w 257"/>
                <a:gd name="T79" fmla="*/ 9 h 135"/>
                <a:gd name="T80" fmla="*/ 58 w 257"/>
                <a:gd name="T81" fmla="*/ 8 h 135"/>
                <a:gd name="T82" fmla="*/ 65 w 257"/>
                <a:gd name="T83" fmla="*/ 6 h 135"/>
                <a:gd name="T84" fmla="*/ 71 w 257"/>
                <a:gd name="T85" fmla="*/ 4 h 135"/>
                <a:gd name="T86" fmla="*/ 77 w 257"/>
                <a:gd name="T87" fmla="*/ 2 h 135"/>
                <a:gd name="T88" fmla="*/ 81 w 257"/>
                <a:gd name="T89" fmla="*/ 2 h 135"/>
                <a:gd name="T90" fmla="*/ 84 w 257"/>
                <a:gd name="T91" fmla="*/ 6 h 135"/>
                <a:gd name="T92" fmla="*/ 86 w 257"/>
                <a:gd name="T93" fmla="*/ 13 h 135"/>
                <a:gd name="T94" fmla="*/ 86 w 257"/>
                <a:gd name="T95" fmla="*/ 20 h 135"/>
                <a:gd name="T96" fmla="*/ 86 w 257"/>
                <a:gd name="T97" fmla="*/ 25 h 135"/>
                <a:gd name="T98" fmla="*/ 83 w 257"/>
                <a:gd name="T99" fmla="*/ 26 h 135"/>
                <a:gd name="T100" fmla="*/ 79 w 257"/>
                <a:gd name="T101" fmla="*/ 28 h 135"/>
                <a:gd name="T102" fmla="*/ 74 w 257"/>
                <a:gd name="T103" fmla="*/ 31 h 135"/>
                <a:gd name="T104" fmla="*/ 69 w 257"/>
                <a:gd name="T105" fmla="*/ 34 h 135"/>
                <a:gd name="T106" fmla="*/ 66 w 257"/>
                <a:gd name="T107" fmla="*/ 34 h 135"/>
                <a:gd name="T108" fmla="*/ 62 w 257"/>
                <a:gd name="T109" fmla="*/ 33 h 135"/>
                <a:gd name="T110" fmla="*/ 57 w 257"/>
                <a:gd name="T111" fmla="*/ 33 h 135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257" h="135">
                  <a:moveTo>
                    <a:pt x="171" y="99"/>
                  </a:moveTo>
                  <a:lnTo>
                    <a:pt x="167" y="101"/>
                  </a:lnTo>
                  <a:lnTo>
                    <a:pt x="164" y="102"/>
                  </a:lnTo>
                  <a:lnTo>
                    <a:pt x="160" y="104"/>
                  </a:lnTo>
                  <a:lnTo>
                    <a:pt x="157" y="107"/>
                  </a:lnTo>
                  <a:lnTo>
                    <a:pt x="153" y="114"/>
                  </a:lnTo>
                  <a:lnTo>
                    <a:pt x="150" y="121"/>
                  </a:lnTo>
                  <a:lnTo>
                    <a:pt x="143" y="121"/>
                  </a:lnTo>
                  <a:lnTo>
                    <a:pt x="136" y="123"/>
                  </a:lnTo>
                  <a:lnTo>
                    <a:pt x="130" y="125"/>
                  </a:lnTo>
                  <a:lnTo>
                    <a:pt x="126" y="128"/>
                  </a:lnTo>
                  <a:lnTo>
                    <a:pt x="120" y="131"/>
                  </a:lnTo>
                  <a:lnTo>
                    <a:pt x="114" y="134"/>
                  </a:lnTo>
                  <a:lnTo>
                    <a:pt x="108" y="135"/>
                  </a:lnTo>
                  <a:lnTo>
                    <a:pt x="99" y="135"/>
                  </a:lnTo>
                  <a:lnTo>
                    <a:pt x="96" y="125"/>
                  </a:lnTo>
                  <a:lnTo>
                    <a:pt x="94" y="115"/>
                  </a:lnTo>
                  <a:lnTo>
                    <a:pt x="98" y="111"/>
                  </a:lnTo>
                  <a:lnTo>
                    <a:pt x="103" y="108"/>
                  </a:lnTo>
                  <a:lnTo>
                    <a:pt x="105" y="107"/>
                  </a:lnTo>
                  <a:lnTo>
                    <a:pt x="106" y="105"/>
                  </a:lnTo>
                  <a:lnTo>
                    <a:pt x="107" y="102"/>
                  </a:lnTo>
                  <a:lnTo>
                    <a:pt x="107" y="99"/>
                  </a:lnTo>
                  <a:lnTo>
                    <a:pt x="103" y="98"/>
                  </a:lnTo>
                  <a:lnTo>
                    <a:pt x="99" y="97"/>
                  </a:lnTo>
                  <a:lnTo>
                    <a:pt x="95" y="97"/>
                  </a:lnTo>
                  <a:lnTo>
                    <a:pt x="92" y="97"/>
                  </a:lnTo>
                  <a:lnTo>
                    <a:pt x="85" y="98"/>
                  </a:lnTo>
                  <a:lnTo>
                    <a:pt x="78" y="101"/>
                  </a:lnTo>
                  <a:lnTo>
                    <a:pt x="72" y="102"/>
                  </a:lnTo>
                  <a:lnTo>
                    <a:pt x="65" y="103"/>
                  </a:lnTo>
                  <a:lnTo>
                    <a:pt x="61" y="103"/>
                  </a:lnTo>
                  <a:lnTo>
                    <a:pt x="58" y="103"/>
                  </a:lnTo>
                  <a:lnTo>
                    <a:pt x="55" y="101"/>
                  </a:lnTo>
                  <a:lnTo>
                    <a:pt x="51" y="99"/>
                  </a:lnTo>
                  <a:lnTo>
                    <a:pt x="39" y="97"/>
                  </a:lnTo>
                  <a:lnTo>
                    <a:pt x="27" y="97"/>
                  </a:lnTo>
                  <a:lnTo>
                    <a:pt x="21" y="97"/>
                  </a:lnTo>
                  <a:lnTo>
                    <a:pt x="15" y="98"/>
                  </a:lnTo>
                  <a:lnTo>
                    <a:pt x="10" y="100"/>
                  </a:lnTo>
                  <a:lnTo>
                    <a:pt x="6" y="102"/>
                  </a:lnTo>
                  <a:lnTo>
                    <a:pt x="3" y="90"/>
                  </a:lnTo>
                  <a:lnTo>
                    <a:pt x="0" y="79"/>
                  </a:lnTo>
                  <a:lnTo>
                    <a:pt x="3" y="79"/>
                  </a:lnTo>
                  <a:lnTo>
                    <a:pt x="4" y="78"/>
                  </a:lnTo>
                  <a:lnTo>
                    <a:pt x="5" y="78"/>
                  </a:lnTo>
                  <a:lnTo>
                    <a:pt x="6" y="76"/>
                  </a:lnTo>
                  <a:lnTo>
                    <a:pt x="12" y="74"/>
                  </a:lnTo>
                  <a:lnTo>
                    <a:pt x="20" y="71"/>
                  </a:lnTo>
                  <a:lnTo>
                    <a:pt x="29" y="70"/>
                  </a:lnTo>
                  <a:lnTo>
                    <a:pt x="38" y="71"/>
                  </a:lnTo>
                  <a:lnTo>
                    <a:pt x="39" y="71"/>
                  </a:lnTo>
                  <a:lnTo>
                    <a:pt x="40" y="71"/>
                  </a:lnTo>
                  <a:lnTo>
                    <a:pt x="43" y="68"/>
                  </a:lnTo>
                  <a:lnTo>
                    <a:pt x="44" y="65"/>
                  </a:lnTo>
                  <a:lnTo>
                    <a:pt x="44" y="61"/>
                  </a:lnTo>
                  <a:lnTo>
                    <a:pt x="44" y="56"/>
                  </a:lnTo>
                  <a:lnTo>
                    <a:pt x="44" y="51"/>
                  </a:lnTo>
                  <a:lnTo>
                    <a:pt x="43" y="47"/>
                  </a:lnTo>
                  <a:lnTo>
                    <a:pt x="40" y="44"/>
                  </a:lnTo>
                  <a:lnTo>
                    <a:pt x="38" y="43"/>
                  </a:lnTo>
                  <a:lnTo>
                    <a:pt x="39" y="42"/>
                  </a:lnTo>
                  <a:lnTo>
                    <a:pt x="40" y="41"/>
                  </a:lnTo>
                  <a:lnTo>
                    <a:pt x="43" y="40"/>
                  </a:lnTo>
                  <a:lnTo>
                    <a:pt x="45" y="40"/>
                  </a:lnTo>
                  <a:lnTo>
                    <a:pt x="49" y="41"/>
                  </a:lnTo>
                  <a:lnTo>
                    <a:pt x="53" y="41"/>
                  </a:lnTo>
                  <a:lnTo>
                    <a:pt x="60" y="39"/>
                  </a:lnTo>
                  <a:lnTo>
                    <a:pt x="68" y="36"/>
                  </a:lnTo>
                  <a:lnTo>
                    <a:pt x="71" y="35"/>
                  </a:lnTo>
                  <a:lnTo>
                    <a:pt x="73" y="35"/>
                  </a:lnTo>
                  <a:lnTo>
                    <a:pt x="76" y="35"/>
                  </a:lnTo>
                  <a:lnTo>
                    <a:pt x="79" y="36"/>
                  </a:lnTo>
                  <a:lnTo>
                    <a:pt x="79" y="41"/>
                  </a:lnTo>
                  <a:lnTo>
                    <a:pt x="82" y="46"/>
                  </a:lnTo>
                  <a:lnTo>
                    <a:pt x="102" y="41"/>
                  </a:lnTo>
                  <a:lnTo>
                    <a:pt x="122" y="35"/>
                  </a:lnTo>
                  <a:lnTo>
                    <a:pt x="132" y="31"/>
                  </a:lnTo>
                  <a:lnTo>
                    <a:pt x="143" y="29"/>
                  </a:lnTo>
                  <a:lnTo>
                    <a:pt x="154" y="28"/>
                  </a:lnTo>
                  <a:lnTo>
                    <a:pt x="166" y="28"/>
                  </a:lnTo>
                  <a:lnTo>
                    <a:pt x="174" y="23"/>
                  </a:lnTo>
                  <a:lnTo>
                    <a:pt x="184" y="19"/>
                  </a:lnTo>
                  <a:lnTo>
                    <a:pt x="193" y="17"/>
                  </a:lnTo>
                  <a:lnTo>
                    <a:pt x="203" y="14"/>
                  </a:lnTo>
                  <a:lnTo>
                    <a:pt x="211" y="11"/>
                  </a:lnTo>
                  <a:lnTo>
                    <a:pt x="220" y="8"/>
                  </a:lnTo>
                  <a:lnTo>
                    <a:pt x="229" y="5"/>
                  </a:lnTo>
                  <a:lnTo>
                    <a:pt x="236" y="0"/>
                  </a:lnTo>
                  <a:lnTo>
                    <a:pt x="243" y="5"/>
                  </a:lnTo>
                  <a:lnTo>
                    <a:pt x="248" y="11"/>
                  </a:lnTo>
                  <a:lnTo>
                    <a:pt x="251" y="19"/>
                  </a:lnTo>
                  <a:lnTo>
                    <a:pt x="254" y="28"/>
                  </a:lnTo>
                  <a:lnTo>
                    <a:pt x="256" y="38"/>
                  </a:lnTo>
                  <a:lnTo>
                    <a:pt x="257" y="47"/>
                  </a:lnTo>
                  <a:lnTo>
                    <a:pt x="257" y="59"/>
                  </a:lnTo>
                  <a:lnTo>
                    <a:pt x="256" y="71"/>
                  </a:lnTo>
                  <a:lnTo>
                    <a:pt x="256" y="75"/>
                  </a:lnTo>
                  <a:lnTo>
                    <a:pt x="256" y="79"/>
                  </a:lnTo>
                  <a:lnTo>
                    <a:pt x="249" y="79"/>
                  </a:lnTo>
                  <a:lnTo>
                    <a:pt x="242" y="81"/>
                  </a:lnTo>
                  <a:lnTo>
                    <a:pt x="236" y="83"/>
                  </a:lnTo>
                  <a:lnTo>
                    <a:pt x="230" y="86"/>
                  </a:lnTo>
                  <a:lnTo>
                    <a:pt x="220" y="94"/>
                  </a:lnTo>
                  <a:lnTo>
                    <a:pt x="209" y="99"/>
                  </a:lnTo>
                  <a:lnTo>
                    <a:pt x="205" y="101"/>
                  </a:lnTo>
                  <a:lnTo>
                    <a:pt x="202" y="101"/>
                  </a:lnTo>
                  <a:lnTo>
                    <a:pt x="198" y="101"/>
                  </a:lnTo>
                  <a:lnTo>
                    <a:pt x="194" y="100"/>
                  </a:lnTo>
                  <a:lnTo>
                    <a:pt x="185" y="98"/>
                  </a:lnTo>
                  <a:lnTo>
                    <a:pt x="173" y="97"/>
                  </a:lnTo>
                  <a:lnTo>
                    <a:pt x="171" y="99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09" name="Gentofte"/>
            <p:cNvSpPr>
              <a:spLocks/>
            </p:cNvSpPr>
            <p:nvPr/>
          </p:nvSpPr>
          <p:spPr bwMode="auto">
            <a:xfrm>
              <a:off x="3943350" y="4805363"/>
              <a:ext cx="76200" cy="74613"/>
            </a:xfrm>
            <a:custGeom>
              <a:avLst/>
              <a:gdLst>
                <a:gd name="T0" fmla="*/ 20 w 143"/>
                <a:gd name="T1" fmla="*/ 6 h 140"/>
                <a:gd name="T2" fmla="*/ 24 w 143"/>
                <a:gd name="T3" fmla="*/ 8 h 140"/>
                <a:gd name="T4" fmla="*/ 28 w 143"/>
                <a:gd name="T5" fmla="*/ 7 h 140"/>
                <a:gd name="T6" fmla="*/ 31 w 143"/>
                <a:gd name="T7" fmla="*/ 6 h 140"/>
                <a:gd name="T8" fmla="*/ 35 w 143"/>
                <a:gd name="T9" fmla="*/ 4 h 140"/>
                <a:gd name="T10" fmla="*/ 38 w 143"/>
                <a:gd name="T11" fmla="*/ 2 h 140"/>
                <a:gd name="T12" fmla="*/ 43 w 143"/>
                <a:gd name="T13" fmla="*/ 0 h 140"/>
                <a:gd name="T14" fmla="*/ 46 w 143"/>
                <a:gd name="T15" fmla="*/ 1 h 140"/>
                <a:gd name="T16" fmla="*/ 45 w 143"/>
                <a:gd name="T17" fmla="*/ 4 h 140"/>
                <a:gd name="T18" fmla="*/ 46 w 143"/>
                <a:gd name="T19" fmla="*/ 5 h 140"/>
                <a:gd name="T20" fmla="*/ 47 w 143"/>
                <a:gd name="T21" fmla="*/ 7 h 140"/>
                <a:gd name="T22" fmla="*/ 48 w 143"/>
                <a:gd name="T23" fmla="*/ 12 h 140"/>
                <a:gd name="T24" fmla="*/ 47 w 143"/>
                <a:gd name="T25" fmla="*/ 19 h 140"/>
                <a:gd name="T26" fmla="*/ 43 w 143"/>
                <a:gd name="T27" fmla="*/ 29 h 140"/>
                <a:gd name="T28" fmla="*/ 41 w 143"/>
                <a:gd name="T29" fmla="*/ 35 h 140"/>
                <a:gd name="T30" fmla="*/ 41 w 143"/>
                <a:gd name="T31" fmla="*/ 40 h 140"/>
                <a:gd name="T32" fmla="*/ 41 w 143"/>
                <a:gd name="T33" fmla="*/ 42 h 140"/>
                <a:gd name="T34" fmla="*/ 41 w 143"/>
                <a:gd name="T35" fmla="*/ 44 h 140"/>
                <a:gd name="T36" fmla="*/ 40 w 143"/>
                <a:gd name="T37" fmla="*/ 45 h 140"/>
                <a:gd name="T38" fmla="*/ 39 w 143"/>
                <a:gd name="T39" fmla="*/ 42 h 140"/>
                <a:gd name="T40" fmla="*/ 35 w 143"/>
                <a:gd name="T41" fmla="*/ 40 h 140"/>
                <a:gd name="T42" fmla="*/ 30 w 143"/>
                <a:gd name="T43" fmla="*/ 43 h 140"/>
                <a:gd name="T44" fmla="*/ 24 w 143"/>
                <a:gd name="T45" fmla="*/ 46 h 140"/>
                <a:gd name="T46" fmla="*/ 16 w 143"/>
                <a:gd name="T47" fmla="*/ 45 h 140"/>
                <a:gd name="T48" fmla="*/ 12 w 143"/>
                <a:gd name="T49" fmla="*/ 43 h 140"/>
                <a:gd name="T50" fmla="*/ 10 w 143"/>
                <a:gd name="T51" fmla="*/ 39 h 140"/>
                <a:gd name="T52" fmla="*/ 9 w 143"/>
                <a:gd name="T53" fmla="*/ 34 h 140"/>
                <a:gd name="T54" fmla="*/ 6 w 143"/>
                <a:gd name="T55" fmla="*/ 30 h 140"/>
                <a:gd name="T56" fmla="*/ 1 w 143"/>
                <a:gd name="T57" fmla="*/ 28 h 140"/>
                <a:gd name="T58" fmla="*/ 1 w 143"/>
                <a:gd name="T59" fmla="*/ 26 h 140"/>
                <a:gd name="T60" fmla="*/ 0 w 143"/>
                <a:gd name="T61" fmla="*/ 21 h 140"/>
                <a:gd name="T62" fmla="*/ 4 w 143"/>
                <a:gd name="T63" fmla="*/ 16 h 140"/>
                <a:gd name="T64" fmla="*/ 11 w 143"/>
                <a:gd name="T65" fmla="*/ 12 h 140"/>
                <a:gd name="T66" fmla="*/ 15 w 143"/>
                <a:gd name="T67" fmla="*/ 8 h 140"/>
                <a:gd name="T68" fmla="*/ 17 w 143"/>
                <a:gd name="T69" fmla="*/ 5 h 140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0" t="0" r="r" b="b"/>
              <a:pathLst>
                <a:path w="143" h="140">
                  <a:moveTo>
                    <a:pt x="51" y="16"/>
                  </a:moveTo>
                  <a:lnTo>
                    <a:pt x="60" y="19"/>
                  </a:lnTo>
                  <a:lnTo>
                    <a:pt x="68" y="22"/>
                  </a:lnTo>
                  <a:lnTo>
                    <a:pt x="72" y="23"/>
                  </a:lnTo>
                  <a:lnTo>
                    <a:pt x="77" y="23"/>
                  </a:lnTo>
                  <a:lnTo>
                    <a:pt x="82" y="22"/>
                  </a:lnTo>
                  <a:lnTo>
                    <a:pt x="86" y="21"/>
                  </a:lnTo>
                  <a:lnTo>
                    <a:pt x="92" y="19"/>
                  </a:lnTo>
                  <a:lnTo>
                    <a:pt x="99" y="16"/>
                  </a:lnTo>
                  <a:lnTo>
                    <a:pt x="104" y="13"/>
                  </a:lnTo>
                  <a:lnTo>
                    <a:pt x="109" y="8"/>
                  </a:lnTo>
                  <a:lnTo>
                    <a:pt x="114" y="5"/>
                  </a:lnTo>
                  <a:lnTo>
                    <a:pt x="121" y="3"/>
                  </a:lnTo>
                  <a:lnTo>
                    <a:pt x="128" y="1"/>
                  </a:lnTo>
                  <a:lnTo>
                    <a:pt x="136" y="0"/>
                  </a:lnTo>
                  <a:lnTo>
                    <a:pt x="136" y="4"/>
                  </a:lnTo>
                  <a:lnTo>
                    <a:pt x="136" y="9"/>
                  </a:lnTo>
                  <a:lnTo>
                    <a:pt x="135" y="12"/>
                  </a:lnTo>
                  <a:lnTo>
                    <a:pt x="136" y="14"/>
                  </a:lnTo>
                  <a:lnTo>
                    <a:pt x="138" y="15"/>
                  </a:lnTo>
                  <a:lnTo>
                    <a:pt x="139" y="16"/>
                  </a:lnTo>
                  <a:lnTo>
                    <a:pt x="141" y="22"/>
                  </a:lnTo>
                  <a:lnTo>
                    <a:pt x="142" y="29"/>
                  </a:lnTo>
                  <a:lnTo>
                    <a:pt x="143" y="37"/>
                  </a:lnTo>
                  <a:lnTo>
                    <a:pt x="142" y="44"/>
                  </a:lnTo>
                  <a:lnTo>
                    <a:pt x="139" y="58"/>
                  </a:lnTo>
                  <a:lnTo>
                    <a:pt x="133" y="72"/>
                  </a:lnTo>
                  <a:lnTo>
                    <a:pt x="128" y="85"/>
                  </a:lnTo>
                  <a:lnTo>
                    <a:pt x="124" y="99"/>
                  </a:lnTo>
                  <a:lnTo>
                    <a:pt x="123" y="105"/>
                  </a:lnTo>
                  <a:lnTo>
                    <a:pt x="122" y="112"/>
                  </a:lnTo>
                  <a:lnTo>
                    <a:pt x="122" y="119"/>
                  </a:lnTo>
                  <a:lnTo>
                    <a:pt x="124" y="124"/>
                  </a:lnTo>
                  <a:lnTo>
                    <a:pt x="122" y="126"/>
                  </a:lnTo>
                  <a:lnTo>
                    <a:pt x="121" y="128"/>
                  </a:lnTo>
                  <a:lnTo>
                    <a:pt x="121" y="132"/>
                  </a:lnTo>
                  <a:lnTo>
                    <a:pt x="121" y="135"/>
                  </a:lnTo>
                  <a:lnTo>
                    <a:pt x="119" y="133"/>
                  </a:lnTo>
                  <a:lnTo>
                    <a:pt x="116" y="131"/>
                  </a:lnTo>
                  <a:lnTo>
                    <a:pt x="116" y="126"/>
                  </a:lnTo>
                  <a:lnTo>
                    <a:pt x="116" y="122"/>
                  </a:lnTo>
                  <a:lnTo>
                    <a:pt x="104" y="120"/>
                  </a:lnTo>
                  <a:lnTo>
                    <a:pt x="93" y="117"/>
                  </a:lnTo>
                  <a:lnTo>
                    <a:pt x="89" y="127"/>
                  </a:lnTo>
                  <a:lnTo>
                    <a:pt x="86" y="140"/>
                  </a:lnTo>
                  <a:lnTo>
                    <a:pt x="71" y="137"/>
                  </a:lnTo>
                  <a:lnTo>
                    <a:pt x="56" y="135"/>
                  </a:lnTo>
                  <a:lnTo>
                    <a:pt x="49" y="133"/>
                  </a:lnTo>
                  <a:lnTo>
                    <a:pt x="43" y="132"/>
                  </a:lnTo>
                  <a:lnTo>
                    <a:pt x="36" y="128"/>
                  </a:lnTo>
                  <a:lnTo>
                    <a:pt x="32" y="124"/>
                  </a:lnTo>
                  <a:lnTo>
                    <a:pt x="31" y="117"/>
                  </a:lnTo>
                  <a:lnTo>
                    <a:pt x="30" y="108"/>
                  </a:lnTo>
                  <a:lnTo>
                    <a:pt x="28" y="100"/>
                  </a:lnTo>
                  <a:lnTo>
                    <a:pt x="27" y="92"/>
                  </a:lnTo>
                  <a:lnTo>
                    <a:pt x="17" y="88"/>
                  </a:lnTo>
                  <a:lnTo>
                    <a:pt x="7" y="86"/>
                  </a:lnTo>
                  <a:lnTo>
                    <a:pt x="4" y="83"/>
                  </a:lnTo>
                  <a:lnTo>
                    <a:pt x="3" y="80"/>
                  </a:lnTo>
                  <a:lnTo>
                    <a:pt x="2" y="76"/>
                  </a:lnTo>
                  <a:lnTo>
                    <a:pt x="2" y="73"/>
                  </a:lnTo>
                  <a:lnTo>
                    <a:pt x="1" y="64"/>
                  </a:lnTo>
                  <a:lnTo>
                    <a:pt x="0" y="56"/>
                  </a:lnTo>
                  <a:lnTo>
                    <a:pt x="13" y="48"/>
                  </a:lnTo>
                  <a:lnTo>
                    <a:pt x="27" y="40"/>
                  </a:lnTo>
                  <a:lnTo>
                    <a:pt x="33" y="35"/>
                  </a:lnTo>
                  <a:lnTo>
                    <a:pt x="40" y="30"/>
                  </a:lnTo>
                  <a:lnTo>
                    <a:pt x="45" y="24"/>
                  </a:lnTo>
                  <a:lnTo>
                    <a:pt x="50" y="18"/>
                  </a:lnTo>
                  <a:lnTo>
                    <a:pt x="51" y="16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10" name="Gentofte kant"/>
            <p:cNvSpPr>
              <a:spLocks/>
            </p:cNvSpPr>
            <p:nvPr/>
          </p:nvSpPr>
          <p:spPr bwMode="auto">
            <a:xfrm>
              <a:off x="3943350" y="4805363"/>
              <a:ext cx="76200" cy="74613"/>
            </a:xfrm>
            <a:custGeom>
              <a:avLst/>
              <a:gdLst>
                <a:gd name="T0" fmla="*/ 20 w 143"/>
                <a:gd name="T1" fmla="*/ 6 h 140"/>
                <a:gd name="T2" fmla="*/ 24 w 143"/>
                <a:gd name="T3" fmla="*/ 8 h 140"/>
                <a:gd name="T4" fmla="*/ 28 w 143"/>
                <a:gd name="T5" fmla="*/ 7 h 140"/>
                <a:gd name="T6" fmla="*/ 31 w 143"/>
                <a:gd name="T7" fmla="*/ 6 h 140"/>
                <a:gd name="T8" fmla="*/ 35 w 143"/>
                <a:gd name="T9" fmla="*/ 4 h 140"/>
                <a:gd name="T10" fmla="*/ 38 w 143"/>
                <a:gd name="T11" fmla="*/ 2 h 140"/>
                <a:gd name="T12" fmla="*/ 43 w 143"/>
                <a:gd name="T13" fmla="*/ 0 h 140"/>
                <a:gd name="T14" fmla="*/ 46 w 143"/>
                <a:gd name="T15" fmla="*/ 1 h 140"/>
                <a:gd name="T16" fmla="*/ 45 w 143"/>
                <a:gd name="T17" fmla="*/ 4 h 140"/>
                <a:gd name="T18" fmla="*/ 46 w 143"/>
                <a:gd name="T19" fmla="*/ 5 h 140"/>
                <a:gd name="T20" fmla="*/ 47 w 143"/>
                <a:gd name="T21" fmla="*/ 7 h 140"/>
                <a:gd name="T22" fmla="*/ 48 w 143"/>
                <a:gd name="T23" fmla="*/ 12 h 140"/>
                <a:gd name="T24" fmla="*/ 47 w 143"/>
                <a:gd name="T25" fmla="*/ 19 h 140"/>
                <a:gd name="T26" fmla="*/ 43 w 143"/>
                <a:gd name="T27" fmla="*/ 29 h 140"/>
                <a:gd name="T28" fmla="*/ 41 w 143"/>
                <a:gd name="T29" fmla="*/ 35 h 140"/>
                <a:gd name="T30" fmla="*/ 41 w 143"/>
                <a:gd name="T31" fmla="*/ 40 h 140"/>
                <a:gd name="T32" fmla="*/ 41 w 143"/>
                <a:gd name="T33" fmla="*/ 42 h 140"/>
                <a:gd name="T34" fmla="*/ 41 w 143"/>
                <a:gd name="T35" fmla="*/ 44 h 140"/>
                <a:gd name="T36" fmla="*/ 40 w 143"/>
                <a:gd name="T37" fmla="*/ 45 h 140"/>
                <a:gd name="T38" fmla="*/ 39 w 143"/>
                <a:gd name="T39" fmla="*/ 42 h 140"/>
                <a:gd name="T40" fmla="*/ 35 w 143"/>
                <a:gd name="T41" fmla="*/ 40 h 140"/>
                <a:gd name="T42" fmla="*/ 30 w 143"/>
                <a:gd name="T43" fmla="*/ 43 h 140"/>
                <a:gd name="T44" fmla="*/ 24 w 143"/>
                <a:gd name="T45" fmla="*/ 46 h 140"/>
                <a:gd name="T46" fmla="*/ 16 w 143"/>
                <a:gd name="T47" fmla="*/ 45 h 140"/>
                <a:gd name="T48" fmla="*/ 12 w 143"/>
                <a:gd name="T49" fmla="*/ 43 h 140"/>
                <a:gd name="T50" fmla="*/ 10 w 143"/>
                <a:gd name="T51" fmla="*/ 39 h 140"/>
                <a:gd name="T52" fmla="*/ 9 w 143"/>
                <a:gd name="T53" fmla="*/ 34 h 140"/>
                <a:gd name="T54" fmla="*/ 6 w 143"/>
                <a:gd name="T55" fmla="*/ 30 h 140"/>
                <a:gd name="T56" fmla="*/ 1 w 143"/>
                <a:gd name="T57" fmla="*/ 28 h 140"/>
                <a:gd name="T58" fmla="*/ 1 w 143"/>
                <a:gd name="T59" fmla="*/ 26 h 140"/>
                <a:gd name="T60" fmla="*/ 0 w 143"/>
                <a:gd name="T61" fmla="*/ 21 h 140"/>
                <a:gd name="T62" fmla="*/ 4 w 143"/>
                <a:gd name="T63" fmla="*/ 16 h 140"/>
                <a:gd name="T64" fmla="*/ 11 w 143"/>
                <a:gd name="T65" fmla="*/ 12 h 140"/>
                <a:gd name="T66" fmla="*/ 15 w 143"/>
                <a:gd name="T67" fmla="*/ 8 h 140"/>
                <a:gd name="T68" fmla="*/ 17 w 143"/>
                <a:gd name="T69" fmla="*/ 5 h 140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0" t="0" r="r" b="b"/>
              <a:pathLst>
                <a:path w="143" h="140">
                  <a:moveTo>
                    <a:pt x="51" y="16"/>
                  </a:moveTo>
                  <a:lnTo>
                    <a:pt x="60" y="19"/>
                  </a:lnTo>
                  <a:lnTo>
                    <a:pt x="68" y="22"/>
                  </a:lnTo>
                  <a:lnTo>
                    <a:pt x="72" y="23"/>
                  </a:lnTo>
                  <a:lnTo>
                    <a:pt x="77" y="23"/>
                  </a:lnTo>
                  <a:lnTo>
                    <a:pt x="82" y="22"/>
                  </a:lnTo>
                  <a:lnTo>
                    <a:pt x="86" y="21"/>
                  </a:lnTo>
                  <a:lnTo>
                    <a:pt x="92" y="19"/>
                  </a:lnTo>
                  <a:lnTo>
                    <a:pt x="99" y="16"/>
                  </a:lnTo>
                  <a:lnTo>
                    <a:pt x="104" y="13"/>
                  </a:lnTo>
                  <a:lnTo>
                    <a:pt x="109" y="8"/>
                  </a:lnTo>
                  <a:lnTo>
                    <a:pt x="114" y="5"/>
                  </a:lnTo>
                  <a:lnTo>
                    <a:pt x="121" y="3"/>
                  </a:lnTo>
                  <a:lnTo>
                    <a:pt x="128" y="1"/>
                  </a:lnTo>
                  <a:lnTo>
                    <a:pt x="136" y="0"/>
                  </a:lnTo>
                  <a:lnTo>
                    <a:pt x="136" y="4"/>
                  </a:lnTo>
                  <a:lnTo>
                    <a:pt x="136" y="9"/>
                  </a:lnTo>
                  <a:lnTo>
                    <a:pt x="135" y="12"/>
                  </a:lnTo>
                  <a:lnTo>
                    <a:pt x="136" y="14"/>
                  </a:lnTo>
                  <a:lnTo>
                    <a:pt x="138" y="15"/>
                  </a:lnTo>
                  <a:lnTo>
                    <a:pt x="139" y="16"/>
                  </a:lnTo>
                  <a:lnTo>
                    <a:pt x="141" y="22"/>
                  </a:lnTo>
                  <a:lnTo>
                    <a:pt x="142" y="29"/>
                  </a:lnTo>
                  <a:lnTo>
                    <a:pt x="143" y="37"/>
                  </a:lnTo>
                  <a:lnTo>
                    <a:pt x="142" y="44"/>
                  </a:lnTo>
                  <a:lnTo>
                    <a:pt x="139" y="58"/>
                  </a:lnTo>
                  <a:lnTo>
                    <a:pt x="133" y="72"/>
                  </a:lnTo>
                  <a:lnTo>
                    <a:pt x="128" y="85"/>
                  </a:lnTo>
                  <a:lnTo>
                    <a:pt x="124" y="99"/>
                  </a:lnTo>
                  <a:lnTo>
                    <a:pt x="123" y="105"/>
                  </a:lnTo>
                  <a:lnTo>
                    <a:pt x="122" y="112"/>
                  </a:lnTo>
                  <a:lnTo>
                    <a:pt x="122" y="119"/>
                  </a:lnTo>
                  <a:lnTo>
                    <a:pt x="124" y="124"/>
                  </a:lnTo>
                  <a:lnTo>
                    <a:pt x="122" y="126"/>
                  </a:lnTo>
                  <a:lnTo>
                    <a:pt x="121" y="128"/>
                  </a:lnTo>
                  <a:lnTo>
                    <a:pt x="121" y="132"/>
                  </a:lnTo>
                  <a:lnTo>
                    <a:pt x="121" y="135"/>
                  </a:lnTo>
                  <a:lnTo>
                    <a:pt x="119" y="133"/>
                  </a:lnTo>
                  <a:lnTo>
                    <a:pt x="116" y="131"/>
                  </a:lnTo>
                  <a:lnTo>
                    <a:pt x="116" y="126"/>
                  </a:lnTo>
                  <a:lnTo>
                    <a:pt x="116" y="122"/>
                  </a:lnTo>
                  <a:lnTo>
                    <a:pt x="104" y="120"/>
                  </a:lnTo>
                  <a:lnTo>
                    <a:pt x="93" y="117"/>
                  </a:lnTo>
                  <a:lnTo>
                    <a:pt x="89" y="127"/>
                  </a:lnTo>
                  <a:lnTo>
                    <a:pt x="86" y="140"/>
                  </a:lnTo>
                  <a:lnTo>
                    <a:pt x="71" y="137"/>
                  </a:lnTo>
                  <a:lnTo>
                    <a:pt x="56" y="135"/>
                  </a:lnTo>
                  <a:lnTo>
                    <a:pt x="49" y="133"/>
                  </a:lnTo>
                  <a:lnTo>
                    <a:pt x="43" y="132"/>
                  </a:lnTo>
                  <a:lnTo>
                    <a:pt x="36" y="128"/>
                  </a:lnTo>
                  <a:lnTo>
                    <a:pt x="32" y="124"/>
                  </a:lnTo>
                  <a:lnTo>
                    <a:pt x="31" y="117"/>
                  </a:lnTo>
                  <a:lnTo>
                    <a:pt x="30" y="108"/>
                  </a:lnTo>
                  <a:lnTo>
                    <a:pt x="28" y="100"/>
                  </a:lnTo>
                  <a:lnTo>
                    <a:pt x="27" y="92"/>
                  </a:lnTo>
                  <a:lnTo>
                    <a:pt x="17" y="88"/>
                  </a:lnTo>
                  <a:lnTo>
                    <a:pt x="7" y="86"/>
                  </a:lnTo>
                  <a:lnTo>
                    <a:pt x="4" y="83"/>
                  </a:lnTo>
                  <a:lnTo>
                    <a:pt x="3" y="80"/>
                  </a:lnTo>
                  <a:lnTo>
                    <a:pt x="2" y="76"/>
                  </a:lnTo>
                  <a:lnTo>
                    <a:pt x="2" y="73"/>
                  </a:lnTo>
                  <a:lnTo>
                    <a:pt x="1" y="64"/>
                  </a:lnTo>
                  <a:lnTo>
                    <a:pt x="0" y="56"/>
                  </a:lnTo>
                  <a:lnTo>
                    <a:pt x="13" y="48"/>
                  </a:lnTo>
                  <a:lnTo>
                    <a:pt x="27" y="40"/>
                  </a:lnTo>
                  <a:lnTo>
                    <a:pt x="33" y="35"/>
                  </a:lnTo>
                  <a:lnTo>
                    <a:pt x="40" y="30"/>
                  </a:lnTo>
                  <a:lnTo>
                    <a:pt x="45" y="24"/>
                  </a:lnTo>
                  <a:lnTo>
                    <a:pt x="50" y="18"/>
                  </a:lnTo>
                  <a:lnTo>
                    <a:pt x="51" y="16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11" name="Gribskov"/>
            <p:cNvSpPr>
              <a:spLocks/>
            </p:cNvSpPr>
            <p:nvPr/>
          </p:nvSpPr>
          <p:spPr bwMode="auto">
            <a:xfrm>
              <a:off x="3554413" y="4343400"/>
              <a:ext cx="307975" cy="217488"/>
            </a:xfrm>
            <a:custGeom>
              <a:avLst/>
              <a:gdLst>
                <a:gd name="T0" fmla="*/ 80 w 581"/>
                <a:gd name="T1" fmla="*/ 20 h 411"/>
                <a:gd name="T2" fmla="*/ 100 w 581"/>
                <a:gd name="T3" fmla="*/ 12 h 411"/>
                <a:gd name="T4" fmla="*/ 122 w 581"/>
                <a:gd name="T5" fmla="*/ 2 h 411"/>
                <a:gd name="T6" fmla="*/ 133 w 581"/>
                <a:gd name="T7" fmla="*/ 0 h 411"/>
                <a:gd name="T8" fmla="*/ 145 w 581"/>
                <a:gd name="T9" fmla="*/ 2 h 411"/>
                <a:gd name="T10" fmla="*/ 155 w 581"/>
                <a:gd name="T11" fmla="*/ 7 h 411"/>
                <a:gd name="T12" fmla="*/ 159 w 581"/>
                <a:gd name="T13" fmla="*/ 8 h 411"/>
                <a:gd name="T14" fmla="*/ 167 w 581"/>
                <a:gd name="T15" fmla="*/ 13 h 411"/>
                <a:gd name="T16" fmla="*/ 175 w 581"/>
                <a:gd name="T17" fmla="*/ 20 h 411"/>
                <a:gd name="T18" fmla="*/ 186 w 581"/>
                <a:gd name="T19" fmla="*/ 24 h 411"/>
                <a:gd name="T20" fmla="*/ 192 w 581"/>
                <a:gd name="T21" fmla="*/ 26 h 411"/>
                <a:gd name="T22" fmla="*/ 194 w 581"/>
                <a:gd name="T23" fmla="*/ 28 h 411"/>
                <a:gd name="T24" fmla="*/ 194 w 581"/>
                <a:gd name="T25" fmla="*/ 40 h 411"/>
                <a:gd name="T26" fmla="*/ 191 w 581"/>
                <a:gd name="T27" fmla="*/ 60 h 411"/>
                <a:gd name="T28" fmla="*/ 188 w 581"/>
                <a:gd name="T29" fmla="*/ 74 h 411"/>
                <a:gd name="T30" fmla="*/ 184 w 581"/>
                <a:gd name="T31" fmla="*/ 80 h 411"/>
                <a:gd name="T32" fmla="*/ 178 w 581"/>
                <a:gd name="T33" fmla="*/ 79 h 411"/>
                <a:gd name="T34" fmla="*/ 175 w 581"/>
                <a:gd name="T35" fmla="*/ 78 h 411"/>
                <a:gd name="T36" fmla="*/ 171 w 581"/>
                <a:gd name="T37" fmla="*/ 93 h 411"/>
                <a:gd name="T38" fmla="*/ 170 w 581"/>
                <a:gd name="T39" fmla="*/ 105 h 411"/>
                <a:gd name="T40" fmla="*/ 153 w 581"/>
                <a:gd name="T41" fmla="*/ 109 h 411"/>
                <a:gd name="T42" fmla="*/ 136 w 581"/>
                <a:gd name="T43" fmla="*/ 111 h 411"/>
                <a:gd name="T44" fmla="*/ 136 w 581"/>
                <a:gd name="T45" fmla="*/ 118 h 411"/>
                <a:gd name="T46" fmla="*/ 131 w 581"/>
                <a:gd name="T47" fmla="*/ 121 h 411"/>
                <a:gd name="T48" fmla="*/ 127 w 581"/>
                <a:gd name="T49" fmla="*/ 121 h 411"/>
                <a:gd name="T50" fmla="*/ 121 w 581"/>
                <a:gd name="T51" fmla="*/ 120 h 411"/>
                <a:gd name="T52" fmla="*/ 115 w 581"/>
                <a:gd name="T53" fmla="*/ 121 h 411"/>
                <a:gd name="T54" fmla="*/ 102 w 581"/>
                <a:gd name="T55" fmla="*/ 126 h 411"/>
                <a:gd name="T56" fmla="*/ 95 w 581"/>
                <a:gd name="T57" fmla="*/ 134 h 411"/>
                <a:gd name="T58" fmla="*/ 90 w 581"/>
                <a:gd name="T59" fmla="*/ 136 h 411"/>
                <a:gd name="T60" fmla="*/ 86 w 581"/>
                <a:gd name="T61" fmla="*/ 137 h 411"/>
                <a:gd name="T62" fmla="*/ 78 w 581"/>
                <a:gd name="T63" fmla="*/ 132 h 411"/>
                <a:gd name="T64" fmla="*/ 73 w 581"/>
                <a:gd name="T65" fmla="*/ 132 h 411"/>
                <a:gd name="T66" fmla="*/ 72 w 581"/>
                <a:gd name="T67" fmla="*/ 125 h 411"/>
                <a:gd name="T68" fmla="*/ 69 w 581"/>
                <a:gd name="T69" fmla="*/ 119 h 411"/>
                <a:gd name="T70" fmla="*/ 62 w 581"/>
                <a:gd name="T71" fmla="*/ 117 h 411"/>
                <a:gd name="T72" fmla="*/ 55 w 581"/>
                <a:gd name="T73" fmla="*/ 116 h 411"/>
                <a:gd name="T74" fmla="*/ 50 w 581"/>
                <a:gd name="T75" fmla="*/ 112 h 411"/>
                <a:gd name="T76" fmla="*/ 43 w 581"/>
                <a:gd name="T77" fmla="*/ 102 h 411"/>
                <a:gd name="T78" fmla="*/ 38 w 581"/>
                <a:gd name="T79" fmla="*/ 98 h 411"/>
                <a:gd name="T80" fmla="*/ 31 w 581"/>
                <a:gd name="T81" fmla="*/ 105 h 411"/>
                <a:gd name="T82" fmla="*/ 30 w 581"/>
                <a:gd name="T83" fmla="*/ 111 h 411"/>
                <a:gd name="T84" fmla="*/ 28 w 581"/>
                <a:gd name="T85" fmla="*/ 113 h 411"/>
                <a:gd name="T86" fmla="*/ 26 w 581"/>
                <a:gd name="T87" fmla="*/ 110 h 411"/>
                <a:gd name="T88" fmla="*/ 26 w 581"/>
                <a:gd name="T89" fmla="*/ 106 h 411"/>
                <a:gd name="T90" fmla="*/ 25 w 581"/>
                <a:gd name="T91" fmla="*/ 101 h 411"/>
                <a:gd name="T92" fmla="*/ 19 w 581"/>
                <a:gd name="T93" fmla="*/ 98 h 411"/>
                <a:gd name="T94" fmla="*/ 15 w 581"/>
                <a:gd name="T95" fmla="*/ 96 h 411"/>
                <a:gd name="T96" fmla="*/ 6 w 581"/>
                <a:gd name="T97" fmla="*/ 93 h 411"/>
                <a:gd name="T98" fmla="*/ 1 w 581"/>
                <a:gd name="T99" fmla="*/ 91 h 411"/>
                <a:gd name="T100" fmla="*/ 16 w 581"/>
                <a:gd name="T101" fmla="*/ 75 h 411"/>
                <a:gd name="T102" fmla="*/ 40 w 581"/>
                <a:gd name="T103" fmla="*/ 54 h 411"/>
                <a:gd name="T104" fmla="*/ 65 w 581"/>
                <a:gd name="T105" fmla="*/ 33 h 41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581" h="411">
                  <a:moveTo>
                    <a:pt x="220" y="77"/>
                  </a:moveTo>
                  <a:lnTo>
                    <a:pt x="229" y="68"/>
                  </a:lnTo>
                  <a:lnTo>
                    <a:pt x="240" y="61"/>
                  </a:lnTo>
                  <a:lnTo>
                    <a:pt x="253" y="54"/>
                  </a:lnTo>
                  <a:lnTo>
                    <a:pt x="267" y="47"/>
                  </a:lnTo>
                  <a:lnTo>
                    <a:pt x="298" y="36"/>
                  </a:lnTo>
                  <a:lnTo>
                    <a:pt x="329" y="23"/>
                  </a:lnTo>
                  <a:lnTo>
                    <a:pt x="346" y="16"/>
                  </a:lnTo>
                  <a:lnTo>
                    <a:pt x="364" y="7"/>
                  </a:lnTo>
                  <a:lnTo>
                    <a:pt x="374" y="3"/>
                  </a:lnTo>
                  <a:lnTo>
                    <a:pt x="385" y="1"/>
                  </a:lnTo>
                  <a:lnTo>
                    <a:pt x="397" y="0"/>
                  </a:lnTo>
                  <a:lnTo>
                    <a:pt x="410" y="1"/>
                  </a:lnTo>
                  <a:lnTo>
                    <a:pt x="423" y="3"/>
                  </a:lnTo>
                  <a:lnTo>
                    <a:pt x="435" y="7"/>
                  </a:lnTo>
                  <a:lnTo>
                    <a:pt x="446" y="14"/>
                  </a:lnTo>
                  <a:lnTo>
                    <a:pt x="457" y="21"/>
                  </a:lnTo>
                  <a:lnTo>
                    <a:pt x="463" y="20"/>
                  </a:lnTo>
                  <a:lnTo>
                    <a:pt x="468" y="21"/>
                  </a:lnTo>
                  <a:lnTo>
                    <a:pt x="472" y="22"/>
                  </a:lnTo>
                  <a:lnTo>
                    <a:pt x="477" y="23"/>
                  </a:lnTo>
                  <a:lnTo>
                    <a:pt x="485" y="26"/>
                  </a:lnTo>
                  <a:lnTo>
                    <a:pt x="495" y="28"/>
                  </a:lnTo>
                  <a:lnTo>
                    <a:pt x="500" y="38"/>
                  </a:lnTo>
                  <a:lnTo>
                    <a:pt x="507" y="46"/>
                  </a:lnTo>
                  <a:lnTo>
                    <a:pt x="516" y="54"/>
                  </a:lnTo>
                  <a:lnTo>
                    <a:pt x="525" y="59"/>
                  </a:lnTo>
                  <a:lnTo>
                    <a:pt x="535" y="64"/>
                  </a:lnTo>
                  <a:lnTo>
                    <a:pt x="546" y="68"/>
                  </a:lnTo>
                  <a:lnTo>
                    <a:pt x="558" y="72"/>
                  </a:lnTo>
                  <a:lnTo>
                    <a:pt x="570" y="75"/>
                  </a:lnTo>
                  <a:lnTo>
                    <a:pt x="571" y="76"/>
                  </a:lnTo>
                  <a:lnTo>
                    <a:pt x="575" y="77"/>
                  </a:lnTo>
                  <a:lnTo>
                    <a:pt x="578" y="77"/>
                  </a:lnTo>
                  <a:lnTo>
                    <a:pt x="581" y="77"/>
                  </a:lnTo>
                  <a:lnTo>
                    <a:pt x="581" y="83"/>
                  </a:lnTo>
                  <a:lnTo>
                    <a:pt x="581" y="89"/>
                  </a:lnTo>
                  <a:lnTo>
                    <a:pt x="581" y="104"/>
                  </a:lnTo>
                  <a:lnTo>
                    <a:pt x="581" y="120"/>
                  </a:lnTo>
                  <a:lnTo>
                    <a:pt x="579" y="135"/>
                  </a:lnTo>
                  <a:lnTo>
                    <a:pt x="578" y="149"/>
                  </a:lnTo>
                  <a:lnTo>
                    <a:pt x="571" y="179"/>
                  </a:lnTo>
                  <a:lnTo>
                    <a:pt x="565" y="208"/>
                  </a:lnTo>
                  <a:lnTo>
                    <a:pt x="565" y="216"/>
                  </a:lnTo>
                  <a:lnTo>
                    <a:pt x="564" y="223"/>
                  </a:lnTo>
                  <a:lnTo>
                    <a:pt x="563" y="228"/>
                  </a:lnTo>
                  <a:lnTo>
                    <a:pt x="561" y="235"/>
                  </a:lnTo>
                  <a:lnTo>
                    <a:pt x="552" y="239"/>
                  </a:lnTo>
                  <a:lnTo>
                    <a:pt x="545" y="244"/>
                  </a:lnTo>
                  <a:lnTo>
                    <a:pt x="539" y="241"/>
                  </a:lnTo>
                  <a:lnTo>
                    <a:pt x="532" y="237"/>
                  </a:lnTo>
                  <a:lnTo>
                    <a:pt x="529" y="235"/>
                  </a:lnTo>
                  <a:lnTo>
                    <a:pt x="526" y="234"/>
                  </a:lnTo>
                  <a:lnTo>
                    <a:pt x="523" y="233"/>
                  </a:lnTo>
                  <a:lnTo>
                    <a:pt x="520" y="235"/>
                  </a:lnTo>
                  <a:lnTo>
                    <a:pt x="516" y="257"/>
                  </a:lnTo>
                  <a:lnTo>
                    <a:pt x="513" y="280"/>
                  </a:lnTo>
                  <a:lnTo>
                    <a:pt x="512" y="292"/>
                  </a:lnTo>
                  <a:lnTo>
                    <a:pt x="510" y="303"/>
                  </a:lnTo>
                  <a:lnTo>
                    <a:pt x="508" y="314"/>
                  </a:lnTo>
                  <a:lnTo>
                    <a:pt x="505" y="323"/>
                  </a:lnTo>
                  <a:lnTo>
                    <a:pt x="482" y="325"/>
                  </a:lnTo>
                  <a:lnTo>
                    <a:pt x="458" y="326"/>
                  </a:lnTo>
                  <a:lnTo>
                    <a:pt x="435" y="327"/>
                  </a:lnTo>
                  <a:lnTo>
                    <a:pt x="410" y="328"/>
                  </a:lnTo>
                  <a:lnTo>
                    <a:pt x="408" y="333"/>
                  </a:lnTo>
                  <a:lnTo>
                    <a:pt x="408" y="339"/>
                  </a:lnTo>
                  <a:lnTo>
                    <a:pt x="408" y="346"/>
                  </a:lnTo>
                  <a:lnTo>
                    <a:pt x="408" y="354"/>
                  </a:lnTo>
                  <a:lnTo>
                    <a:pt x="402" y="357"/>
                  </a:lnTo>
                  <a:lnTo>
                    <a:pt x="396" y="360"/>
                  </a:lnTo>
                  <a:lnTo>
                    <a:pt x="392" y="362"/>
                  </a:lnTo>
                  <a:lnTo>
                    <a:pt x="389" y="363"/>
                  </a:lnTo>
                  <a:lnTo>
                    <a:pt x="385" y="364"/>
                  </a:lnTo>
                  <a:lnTo>
                    <a:pt x="380" y="364"/>
                  </a:lnTo>
                  <a:lnTo>
                    <a:pt x="372" y="360"/>
                  </a:lnTo>
                  <a:lnTo>
                    <a:pt x="365" y="356"/>
                  </a:lnTo>
                  <a:lnTo>
                    <a:pt x="361" y="359"/>
                  </a:lnTo>
                  <a:lnTo>
                    <a:pt x="357" y="361"/>
                  </a:lnTo>
                  <a:lnTo>
                    <a:pt x="351" y="363"/>
                  </a:lnTo>
                  <a:lnTo>
                    <a:pt x="345" y="364"/>
                  </a:lnTo>
                  <a:lnTo>
                    <a:pt x="331" y="364"/>
                  </a:lnTo>
                  <a:lnTo>
                    <a:pt x="317" y="364"/>
                  </a:lnTo>
                  <a:lnTo>
                    <a:pt x="304" y="379"/>
                  </a:lnTo>
                  <a:lnTo>
                    <a:pt x="291" y="394"/>
                  </a:lnTo>
                  <a:lnTo>
                    <a:pt x="289" y="398"/>
                  </a:lnTo>
                  <a:lnTo>
                    <a:pt x="285" y="401"/>
                  </a:lnTo>
                  <a:lnTo>
                    <a:pt x="281" y="404"/>
                  </a:lnTo>
                  <a:lnTo>
                    <a:pt x="277" y="406"/>
                  </a:lnTo>
                  <a:lnTo>
                    <a:pt x="271" y="409"/>
                  </a:lnTo>
                  <a:lnTo>
                    <a:pt x="267" y="410"/>
                  </a:lnTo>
                  <a:lnTo>
                    <a:pt x="262" y="411"/>
                  </a:lnTo>
                  <a:lnTo>
                    <a:pt x="259" y="410"/>
                  </a:lnTo>
                  <a:lnTo>
                    <a:pt x="249" y="404"/>
                  </a:lnTo>
                  <a:lnTo>
                    <a:pt x="241" y="399"/>
                  </a:lnTo>
                  <a:lnTo>
                    <a:pt x="235" y="397"/>
                  </a:lnTo>
                  <a:lnTo>
                    <a:pt x="230" y="395"/>
                  </a:lnTo>
                  <a:lnTo>
                    <a:pt x="225" y="395"/>
                  </a:lnTo>
                  <a:lnTo>
                    <a:pt x="218" y="397"/>
                  </a:lnTo>
                  <a:lnTo>
                    <a:pt x="218" y="389"/>
                  </a:lnTo>
                  <a:lnTo>
                    <a:pt x="217" y="381"/>
                  </a:lnTo>
                  <a:lnTo>
                    <a:pt x="215" y="374"/>
                  </a:lnTo>
                  <a:lnTo>
                    <a:pt x="213" y="367"/>
                  </a:lnTo>
                  <a:lnTo>
                    <a:pt x="210" y="361"/>
                  </a:lnTo>
                  <a:lnTo>
                    <a:pt x="206" y="357"/>
                  </a:lnTo>
                  <a:lnTo>
                    <a:pt x="202" y="353"/>
                  </a:lnTo>
                  <a:lnTo>
                    <a:pt x="198" y="348"/>
                  </a:lnTo>
                  <a:lnTo>
                    <a:pt x="187" y="352"/>
                  </a:lnTo>
                  <a:lnTo>
                    <a:pt x="179" y="352"/>
                  </a:lnTo>
                  <a:lnTo>
                    <a:pt x="170" y="352"/>
                  </a:lnTo>
                  <a:lnTo>
                    <a:pt x="164" y="348"/>
                  </a:lnTo>
                  <a:lnTo>
                    <a:pt x="159" y="345"/>
                  </a:lnTo>
                  <a:lnTo>
                    <a:pt x="153" y="341"/>
                  </a:lnTo>
                  <a:lnTo>
                    <a:pt x="149" y="336"/>
                  </a:lnTo>
                  <a:lnTo>
                    <a:pt x="145" y="331"/>
                  </a:lnTo>
                  <a:lnTo>
                    <a:pt x="138" y="318"/>
                  </a:lnTo>
                  <a:lnTo>
                    <a:pt x="129" y="306"/>
                  </a:lnTo>
                  <a:lnTo>
                    <a:pt x="125" y="302"/>
                  </a:lnTo>
                  <a:lnTo>
                    <a:pt x="120" y="298"/>
                  </a:lnTo>
                  <a:lnTo>
                    <a:pt x="113" y="295"/>
                  </a:lnTo>
                  <a:lnTo>
                    <a:pt x="106" y="293"/>
                  </a:lnTo>
                  <a:lnTo>
                    <a:pt x="100" y="303"/>
                  </a:lnTo>
                  <a:lnTo>
                    <a:pt x="93" y="315"/>
                  </a:lnTo>
                  <a:lnTo>
                    <a:pt x="91" y="320"/>
                  </a:lnTo>
                  <a:lnTo>
                    <a:pt x="89" y="327"/>
                  </a:lnTo>
                  <a:lnTo>
                    <a:pt x="89" y="334"/>
                  </a:lnTo>
                  <a:lnTo>
                    <a:pt x="90" y="341"/>
                  </a:lnTo>
                  <a:lnTo>
                    <a:pt x="87" y="340"/>
                  </a:lnTo>
                  <a:lnTo>
                    <a:pt x="84" y="339"/>
                  </a:lnTo>
                  <a:lnTo>
                    <a:pt x="82" y="337"/>
                  </a:lnTo>
                  <a:lnTo>
                    <a:pt x="80" y="334"/>
                  </a:lnTo>
                  <a:lnTo>
                    <a:pt x="79" y="331"/>
                  </a:lnTo>
                  <a:lnTo>
                    <a:pt x="78" y="327"/>
                  </a:lnTo>
                  <a:lnTo>
                    <a:pt x="78" y="323"/>
                  </a:lnTo>
                  <a:lnTo>
                    <a:pt x="78" y="318"/>
                  </a:lnTo>
                  <a:lnTo>
                    <a:pt x="76" y="313"/>
                  </a:lnTo>
                  <a:lnTo>
                    <a:pt x="75" y="307"/>
                  </a:lnTo>
                  <a:lnTo>
                    <a:pt x="75" y="302"/>
                  </a:lnTo>
                  <a:lnTo>
                    <a:pt x="75" y="295"/>
                  </a:lnTo>
                  <a:lnTo>
                    <a:pt x="66" y="295"/>
                  </a:lnTo>
                  <a:lnTo>
                    <a:pt x="56" y="294"/>
                  </a:lnTo>
                  <a:lnTo>
                    <a:pt x="52" y="292"/>
                  </a:lnTo>
                  <a:lnTo>
                    <a:pt x="48" y="291"/>
                  </a:lnTo>
                  <a:lnTo>
                    <a:pt x="44" y="288"/>
                  </a:lnTo>
                  <a:lnTo>
                    <a:pt x="40" y="285"/>
                  </a:lnTo>
                  <a:lnTo>
                    <a:pt x="29" y="282"/>
                  </a:lnTo>
                  <a:lnTo>
                    <a:pt x="19" y="280"/>
                  </a:lnTo>
                  <a:lnTo>
                    <a:pt x="8" y="277"/>
                  </a:lnTo>
                  <a:lnTo>
                    <a:pt x="0" y="273"/>
                  </a:lnTo>
                  <a:lnTo>
                    <a:pt x="3" y="272"/>
                  </a:lnTo>
                  <a:lnTo>
                    <a:pt x="4" y="270"/>
                  </a:lnTo>
                  <a:lnTo>
                    <a:pt x="27" y="247"/>
                  </a:lnTo>
                  <a:lnTo>
                    <a:pt x="49" y="225"/>
                  </a:lnTo>
                  <a:lnTo>
                    <a:pt x="73" y="203"/>
                  </a:lnTo>
                  <a:lnTo>
                    <a:pt x="97" y="182"/>
                  </a:lnTo>
                  <a:lnTo>
                    <a:pt x="121" y="161"/>
                  </a:lnTo>
                  <a:lnTo>
                    <a:pt x="145" y="140"/>
                  </a:lnTo>
                  <a:lnTo>
                    <a:pt x="170" y="120"/>
                  </a:lnTo>
                  <a:lnTo>
                    <a:pt x="194" y="100"/>
                  </a:lnTo>
                  <a:lnTo>
                    <a:pt x="208" y="88"/>
                  </a:lnTo>
                  <a:lnTo>
                    <a:pt x="220" y="77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12" name="Gribskov kant"/>
            <p:cNvSpPr>
              <a:spLocks/>
            </p:cNvSpPr>
            <p:nvPr/>
          </p:nvSpPr>
          <p:spPr bwMode="auto">
            <a:xfrm>
              <a:off x="3554413" y="4343400"/>
              <a:ext cx="307975" cy="217488"/>
            </a:xfrm>
            <a:custGeom>
              <a:avLst/>
              <a:gdLst>
                <a:gd name="T0" fmla="*/ 80 w 581"/>
                <a:gd name="T1" fmla="*/ 20 h 411"/>
                <a:gd name="T2" fmla="*/ 100 w 581"/>
                <a:gd name="T3" fmla="*/ 12 h 411"/>
                <a:gd name="T4" fmla="*/ 122 w 581"/>
                <a:gd name="T5" fmla="*/ 2 h 411"/>
                <a:gd name="T6" fmla="*/ 133 w 581"/>
                <a:gd name="T7" fmla="*/ 0 h 411"/>
                <a:gd name="T8" fmla="*/ 145 w 581"/>
                <a:gd name="T9" fmla="*/ 2 h 411"/>
                <a:gd name="T10" fmla="*/ 155 w 581"/>
                <a:gd name="T11" fmla="*/ 7 h 411"/>
                <a:gd name="T12" fmla="*/ 159 w 581"/>
                <a:gd name="T13" fmla="*/ 8 h 411"/>
                <a:gd name="T14" fmla="*/ 167 w 581"/>
                <a:gd name="T15" fmla="*/ 13 h 411"/>
                <a:gd name="T16" fmla="*/ 175 w 581"/>
                <a:gd name="T17" fmla="*/ 20 h 411"/>
                <a:gd name="T18" fmla="*/ 186 w 581"/>
                <a:gd name="T19" fmla="*/ 24 h 411"/>
                <a:gd name="T20" fmla="*/ 192 w 581"/>
                <a:gd name="T21" fmla="*/ 26 h 411"/>
                <a:gd name="T22" fmla="*/ 194 w 581"/>
                <a:gd name="T23" fmla="*/ 28 h 411"/>
                <a:gd name="T24" fmla="*/ 194 w 581"/>
                <a:gd name="T25" fmla="*/ 40 h 411"/>
                <a:gd name="T26" fmla="*/ 191 w 581"/>
                <a:gd name="T27" fmla="*/ 60 h 411"/>
                <a:gd name="T28" fmla="*/ 188 w 581"/>
                <a:gd name="T29" fmla="*/ 74 h 411"/>
                <a:gd name="T30" fmla="*/ 184 w 581"/>
                <a:gd name="T31" fmla="*/ 80 h 411"/>
                <a:gd name="T32" fmla="*/ 178 w 581"/>
                <a:gd name="T33" fmla="*/ 79 h 411"/>
                <a:gd name="T34" fmla="*/ 175 w 581"/>
                <a:gd name="T35" fmla="*/ 78 h 411"/>
                <a:gd name="T36" fmla="*/ 171 w 581"/>
                <a:gd name="T37" fmla="*/ 93 h 411"/>
                <a:gd name="T38" fmla="*/ 170 w 581"/>
                <a:gd name="T39" fmla="*/ 105 h 411"/>
                <a:gd name="T40" fmla="*/ 153 w 581"/>
                <a:gd name="T41" fmla="*/ 109 h 411"/>
                <a:gd name="T42" fmla="*/ 136 w 581"/>
                <a:gd name="T43" fmla="*/ 111 h 411"/>
                <a:gd name="T44" fmla="*/ 136 w 581"/>
                <a:gd name="T45" fmla="*/ 118 h 411"/>
                <a:gd name="T46" fmla="*/ 131 w 581"/>
                <a:gd name="T47" fmla="*/ 121 h 411"/>
                <a:gd name="T48" fmla="*/ 127 w 581"/>
                <a:gd name="T49" fmla="*/ 121 h 411"/>
                <a:gd name="T50" fmla="*/ 121 w 581"/>
                <a:gd name="T51" fmla="*/ 120 h 411"/>
                <a:gd name="T52" fmla="*/ 115 w 581"/>
                <a:gd name="T53" fmla="*/ 121 h 411"/>
                <a:gd name="T54" fmla="*/ 102 w 581"/>
                <a:gd name="T55" fmla="*/ 126 h 411"/>
                <a:gd name="T56" fmla="*/ 95 w 581"/>
                <a:gd name="T57" fmla="*/ 134 h 411"/>
                <a:gd name="T58" fmla="*/ 90 w 581"/>
                <a:gd name="T59" fmla="*/ 136 h 411"/>
                <a:gd name="T60" fmla="*/ 86 w 581"/>
                <a:gd name="T61" fmla="*/ 137 h 411"/>
                <a:gd name="T62" fmla="*/ 78 w 581"/>
                <a:gd name="T63" fmla="*/ 132 h 411"/>
                <a:gd name="T64" fmla="*/ 73 w 581"/>
                <a:gd name="T65" fmla="*/ 132 h 411"/>
                <a:gd name="T66" fmla="*/ 72 w 581"/>
                <a:gd name="T67" fmla="*/ 125 h 411"/>
                <a:gd name="T68" fmla="*/ 69 w 581"/>
                <a:gd name="T69" fmla="*/ 119 h 411"/>
                <a:gd name="T70" fmla="*/ 62 w 581"/>
                <a:gd name="T71" fmla="*/ 117 h 411"/>
                <a:gd name="T72" fmla="*/ 55 w 581"/>
                <a:gd name="T73" fmla="*/ 116 h 411"/>
                <a:gd name="T74" fmla="*/ 50 w 581"/>
                <a:gd name="T75" fmla="*/ 112 h 411"/>
                <a:gd name="T76" fmla="*/ 43 w 581"/>
                <a:gd name="T77" fmla="*/ 102 h 411"/>
                <a:gd name="T78" fmla="*/ 38 w 581"/>
                <a:gd name="T79" fmla="*/ 98 h 411"/>
                <a:gd name="T80" fmla="*/ 31 w 581"/>
                <a:gd name="T81" fmla="*/ 105 h 411"/>
                <a:gd name="T82" fmla="*/ 30 w 581"/>
                <a:gd name="T83" fmla="*/ 111 h 411"/>
                <a:gd name="T84" fmla="*/ 28 w 581"/>
                <a:gd name="T85" fmla="*/ 113 h 411"/>
                <a:gd name="T86" fmla="*/ 26 w 581"/>
                <a:gd name="T87" fmla="*/ 110 h 411"/>
                <a:gd name="T88" fmla="*/ 26 w 581"/>
                <a:gd name="T89" fmla="*/ 106 h 411"/>
                <a:gd name="T90" fmla="*/ 25 w 581"/>
                <a:gd name="T91" fmla="*/ 101 h 411"/>
                <a:gd name="T92" fmla="*/ 19 w 581"/>
                <a:gd name="T93" fmla="*/ 98 h 411"/>
                <a:gd name="T94" fmla="*/ 15 w 581"/>
                <a:gd name="T95" fmla="*/ 96 h 411"/>
                <a:gd name="T96" fmla="*/ 6 w 581"/>
                <a:gd name="T97" fmla="*/ 93 h 411"/>
                <a:gd name="T98" fmla="*/ 1 w 581"/>
                <a:gd name="T99" fmla="*/ 91 h 411"/>
                <a:gd name="T100" fmla="*/ 16 w 581"/>
                <a:gd name="T101" fmla="*/ 75 h 411"/>
                <a:gd name="T102" fmla="*/ 40 w 581"/>
                <a:gd name="T103" fmla="*/ 54 h 411"/>
                <a:gd name="T104" fmla="*/ 65 w 581"/>
                <a:gd name="T105" fmla="*/ 33 h 41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581" h="411">
                  <a:moveTo>
                    <a:pt x="220" y="77"/>
                  </a:moveTo>
                  <a:lnTo>
                    <a:pt x="229" y="68"/>
                  </a:lnTo>
                  <a:lnTo>
                    <a:pt x="240" y="61"/>
                  </a:lnTo>
                  <a:lnTo>
                    <a:pt x="253" y="54"/>
                  </a:lnTo>
                  <a:lnTo>
                    <a:pt x="267" y="47"/>
                  </a:lnTo>
                  <a:lnTo>
                    <a:pt x="298" y="36"/>
                  </a:lnTo>
                  <a:lnTo>
                    <a:pt x="329" y="23"/>
                  </a:lnTo>
                  <a:lnTo>
                    <a:pt x="346" y="16"/>
                  </a:lnTo>
                  <a:lnTo>
                    <a:pt x="364" y="7"/>
                  </a:lnTo>
                  <a:lnTo>
                    <a:pt x="374" y="3"/>
                  </a:lnTo>
                  <a:lnTo>
                    <a:pt x="385" y="1"/>
                  </a:lnTo>
                  <a:lnTo>
                    <a:pt x="397" y="0"/>
                  </a:lnTo>
                  <a:lnTo>
                    <a:pt x="410" y="1"/>
                  </a:lnTo>
                  <a:lnTo>
                    <a:pt x="423" y="3"/>
                  </a:lnTo>
                  <a:lnTo>
                    <a:pt x="435" y="7"/>
                  </a:lnTo>
                  <a:lnTo>
                    <a:pt x="446" y="14"/>
                  </a:lnTo>
                  <a:lnTo>
                    <a:pt x="457" y="21"/>
                  </a:lnTo>
                  <a:lnTo>
                    <a:pt x="463" y="20"/>
                  </a:lnTo>
                  <a:lnTo>
                    <a:pt x="468" y="21"/>
                  </a:lnTo>
                  <a:lnTo>
                    <a:pt x="472" y="22"/>
                  </a:lnTo>
                  <a:lnTo>
                    <a:pt x="477" y="23"/>
                  </a:lnTo>
                  <a:lnTo>
                    <a:pt x="485" y="26"/>
                  </a:lnTo>
                  <a:lnTo>
                    <a:pt x="495" y="28"/>
                  </a:lnTo>
                  <a:lnTo>
                    <a:pt x="500" y="38"/>
                  </a:lnTo>
                  <a:lnTo>
                    <a:pt x="507" y="46"/>
                  </a:lnTo>
                  <a:lnTo>
                    <a:pt x="516" y="54"/>
                  </a:lnTo>
                  <a:lnTo>
                    <a:pt x="525" y="59"/>
                  </a:lnTo>
                  <a:lnTo>
                    <a:pt x="535" y="64"/>
                  </a:lnTo>
                  <a:lnTo>
                    <a:pt x="546" y="68"/>
                  </a:lnTo>
                  <a:lnTo>
                    <a:pt x="558" y="72"/>
                  </a:lnTo>
                  <a:lnTo>
                    <a:pt x="570" y="75"/>
                  </a:lnTo>
                  <a:lnTo>
                    <a:pt x="571" y="76"/>
                  </a:lnTo>
                  <a:lnTo>
                    <a:pt x="575" y="77"/>
                  </a:lnTo>
                  <a:lnTo>
                    <a:pt x="578" y="77"/>
                  </a:lnTo>
                  <a:lnTo>
                    <a:pt x="581" y="77"/>
                  </a:lnTo>
                  <a:lnTo>
                    <a:pt x="581" y="83"/>
                  </a:lnTo>
                  <a:lnTo>
                    <a:pt x="581" y="89"/>
                  </a:lnTo>
                  <a:lnTo>
                    <a:pt x="581" y="104"/>
                  </a:lnTo>
                  <a:lnTo>
                    <a:pt x="581" y="120"/>
                  </a:lnTo>
                  <a:lnTo>
                    <a:pt x="579" y="135"/>
                  </a:lnTo>
                  <a:lnTo>
                    <a:pt x="578" y="149"/>
                  </a:lnTo>
                  <a:lnTo>
                    <a:pt x="571" y="179"/>
                  </a:lnTo>
                  <a:lnTo>
                    <a:pt x="565" y="208"/>
                  </a:lnTo>
                  <a:lnTo>
                    <a:pt x="565" y="216"/>
                  </a:lnTo>
                  <a:lnTo>
                    <a:pt x="564" y="223"/>
                  </a:lnTo>
                  <a:lnTo>
                    <a:pt x="563" y="228"/>
                  </a:lnTo>
                  <a:lnTo>
                    <a:pt x="561" y="235"/>
                  </a:lnTo>
                  <a:lnTo>
                    <a:pt x="552" y="239"/>
                  </a:lnTo>
                  <a:lnTo>
                    <a:pt x="545" y="244"/>
                  </a:lnTo>
                  <a:lnTo>
                    <a:pt x="539" y="241"/>
                  </a:lnTo>
                  <a:lnTo>
                    <a:pt x="532" y="237"/>
                  </a:lnTo>
                  <a:lnTo>
                    <a:pt x="529" y="235"/>
                  </a:lnTo>
                  <a:lnTo>
                    <a:pt x="526" y="234"/>
                  </a:lnTo>
                  <a:lnTo>
                    <a:pt x="523" y="233"/>
                  </a:lnTo>
                  <a:lnTo>
                    <a:pt x="520" y="235"/>
                  </a:lnTo>
                  <a:lnTo>
                    <a:pt x="516" y="257"/>
                  </a:lnTo>
                  <a:lnTo>
                    <a:pt x="513" y="280"/>
                  </a:lnTo>
                  <a:lnTo>
                    <a:pt x="512" y="292"/>
                  </a:lnTo>
                  <a:lnTo>
                    <a:pt x="510" y="303"/>
                  </a:lnTo>
                  <a:lnTo>
                    <a:pt x="508" y="314"/>
                  </a:lnTo>
                  <a:lnTo>
                    <a:pt x="505" y="323"/>
                  </a:lnTo>
                  <a:lnTo>
                    <a:pt x="482" y="325"/>
                  </a:lnTo>
                  <a:lnTo>
                    <a:pt x="458" y="326"/>
                  </a:lnTo>
                  <a:lnTo>
                    <a:pt x="435" y="327"/>
                  </a:lnTo>
                  <a:lnTo>
                    <a:pt x="410" y="328"/>
                  </a:lnTo>
                  <a:lnTo>
                    <a:pt x="408" y="333"/>
                  </a:lnTo>
                  <a:lnTo>
                    <a:pt x="408" y="339"/>
                  </a:lnTo>
                  <a:lnTo>
                    <a:pt x="408" y="346"/>
                  </a:lnTo>
                  <a:lnTo>
                    <a:pt x="408" y="354"/>
                  </a:lnTo>
                  <a:lnTo>
                    <a:pt x="402" y="357"/>
                  </a:lnTo>
                  <a:lnTo>
                    <a:pt x="396" y="360"/>
                  </a:lnTo>
                  <a:lnTo>
                    <a:pt x="392" y="362"/>
                  </a:lnTo>
                  <a:lnTo>
                    <a:pt x="389" y="363"/>
                  </a:lnTo>
                  <a:lnTo>
                    <a:pt x="385" y="364"/>
                  </a:lnTo>
                  <a:lnTo>
                    <a:pt x="380" y="364"/>
                  </a:lnTo>
                  <a:lnTo>
                    <a:pt x="372" y="360"/>
                  </a:lnTo>
                  <a:lnTo>
                    <a:pt x="365" y="356"/>
                  </a:lnTo>
                  <a:lnTo>
                    <a:pt x="361" y="359"/>
                  </a:lnTo>
                  <a:lnTo>
                    <a:pt x="357" y="361"/>
                  </a:lnTo>
                  <a:lnTo>
                    <a:pt x="351" y="363"/>
                  </a:lnTo>
                  <a:lnTo>
                    <a:pt x="345" y="364"/>
                  </a:lnTo>
                  <a:lnTo>
                    <a:pt x="331" y="364"/>
                  </a:lnTo>
                  <a:lnTo>
                    <a:pt x="317" y="364"/>
                  </a:lnTo>
                  <a:lnTo>
                    <a:pt x="304" y="379"/>
                  </a:lnTo>
                  <a:lnTo>
                    <a:pt x="291" y="394"/>
                  </a:lnTo>
                  <a:lnTo>
                    <a:pt x="289" y="398"/>
                  </a:lnTo>
                  <a:lnTo>
                    <a:pt x="285" y="401"/>
                  </a:lnTo>
                  <a:lnTo>
                    <a:pt x="281" y="404"/>
                  </a:lnTo>
                  <a:lnTo>
                    <a:pt x="277" y="406"/>
                  </a:lnTo>
                  <a:lnTo>
                    <a:pt x="271" y="409"/>
                  </a:lnTo>
                  <a:lnTo>
                    <a:pt x="267" y="410"/>
                  </a:lnTo>
                  <a:lnTo>
                    <a:pt x="262" y="411"/>
                  </a:lnTo>
                  <a:lnTo>
                    <a:pt x="259" y="410"/>
                  </a:lnTo>
                  <a:lnTo>
                    <a:pt x="249" y="404"/>
                  </a:lnTo>
                  <a:lnTo>
                    <a:pt x="241" y="399"/>
                  </a:lnTo>
                  <a:lnTo>
                    <a:pt x="235" y="397"/>
                  </a:lnTo>
                  <a:lnTo>
                    <a:pt x="230" y="395"/>
                  </a:lnTo>
                  <a:lnTo>
                    <a:pt x="225" y="395"/>
                  </a:lnTo>
                  <a:lnTo>
                    <a:pt x="218" y="397"/>
                  </a:lnTo>
                  <a:lnTo>
                    <a:pt x="218" y="389"/>
                  </a:lnTo>
                  <a:lnTo>
                    <a:pt x="217" y="381"/>
                  </a:lnTo>
                  <a:lnTo>
                    <a:pt x="215" y="374"/>
                  </a:lnTo>
                  <a:lnTo>
                    <a:pt x="213" y="367"/>
                  </a:lnTo>
                  <a:lnTo>
                    <a:pt x="210" y="361"/>
                  </a:lnTo>
                  <a:lnTo>
                    <a:pt x="206" y="357"/>
                  </a:lnTo>
                  <a:lnTo>
                    <a:pt x="202" y="353"/>
                  </a:lnTo>
                  <a:lnTo>
                    <a:pt x="198" y="348"/>
                  </a:lnTo>
                  <a:lnTo>
                    <a:pt x="187" y="352"/>
                  </a:lnTo>
                  <a:lnTo>
                    <a:pt x="179" y="352"/>
                  </a:lnTo>
                  <a:lnTo>
                    <a:pt x="170" y="352"/>
                  </a:lnTo>
                  <a:lnTo>
                    <a:pt x="164" y="348"/>
                  </a:lnTo>
                  <a:lnTo>
                    <a:pt x="159" y="345"/>
                  </a:lnTo>
                  <a:lnTo>
                    <a:pt x="153" y="341"/>
                  </a:lnTo>
                  <a:lnTo>
                    <a:pt x="149" y="336"/>
                  </a:lnTo>
                  <a:lnTo>
                    <a:pt x="145" y="331"/>
                  </a:lnTo>
                  <a:lnTo>
                    <a:pt x="138" y="318"/>
                  </a:lnTo>
                  <a:lnTo>
                    <a:pt x="129" y="306"/>
                  </a:lnTo>
                  <a:lnTo>
                    <a:pt x="125" y="302"/>
                  </a:lnTo>
                  <a:lnTo>
                    <a:pt x="120" y="298"/>
                  </a:lnTo>
                  <a:lnTo>
                    <a:pt x="113" y="295"/>
                  </a:lnTo>
                  <a:lnTo>
                    <a:pt x="106" y="293"/>
                  </a:lnTo>
                  <a:lnTo>
                    <a:pt x="100" y="303"/>
                  </a:lnTo>
                  <a:lnTo>
                    <a:pt x="93" y="315"/>
                  </a:lnTo>
                  <a:lnTo>
                    <a:pt x="91" y="320"/>
                  </a:lnTo>
                  <a:lnTo>
                    <a:pt x="89" y="327"/>
                  </a:lnTo>
                  <a:lnTo>
                    <a:pt x="89" y="334"/>
                  </a:lnTo>
                  <a:lnTo>
                    <a:pt x="90" y="341"/>
                  </a:lnTo>
                  <a:lnTo>
                    <a:pt x="87" y="340"/>
                  </a:lnTo>
                  <a:lnTo>
                    <a:pt x="84" y="339"/>
                  </a:lnTo>
                  <a:lnTo>
                    <a:pt x="82" y="337"/>
                  </a:lnTo>
                  <a:lnTo>
                    <a:pt x="80" y="334"/>
                  </a:lnTo>
                  <a:lnTo>
                    <a:pt x="79" y="331"/>
                  </a:lnTo>
                  <a:lnTo>
                    <a:pt x="78" y="327"/>
                  </a:lnTo>
                  <a:lnTo>
                    <a:pt x="78" y="323"/>
                  </a:lnTo>
                  <a:lnTo>
                    <a:pt x="78" y="318"/>
                  </a:lnTo>
                  <a:lnTo>
                    <a:pt x="76" y="313"/>
                  </a:lnTo>
                  <a:lnTo>
                    <a:pt x="75" y="307"/>
                  </a:lnTo>
                  <a:lnTo>
                    <a:pt x="75" y="302"/>
                  </a:lnTo>
                  <a:lnTo>
                    <a:pt x="75" y="295"/>
                  </a:lnTo>
                  <a:lnTo>
                    <a:pt x="66" y="295"/>
                  </a:lnTo>
                  <a:lnTo>
                    <a:pt x="56" y="294"/>
                  </a:lnTo>
                  <a:lnTo>
                    <a:pt x="52" y="292"/>
                  </a:lnTo>
                  <a:lnTo>
                    <a:pt x="48" y="291"/>
                  </a:lnTo>
                  <a:lnTo>
                    <a:pt x="44" y="288"/>
                  </a:lnTo>
                  <a:lnTo>
                    <a:pt x="40" y="285"/>
                  </a:lnTo>
                  <a:lnTo>
                    <a:pt x="29" y="282"/>
                  </a:lnTo>
                  <a:lnTo>
                    <a:pt x="19" y="280"/>
                  </a:lnTo>
                  <a:lnTo>
                    <a:pt x="8" y="277"/>
                  </a:lnTo>
                  <a:lnTo>
                    <a:pt x="0" y="273"/>
                  </a:lnTo>
                  <a:lnTo>
                    <a:pt x="3" y="272"/>
                  </a:lnTo>
                  <a:lnTo>
                    <a:pt x="4" y="270"/>
                  </a:lnTo>
                  <a:lnTo>
                    <a:pt x="27" y="247"/>
                  </a:lnTo>
                  <a:lnTo>
                    <a:pt x="49" y="225"/>
                  </a:lnTo>
                  <a:lnTo>
                    <a:pt x="73" y="203"/>
                  </a:lnTo>
                  <a:lnTo>
                    <a:pt x="97" y="182"/>
                  </a:lnTo>
                  <a:lnTo>
                    <a:pt x="121" y="161"/>
                  </a:lnTo>
                  <a:lnTo>
                    <a:pt x="145" y="140"/>
                  </a:lnTo>
                  <a:lnTo>
                    <a:pt x="170" y="120"/>
                  </a:lnTo>
                  <a:lnTo>
                    <a:pt x="194" y="100"/>
                  </a:lnTo>
                  <a:lnTo>
                    <a:pt x="208" y="88"/>
                  </a:lnTo>
                  <a:lnTo>
                    <a:pt x="220" y="77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13" name="Fredensborg"/>
            <p:cNvSpPr>
              <a:spLocks/>
            </p:cNvSpPr>
            <p:nvPr/>
          </p:nvSpPr>
          <p:spPr bwMode="auto">
            <a:xfrm>
              <a:off x="3813175" y="4467225"/>
              <a:ext cx="53975" cy="92075"/>
            </a:xfrm>
            <a:custGeom>
              <a:avLst/>
              <a:gdLst>
                <a:gd name="T0" fmla="*/ 7 w 104"/>
                <a:gd name="T1" fmla="*/ 27 h 174"/>
                <a:gd name="T2" fmla="*/ 8 w 104"/>
                <a:gd name="T3" fmla="*/ 20 h 174"/>
                <a:gd name="T4" fmla="*/ 9 w 104"/>
                <a:gd name="T5" fmla="*/ 8 h 174"/>
                <a:gd name="T6" fmla="*/ 12 w 104"/>
                <a:gd name="T7" fmla="*/ 0 h 174"/>
                <a:gd name="T8" fmla="*/ 14 w 104"/>
                <a:gd name="T9" fmla="*/ 1 h 174"/>
                <a:gd name="T10" fmla="*/ 17 w 104"/>
                <a:gd name="T11" fmla="*/ 3 h 174"/>
                <a:gd name="T12" fmla="*/ 21 w 104"/>
                <a:gd name="T13" fmla="*/ 2 h 174"/>
                <a:gd name="T14" fmla="*/ 25 w 104"/>
                <a:gd name="T15" fmla="*/ 1 h 174"/>
                <a:gd name="T16" fmla="*/ 27 w 104"/>
                <a:gd name="T17" fmla="*/ 1 h 174"/>
                <a:gd name="T18" fmla="*/ 31 w 104"/>
                <a:gd name="T19" fmla="*/ 4 h 174"/>
                <a:gd name="T20" fmla="*/ 31 w 104"/>
                <a:gd name="T21" fmla="*/ 6 h 174"/>
                <a:gd name="T22" fmla="*/ 29 w 104"/>
                <a:gd name="T23" fmla="*/ 8 h 174"/>
                <a:gd name="T24" fmla="*/ 29 w 104"/>
                <a:gd name="T25" fmla="*/ 10 h 174"/>
                <a:gd name="T26" fmla="*/ 30 w 104"/>
                <a:gd name="T27" fmla="*/ 14 h 174"/>
                <a:gd name="T28" fmla="*/ 33 w 104"/>
                <a:gd name="T29" fmla="*/ 17 h 174"/>
                <a:gd name="T30" fmla="*/ 33 w 104"/>
                <a:gd name="T31" fmla="*/ 19 h 174"/>
                <a:gd name="T32" fmla="*/ 33 w 104"/>
                <a:gd name="T33" fmla="*/ 22 h 174"/>
                <a:gd name="T34" fmla="*/ 32 w 104"/>
                <a:gd name="T35" fmla="*/ 25 h 174"/>
                <a:gd name="T36" fmla="*/ 30 w 104"/>
                <a:gd name="T37" fmla="*/ 26 h 174"/>
                <a:gd name="T38" fmla="*/ 26 w 104"/>
                <a:gd name="T39" fmla="*/ 27 h 174"/>
                <a:gd name="T40" fmla="*/ 22 w 104"/>
                <a:gd name="T41" fmla="*/ 31 h 174"/>
                <a:gd name="T42" fmla="*/ 20 w 104"/>
                <a:gd name="T43" fmla="*/ 37 h 174"/>
                <a:gd name="T44" fmla="*/ 19 w 104"/>
                <a:gd name="T45" fmla="*/ 43 h 174"/>
                <a:gd name="T46" fmla="*/ 16 w 104"/>
                <a:gd name="T47" fmla="*/ 49 h 174"/>
                <a:gd name="T48" fmla="*/ 13 w 104"/>
                <a:gd name="T49" fmla="*/ 52 h 174"/>
                <a:gd name="T50" fmla="*/ 11 w 104"/>
                <a:gd name="T51" fmla="*/ 55 h 174"/>
                <a:gd name="T52" fmla="*/ 10 w 104"/>
                <a:gd name="T53" fmla="*/ 57 h 174"/>
                <a:gd name="T54" fmla="*/ 7 w 104"/>
                <a:gd name="T55" fmla="*/ 58 h 174"/>
                <a:gd name="T56" fmla="*/ 5 w 104"/>
                <a:gd name="T57" fmla="*/ 58 h 174"/>
                <a:gd name="T58" fmla="*/ 4 w 104"/>
                <a:gd name="T59" fmla="*/ 57 h 174"/>
                <a:gd name="T60" fmla="*/ 5 w 104"/>
                <a:gd name="T61" fmla="*/ 55 h 174"/>
                <a:gd name="T62" fmla="*/ 6 w 104"/>
                <a:gd name="T63" fmla="*/ 54 h 174"/>
                <a:gd name="T64" fmla="*/ 3 w 104"/>
                <a:gd name="T65" fmla="*/ 49 h 174"/>
                <a:gd name="T66" fmla="*/ 0 w 104"/>
                <a:gd name="T67" fmla="*/ 43 h 174"/>
                <a:gd name="T68" fmla="*/ 2 w 104"/>
                <a:gd name="T69" fmla="*/ 40 h 174"/>
                <a:gd name="T70" fmla="*/ 4 w 104"/>
                <a:gd name="T71" fmla="*/ 37 h 174"/>
                <a:gd name="T72" fmla="*/ 6 w 104"/>
                <a:gd name="T73" fmla="*/ 33 h 174"/>
                <a:gd name="T74" fmla="*/ 6 w 104"/>
                <a:gd name="T75" fmla="*/ 30 h 174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</a:gdLst>
              <a:ahLst/>
              <a:cxnLst>
                <a:cxn ang="T76">
                  <a:pos x="T0" y="T1"/>
                </a:cxn>
                <a:cxn ang="T77">
                  <a:pos x="T2" y="T3"/>
                </a:cxn>
                <a:cxn ang="T78">
                  <a:pos x="T4" y="T5"/>
                </a:cxn>
                <a:cxn ang="T79">
                  <a:pos x="T6" y="T7"/>
                </a:cxn>
                <a:cxn ang="T80">
                  <a:pos x="T8" y="T9"/>
                </a:cxn>
                <a:cxn ang="T81">
                  <a:pos x="T10" y="T11"/>
                </a:cxn>
                <a:cxn ang="T82">
                  <a:pos x="T12" y="T13"/>
                </a:cxn>
                <a:cxn ang="T83">
                  <a:pos x="T14" y="T15"/>
                </a:cxn>
                <a:cxn ang="T84">
                  <a:pos x="T16" y="T17"/>
                </a:cxn>
                <a:cxn ang="T85">
                  <a:pos x="T18" y="T19"/>
                </a:cxn>
                <a:cxn ang="T86">
                  <a:pos x="T20" y="T21"/>
                </a:cxn>
                <a:cxn ang="T87">
                  <a:pos x="T22" y="T23"/>
                </a:cxn>
                <a:cxn ang="T88">
                  <a:pos x="T24" y="T25"/>
                </a:cxn>
                <a:cxn ang="T89">
                  <a:pos x="T26" y="T27"/>
                </a:cxn>
                <a:cxn ang="T90">
                  <a:pos x="T28" y="T29"/>
                </a:cxn>
                <a:cxn ang="T91">
                  <a:pos x="T30" y="T31"/>
                </a:cxn>
                <a:cxn ang="T92">
                  <a:pos x="T32" y="T33"/>
                </a:cxn>
                <a:cxn ang="T93">
                  <a:pos x="T34" y="T35"/>
                </a:cxn>
                <a:cxn ang="T94">
                  <a:pos x="T36" y="T37"/>
                </a:cxn>
                <a:cxn ang="T95">
                  <a:pos x="T38" y="T39"/>
                </a:cxn>
                <a:cxn ang="T96">
                  <a:pos x="T40" y="T41"/>
                </a:cxn>
                <a:cxn ang="T97">
                  <a:pos x="T42" y="T43"/>
                </a:cxn>
                <a:cxn ang="T98">
                  <a:pos x="T44" y="T45"/>
                </a:cxn>
                <a:cxn ang="T99">
                  <a:pos x="T46" y="T47"/>
                </a:cxn>
                <a:cxn ang="T100">
                  <a:pos x="T48" y="T49"/>
                </a:cxn>
                <a:cxn ang="T101">
                  <a:pos x="T50" y="T51"/>
                </a:cxn>
                <a:cxn ang="T102">
                  <a:pos x="T52" y="T53"/>
                </a:cxn>
                <a:cxn ang="T103">
                  <a:pos x="T54" y="T55"/>
                </a:cxn>
                <a:cxn ang="T104">
                  <a:pos x="T56" y="T57"/>
                </a:cxn>
                <a:cxn ang="T105">
                  <a:pos x="T58" y="T59"/>
                </a:cxn>
                <a:cxn ang="T106">
                  <a:pos x="T60" y="T61"/>
                </a:cxn>
                <a:cxn ang="T107">
                  <a:pos x="T62" y="T63"/>
                </a:cxn>
                <a:cxn ang="T108">
                  <a:pos x="T64" y="T65"/>
                </a:cxn>
                <a:cxn ang="T109">
                  <a:pos x="T66" y="T67"/>
                </a:cxn>
                <a:cxn ang="T110">
                  <a:pos x="T68" y="T69"/>
                </a:cxn>
                <a:cxn ang="T111">
                  <a:pos x="T70" y="T71"/>
                </a:cxn>
                <a:cxn ang="T112">
                  <a:pos x="T72" y="T73"/>
                </a:cxn>
                <a:cxn ang="T113">
                  <a:pos x="T74" y="T75"/>
                </a:cxn>
              </a:cxnLst>
              <a:rect l="0" t="0" r="r" b="b"/>
              <a:pathLst>
                <a:path w="104" h="174">
                  <a:moveTo>
                    <a:pt x="18" y="90"/>
                  </a:moveTo>
                  <a:lnTo>
                    <a:pt x="21" y="81"/>
                  </a:lnTo>
                  <a:lnTo>
                    <a:pt x="23" y="70"/>
                  </a:lnTo>
                  <a:lnTo>
                    <a:pt x="25" y="59"/>
                  </a:lnTo>
                  <a:lnTo>
                    <a:pt x="26" y="47"/>
                  </a:lnTo>
                  <a:lnTo>
                    <a:pt x="29" y="24"/>
                  </a:lnTo>
                  <a:lnTo>
                    <a:pt x="33" y="2"/>
                  </a:lnTo>
                  <a:lnTo>
                    <a:pt x="36" y="0"/>
                  </a:lnTo>
                  <a:lnTo>
                    <a:pt x="39" y="1"/>
                  </a:lnTo>
                  <a:lnTo>
                    <a:pt x="42" y="2"/>
                  </a:lnTo>
                  <a:lnTo>
                    <a:pt x="45" y="4"/>
                  </a:lnTo>
                  <a:lnTo>
                    <a:pt x="52" y="8"/>
                  </a:lnTo>
                  <a:lnTo>
                    <a:pt x="58" y="11"/>
                  </a:lnTo>
                  <a:lnTo>
                    <a:pt x="65" y="6"/>
                  </a:lnTo>
                  <a:lnTo>
                    <a:pt x="74" y="2"/>
                  </a:lnTo>
                  <a:lnTo>
                    <a:pt x="76" y="2"/>
                  </a:lnTo>
                  <a:lnTo>
                    <a:pt x="78" y="2"/>
                  </a:lnTo>
                  <a:lnTo>
                    <a:pt x="84" y="3"/>
                  </a:lnTo>
                  <a:lnTo>
                    <a:pt x="90" y="7"/>
                  </a:lnTo>
                  <a:lnTo>
                    <a:pt x="94" y="11"/>
                  </a:lnTo>
                  <a:lnTo>
                    <a:pt x="96" y="17"/>
                  </a:lnTo>
                  <a:lnTo>
                    <a:pt x="94" y="19"/>
                  </a:lnTo>
                  <a:lnTo>
                    <a:pt x="92" y="21"/>
                  </a:lnTo>
                  <a:lnTo>
                    <a:pt x="90" y="23"/>
                  </a:lnTo>
                  <a:lnTo>
                    <a:pt x="89" y="26"/>
                  </a:lnTo>
                  <a:lnTo>
                    <a:pt x="89" y="31"/>
                  </a:lnTo>
                  <a:lnTo>
                    <a:pt x="91" y="37"/>
                  </a:lnTo>
                  <a:lnTo>
                    <a:pt x="93" y="42"/>
                  </a:lnTo>
                  <a:lnTo>
                    <a:pt x="97" y="47"/>
                  </a:lnTo>
                  <a:lnTo>
                    <a:pt x="100" y="51"/>
                  </a:lnTo>
                  <a:lnTo>
                    <a:pt x="104" y="54"/>
                  </a:lnTo>
                  <a:lnTo>
                    <a:pt x="102" y="58"/>
                  </a:lnTo>
                  <a:lnTo>
                    <a:pt x="101" y="61"/>
                  </a:lnTo>
                  <a:lnTo>
                    <a:pt x="101" y="65"/>
                  </a:lnTo>
                  <a:lnTo>
                    <a:pt x="101" y="70"/>
                  </a:lnTo>
                  <a:lnTo>
                    <a:pt x="99" y="74"/>
                  </a:lnTo>
                  <a:lnTo>
                    <a:pt x="99" y="80"/>
                  </a:lnTo>
                  <a:lnTo>
                    <a:pt x="93" y="78"/>
                  </a:lnTo>
                  <a:lnTo>
                    <a:pt x="87" y="74"/>
                  </a:lnTo>
                  <a:lnTo>
                    <a:pt x="79" y="80"/>
                  </a:lnTo>
                  <a:lnTo>
                    <a:pt x="73" y="86"/>
                  </a:lnTo>
                  <a:lnTo>
                    <a:pt x="68" y="93"/>
                  </a:lnTo>
                  <a:lnTo>
                    <a:pt x="64" y="101"/>
                  </a:lnTo>
                  <a:lnTo>
                    <a:pt x="61" y="110"/>
                  </a:lnTo>
                  <a:lnTo>
                    <a:pt x="59" y="120"/>
                  </a:lnTo>
                  <a:lnTo>
                    <a:pt x="57" y="130"/>
                  </a:lnTo>
                  <a:lnTo>
                    <a:pt x="56" y="141"/>
                  </a:lnTo>
                  <a:lnTo>
                    <a:pt x="49" y="147"/>
                  </a:lnTo>
                  <a:lnTo>
                    <a:pt x="42" y="153"/>
                  </a:lnTo>
                  <a:lnTo>
                    <a:pt x="39" y="157"/>
                  </a:lnTo>
                  <a:lnTo>
                    <a:pt x="37" y="160"/>
                  </a:lnTo>
                  <a:lnTo>
                    <a:pt x="35" y="164"/>
                  </a:lnTo>
                  <a:lnTo>
                    <a:pt x="33" y="169"/>
                  </a:lnTo>
                  <a:lnTo>
                    <a:pt x="30" y="171"/>
                  </a:lnTo>
                  <a:lnTo>
                    <a:pt x="25" y="173"/>
                  </a:lnTo>
                  <a:lnTo>
                    <a:pt x="21" y="174"/>
                  </a:lnTo>
                  <a:lnTo>
                    <a:pt x="15" y="174"/>
                  </a:lnTo>
                  <a:lnTo>
                    <a:pt x="14" y="174"/>
                  </a:lnTo>
                  <a:lnTo>
                    <a:pt x="13" y="174"/>
                  </a:lnTo>
                  <a:lnTo>
                    <a:pt x="12" y="170"/>
                  </a:lnTo>
                  <a:lnTo>
                    <a:pt x="13" y="168"/>
                  </a:lnTo>
                  <a:lnTo>
                    <a:pt x="14" y="166"/>
                  </a:lnTo>
                  <a:lnTo>
                    <a:pt x="15" y="165"/>
                  </a:lnTo>
                  <a:lnTo>
                    <a:pt x="18" y="162"/>
                  </a:lnTo>
                  <a:lnTo>
                    <a:pt x="20" y="159"/>
                  </a:lnTo>
                  <a:lnTo>
                    <a:pt x="10" y="147"/>
                  </a:lnTo>
                  <a:lnTo>
                    <a:pt x="0" y="136"/>
                  </a:lnTo>
                  <a:lnTo>
                    <a:pt x="1" y="129"/>
                  </a:lnTo>
                  <a:lnTo>
                    <a:pt x="3" y="124"/>
                  </a:lnTo>
                  <a:lnTo>
                    <a:pt x="5" y="119"/>
                  </a:lnTo>
                  <a:lnTo>
                    <a:pt x="9" y="114"/>
                  </a:lnTo>
                  <a:lnTo>
                    <a:pt x="12" y="110"/>
                  </a:lnTo>
                  <a:lnTo>
                    <a:pt x="15" y="105"/>
                  </a:lnTo>
                  <a:lnTo>
                    <a:pt x="17" y="100"/>
                  </a:lnTo>
                  <a:lnTo>
                    <a:pt x="18" y="92"/>
                  </a:lnTo>
                  <a:lnTo>
                    <a:pt x="18" y="91"/>
                  </a:lnTo>
                  <a:lnTo>
                    <a:pt x="18" y="90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14" name="Fredensborg kant"/>
            <p:cNvSpPr>
              <a:spLocks/>
            </p:cNvSpPr>
            <p:nvPr/>
          </p:nvSpPr>
          <p:spPr bwMode="auto">
            <a:xfrm>
              <a:off x="3813175" y="4467225"/>
              <a:ext cx="53975" cy="92075"/>
            </a:xfrm>
            <a:custGeom>
              <a:avLst/>
              <a:gdLst>
                <a:gd name="T0" fmla="*/ 7 w 104"/>
                <a:gd name="T1" fmla="*/ 27 h 174"/>
                <a:gd name="T2" fmla="*/ 8 w 104"/>
                <a:gd name="T3" fmla="*/ 20 h 174"/>
                <a:gd name="T4" fmla="*/ 9 w 104"/>
                <a:gd name="T5" fmla="*/ 8 h 174"/>
                <a:gd name="T6" fmla="*/ 12 w 104"/>
                <a:gd name="T7" fmla="*/ 0 h 174"/>
                <a:gd name="T8" fmla="*/ 14 w 104"/>
                <a:gd name="T9" fmla="*/ 1 h 174"/>
                <a:gd name="T10" fmla="*/ 17 w 104"/>
                <a:gd name="T11" fmla="*/ 3 h 174"/>
                <a:gd name="T12" fmla="*/ 21 w 104"/>
                <a:gd name="T13" fmla="*/ 2 h 174"/>
                <a:gd name="T14" fmla="*/ 25 w 104"/>
                <a:gd name="T15" fmla="*/ 1 h 174"/>
                <a:gd name="T16" fmla="*/ 27 w 104"/>
                <a:gd name="T17" fmla="*/ 1 h 174"/>
                <a:gd name="T18" fmla="*/ 31 w 104"/>
                <a:gd name="T19" fmla="*/ 4 h 174"/>
                <a:gd name="T20" fmla="*/ 31 w 104"/>
                <a:gd name="T21" fmla="*/ 6 h 174"/>
                <a:gd name="T22" fmla="*/ 29 w 104"/>
                <a:gd name="T23" fmla="*/ 8 h 174"/>
                <a:gd name="T24" fmla="*/ 29 w 104"/>
                <a:gd name="T25" fmla="*/ 10 h 174"/>
                <a:gd name="T26" fmla="*/ 30 w 104"/>
                <a:gd name="T27" fmla="*/ 14 h 174"/>
                <a:gd name="T28" fmla="*/ 33 w 104"/>
                <a:gd name="T29" fmla="*/ 17 h 174"/>
                <a:gd name="T30" fmla="*/ 33 w 104"/>
                <a:gd name="T31" fmla="*/ 19 h 174"/>
                <a:gd name="T32" fmla="*/ 33 w 104"/>
                <a:gd name="T33" fmla="*/ 22 h 174"/>
                <a:gd name="T34" fmla="*/ 32 w 104"/>
                <a:gd name="T35" fmla="*/ 25 h 174"/>
                <a:gd name="T36" fmla="*/ 30 w 104"/>
                <a:gd name="T37" fmla="*/ 26 h 174"/>
                <a:gd name="T38" fmla="*/ 26 w 104"/>
                <a:gd name="T39" fmla="*/ 27 h 174"/>
                <a:gd name="T40" fmla="*/ 22 w 104"/>
                <a:gd name="T41" fmla="*/ 31 h 174"/>
                <a:gd name="T42" fmla="*/ 20 w 104"/>
                <a:gd name="T43" fmla="*/ 37 h 174"/>
                <a:gd name="T44" fmla="*/ 19 w 104"/>
                <a:gd name="T45" fmla="*/ 43 h 174"/>
                <a:gd name="T46" fmla="*/ 16 w 104"/>
                <a:gd name="T47" fmla="*/ 49 h 174"/>
                <a:gd name="T48" fmla="*/ 13 w 104"/>
                <a:gd name="T49" fmla="*/ 52 h 174"/>
                <a:gd name="T50" fmla="*/ 11 w 104"/>
                <a:gd name="T51" fmla="*/ 55 h 174"/>
                <a:gd name="T52" fmla="*/ 10 w 104"/>
                <a:gd name="T53" fmla="*/ 57 h 174"/>
                <a:gd name="T54" fmla="*/ 7 w 104"/>
                <a:gd name="T55" fmla="*/ 58 h 174"/>
                <a:gd name="T56" fmla="*/ 5 w 104"/>
                <a:gd name="T57" fmla="*/ 58 h 174"/>
                <a:gd name="T58" fmla="*/ 4 w 104"/>
                <a:gd name="T59" fmla="*/ 57 h 174"/>
                <a:gd name="T60" fmla="*/ 5 w 104"/>
                <a:gd name="T61" fmla="*/ 55 h 174"/>
                <a:gd name="T62" fmla="*/ 6 w 104"/>
                <a:gd name="T63" fmla="*/ 54 h 174"/>
                <a:gd name="T64" fmla="*/ 3 w 104"/>
                <a:gd name="T65" fmla="*/ 49 h 174"/>
                <a:gd name="T66" fmla="*/ 0 w 104"/>
                <a:gd name="T67" fmla="*/ 43 h 174"/>
                <a:gd name="T68" fmla="*/ 2 w 104"/>
                <a:gd name="T69" fmla="*/ 40 h 174"/>
                <a:gd name="T70" fmla="*/ 4 w 104"/>
                <a:gd name="T71" fmla="*/ 37 h 174"/>
                <a:gd name="T72" fmla="*/ 6 w 104"/>
                <a:gd name="T73" fmla="*/ 33 h 174"/>
                <a:gd name="T74" fmla="*/ 6 w 104"/>
                <a:gd name="T75" fmla="*/ 30 h 174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</a:gdLst>
              <a:ahLst/>
              <a:cxnLst>
                <a:cxn ang="T76">
                  <a:pos x="T0" y="T1"/>
                </a:cxn>
                <a:cxn ang="T77">
                  <a:pos x="T2" y="T3"/>
                </a:cxn>
                <a:cxn ang="T78">
                  <a:pos x="T4" y="T5"/>
                </a:cxn>
                <a:cxn ang="T79">
                  <a:pos x="T6" y="T7"/>
                </a:cxn>
                <a:cxn ang="T80">
                  <a:pos x="T8" y="T9"/>
                </a:cxn>
                <a:cxn ang="T81">
                  <a:pos x="T10" y="T11"/>
                </a:cxn>
                <a:cxn ang="T82">
                  <a:pos x="T12" y="T13"/>
                </a:cxn>
                <a:cxn ang="T83">
                  <a:pos x="T14" y="T15"/>
                </a:cxn>
                <a:cxn ang="T84">
                  <a:pos x="T16" y="T17"/>
                </a:cxn>
                <a:cxn ang="T85">
                  <a:pos x="T18" y="T19"/>
                </a:cxn>
                <a:cxn ang="T86">
                  <a:pos x="T20" y="T21"/>
                </a:cxn>
                <a:cxn ang="T87">
                  <a:pos x="T22" y="T23"/>
                </a:cxn>
                <a:cxn ang="T88">
                  <a:pos x="T24" y="T25"/>
                </a:cxn>
                <a:cxn ang="T89">
                  <a:pos x="T26" y="T27"/>
                </a:cxn>
                <a:cxn ang="T90">
                  <a:pos x="T28" y="T29"/>
                </a:cxn>
                <a:cxn ang="T91">
                  <a:pos x="T30" y="T31"/>
                </a:cxn>
                <a:cxn ang="T92">
                  <a:pos x="T32" y="T33"/>
                </a:cxn>
                <a:cxn ang="T93">
                  <a:pos x="T34" y="T35"/>
                </a:cxn>
                <a:cxn ang="T94">
                  <a:pos x="T36" y="T37"/>
                </a:cxn>
                <a:cxn ang="T95">
                  <a:pos x="T38" y="T39"/>
                </a:cxn>
                <a:cxn ang="T96">
                  <a:pos x="T40" y="T41"/>
                </a:cxn>
                <a:cxn ang="T97">
                  <a:pos x="T42" y="T43"/>
                </a:cxn>
                <a:cxn ang="T98">
                  <a:pos x="T44" y="T45"/>
                </a:cxn>
                <a:cxn ang="T99">
                  <a:pos x="T46" y="T47"/>
                </a:cxn>
                <a:cxn ang="T100">
                  <a:pos x="T48" y="T49"/>
                </a:cxn>
                <a:cxn ang="T101">
                  <a:pos x="T50" y="T51"/>
                </a:cxn>
                <a:cxn ang="T102">
                  <a:pos x="T52" y="T53"/>
                </a:cxn>
                <a:cxn ang="T103">
                  <a:pos x="T54" y="T55"/>
                </a:cxn>
                <a:cxn ang="T104">
                  <a:pos x="T56" y="T57"/>
                </a:cxn>
                <a:cxn ang="T105">
                  <a:pos x="T58" y="T59"/>
                </a:cxn>
                <a:cxn ang="T106">
                  <a:pos x="T60" y="T61"/>
                </a:cxn>
                <a:cxn ang="T107">
                  <a:pos x="T62" y="T63"/>
                </a:cxn>
                <a:cxn ang="T108">
                  <a:pos x="T64" y="T65"/>
                </a:cxn>
                <a:cxn ang="T109">
                  <a:pos x="T66" y="T67"/>
                </a:cxn>
                <a:cxn ang="T110">
                  <a:pos x="T68" y="T69"/>
                </a:cxn>
                <a:cxn ang="T111">
                  <a:pos x="T70" y="T71"/>
                </a:cxn>
                <a:cxn ang="T112">
                  <a:pos x="T72" y="T73"/>
                </a:cxn>
                <a:cxn ang="T113">
                  <a:pos x="T74" y="T75"/>
                </a:cxn>
              </a:cxnLst>
              <a:rect l="0" t="0" r="r" b="b"/>
              <a:pathLst>
                <a:path w="104" h="174">
                  <a:moveTo>
                    <a:pt x="18" y="90"/>
                  </a:moveTo>
                  <a:lnTo>
                    <a:pt x="21" y="81"/>
                  </a:lnTo>
                  <a:lnTo>
                    <a:pt x="23" y="70"/>
                  </a:lnTo>
                  <a:lnTo>
                    <a:pt x="25" y="59"/>
                  </a:lnTo>
                  <a:lnTo>
                    <a:pt x="26" y="47"/>
                  </a:lnTo>
                  <a:lnTo>
                    <a:pt x="29" y="24"/>
                  </a:lnTo>
                  <a:lnTo>
                    <a:pt x="33" y="2"/>
                  </a:lnTo>
                  <a:lnTo>
                    <a:pt x="36" y="0"/>
                  </a:lnTo>
                  <a:lnTo>
                    <a:pt x="39" y="1"/>
                  </a:lnTo>
                  <a:lnTo>
                    <a:pt x="42" y="2"/>
                  </a:lnTo>
                  <a:lnTo>
                    <a:pt x="45" y="4"/>
                  </a:lnTo>
                  <a:lnTo>
                    <a:pt x="52" y="8"/>
                  </a:lnTo>
                  <a:lnTo>
                    <a:pt x="58" y="11"/>
                  </a:lnTo>
                  <a:lnTo>
                    <a:pt x="65" y="6"/>
                  </a:lnTo>
                  <a:lnTo>
                    <a:pt x="74" y="2"/>
                  </a:lnTo>
                  <a:lnTo>
                    <a:pt x="76" y="2"/>
                  </a:lnTo>
                  <a:lnTo>
                    <a:pt x="78" y="2"/>
                  </a:lnTo>
                  <a:lnTo>
                    <a:pt x="84" y="3"/>
                  </a:lnTo>
                  <a:lnTo>
                    <a:pt x="90" y="7"/>
                  </a:lnTo>
                  <a:lnTo>
                    <a:pt x="94" y="11"/>
                  </a:lnTo>
                  <a:lnTo>
                    <a:pt x="96" y="17"/>
                  </a:lnTo>
                  <a:lnTo>
                    <a:pt x="94" y="19"/>
                  </a:lnTo>
                  <a:lnTo>
                    <a:pt x="92" y="21"/>
                  </a:lnTo>
                  <a:lnTo>
                    <a:pt x="90" y="23"/>
                  </a:lnTo>
                  <a:lnTo>
                    <a:pt x="89" y="26"/>
                  </a:lnTo>
                  <a:lnTo>
                    <a:pt x="89" y="31"/>
                  </a:lnTo>
                  <a:lnTo>
                    <a:pt x="91" y="37"/>
                  </a:lnTo>
                  <a:lnTo>
                    <a:pt x="93" y="42"/>
                  </a:lnTo>
                  <a:lnTo>
                    <a:pt x="97" y="47"/>
                  </a:lnTo>
                  <a:lnTo>
                    <a:pt x="100" y="51"/>
                  </a:lnTo>
                  <a:lnTo>
                    <a:pt x="104" y="54"/>
                  </a:lnTo>
                  <a:lnTo>
                    <a:pt x="102" y="58"/>
                  </a:lnTo>
                  <a:lnTo>
                    <a:pt x="101" y="61"/>
                  </a:lnTo>
                  <a:lnTo>
                    <a:pt x="101" y="65"/>
                  </a:lnTo>
                  <a:lnTo>
                    <a:pt x="101" y="70"/>
                  </a:lnTo>
                  <a:lnTo>
                    <a:pt x="99" y="74"/>
                  </a:lnTo>
                  <a:lnTo>
                    <a:pt x="99" y="80"/>
                  </a:lnTo>
                  <a:lnTo>
                    <a:pt x="93" y="78"/>
                  </a:lnTo>
                  <a:lnTo>
                    <a:pt x="87" y="74"/>
                  </a:lnTo>
                  <a:lnTo>
                    <a:pt x="79" y="80"/>
                  </a:lnTo>
                  <a:lnTo>
                    <a:pt x="73" y="86"/>
                  </a:lnTo>
                  <a:lnTo>
                    <a:pt x="68" y="93"/>
                  </a:lnTo>
                  <a:lnTo>
                    <a:pt x="64" y="101"/>
                  </a:lnTo>
                  <a:lnTo>
                    <a:pt x="61" y="110"/>
                  </a:lnTo>
                  <a:lnTo>
                    <a:pt x="59" y="120"/>
                  </a:lnTo>
                  <a:lnTo>
                    <a:pt x="57" y="130"/>
                  </a:lnTo>
                  <a:lnTo>
                    <a:pt x="56" y="141"/>
                  </a:lnTo>
                  <a:lnTo>
                    <a:pt x="49" y="147"/>
                  </a:lnTo>
                  <a:lnTo>
                    <a:pt x="42" y="153"/>
                  </a:lnTo>
                  <a:lnTo>
                    <a:pt x="39" y="157"/>
                  </a:lnTo>
                  <a:lnTo>
                    <a:pt x="37" y="160"/>
                  </a:lnTo>
                  <a:lnTo>
                    <a:pt x="35" y="164"/>
                  </a:lnTo>
                  <a:lnTo>
                    <a:pt x="33" y="169"/>
                  </a:lnTo>
                  <a:lnTo>
                    <a:pt x="30" y="171"/>
                  </a:lnTo>
                  <a:lnTo>
                    <a:pt x="25" y="173"/>
                  </a:lnTo>
                  <a:lnTo>
                    <a:pt x="21" y="174"/>
                  </a:lnTo>
                  <a:lnTo>
                    <a:pt x="15" y="174"/>
                  </a:lnTo>
                  <a:lnTo>
                    <a:pt x="14" y="174"/>
                  </a:lnTo>
                  <a:lnTo>
                    <a:pt x="13" y="174"/>
                  </a:lnTo>
                  <a:lnTo>
                    <a:pt x="12" y="170"/>
                  </a:lnTo>
                  <a:lnTo>
                    <a:pt x="13" y="168"/>
                  </a:lnTo>
                  <a:lnTo>
                    <a:pt x="14" y="166"/>
                  </a:lnTo>
                  <a:lnTo>
                    <a:pt x="15" y="165"/>
                  </a:lnTo>
                  <a:lnTo>
                    <a:pt x="18" y="162"/>
                  </a:lnTo>
                  <a:lnTo>
                    <a:pt x="20" y="159"/>
                  </a:lnTo>
                  <a:lnTo>
                    <a:pt x="10" y="147"/>
                  </a:lnTo>
                  <a:lnTo>
                    <a:pt x="0" y="136"/>
                  </a:lnTo>
                  <a:lnTo>
                    <a:pt x="1" y="129"/>
                  </a:lnTo>
                  <a:lnTo>
                    <a:pt x="3" y="124"/>
                  </a:lnTo>
                  <a:lnTo>
                    <a:pt x="5" y="119"/>
                  </a:lnTo>
                  <a:lnTo>
                    <a:pt x="9" y="114"/>
                  </a:lnTo>
                  <a:lnTo>
                    <a:pt x="12" y="110"/>
                  </a:lnTo>
                  <a:lnTo>
                    <a:pt x="15" y="105"/>
                  </a:lnTo>
                  <a:lnTo>
                    <a:pt x="17" y="100"/>
                  </a:lnTo>
                  <a:lnTo>
                    <a:pt x="18" y="92"/>
                  </a:lnTo>
                  <a:lnTo>
                    <a:pt x="18" y="91"/>
                  </a:lnTo>
                  <a:lnTo>
                    <a:pt x="18" y="90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15" name="Helsingør"/>
            <p:cNvSpPr>
              <a:spLocks/>
            </p:cNvSpPr>
            <p:nvPr/>
          </p:nvSpPr>
          <p:spPr bwMode="auto">
            <a:xfrm>
              <a:off x="3854450" y="4384675"/>
              <a:ext cx="161925" cy="157163"/>
            </a:xfrm>
            <a:custGeom>
              <a:avLst/>
              <a:gdLst>
                <a:gd name="T0" fmla="*/ 58882 w 308"/>
                <a:gd name="T1" fmla="*/ 143311 h 295"/>
                <a:gd name="T2" fmla="*/ 59933 w 308"/>
                <a:gd name="T3" fmla="*/ 137984 h 295"/>
                <a:gd name="T4" fmla="*/ 59933 w 308"/>
                <a:gd name="T5" fmla="*/ 129460 h 295"/>
                <a:gd name="T6" fmla="*/ 57830 w 308"/>
                <a:gd name="T7" fmla="*/ 124132 h 295"/>
                <a:gd name="T8" fmla="*/ 50996 w 308"/>
                <a:gd name="T9" fmla="*/ 122001 h 295"/>
                <a:gd name="T10" fmla="*/ 42058 w 308"/>
                <a:gd name="T11" fmla="*/ 124132 h 295"/>
                <a:gd name="T12" fmla="*/ 34172 w 308"/>
                <a:gd name="T13" fmla="*/ 126796 h 295"/>
                <a:gd name="T14" fmla="*/ 30492 w 308"/>
                <a:gd name="T15" fmla="*/ 131058 h 295"/>
                <a:gd name="T16" fmla="*/ 27864 w 308"/>
                <a:gd name="T17" fmla="*/ 132123 h 295"/>
                <a:gd name="T18" fmla="*/ 22081 w 308"/>
                <a:gd name="T19" fmla="*/ 126796 h 295"/>
                <a:gd name="T20" fmla="*/ 16823 w 308"/>
                <a:gd name="T21" fmla="*/ 116141 h 295"/>
                <a:gd name="T22" fmla="*/ 11566 w 308"/>
                <a:gd name="T23" fmla="*/ 109215 h 295"/>
                <a:gd name="T24" fmla="*/ 7886 w 308"/>
                <a:gd name="T25" fmla="*/ 104420 h 295"/>
                <a:gd name="T26" fmla="*/ 5783 w 308"/>
                <a:gd name="T27" fmla="*/ 98560 h 295"/>
                <a:gd name="T28" fmla="*/ 6309 w 308"/>
                <a:gd name="T29" fmla="*/ 94298 h 295"/>
                <a:gd name="T30" fmla="*/ 8412 w 308"/>
                <a:gd name="T31" fmla="*/ 92167 h 295"/>
                <a:gd name="T32" fmla="*/ 8412 w 308"/>
                <a:gd name="T33" fmla="*/ 87905 h 295"/>
                <a:gd name="T34" fmla="*/ 3154 w 308"/>
                <a:gd name="T35" fmla="*/ 83643 h 295"/>
                <a:gd name="T36" fmla="*/ 1051 w 308"/>
                <a:gd name="T37" fmla="*/ 76184 h 295"/>
                <a:gd name="T38" fmla="*/ 2629 w 308"/>
                <a:gd name="T39" fmla="*/ 67127 h 295"/>
                <a:gd name="T40" fmla="*/ 2629 w 308"/>
                <a:gd name="T41" fmla="*/ 63398 h 295"/>
                <a:gd name="T42" fmla="*/ 2103 w 308"/>
                <a:gd name="T43" fmla="*/ 60734 h 295"/>
                <a:gd name="T44" fmla="*/ 4732 w 308"/>
                <a:gd name="T45" fmla="*/ 58070 h 295"/>
                <a:gd name="T46" fmla="*/ 6834 w 308"/>
                <a:gd name="T47" fmla="*/ 52210 h 295"/>
                <a:gd name="T48" fmla="*/ 7886 w 308"/>
                <a:gd name="T49" fmla="*/ 39424 h 295"/>
                <a:gd name="T50" fmla="*/ 9463 w 308"/>
                <a:gd name="T51" fmla="*/ 26105 h 295"/>
                <a:gd name="T52" fmla="*/ 10515 w 308"/>
                <a:gd name="T53" fmla="*/ 12786 h 295"/>
                <a:gd name="T54" fmla="*/ 9463 w 308"/>
                <a:gd name="T55" fmla="*/ 3197 h 295"/>
                <a:gd name="T56" fmla="*/ 9989 w 308"/>
                <a:gd name="T57" fmla="*/ 533 h 295"/>
                <a:gd name="T58" fmla="*/ 11040 w 308"/>
                <a:gd name="T59" fmla="*/ 0 h 295"/>
                <a:gd name="T60" fmla="*/ 14195 w 308"/>
                <a:gd name="T61" fmla="*/ 533 h 295"/>
                <a:gd name="T62" fmla="*/ 22081 w 308"/>
                <a:gd name="T63" fmla="*/ 2664 h 295"/>
                <a:gd name="T64" fmla="*/ 38378 w 308"/>
                <a:gd name="T65" fmla="*/ 2664 h 295"/>
                <a:gd name="T66" fmla="*/ 45213 w 308"/>
                <a:gd name="T67" fmla="*/ 1598 h 295"/>
                <a:gd name="T68" fmla="*/ 54150 w 308"/>
                <a:gd name="T69" fmla="*/ 1598 h 295"/>
                <a:gd name="T70" fmla="*/ 70974 w 308"/>
                <a:gd name="T71" fmla="*/ 2131 h 295"/>
                <a:gd name="T72" fmla="*/ 87271 w 308"/>
                <a:gd name="T73" fmla="*/ 6393 h 295"/>
                <a:gd name="T74" fmla="*/ 100940 w 308"/>
                <a:gd name="T75" fmla="*/ 12786 h 295"/>
                <a:gd name="T76" fmla="*/ 112506 w 308"/>
                <a:gd name="T77" fmla="*/ 21843 h 295"/>
                <a:gd name="T78" fmla="*/ 127753 w 308"/>
                <a:gd name="T79" fmla="*/ 36760 h 295"/>
                <a:gd name="T80" fmla="*/ 143524 w 308"/>
                <a:gd name="T81" fmla="*/ 51677 h 295"/>
                <a:gd name="T82" fmla="*/ 155091 w 308"/>
                <a:gd name="T83" fmla="*/ 60201 h 295"/>
                <a:gd name="T84" fmla="*/ 158245 w 308"/>
                <a:gd name="T85" fmla="*/ 71922 h 295"/>
                <a:gd name="T86" fmla="*/ 154565 w 308"/>
                <a:gd name="T87" fmla="*/ 84175 h 295"/>
                <a:gd name="T88" fmla="*/ 152988 w 308"/>
                <a:gd name="T89" fmla="*/ 93765 h 295"/>
                <a:gd name="T90" fmla="*/ 145627 w 308"/>
                <a:gd name="T91" fmla="*/ 104420 h 295"/>
                <a:gd name="T92" fmla="*/ 132484 w 308"/>
                <a:gd name="T93" fmla="*/ 116141 h 295"/>
                <a:gd name="T94" fmla="*/ 123547 w 308"/>
                <a:gd name="T95" fmla="*/ 125730 h 295"/>
                <a:gd name="T96" fmla="*/ 117764 w 308"/>
                <a:gd name="T97" fmla="*/ 132656 h 295"/>
                <a:gd name="T98" fmla="*/ 114084 w 308"/>
                <a:gd name="T99" fmla="*/ 141180 h 295"/>
                <a:gd name="T100" fmla="*/ 110929 w 308"/>
                <a:gd name="T101" fmla="*/ 150770 h 295"/>
                <a:gd name="T102" fmla="*/ 105672 w 308"/>
                <a:gd name="T103" fmla="*/ 155565 h 295"/>
                <a:gd name="T104" fmla="*/ 99889 w 308"/>
                <a:gd name="T105" fmla="*/ 156097 h 295"/>
                <a:gd name="T106" fmla="*/ 96209 w 308"/>
                <a:gd name="T107" fmla="*/ 154499 h 295"/>
                <a:gd name="T108" fmla="*/ 95683 w 308"/>
                <a:gd name="T109" fmla="*/ 149172 h 295"/>
                <a:gd name="T110" fmla="*/ 88848 w 308"/>
                <a:gd name="T111" fmla="*/ 148106 h 295"/>
                <a:gd name="T112" fmla="*/ 79911 w 308"/>
                <a:gd name="T113" fmla="*/ 148639 h 295"/>
                <a:gd name="T114" fmla="*/ 74654 w 308"/>
                <a:gd name="T115" fmla="*/ 147573 h 295"/>
                <a:gd name="T116" fmla="*/ 69922 w 308"/>
                <a:gd name="T117" fmla="*/ 147041 h 295"/>
                <a:gd name="T118" fmla="*/ 65191 w 308"/>
                <a:gd name="T119" fmla="*/ 148639 h 295"/>
                <a:gd name="T120" fmla="*/ 62036 w 308"/>
                <a:gd name="T121" fmla="*/ 150770 h 295"/>
                <a:gd name="T122" fmla="*/ 58882 w 308"/>
                <a:gd name="T123" fmla="*/ 149704 h 295"/>
                <a:gd name="T124" fmla="*/ 57830 w 308"/>
                <a:gd name="T125" fmla="*/ 145975 h 295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308" h="295">
                  <a:moveTo>
                    <a:pt x="110" y="274"/>
                  </a:moveTo>
                  <a:lnTo>
                    <a:pt x="112" y="269"/>
                  </a:lnTo>
                  <a:lnTo>
                    <a:pt x="113" y="264"/>
                  </a:lnTo>
                  <a:lnTo>
                    <a:pt x="114" y="259"/>
                  </a:lnTo>
                  <a:lnTo>
                    <a:pt x="114" y="254"/>
                  </a:lnTo>
                  <a:lnTo>
                    <a:pt x="114" y="243"/>
                  </a:lnTo>
                  <a:lnTo>
                    <a:pt x="113" y="237"/>
                  </a:lnTo>
                  <a:lnTo>
                    <a:pt x="110" y="233"/>
                  </a:lnTo>
                  <a:lnTo>
                    <a:pt x="107" y="228"/>
                  </a:lnTo>
                  <a:lnTo>
                    <a:pt x="97" y="229"/>
                  </a:lnTo>
                  <a:lnTo>
                    <a:pt x="89" y="231"/>
                  </a:lnTo>
                  <a:lnTo>
                    <a:pt x="80" y="233"/>
                  </a:lnTo>
                  <a:lnTo>
                    <a:pt x="72" y="234"/>
                  </a:lnTo>
                  <a:lnTo>
                    <a:pt x="65" y="238"/>
                  </a:lnTo>
                  <a:lnTo>
                    <a:pt x="61" y="244"/>
                  </a:lnTo>
                  <a:lnTo>
                    <a:pt x="58" y="246"/>
                  </a:lnTo>
                  <a:lnTo>
                    <a:pt x="56" y="248"/>
                  </a:lnTo>
                  <a:lnTo>
                    <a:pt x="53" y="248"/>
                  </a:lnTo>
                  <a:lnTo>
                    <a:pt x="49" y="246"/>
                  </a:lnTo>
                  <a:lnTo>
                    <a:pt x="42" y="238"/>
                  </a:lnTo>
                  <a:lnTo>
                    <a:pt x="37" y="228"/>
                  </a:lnTo>
                  <a:lnTo>
                    <a:pt x="32" y="218"/>
                  </a:lnTo>
                  <a:lnTo>
                    <a:pt x="26" y="208"/>
                  </a:lnTo>
                  <a:lnTo>
                    <a:pt x="22" y="205"/>
                  </a:lnTo>
                  <a:lnTo>
                    <a:pt x="19" y="201"/>
                  </a:lnTo>
                  <a:lnTo>
                    <a:pt x="15" y="196"/>
                  </a:lnTo>
                  <a:lnTo>
                    <a:pt x="13" y="191"/>
                  </a:lnTo>
                  <a:lnTo>
                    <a:pt x="11" y="185"/>
                  </a:lnTo>
                  <a:lnTo>
                    <a:pt x="11" y="180"/>
                  </a:lnTo>
                  <a:lnTo>
                    <a:pt x="12" y="177"/>
                  </a:lnTo>
                  <a:lnTo>
                    <a:pt x="14" y="175"/>
                  </a:lnTo>
                  <a:lnTo>
                    <a:pt x="16" y="173"/>
                  </a:lnTo>
                  <a:lnTo>
                    <a:pt x="18" y="171"/>
                  </a:lnTo>
                  <a:lnTo>
                    <a:pt x="16" y="165"/>
                  </a:lnTo>
                  <a:lnTo>
                    <a:pt x="12" y="161"/>
                  </a:lnTo>
                  <a:lnTo>
                    <a:pt x="6" y="157"/>
                  </a:lnTo>
                  <a:lnTo>
                    <a:pt x="0" y="156"/>
                  </a:lnTo>
                  <a:lnTo>
                    <a:pt x="2" y="143"/>
                  </a:lnTo>
                  <a:lnTo>
                    <a:pt x="3" y="129"/>
                  </a:lnTo>
                  <a:lnTo>
                    <a:pt x="5" y="126"/>
                  </a:lnTo>
                  <a:lnTo>
                    <a:pt x="5" y="123"/>
                  </a:lnTo>
                  <a:lnTo>
                    <a:pt x="5" y="119"/>
                  </a:lnTo>
                  <a:lnTo>
                    <a:pt x="4" y="116"/>
                  </a:lnTo>
                  <a:lnTo>
                    <a:pt x="4" y="114"/>
                  </a:lnTo>
                  <a:lnTo>
                    <a:pt x="5" y="110"/>
                  </a:lnTo>
                  <a:lnTo>
                    <a:pt x="9" y="109"/>
                  </a:lnTo>
                  <a:lnTo>
                    <a:pt x="13" y="109"/>
                  </a:lnTo>
                  <a:lnTo>
                    <a:pt x="13" y="98"/>
                  </a:lnTo>
                  <a:lnTo>
                    <a:pt x="13" y="85"/>
                  </a:lnTo>
                  <a:lnTo>
                    <a:pt x="15" y="74"/>
                  </a:lnTo>
                  <a:lnTo>
                    <a:pt x="17" y="61"/>
                  </a:lnTo>
                  <a:lnTo>
                    <a:pt x="18" y="49"/>
                  </a:lnTo>
                  <a:lnTo>
                    <a:pt x="19" y="37"/>
                  </a:lnTo>
                  <a:lnTo>
                    <a:pt x="20" y="24"/>
                  </a:lnTo>
                  <a:lnTo>
                    <a:pt x="18" y="10"/>
                  </a:lnTo>
                  <a:lnTo>
                    <a:pt x="18" y="6"/>
                  </a:lnTo>
                  <a:lnTo>
                    <a:pt x="18" y="3"/>
                  </a:lnTo>
                  <a:lnTo>
                    <a:pt x="19" y="1"/>
                  </a:lnTo>
                  <a:lnTo>
                    <a:pt x="19" y="0"/>
                  </a:lnTo>
                  <a:lnTo>
                    <a:pt x="21" y="0"/>
                  </a:lnTo>
                  <a:lnTo>
                    <a:pt x="23" y="0"/>
                  </a:lnTo>
                  <a:lnTo>
                    <a:pt x="27" y="1"/>
                  </a:lnTo>
                  <a:lnTo>
                    <a:pt x="31" y="3"/>
                  </a:lnTo>
                  <a:lnTo>
                    <a:pt x="42" y="5"/>
                  </a:lnTo>
                  <a:lnTo>
                    <a:pt x="58" y="6"/>
                  </a:lnTo>
                  <a:lnTo>
                    <a:pt x="73" y="5"/>
                  </a:lnTo>
                  <a:lnTo>
                    <a:pt x="84" y="3"/>
                  </a:lnTo>
                  <a:lnTo>
                    <a:pt x="86" y="3"/>
                  </a:lnTo>
                  <a:lnTo>
                    <a:pt x="90" y="3"/>
                  </a:lnTo>
                  <a:lnTo>
                    <a:pt x="103" y="3"/>
                  </a:lnTo>
                  <a:lnTo>
                    <a:pt x="117" y="3"/>
                  </a:lnTo>
                  <a:lnTo>
                    <a:pt x="135" y="4"/>
                  </a:lnTo>
                  <a:lnTo>
                    <a:pt x="152" y="7"/>
                  </a:lnTo>
                  <a:lnTo>
                    <a:pt x="166" y="12"/>
                  </a:lnTo>
                  <a:lnTo>
                    <a:pt x="179" y="18"/>
                  </a:lnTo>
                  <a:lnTo>
                    <a:pt x="192" y="24"/>
                  </a:lnTo>
                  <a:lnTo>
                    <a:pt x="203" y="33"/>
                  </a:lnTo>
                  <a:lnTo>
                    <a:pt x="214" y="41"/>
                  </a:lnTo>
                  <a:lnTo>
                    <a:pt x="224" y="50"/>
                  </a:lnTo>
                  <a:lnTo>
                    <a:pt x="243" y="69"/>
                  </a:lnTo>
                  <a:lnTo>
                    <a:pt x="262" y="88"/>
                  </a:lnTo>
                  <a:lnTo>
                    <a:pt x="273" y="97"/>
                  </a:lnTo>
                  <a:lnTo>
                    <a:pt x="283" y="105"/>
                  </a:lnTo>
                  <a:lnTo>
                    <a:pt x="295" y="113"/>
                  </a:lnTo>
                  <a:lnTo>
                    <a:pt x="308" y="120"/>
                  </a:lnTo>
                  <a:lnTo>
                    <a:pt x="301" y="135"/>
                  </a:lnTo>
                  <a:lnTo>
                    <a:pt x="296" y="149"/>
                  </a:lnTo>
                  <a:lnTo>
                    <a:pt x="294" y="158"/>
                  </a:lnTo>
                  <a:lnTo>
                    <a:pt x="292" y="166"/>
                  </a:lnTo>
                  <a:lnTo>
                    <a:pt x="291" y="176"/>
                  </a:lnTo>
                  <a:lnTo>
                    <a:pt x="290" y="185"/>
                  </a:lnTo>
                  <a:lnTo>
                    <a:pt x="277" y="196"/>
                  </a:lnTo>
                  <a:lnTo>
                    <a:pt x="263" y="206"/>
                  </a:lnTo>
                  <a:lnTo>
                    <a:pt x="252" y="218"/>
                  </a:lnTo>
                  <a:lnTo>
                    <a:pt x="240" y="229"/>
                  </a:lnTo>
                  <a:lnTo>
                    <a:pt x="235" y="236"/>
                  </a:lnTo>
                  <a:lnTo>
                    <a:pt x="230" y="243"/>
                  </a:lnTo>
                  <a:lnTo>
                    <a:pt x="224" y="249"/>
                  </a:lnTo>
                  <a:lnTo>
                    <a:pt x="220" y="257"/>
                  </a:lnTo>
                  <a:lnTo>
                    <a:pt x="217" y="265"/>
                  </a:lnTo>
                  <a:lnTo>
                    <a:pt x="214" y="274"/>
                  </a:lnTo>
                  <a:lnTo>
                    <a:pt x="211" y="283"/>
                  </a:lnTo>
                  <a:lnTo>
                    <a:pt x="209" y="293"/>
                  </a:lnTo>
                  <a:lnTo>
                    <a:pt x="201" y="292"/>
                  </a:lnTo>
                  <a:lnTo>
                    <a:pt x="195" y="292"/>
                  </a:lnTo>
                  <a:lnTo>
                    <a:pt x="190" y="293"/>
                  </a:lnTo>
                  <a:lnTo>
                    <a:pt x="183" y="295"/>
                  </a:lnTo>
                  <a:lnTo>
                    <a:pt x="183" y="290"/>
                  </a:lnTo>
                  <a:lnTo>
                    <a:pt x="183" y="284"/>
                  </a:lnTo>
                  <a:lnTo>
                    <a:pt x="182" y="280"/>
                  </a:lnTo>
                  <a:lnTo>
                    <a:pt x="181" y="277"/>
                  </a:lnTo>
                  <a:lnTo>
                    <a:pt x="169" y="278"/>
                  </a:lnTo>
                  <a:lnTo>
                    <a:pt x="157" y="279"/>
                  </a:lnTo>
                  <a:lnTo>
                    <a:pt x="152" y="279"/>
                  </a:lnTo>
                  <a:lnTo>
                    <a:pt x="146" y="279"/>
                  </a:lnTo>
                  <a:lnTo>
                    <a:pt x="142" y="277"/>
                  </a:lnTo>
                  <a:lnTo>
                    <a:pt x="138" y="275"/>
                  </a:lnTo>
                  <a:lnTo>
                    <a:pt x="133" y="276"/>
                  </a:lnTo>
                  <a:lnTo>
                    <a:pt x="129" y="277"/>
                  </a:lnTo>
                  <a:lnTo>
                    <a:pt x="124" y="279"/>
                  </a:lnTo>
                  <a:lnTo>
                    <a:pt x="121" y="281"/>
                  </a:lnTo>
                  <a:lnTo>
                    <a:pt x="118" y="283"/>
                  </a:lnTo>
                  <a:lnTo>
                    <a:pt x="115" y="283"/>
                  </a:lnTo>
                  <a:lnTo>
                    <a:pt x="112" y="281"/>
                  </a:lnTo>
                  <a:lnTo>
                    <a:pt x="110" y="277"/>
                  </a:lnTo>
                  <a:lnTo>
                    <a:pt x="110" y="274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16" name="Helsingør kant"/>
            <p:cNvSpPr>
              <a:spLocks/>
            </p:cNvSpPr>
            <p:nvPr/>
          </p:nvSpPr>
          <p:spPr bwMode="auto">
            <a:xfrm>
              <a:off x="3854450" y="4384675"/>
              <a:ext cx="161925" cy="157163"/>
            </a:xfrm>
            <a:custGeom>
              <a:avLst/>
              <a:gdLst>
                <a:gd name="T0" fmla="*/ 58882 w 308"/>
                <a:gd name="T1" fmla="*/ 143311 h 295"/>
                <a:gd name="T2" fmla="*/ 59933 w 308"/>
                <a:gd name="T3" fmla="*/ 137984 h 295"/>
                <a:gd name="T4" fmla="*/ 59933 w 308"/>
                <a:gd name="T5" fmla="*/ 129460 h 295"/>
                <a:gd name="T6" fmla="*/ 57830 w 308"/>
                <a:gd name="T7" fmla="*/ 124132 h 295"/>
                <a:gd name="T8" fmla="*/ 50996 w 308"/>
                <a:gd name="T9" fmla="*/ 122001 h 295"/>
                <a:gd name="T10" fmla="*/ 42058 w 308"/>
                <a:gd name="T11" fmla="*/ 124132 h 295"/>
                <a:gd name="T12" fmla="*/ 34172 w 308"/>
                <a:gd name="T13" fmla="*/ 126796 h 295"/>
                <a:gd name="T14" fmla="*/ 30492 w 308"/>
                <a:gd name="T15" fmla="*/ 131058 h 295"/>
                <a:gd name="T16" fmla="*/ 27864 w 308"/>
                <a:gd name="T17" fmla="*/ 132123 h 295"/>
                <a:gd name="T18" fmla="*/ 22081 w 308"/>
                <a:gd name="T19" fmla="*/ 126796 h 295"/>
                <a:gd name="T20" fmla="*/ 16823 w 308"/>
                <a:gd name="T21" fmla="*/ 116141 h 295"/>
                <a:gd name="T22" fmla="*/ 11566 w 308"/>
                <a:gd name="T23" fmla="*/ 109215 h 295"/>
                <a:gd name="T24" fmla="*/ 7886 w 308"/>
                <a:gd name="T25" fmla="*/ 104420 h 295"/>
                <a:gd name="T26" fmla="*/ 5783 w 308"/>
                <a:gd name="T27" fmla="*/ 98560 h 295"/>
                <a:gd name="T28" fmla="*/ 6309 w 308"/>
                <a:gd name="T29" fmla="*/ 94298 h 295"/>
                <a:gd name="T30" fmla="*/ 8412 w 308"/>
                <a:gd name="T31" fmla="*/ 92167 h 295"/>
                <a:gd name="T32" fmla="*/ 8412 w 308"/>
                <a:gd name="T33" fmla="*/ 87905 h 295"/>
                <a:gd name="T34" fmla="*/ 3154 w 308"/>
                <a:gd name="T35" fmla="*/ 83643 h 295"/>
                <a:gd name="T36" fmla="*/ 1051 w 308"/>
                <a:gd name="T37" fmla="*/ 76184 h 295"/>
                <a:gd name="T38" fmla="*/ 2629 w 308"/>
                <a:gd name="T39" fmla="*/ 67127 h 295"/>
                <a:gd name="T40" fmla="*/ 2629 w 308"/>
                <a:gd name="T41" fmla="*/ 63398 h 295"/>
                <a:gd name="T42" fmla="*/ 2103 w 308"/>
                <a:gd name="T43" fmla="*/ 60734 h 295"/>
                <a:gd name="T44" fmla="*/ 4732 w 308"/>
                <a:gd name="T45" fmla="*/ 58070 h 295"/>
                <a:gd name="T46" fmla="*/ 6834 w 308"/>
                <a:gd name="T47" fmla="*/ 52210 h 295"/>
                <a:gd name="T48" fmla="*/ 7886 w 308"/>
                <a:gd name="T49" fmla="*/ 39424 h 295"/>
                <a:gd name="T50" fmla="*/ 9463 w 308"/>
                <a:gd name="T51" fmla="*/ 26105 h 295"/>
                <a:gd name="T52" fmla="*/ 10515 w 308"/>
                <a:gd name="T53" fmla="*/ 12786 h 295"/>
                <a:gd name="T54" fmla="*/ 9463 w 308"/>
                <a:gd name="T55" fmla="*/ 3197 h 295"/>
                <a:gd name="T56" fmla="*/ 9989 w 308"/>
                <a:gd name="T57" fmla="*/ 533 h 295"/>
                <a:gd name="T58" fmla="*/ 11040 w 308"/>
                <a:gd name="T59" fmla="*/ 0 h 295"/>
                <a:gd name="T60" fmla="*/ 14195 w 308"/>
                <a:gd name="T61" fmla="*/ 533 h 295"/>
                <a:gd name="T62" fmla="*/ 22081 w 308"/>
                <a:gd name="T63" fmla="*/ 2664 h 295"/>
                <a:gd name="T64" fmla="*/ 38378 w 308"/>
                <a:gd name="T65" fmla="*/ 2664 h 295"/>
                <a:gd name="T66" fmla="*/ 45213 w 308"/>
                <a:gd name="T67" fmla="*/ 1598 h 295"/>
                <a:gd name="T68" fmla="*/ 54150 w 308"/>
                <a:gd name="T69" fmla="*/ 1598 h 295"/>
                <a:gd name="T70" fmla="*/ 70974 w 308"/>
                <a:gd name="T71" fmla="*/ 2131 h 295"/>
                <a:gd name="T72" fmla="*/ 87271 w 308"/>
                <a:gd name="T73" fmla="*/ 6393 h 295"/>
                <a:gd name="T74" fmla="*/ 100940 w 308"/>
                <a:gd name="T75" fmla="*/ 12786 h 295"/>
                <a:gd name="T76" fmla="*/ 112506 w 308"/>
                <a:gd name="T77" fmla="*/ 21843 h 295"/>
                <a:gd name="T78" fmla="*/ 127753 w 308"/>
                <a:gd name="T79" fmla="*/ 36760 h 295"/>
                <a:gd name="T80" fmla="*/ 143524 w 308"/>
                <a:gd name="T81" fmla="*/ 51677 h 295"/>
                <a:gd name="T82" fmla="*/ 155091 w 308"/>
                <a:gd name="T83" fmla="*/ 60201 h 295"/>
                <a:gd name="T84" fmla="*/ 158245 w 308"/>
                <a:gd name="T85" fmla="*/ 71922 h 295"/>
                <a:gd name="T86" fmla="*/ 154565 w 308"/>
                <a:gd name="T87" fmla="*/ 84175 h 295"/>
                <a:gd name="T88" fmla="*/ 152988 w 308"/>
                <a:gd name="T89" fmla="*/ 93765 h 295"/>
                <a:gd name="T90" fmla="*/ 145627 w 308"/>
                <a:gd name="T91" fmla="*/ 104420 h 295"/>
                <a:gd name="T92" fmla="*/ 132484 w 308"/>
                <a:gd name="T93" fmla="*/ 116141 h 295"/>
                <a:gd name="T94" fmla="*/ 123547 w 308"/>
                <a:gd name="T95" fmla="*/ 125730 h 295"/>
                <a:gd name="T96" fmla="*/ 117764 w 308"/>
                <a:gd name="T97" fmla="*/ 132656 h 295"/>
                <a:gd name="T98" fmla="*/ 114084 w 308"/>
                <a:gd name="T99" fmla="*/ 141180 h 295"/>
                <a:gd name="T100" fmla="*/ 110929 w 308"/>
                <a:gd name="T101" fmla="*/ 150770 h 295"/>
                <a:gd name="T102" fmla="*/ 105672 w 308"/>
                <a:gd name="T103" fmla="*/ 155565 h 295"/>
                <a:gd name="T104" fmla="*/ 99889 w 308"/>
                <a:gd name="T105" fmla="*/ 156097 h 295"/>
                <a:gd name="T106" fmla="*/ 96209 w 308"/>
                <a:gd name="T107" fmla="*/ 154499 h 295"/>
                <a:gd name="T108" fmla="*/ 95683 w 308"/>
                <a:gd name="T109" fmla="*/ 149172 h 295"/>
                <a:gd name="T110" fmla="*/ 88848 w 308"/>
                <a:gd name="T111" fmla="*/ 148106 h 295"/>
                <a:gd name="T112" fmla="*/ 79911 w 308"/>
                <a:gd name="T113" fmla="*/ 148639 h 295"/>
                <a:gd name="T114" fmla="*/ 74654 w 308"/>
                <a:gd name="T115" fmla="*/ 147573 h 295"/>
                <a:gd name="T116" fmla="*/ 69922 w 308"/>
                <a:gd name="T117" fmla="*/ 147041 h 295"/>
                <a:gd name="T118" fmla="*/ 65191 w 308"/>
                <a:gd name="T119" fmla="*/ 148639 h 295"/>
                <a:gd name="T120" fmla="*/ 62036 w 308"/>
                <a:gd name="T121" fmla="*/ 150770 h 295"/>
                <a:gd name="T122" fmla="*/ 58882 w 308"/>
                <a:gd name="T123" fmla="*/ 149704 h 295"/>
                <a:gd name="T124" fmla="*/ 57830 w 308"/>
                <a:gd name="T125" fmla="*/ 145975 h 295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308" h="295">
                  <a:moveTo>
                    <a:pt x="110" y="274"/>
                  </a:moveTo>
                  <a:lnTo>
                    <a:pt x="112" y="269"/>
                  </a:lnTo>
                  <a:lnTo>
                    <a:pt x="113" y="264"/>
                  </a:lnTo>
                  <a:lnTo>
                    <a:pt x="114" y="259"/>
                  </a:lnTo>
                  <a:lnTo>
                    <a:pt x="114" y="254"/>
                  </a:lnTo>
                  <a:lnTo>
                    <a:pt x="114" y="243"/>
                  </a:lnTo>
                  <a:lnTo>
                    <a:pt x="113" y="237"/>
                  </a:lnTo>
                  <a:lnTo>
                    <a:pt x="110" y="233"/>
                  </a:lnTo>
                  <a:lnTo>
                    <a:pt x="107" y="228"/>
                  </a:lnTo>
                  <a:lnTo>
                    <a:pt x="97" y="229"/>
                  </a:lnTo>
                  <a:lnTo>
                    <a:pt x="89" y="231"/>
                  </a:lnTo>
                  <a:lnTo>
                    <a:pt x="80" y="233"/>
                  </a:lnTo>
                  <a:lnTo>
                    <a:pt x="72" y="234"/>
                  </a:lnTo>
                  <a:lnTo>
                    <a:pt x="65" y="238"/>
                  </a:lnTo>
                  <a:lnTo>
                    <a:pt x="61" y="244"/>
                  </a:lnTo>
                  <a:lnTo>
                    <a:pt x="58" y="246"/>
                  </a:lnTo>
                  <a:lnTo>
                    <a:pt x="56" y="248"/>
                  </a:lnTo>
                  <a:lnTo>
                    <a:pt x="53" y="248"/>
                  </a:lnTo>
                  <a:lnTo>
                    <a:pt x="49" y="246"/>
                  </a:lnTo>
                  <a:lnTo>
                    <a:pt x="42" y="238"/>
                  </a:lnTo>
                  <a:lnTo>
                    <a:pt x="37" y="228"/>
                  </a:lnTo>
                  <a:lnTo>
                    <a:pt x="32" y="218"/>
                  </a:lnTo>
                  <a:lnTo>
                    <a:pt x="26" y="208"/>
                  </a:lnTo>
                  <a:lnTo>
                    <a:pt x="22" y="205"/>
                  </a:lnTo>
                  <a:lnTo>
                    <a:pt x="19" y="201"/>
                  </a:lnTo>
                  <a:lnTo>
                    <a:pt x="15" y="196"/>
                  </a:lnTo>
                  <a:lnTo>
                    <a:pt x="13" y="191"/>
                  </a:lnTo>
                  <a:lnTo>
                    <a:pt x="11" y="185"/>
                  </a:lnTo>
                  <a:lnTo>
                    <a:pt x="11" y="180"/>
                  </a:lnTo>
                  <a:lnTo>
                    <a:pt x="12" y="177"/>
                  </a:lnTo>
                  <a:lnTo>
                    <a:pt x="14" y="175"/>
                  </a:lnTo>
                  <a:lnTo>
                    <a:pt x="16" y="173"/>
                  </a:lnTo>
                  <a:lnTo>
                    <a:pt x="18" y="171"/>
                  </a:lnTo>
                  <a:lnTo>
                    <a:pt x="16" y="165"/>
                  </a:lnTo>
                  <a:lnTo>
                    <a:pt x="12" y="161"/>
                  </a:lnTo>
                  <a:lnTo>
                    <a:pt x="6" y="157"/>
                  </a:lnTo>
                  <a:lnTo>
                    <a:pt x="0" y="156"/>
                  </a:lnTo>
                  <a:lnTo>
                    <a:pt x="2" y="143"/>
                  </a:lnTo>
                  <a:lnTo>
                    <a:pt x="3" y="129"/>
                  </a:lnTo>
                  <a:lnTo>
                    <a:pt x="5" y="126"/>
                  </a:lnTo>
                  <a:lnTo>
                    <a:pt x="5" y="123"/>
                  </a:lnTo>
                  <a:lnTo>
                    <a:pt x="5" y="119"/>
                  </a:lnTo>
                  <a:lnTo>
                    <a:pt x="4" y="116"/>
                  </a:lnTo>
                  <a:lnTo>
                    <a:pt x="4" y="114"/>
                  </a:lnTo>
                  <a:lnTo>
                    <a:pt x="5" y="110"/>
                  </a:lnTo>
                  <a:lnTo>
                    <a:pt x="9" y="109"/>
                  </a:lnTo>
                  <a:lnTo>
                    <a:pt x="13" y="109"/>
                  </a:lnTo>
                  <a:lnTo>
                    <a:pt x="13" y="98"/>
                  </a:lnTo>
                  <a:lnTo>
                    <a:pt x="13" y="85"/>
                  </a:lnTo>
                  <a:lnTo>
                    <a:pt x="15" y="74"/>
                  </a:lnTo>
                  <a:lnTo>
                    <a:pt x="17" y="61"/>
                  </a:lnTo>
                  <a:lnTo>
                    <a:pt x="18" y="49"/>
                  </a:lnTo>
                  <a:lnTo>
                    <a:pt x="19" y="37"/>
                  </a:lnTo>
                  <a:lnTo>
                    <a:pt x="20" y="24"/>
                  </a:lnTo>
                  <a:lnTo>
                    <a:pt x="18" y="10"/>
                  </a:lnTo>
                  <a:lnTo>
                    <a:pt x="18" y="6"/>
                  </a:lnTo>
                  <a:lnTo>
                    <a:pt x="18" y="3"/>
                  </a:lnTo>
                  <a:lnTo>
                    <a:pt x="19" y="1"/>
                  </a:lnTo>
                  <a:lnTo>
                    <a:pt x="19" y="0"/>
                  </a:lnTo>
                  <a:lnTo>
                    <a:pt x="21" y="0"/>
                  </a:lnTo>
                  <a:lnTo>
                    <a:pt x="23" y="0"/>
                  </a:lnTo>
                  <a:lnTo>
                    <a:pt x="27" y="1"/>
                  </a:lnTo>
                  <a:lnTo>
                    <a:pt x="31" y="3"/>
                  </a:lnTo>
                  <a:lnTo>
                    <a:pt x="42" y="5"/>
                  </a:lnTo>
                  <a:lnTo>
                    <a:pt x="58" y="6"/>
                  </a:lnTo>
                  <a:lnTo>
                    <a:pt x="73" y="5"/>
                  </a:lnTo>
                  <a:lnTo>
                    <a:pt x="84" y="3"/>
                  </a:lnTo>
                  <a:lnTo>
                    <a:pt x="86" y="3"/>
                  </a:lnTo>
                  <a:lnTo>
                    <a:pt x="90" y="3"/>
                  </a:lnTo>
                  <a:lnTo>
                    <a:pt x="103" y="3"/>
                  </a:lnTo>
                  <a:lnTo>
                    <a:pt x="117" y="3"/>
                  </a:lnTo>
                  <a:lnTo>
                    <a:pt x="135" y="4"/>
                  </a:lnTo>
                  <a:lnTo>
                    <a:pt x="152" y="7"/>
                  </a:lnTo>
                  <a:lnTo>
                    <a:pt x="166" y="12"/>
                  </a:lnTo>
                  <a:lnTo>
                    <a:pt x="179" y="18"/>
                  </a:lnTo>
                  <a:lnTo>
                    <a:pt x="192" y="24"/>
                  </a:lnTo>
                  <a:lnTo>
                    <a:pt x="203" y="33"/>
                  </a:lnTo>
                  <a:lnTo>
                    <a:pt x="214" y="41"/>
                  </a:lnTo>
                  <a:lnTo>
                    <a:pt x="224" y="50"/>
                  </a:lnTo>
                  <a:lnTo>
                    <a:pt x="243" y="69"/>
                  </a:lnTo>
                  <a:lnTo>
                    <a:pt x="262" y="88"/>
                  </a:lnTo>
                  <a:lnTo>
                    <a:pt x="273" y="97"/>
                  </a:lnTo>
                  <a:lnTo>
                    <a:pt x="283" y="105"/>
                  </a:lnTo>
                  <a:lnTo>
                    <a:pt x="295" y="113"/>
                  </a:lnTo>
                  <a:lnTo>
                    <a:pt x="308" y="120"/>
                  </a:lnTo>
                  <a:lnTo>
                    <a:pt x="301" y="135"/>
                  </a:lnTo>
                  <a:lnTo>
                    <a:pt x="296" y="149"/>
                  </a:lnTo>
                  <a:lnTo>
                    <a:pt x="294" y="158"/>
                  </a:lnTo>
                  <a:lnTo>
                    <a:pt x="292" y="166"/>
                  </a:lnTo>
                  <a:lnTo>
                    <a:pt x="291" y="176"/>
                  </a:lnTo>
                  <a:lnTo>
                    <a:pt x="290" y="185"/>
                  </a:lnTo>
                  <a:lnTo>
                    <a:pt x="277" y="196"/>
                  </a:lnTo>
                  <a:lnTo>
                    <a:pt x="263" y="206"/>
                  </a:lnTo>
                  <a:lnTo>
                    <a:pt x="252" y="218"/>
                  </a:lnTo>
                  <a:lnTo>
                    <a:pt x="240" y="229"/>
                  </a:lnTo>
                  <a:lnTo>
                    <a:pt x="235" y="236"/>
                  </a:lnTo>
                  <a:lnTo>
                    <a:pt x="230" y="243"/>
                  </a:lnTo>
                  <a:lnTo>
                    <a:pt x="224" y="249"/>
                  </a:lnTo>
                  <a:lnTo>
                    <a:pt x="220" y="257"/>
                  </a:lnTo>
                  <a:lnTo>
                    <a:pt x="217" y="265"/>
                  </a:lnTo>
                  <a:lnTo>
                    <a:pt x="214" y="274"/>
                  </a:lnTo>
                  <a:lnTo>
                    <a:pt x="211" y="283"/>
                  </a:lnTo>
                  <a:lnTo>
                    <a:pt x="209" y="293"/>
                  </a:lnTo>
                  <a:lnTo>
                    <a:pt x="201" y="292"/>
                  </a:lnTo>
                  <a:lnTo>
                    <a:pt x="195" y="292"/>
                  </a:lnTo>
                  <a:lnTo>
                    <a:pt x="190" y="293"/>
                  </a:lnTo>
                  <a:lnTo>
                    <a:pt x="183" y="295"/>
                  </a:lnTo>
                  <a:lnTo>
                    <a:pt x="183" y="290"/>
                  </a:lnTo>
                  <a:lnTo>
                    <a:pt x="183" y="284"/>
                  </a:lnTo>
                  <a:lnTo>
                    <a:pt x="182" y="280"/>
                  </a:lnTo>
                  <a:lnTo>
                    <a:pt x="181" y="277"/>
                  </a:lnTo>
                  <a:lnTo>
                    <a:pt x="169" y="278"/>
                  </a:lnTo>
                  <a:lnTo>
                    <a:pt x="157" y="279"/>
                  </a:lnTo>
                  <a:lnTo>
                    <a:pt x="152" y="279"/>
                  </a:lnTo>
                  <a:lnTo>
                    <a:pt x="146" y="279"/>
                  </a:lnTo>
                  <a:lnTo>
                    <a:pt x="142" y="277"/>
                  </a:lnTo>
                  <a:lnTo>
                    <a:pt x="138" y="275"/>
                  </a:lnTo>
                  <a:lnTo>
                    <a:pt x="133" y="276"/>
                  </a:lnTo>
                  <a:lnTo>
                    <a:pt x="129" y="277"/>
                  </a:lnTo>
                  <a:lnTo>
                    <a:pt x="124" y="279"/>
                  </a:lnTo>
                  <a:lnTo>
                    <a:pt x="121" y="281"/>
                  </a:lnTo>
                  <a:lnTo>
                    <a:pt x="118" y="283"/>
                  </a:lnTo>
                  <a:lnTo>
                    <a:pt x="115" y="283"/>
                  </a:lnTo>
                  <a:lnTo>
                    <a:pt x="112" y="281"/>
                  </a:lnTo>
                  <a:lnTo>
                    <a:pt x="110" y="277"/>
                  </a:lnTo>
                  <a:lnTo>
                    <a:pt x="110" y="274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17" name="Fredensborg"/>
            <p:cNvSpPr>
              <a:spLocks/>
            </p:cNvSpPr>
            <p:nvPr/>
          </p:nvSpPr>
          <p:spPr bwMode="auto">
            <a:xfrm>
              <a:off x="3824288" y="4498975"/>
              <a:ext cx="138112" cy="169863"/>
            </a:xfrm>
            <a:custGeom>
              <a:avLst/>
              <a:gdLst>
                <a:gd name="T0" fmla="*/ 87506 w 262"/>
                <a:gd name="T1" fmla="*/ 22295 h 320"/>
                <a:gd name="T2" fmla="*/ 87506 w 262"/>
                <a:gd name="T3" fmla="*/ 11678 h 320"/>
                <a:gd name="T4" fmla="*/ 84343 w 262"/>
                <a:gd name="T5" fmla="*/ 8493 h 320"/>
                <a:gd name="T6" fmla="*/ 71692 w 262"/>
                <a:gd name="T7" fmla="*/ 10616 h 320"/>
                <a:gd name="T8" fmla="*/ 62730 w 262"/>
                <a:gd name="T9" fmla="*/ 15925 h 320"/>
                <a:gd name="T10" fmla="*/ 54296 w 262"/>
                <a:gd name="T11" fmla="*/ 17517 h 320"/>
                <a:gd name="T12" fmla="*/ 50079 w 262"/>
                <a:gd name="T13" fmla="*/ 12209 h 320"/>
                <a:gd name="T14" fmla="*/ 42699 w 262"/>
                <a:gd name="T15" fmla="*/ 1592 h 320"/>
                <a:gd name="T16" fmla="*/ 41644 w 262"/>
                <a:gd name="T17" fmla="*/ 4247 h 320"/>
                <a:gd name="T18" fmla="*/ 37427 w 262"/>
                <a:gd name="T19" fmla="*/ 8493 h 320"/>
                <a:gd name="T20" fmla="*/ 26884 w 262"/>
                <a:gd name="T21" fmla="*/ 12740 h 320"/>
                <a:gd name="T22" fmla="*/ 20559 w 262"/>
                <a:gd name="T23" fmla="*/ 25479 h 320"/>
                <a:gd name="T24" fmla="*/ 17923 w 262"/>
                <a:gd name="T25" fmla="*/ 41935 h 320"/>
                <a:gd name="T26" fmla="*/ 8961 w 262"/>
                <a:gd name="T27" fmla="*/ 50428 h 320"/>
                <a:gd name="T28" fmla="*/ 5799 w 262"/>
                <a:gd name="T29" fmla="*/ 56798 h 320"/>
                <a:gd name="T30" fmla="*/ 4217 w 262"/>
                <a:gd name="T31" fmla="*/ 63168 h 320"/>
                <a:gd name="T32" fmla="*/ 6326 w 262"/>
                <a:gd name="T33" fmla="*/ 75908 h 320"/>
                <a:gd name="T34" fmla="*/ 5799 w 262"/>
                <a:gd name="T35" fmla="*/ 88116 h 320"/>
                <a:gd name="T36" fmla="*/ 0 w 262"/>
                <a:gd name="T37" fmla="*/ 93425 h 320"/>
                <a:gd name="T38" fmla="*/ 13706 w 262"/>
                <a:gd name="T39" fmla="*/ 105634 h 320"/>
                <a:gd name="T40" fmla="*/ 15814 w 262"/>
                <a:gd name="T41" fmla="*/ 113596 h 320"/>
                <a:gd name="T42" fmla="*/ 19504 w 262"/>
                <a:gd name="T43" fmla="*/ 123681 h 320"/>
                <a:gd name="T44" fmla="*/ 29520 w 262"/>
                <a:gd name="T45" fmla="*/ 131113 h 320"/>
                <a:gd name="T46" fmla="*/ 27939 w 262"/>
                <a:gd name="T47" fmla="*/ 145445 h 320"/>
                <a:gd name="T48" fmla="*/ 26884 w 262"/>
                <a:gd name="T49" fmla="*/ 153938 h 320"/>
                <a:gd name="T50" fmla="*/ 31102 w 262"/>
                <a:gd name="T51" fmla="*/ 161370 h 320"/>
                <a:gd name="T52" fmla="*/ 41644 w 262"/>
                <a:gd name="T53" fmla="*/ 169863 h 320"/>
                <a:gd name="T54" fmla="*/ 42699 w 262"/>
                <a:gd name="T55" fmla="*/ 165086 h 320"/>
                <a:gd name="T56" fmla="*/ 49024 w 262"/>
                <a:gd name="T57" fmla="*/ 162431 h 320"/>
                <a:gd name="T58" fmla="*/ 63257 w 262"/>
                <a:gd name="T59" fmla="*/ 161901 h 320"/>
                <a:gd name="T60" fmla="*/ 71165 w 262"/>
                <a:gd name="T61" fmla="*/ 156592 h 320"/>
                <a:gd name="T62" fmla="*/ 81180 w 262"/>
                <a:gd name="T63" fmla="*/ 155531 h 320"/>
                <a:gd name="T64" fmla="*/ 94359 w 262"/>
                <a:gd name="T65" fmla="*/ 149161 h 320"/>
                <a:gd name="T66" fmla="*/ 102266 w 262"/>
                <a:gd name="T67" fmla="*/ 145976 h 320"/>
                <a:gd name="T68" fmla="*/ 112809 w 262"/>
                <a:gd name="T69" fmla="*/ 142791 h 320"/>
                <a:gd name="T70" fmla="*/ 123352 w 262"/>
                <a:gd name="T71" fmla="*/ 136421 h 320"/>
                <a:gd name="T72" fmla="*/ 124406 w 262"/>
                <a:gd name="T73" fmla="*/ 122620 h 320"/>
                <a:gd name="T74" fmla="*/ 121243 w 262"/>
                <a:gd name="T75" fmla="*/ 116250 h 320"/>
                <a:gd name="T76" fmla="*/ 124406 w 262"/>
                <a:gd name="T77" fmla="*/ 107757 h 320"/>
                <a:gd name="T78" fmla="*/ 127569 w 262"/>
                <a:gd name="T79" fmla="*/ 98202 h 320"/>
                <a:gd name="T80" fmla="*/ 125988 w 262"/>
                <a:gd name="T81" fmla="*/ 87586 h 320"/>
                <a:gd name="T82" fmla="*/ 136003 w 262"/>
                <a:gd name="T83" fmla="*/ 56267 h 320"/>
                <a:gd name="T84" fmla="*/ 136003 w 262"/>
                <a:gd name="T85" fmla="*/ 41935 h 320"/>
                <a:gd name="T86" fmla="*/ 127569 w 262"/>
                <a:gd name="T87" fmla="*/ 43527 h 320"/>
                <a:gd name="T88" fmla="*/ 124933 w 262"/>
                <a:gd name="T89" fmla="*/ 38219 h 320"/>
                <a:gd name="T90" fmla="*/ 118608 w 262"/>
                <a:gd name="T91" fmla="*/ 34503 h 320"/>
                <a:gd name="T92" fmla="*/ 103848 w 262"/>
                <a:gd name="T93" fmla="*/ 33973 h 320"/>
                <a:gd name="T94" fmla="*/ 93832 w 262"/>
                <a:gd name="T95" fmla="*/ 35565 h 320"/>
                <a:gd name="T96" fmla="*/ 89088 w 262"/>
                <a:gd name="T97" fmla="*/ 39281 h 320"/>
                <a:gd name="T98" fmla="*/ 85925 w 262"/>
                <a:gd name="T99" fmla="*/ 32380 h 320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</a:gdLst>
              <a:ahLst/>
              <a:cxnLst>
                <a:cxn ang="T100">
                  <a:pos x="T0" y="T1"/>
                </a:cxn>
                <a:cxn ang="T101">
                  <a:pos x="T2" y="T3"/>
                </a:cxn>
                <a:cxn ang="T102">
                  <a:pos x="T4" y="T5"/>
                </a:cxn>
                <a:cxn ang="T103">
                  <a:pos x="T6" y="T7"/>
                </a:cxn>
                <a:cxn ang="T104">
                  <a:pos x="T8" y="T9"/>
                </a:cxn>
                <a:cxn ang="T105">
                  <a:pos x="T10" y="T11"/>
                </a:cxn>
                <a:cxn ang="T106">
                  <a:pos x="T12" y="T13"/>
                </a:cxn>
                <a:cxn ang="T107">
                  <a:pos x="T14" y="T15"/>
                </a:cxn>
                <a:cxn ang="T108">
                  <a:pos x="T16" y="T17"/>
                </a:cxn>
                <a:cxn ang="T109">
                  <a:pos x="T18" y="T19"/>
                </a:cxn>
                <a:cxn ang="T110">
                  <a:pos x="T20" y="T21"/>
                </a:cxn>
                <a:cxn ang="T111">
                  <a:pos x="T22" y="T23"/>
                </a:cxn>
                <a:cxn ang="T112">
                  <a:pos x="T24" y="T25"/>
                </a:cxn>
                <a:cxn ang="T113">
                  <a:pos x="T26" y="T27"/>
                </a:cxn>
                <a:cxn ang="T114">
                  <a:pos x="T28" y="T29"/>
                </a:cxn>
                <a:cxn ang="T115">
                  <a:pos x="T30" y="T31"/>
                </a:cxn>
                <a:cxn ang="T116">
                  <a:pos x="T32" y="T33"/>
                </a:cxn>
                <a:cxn ang="T117">
                  <a:pos x="T34" y="T35"/>
                </a:cxn>
                <a:cxn ang="T118">
                  <a:pos x="T36" y="T37"/>
                </a:cxn>
                <a:cxn ang="T119">
                  <a:pos x="T38" y="T39"/>
                </a:cxn>
                <a:cxn ang="T120">
                  <a:pos x="T40" y="T41"/>
                </a:cxn>
                <a:cxn ang="T121">
                  <a:pos x="T42" y="T43"/>
                </a:cxn>
                <a:cxn ang="T122">
                  <a:pos x="T44" y="T45"/>
                </a:cxn>
                <a:cxn ang="T123">
                  <a:pos x="T46" y="T47"/>
                </a:cxn>
                <a:cxn ang="T124">
                  <a:pos x="T48" y="T49"/>
                </a:cxn>
                <a:cxn ang="T125">
                  <a:pos x="T50" y="T51"/>
                </a:cxn>
                <a:cxn ang="T126">
                  <a:pos x="T52" y="T53"/>
                </a:cxn>
                <a:cxn ang="T127">
                  <a:pos x="T54" y="T55"/>
                </a:cxn>
                <a:cxn ang="T128">
                  <a:pos x="T56" y="T57"/>
                </a:cxn>
                <a:cxn ang="T129">
                  <a:pos x="T58" y="T59"/>
                </a:cxn>
                <a:cxn ang="T130">
                  <a:pos x="T60" y="T61"/>
                </a:cxn>
                <a:cxn ang="T131">
                  <a:pos x="T62" y="T63"/>
                </a:cxn>
                <a:cxn ang="T132">
                  <a:pos x="T64" y="T65"/>
                </a:cxn>
                <a:cxn ang="T133">
                  <a:pos x="T66" y="T67"/>
                </a:cxn>
                <a:cxn ang="T134">
                  <a:pos x="T68" y="T69"/>
                </a:cxn>
                <a:cxn ang="T135">
                  <a:pos x="T70" y="T71"/>
                </a:cxn>
                <a:cxn ang="T136">
                  <a:pos x="T72" y="T73"/>
                </a:cxn>
                <a:cxn ang="T137">
                  <a:pos x="T74" y="T75"/>
                </a:cxn>
                <a:cxn ang="T138">
                  <a:pos x="T76" y="T77"/>
                </a:cxn>
                <a:cxn ang="T139">
                  <a:pos x="T78" y="T79"/>
                </a:cxn>
                <a:cxn ang="T140">
                  <a:pos x="T80" y="T81"/>
                </a:cxn>
                <a:cxn ang="T141">
                  <a:pos x="T82" y="T83"/>
                </a:cxn>
                <a:cxn ang="T142">
                  <a:pos x="T84" y="T85"/>
                </a:cxn>
                <a:cxn ang="T143">
                  <a:pos x="T86" y="T87"/>
                </a:cxn>
                <a:cxn ang="T144">
                  <a:pos x="T88" y="T89"/>
                </a:cxn>
                <a:cxn ang="T145">
                  <a:pos x="T90" y="T91"/>
                </a:cxn>
                <a:cxn ang="T146">
                  <a:pos x="T92" y="T93"/>
                </a:cxn>
                <a:cxn ang="T147">
                  <a:pos x="T94" y="T95"/>
                </a:cxn>
                <a:cxn ang="T148">
                  <a:pos x="T96" y="T97"/>
                </a:cxn>
                <a:cxn ang="T149">
                  <a:pos x="T98" y="T99"/>
                </a:cxn>
              </a:cxnLst>
              <a:rect l="0" t="0" r="r" b="b"/>
              <a:pathLst>
                <a:path w="262" h="320">
                  <a:moveTo>
                    <a:pt x="163" y="61"/>
                  </a:moveTo>
                  <a:lnTo>
                    <a:pt x="165" y="51"/>
                  </a:lnTo>
                  <a:lnTo>
                    <a:pt x="166" y="42"/>
                  </a:lnTo>
                  <a:lnTo>
                    <a:pt x="167" y="32"/>
                  </a:lnTo>
                  <a:lnTo>
                    <a:pt x="169" y="23"/>
                  </a:lnTo>
                  <a:lnTo>
                    <a:pt x="166" y="22"/>
                  </a:lnTo>
                  <a:lnTo>
                    <a:pt x="163" y="20"/>
                  </a:lnTo>
                  <a:lnTo>
                    <a:pt x="161" y="18"/>
                  </a:lnTo>
                  <a:lnTo>
                    <a:pt x="160" y="16"/>
                  </a:lnTo>
                  <a:lnTo>
                    <a:pt x="152" y="17"/>
                  </a:lnTo>
                  <a:lnTo>
                    <a:pt x="145" y="18"/>
                  </a:lnTo>
                  <a:lnTo>
                    <a:pt x="136" y="20"/>
                  </a:lnTo>
                  <a:lnTo>
                    <a:pt x="128" y="21"/>
                  </a:lnTo>
                  <a:lnTo>
                    <a:pt x="123" y="26"/>
                  </a:lnTo>
                  <a:lnTo>
                    <a:pt x="119" y="30"/>
                  </a:lnTo>
                  <a:lnTo>
                    <a:pt x="114" y="33"/>
                  </a:lnTo>
                  <a:lnTo>
                    <a:pt x="108" y="36"/>
                  </a:lnTo>
                  <a:lnTo>
                    <a:pt x="103" y="33"/>
                  </a:lnTo>
                  <a:lnTo>
                    <a:pt x="100" y="30"/>
                  </a:lnTo>
                  <a:lnTo>
                    <a:pt x="97" y="27"/>
                  </a:lnTo>
                  <a:lnTo>
                    <a:pt x="95" y="23"/>
                  </a:lnTo>
                  <a:lnTo>
                    <a:pt x="89" y="11"/>
                  </a:lnTo>
                  <a:lnTo>
                    <a:pt x="82" y="0"/>
                  </a:lnTo>
                  <a:lnTo>
                    <a:pt x="81" y="3"/>
                  </a:lnTo>
                  <a:lnTo>
                    <a:pt x="81" y="5"/>
                  </a:lnTo>
                  <a:lnTo>
                    <a:pt x="81" y="7"/>
                  </a:lnTo>
                  <a:lnTo>
                    <a:pt x="79" y="8"/>
                  </a:lnTo>
                  <a:lnTo>
                    <a:pt x="77" y="12"/>
                  </a:lnTo>
                  <a:lnTo>
                    <a:pt x="77" y="18"/>
                  </a:lnTo>
                  <a:lnTo>
                    <a:pt x="71" y="16"/>
                  </a:lnTo>
                  <a:lnTo>
                    <a:pt x="65" y="12"/>
                  </a:lnTo>
                  <a:lnTo>
                    <a:pt x="57" y="18"/>
                  </a:lnTo>
                  <a:lnTo>
                    <a:pt x="51" y="24"/>
                  </a:lnTo>
                  <a:lnTo>
                    <a:pt x="46" y="31"/>
                  </a:lnTo>
                  <a:lnTo>
                    <a:pt x="42" y="39"/>
                  </a:lnTo>
                  <a:lnTo>
                    <a:pt x="39" y="48"/>
                  </a:lnTo>
                  <a:lnTo>
                    <a:pt x="37" y="58"/>
                  </a:lnTo>
                  <a:lnTo>
                    <a:pt x="35" y="68"/>
                  </a:lnTo>
                  <a:lnTo>
                    <a:pt x="34" y="79"/>
                  </a:lnTo>
                  <a:lnTo>
                    <a:pt x="27" y="85"/>
                  </a:lnTo>
                  <a:lnTo>
                    <a:pt x="20" y="91"/>
                  </a:lnTo>
                  <a:lnTo>
                    <a:pt x="17" y="95"/>
                  </a:lnTo>
                  <a:lnTo>
                    <a:pt x="15" y="98"/>
                  </a:lnTo>
                  <a:lnTo>
                    <a:pt x="13" y="102"/>
                  </a:lnTo>
                  <a:lnTo>
                    <a:pt x="11" y="107"/>
                  </a:lnTo>
                  <a:lnTo>
                    <a:pt x="9" y="110"/>
                  </a:lnTo>
                  <a:lnTo>
                    <a:pt x="8" y="115"/>
                  </a:lnTo>
                  <a:lnTo>
                    <a:pt x="8" y="119"/>
                  </a:lnTo>
                  <a:lnTo>
                    <a:pt x="8" y="123"/>
                  </a:lnTo>
                  <a:lnTo>
                    <a:pt x="10" y="132"/>
                  </a:lnTo>
                  <a:lnTo>
                    <a:pt x="12" y="143"/>
                  </a:lnTo>
                  <a:lnTo>
                    <a:pt x="13" y="152"/>
                  </a:lnTo>
                  <a:lnTo>
                    <a:pt x="12" y="162"/>
                  </a:lnTo>
                  <a:lnTo>
                    <a:pt x="11" y="166"/>
                  </a:lnTo>
                  <a:lnTo>
                    <a:pt x="9" y="169"/>
                  </a:lnTo>
                  <a:lnTo>
                    <a:pt x="6" y="172"/>
                  </a:lnTo>
                  <a:lnTo>
                    <a:pt x="0" y="176"/>
                  </a:lnTo>
                  <a:lnTo>
                    <a:pt x="11" y="184"/>
                  </a:lnTo>
                  <a:lnTo>
                    <a:pt x="21" y="194"/>
                  </a:lnTo>
                  <a:lnTo>
                    <a:pt x="26" y="199"/>
                  </a:lnTo>
                  <a:lnTo>
                    <a:pt x="28" y="205"/>
                  </a:lnTo>
                  <a:lnTo>
                    <a:pt x="29" y="209"/>
                  </a:lnTo>
                  <a:lnTo>
                    <a:pt x="30" y="214"/>
                  </a:lnTo>
                  <a:lnTo>
                    <a:pt x="29" y="218"/>
                  </a:lnTo>
                  <a:lnTo>
                    <a:pt x="29" y="224"/>
                  </a:lnTo>
                  <a:lnTo>
                    <a:pt x="37" y="233"/>
                  </a:lnTo>
                  <a:lnTo>
                    <a:pt x="48" y="239"/>
                  </a:lnTo>
                  <a:lnTo>
                    <a:pt x="52" y="243"/>
                  </a:lnTo>
                  <a:lnTo>
                    <a:pt x="56" y="247"/>
                  </a:lnTo>
                  <a:lnTo>
                    <a:pt x="59" y="253"/>
                  </a:lnTo>
                  <a:lnTo>
                    <a:pt x="61" y="259"/>
                  </a:lnTo>
                  <a:lnTo>
                    <a:pt x="53" y="274"/>
                  </a:lnTo>
                  <a:lnTo>
                    <a:pt x="43" y="287"/>
                  </a:lnTo>
                  <a:lnTo>
                    <a:pt x="48" y="288"/>
                  </a:lnTo>
                  <a:lnTo>
                    <a:pt x="51" y="290"/>
                  </a:lnTo>
                  <a:lnTo>
                    <a:pt x="53" y="294"/>
                  </a:lnTo>
                  <a:lnTo>
                    <a:pt x="55" y="297"/>
                  </a:lnTo>
                  <a:lnTo>
                    <a:pt x="59" y="304"/>
                  </a:lnTo>
                  <a:lnTo>
                    <a:pt x="65" y="310"/>
                  </a:lnTo>
                  <a:lnTo>
                    <a:pt x="71" y="316"/>
                  </a:lnTo>
                  <a:lnTo>
                    <a:pt x="79" y="320"/>
                  </a:lnTo>
                  <a:lnTo>
                    <a:pt x="79" y="317"/>
                  </a:lnTo>
                  <a:lnTo>
                    <a:pt x="80" y="314"/>
                  </a:lnTo>
                  <a:lnTo>
                    <a:pt x="81" y="311"/>
                  </a:lnTo>
                  <a:lnTo>
                    <a:pt x="83" y="309"/>
                  </a:lnTo>
                  <a:lnTo>
                    <a:pt x="88" y="306"/>
                  </a:lnTo>
                  <a:lnTo>
                    <a:pt x="93" y="306"/>
                  </a:lnTo>
                  <a:lnTo>
                    <a:pt x="106" y="307"/>
                  </a:lnTo>
                  <a:lnTo>
                    <a:pt x="117" y="310"/>
                  </a:lnTo>
                  <a:lnTo>
                    <a:pt x="120" y="305"/>
                  </a:lnTo>
                  <a:lnTo>
                    <a:pt x="125" y="301"/>
                  </a:lnTo>
                  <a:lnTo>
                    <a:pt x="130" y="297"/>
                  </a:lnTo>
                  <a:lnTo>
                    <a:pt x="135" y="295"/>
                  </a:lnTo>
                  <a:lnTo>
                    <a:pt x="141" y="294"/>
                  </a:lnTo>
                  <a:lnTo>
                    <a:pt x="148" y="293"/>
                  </a:lnTo>
                  <a:lnTo>
                    <a:pt x="154" y="293"/>
                  </a:lnTo>
                  <a:lnTo>
                    <a:pt x="160" y="293"/>
                  </a:lnTo>
                  <a:lnTo>
                    <a:pt x="171" y="287"/>
                  </a:lnTo>
                  <a:lnTo>
                    <a:pt x="179" y="281"/>
                  </a:lnTo>
                  <a:lnTo>
                    <a:pt x="184" y="279"/>
                  </a:lnTo>
                  <a:lnTo>
                    <a:pt x="189" y="277"/>
                  </a:lnTo>
                  <a:lnTo>
                    <a:pt x="194" y="275"/>
                  </a:lnTo>
                  <a:lnTo>
                    <a:pt x="201" y="275"/>
                  </a:lnTo>
                  <a:lnTo>
                    <a:pt x="208" y="273"/>
                  </a:lnTo>
                  <a:lnTo>
                    <a:pt x="214" y="269"/>
                  </a:lnTo>
                  <a:lnTo>
                    <a:pt x="219" y="267"/>
                  </a:lnTo>
                  <a:lnTo>
                    <a:pt x="225" y="263"/>
                  </a:lnTo>
                  <a:lnTo>
                    <a:pt x="234" y="257"/>
                  </a:lnTo>
                  <a:lnTo>
                    <a:pt x="245" y="249"/>
                  </a:lnTo>
                  <a:lnTo>
                    <a:pt x="240" y="240"/>
                  </a:lnTo>
                  <a:lnTo>
                    <a:pt x="236" y="231"/>
                  </a:lnTo>
                  <a:lnTo>
                    <a:pt x="234" y="228"/>
                  </a:lnTo>
                  <a:lnTo>
                    <a:pt x="232" y="224"/>
                  </a:lnTo>
                  <a:lnTo>
                    <a:pt x="230" y="219"/>
                  </a:lnTo>
                  <a:lnTo>
                    <a:pt x="229" y="214"/>
                  </a:lnTo>
                  <a:lnTo>
                    <a:pt x="233" y="209"/>
                  </a:lnTo>
                  <a:lnTo>
                    <a:pt x="236" y="203"/>
                  </a:lnTo>
                  <a:lnTo>
                    <a:pt x="239" y="198"/>
                  </a:lnTo>
                  <a:lnTo>
                    <a:pt x="241" y="191"/>
                  </a:lnTo>
                  <a:lnTo>
                    <a:pt x="242" y="185"/>
                  </a:lnTo>
                  <a:lnTo>
                    <a:pt x="244" y="178"/>
                  </a:lnTo>
                  <a:lnTo>
                    <a:pt x="242" y="171"/>
                  </a:lnTo>
                  <a:lnTo>
                    <a:pt x="239" y="165"/>
                  </a:lnTo>
                  <a:lnTo>
                    <a:pt x="248" y="147"/>
                  </a:lnTo>
                  <a:lnTo>
                    <a:pt x="254" y="127"/>
                  </a:lnTo>
                  <a:lnTo>
                    <a:pt x="258" y="106"/>
                  </a:lnTo>
                  <a:lnTo>
                    <a:pt x="262" y="84"/>
                  </a:lnTo>
                  <a:lnTo>
                    <a:pt x="260" y="81"/>
                  </a:lnTo>
                  <a:lnTo>
                    <a:pt x="258" y="79"/>
                  </a:lnTo>
                  <a:lnTo>
                    <a:pt x="254" y="79"/>
                  </a:lnTo>
                  <a:lnTo>
                    <a:pt x="251" y="79"/>
                  </a:lnTo>
                  <a:lnTo>
                    <a:pt x="242" y="82"/>
                  </a:lnTo>
                  <a:lnTo>
                    <a:pt x="237" y="84"/>
                  </a:lnTo>
                  <a:lnTo>
                    <a:pt x="237" y="79"/>
                  </a:lnTo>
                  <a:lnTo>
                    <a:pt x="237" y="72"/>
                  </a:lnTo>
                  <a:lnTo>
                    <a:pt x="236" y="67"/>
                  </a:lnTo>
                  <a:lnTo>
                    <a:pt x="234" y="64"/>
                  </a:lnTo>
                  <a:lnTo>
                    <a:pt x="225" y="65"/>
                  </a:lnTo>
                  <a:lnTo>
                    <a:pt x="214" y="65"/>
                  </a:lnTo>
                  <a:lnTo>
                    <a:pt x="206" y="65"/>
                  </a:lnTo>
                  <a:lnTo>
                    <a:pt x="197" y="64"/>
                  </a:lnTo>
                  <a:lnTo>
                    <a:pt x="189" y="64"/>
                  </a:lnTo>
                  <a:lnTo>
                    <a:pt x="181" y="65"/>
                  </a:lnTo>
                  <a:lnTo>
                    <a:pt x="178" y="67"/>
                  </a:lnTo>
                  <a:lnTo>
                    <a:pt x="175" y="68"/>
                  </a:lnTo>
                  <a:lnTo>
                    <a:pt x="172" y="70"/>
                  </a:lnTo>
                  <a:lnTo>
                    <a:pt x="169" y="74"/>
                  </a:lnTo>
                  <a:lnTo>
                    <a:pt x="167" y="68"/>
                  </a:lnTo>
                  <a:lnTo>
                    <a:pt x="166" y="62"/>
                  </a:lnTo>
                  <a:lnTo>
                    <a:pt x="163" y="61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18" name="Fredensborg kant"/>
            <p:cNvSpPr>
              <a:spLocks/>
            </p:cNvSpPr>
            <p:nvPr/>
          </p:nvSpPr>
          <p:spPr bwMode="auto">
            <a:xfrm>
              <a:off x="3824288" y="4498975"/>
              <a:ext cx="138112" cy="169863"/>
            </a:xfrm>
            <a:custGeom>
              <a:avLst/>
              <a:gdLst>
                <a:gd name="T0" fmla="*/ 87506 w 262"/>
                <a:gd name="T1" fmla="*/ 22295 h 320"/>
                <a:gd name="T2" fmla="*/ 87506 w 262"/>
                <a:gd name="T3" fmla="*/ 11678 h 320"/>
                <a:gd name="T4" fmla="*/ 84343 w 262"/>
                <a:gd name="T5" fmla="*/ 8493 h 320"/>
                <a:gd name="T6" fmla="*/ 71692 w 262"/>
                <a:gd name="T7" fmla="*/ 10616 h 320"/>
                <a:gd name="T8" fmla="*/ 62730 w 262"/>
                <a:gd name="T9" fmla="*/ 15925 h 320"/>
                <a:gd name="T10" fmla="*/ 54296 w 262"/>
                <a:gd name="T11" fmla="*/ 17517 h 320"/>
                <a:gd name="T12" fmla="*/ 50079 w 262"/>
                <a:gd name="T13" fmla="*/ 12209 h 320"/>
                <a:gd name="T14" fmla="*/ 42699 w 262"/>
                <a:gd name="T15" fmla="*/ 1592 h 320"/>
                <a:gd name="T16" fmla="*/ 41644 w 262"/>
                <a:gd name="T17" fmla="*/ 4247 h 320"/>
                <a:gd name="T18" fmla="*/ 37427 w 262"/>
                <a:gd name="T19" fmla="*/ 8493 h 320"/>
                <a:gd name="T20" fmla="*/ 26884 w 262"/>
                <a:gd name="T21" fmla="*/ 12740 h 320"/>
                <a:gd name="T22" fmla="*/ 20559 w 262"/>
                <a:gd name="T23" fmla="*/ 25479 h 320"/>
                <a:gd name="T24" fmla="*/ 17923 w 262"/>
                <a:gd name="T25" fmla="*/ 41935 h 320"/>
                <a:gd name="T26" fmla="*/ 8961 w 262"/>
                <a:gd name="T27" fmla="*/ 50428 h 320"/>
                <a:gd name="T28" fmla="*/ 5799 w 262"/>
                <a:gd name="T29" fmla="*/ 56798 h 320"/>
                <a:gd name="T30" fmla="*/ 4217 w 262"/>
                <a:gd name="T31" fmla="*/ 63168 h 320"/>
                <a:gd name="T32" fmla="*/ 6326 w 262"/>
                <a:gd name="T33" fmla="*/ 75908 h 320"/>
                <a:gd name="T34" fmla="*/ 5799 w 262"/>
                <a:gd name="T35" fmla="*/ 88116 h 320"/>
                <a:gd name="T36" fmla="*/ 0 w 262"/>
                <a:gd name="T37" fmla="*/ 93425 h 320"/>
                <a:gd name="T38" fmla="*/ 13706 w 262"/>
                <a:gd name="T39" fmla="*/ 105634 h 320"/>
                <a:gd name="T40" fmla="*/ 15814 w 262"/>
                <a:gd name="T41" fmla="*/ 113596 h 320"/>
                <a:gd name="T42" fmla="*/ 19504 w 262"/>
                <a:gd name="T43" fmla="*/ 123681 h 320"/>
                <a:gd name="T44" fmla="*/ 29520 w 262"/>
                <a:gd name="T45" fmla="*/ 131113 h 320"/>
                <a:gd name="T46" fmla="*/ 27939 w 262"/>
                <a:gd name="T47" fmla="*/ 145445 h 320"/>
                <a:gd name="T48" fmla="*/ 26884 w 262"/>
                <a:gd name="T49" fmla="*/ 153938 h 320"/>
                <a:gd name="T50" fmla="*/ 31102 w 262"/>
                <a:gd name="T51" fmla="*/ 161370 h 320"/>
                <a:gd name="T52" fmla="*/ 41644 w 262"/>
                <a:gd name="T53" fmla="*/ 169863 h 320"/>
                <a:gd name="T54" fmla="*/ 42699 w 262"/>
                <a:gd name="T55" fmla="*/ 165086 h 320"/>
                <a:gd name="T56" fmla="*/ 49024 w 262"/>
                <a:gd name="T57" fmla="*/ 162431 h 320"/>
                <a:gd name="T58" fmla="*/ 63257 w 262"/>
                <a:gd name="T59" fmla="*/ 161901 h 320"/>
                <a:gd name="T60" fmla="*/ 71165 w 262"/>
                <a:gd name="T61" fmla="*/ 156592 h 320"/>
                <a:gd name="T62" fmla="*/ 81180 w 262"/>
                <a:gd name="T63" fmla="*/ 155531 h 320"/>
                <a:gd name="T64" fmla="*/ 94359 w 262"/>
                <a:gd name="T65" fmla="*/ 149161 h 320"/>
                <a:gd name="T66" fmla="*/ 102266 w 262"/>
                <a:gd name="T67" fmla="*/ 145976 h 320"/>
                <a:gd name="T68" fmla="*/ 112809 w 262"/>
                <a:gd name="T69" fmla="*/ 142791 h 320"/>
                <a:gd name="T70" fmla="*/ 123352 w 262"/>
                <a:gd name="T71" fmla="*/ 136421 h 320"/>
                <a:gd name="T72" fmla="*/ 124406 w 262"/>
                <a:gd name="T73" fmla="*/ 122620 h 320"/>
                <a:gd name="T74" fmla="*/ 121243 w 262"/>
                <a:gd name="T75" fmla="*/ 116250 h 320"/>
                <a:gd name="T76" fmla="*/ 124406 w 262"/>
                <a:gd name="T77" fmla="*/ 107757 h 320"/>
                <a:gd name="T78" fmla="*/ 127569 w 262"/>
                <a:gd name="T79" fmla="*/ 98202 h 320"/>
                <a:gd name="T80" fmla="*/ 125988 w 262"/>
                <a:gd name="T81" fmla="*/ 87586 h 320"/>
                <a:gd name="T82" fmla="*/ 136003 w 262"/>
                <a:gd name="T83" fmla="*/ 56267 h 320"/>
                <a:gd name="T84" fmla="*/ 136003 w 262"/>
                <a:gd name="T85" fmla="*/ 41935 h 320"/>
                <a:gd name="T86" fmla="*/ 127569 w 262"/>
                <a:gd name="T87" fmla="*/ 43527 h 320"/>
                <a:gd name="T88" fmla="*/ 124933 w 262"/>
                <a:gd name="T89" fmla="*/ 38219 h 320"/>
                <a:gd name="T90" fmla="*/ 118608 w 262"/>
                <a:gd name="T91" fmla="*/ 34503 h 320"/>
                <a:gd name="T92" fmla="*/ 103848 w 262"/>
                <a:gd name="T93" fmla="*/ 33973 h 320"/>
                <a:gd name="T94" fmla="*/ 93832 w 262"/>
                <a:gd name="T95" fmla="*/ 35565 h 320"/>
                <a:gd name="T96" fmla="*/ 89088 w 262"/>
                <a:gd name="T97" fmla="*/ 39281 h 320"/>
                <a:gd name="T98" fmla="*/ 85925 w 262"/>
                <a:gd name="T99" fmla="*/ 32380 h 320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</a:gdLst>
              <a:ahLst/>
              <a:cxnLst>
                <a:cxn ang="T100">
                  <a:pos x="T0" y="T1"/>
                </a:cxn>
                <a:cxn ang="T101">
                  <a:pos x="T2" y="T3"/>
                </a:cxn>
                <a:cxn ang="T102">
                  <a:pos x="T4" y="T5"/>
                </a:cxn>
                <a:cxn ang="T103">
                  <a:pos x="T6" y="T7"/>
                </a:cxn>
                <a:cxn ang="T104">
                  <a:pos x="T8" y="T9"/>
                </a:cxn>
                <a:cxn ang="T105">
                  <a:pos x="T10" y="T11"/>
                </a:cxn>
                <a:cxn ang="T106">
                  <a:pos x="T12" y="T13"/>
                </a:cxn>
                <a:cxn ang="T107">
                  <a:pos x="T14" y="T15"/>
                </a:cxn>
                <a:cxn ang="T108">
                  <a:pos x="T16" y="T17"/>
                </a:cxn>
                <a:cxn ang="T109">
                  <a:pos x="T18" y="T19"/>
                </a:cxn>
                <a:cxn ang="T110">
                  <a:pos x="T20" y="T21"/>
                </a:cxn>
                <a:cxn ang="T111">
                  <a:pos x="T22" y="T23"/>
                </a:cxn>
                <a:cxn ang="T112">
                  <a:pos x="T24" y="T25"/>
                </a:cxn>
                <a:cxn ang="T113">
                  <a:pos x="T26" y="T27"/>
                </a:cxn>
                <a:cxn ang="T114">
                  <a:pos x="T28" y="T29"/>
                </a:cxn>
                <a:cxn ang="T115">
                  <a:pos x="T30" y="T31"/>
                </a:cxn>
                <a:cxn ang="T116">
                  <a:pos x="T32" y="T33"/>
                </a:cxn>
                <a:cxn ang="T117">
                  <a:pos x="T34" y="T35"/>
                </a:cxn>
                <a:cxn ang="T118">
                  <a:pos x="T36" y="T37"/>
                </a:cxn>
                <a:cxn ang="T119">
                  <a:pos x="T38" y="T39"/>
                </a:cxn>
                <a:cxn ang="T120">
                  <a:pos x="T40" y="T41"/>
                </a:cxn>
                <a:cxn ang="T121">
                  <a:pos x="T42" y="T43"/>
                </a:cxn>
                <a:cxn ang="T122">
                  <a:pos x="T44" y="T45"/>
                </a:cxn>
                <a:cxn ang="T123">
                  <a:pos x="T46" y="T47"/>
                </a:cxn>
                <a:cxn ang="T124">
                  <a:pos x="T48" y="T49"/>
                </a:cxn>
                <a:cxn ang="T125">
                  <a:pos x="T50" y="T51"/>
                </a:cxn>
                <a:cxn ang="T126">
                  <a:pos x="T52" y="T53"/>
                </a:cxn>
                <a:cxn ang="T127">
                  <a:pos x="T54" y="T55"/>
                </a:cxn>
                <a:cxn ang="T128">
                  <a:pos x="T56" y="T57"/>
                </a:cxn>
                <a:cxn ang="T129">
                  <a:pos x="T58" y="T59"/>
                </a:cxn>
                <a:cxn ang="T130">
                  <a:pos x="T60" y="T61"/>
                </a:cxn>
                <a:cxn ang="T131">
                  <a:pos x="T62" y="T63"/>
                </a:cxn>
                <a:cxn ang="T132">
                  <a:pos x="T64" y="T65"/>
                </a:cxn>
                <a:cxn ang="T133">
                  <a:pos x="T66" y="T67"/>
                </a:cxn>
                <a:cxn ang="T134">
                  <a:pos x="T68" y="T69"/>
                </a:cxn>
                <a:cxn ang="T135">
                  <a:pos x="T70" y="T71"/>
                </a:cxn>
                <a:cxn ang="T136">
                  <a:pos x="T72" y="T73"/>
                </a:cxn>
                <a:cxn ang="T137">
                  <a:pos x="T74" y="T75"/>
                </a:cxn>
                <a:cxn ang="T138">
                  <a:pos x="T76" y="T77"/>
                </a:cxn>
                <a:cxn ang="T139">
                  <a:pos x="T78" y="T79"/>
                </a:cxn>
                <a:cxn ang="T140">
                  <a:pos x="T80" y="T81"/>
                </a:cxn>
                <a:cxn ang="T141">
                  <a:pos x="T82" y="T83"/>
                </a:cxn>
                <a:cxn ang="T142">
                  <a:pos x="T84" y="T85"/>
                </a:cxn>
                <a:cxn ang="T143">
                  <a:pos x="T86" y="T87"/>
                </a:cxn>
                <a:cxn ang="T144">
                  <a:pos x="T88" y="T89"/>
                </a:cxn>
                <a:cxn ang="T145">
                  <a:pos x="T90" y="T91"/>
                </a:cxn>
                <a:cxn ang="T146">
                  <a:pos x="T92" y="T93"/>
                </a:cxn>
                <a:cxn ang="T147">
                  <a:pos x="T94" y="T95"/>
                </a:cxn>
                <a:cxn ang="T148">
                  <a:pos x="T96" y="T97"/>
                </a:cxn>
                <a:cxn ang="T149">
                  <a:pos x="T98" y="T99"/>
                </a:cxn>
              </a:cxnLst>
              <a:rect l="0" t="0" r="r" b="b"/>
              <a:pathLst>
                <a:path w="262" h="320">
                  <a:moveTo>
                    <a:pt x="163" y="61"/>
                  </a:moveTo>
                  <a:lnTo>
                    <a:pt x="165" y="51"/>
                  </a:lnTo>
                  <a:lnTo>
                    <a:pt x="166" y="42"/>
                  </a:lnTo>
                  <a:lnTo>
                    <a:pt x="167" y="32"/>
                  </a:lnTo>
                  <a:lnTo>
                    <a:pt x="169" y="23"/>
                  </a:lnTo>
                  <a:lnTo>
                    <a:pt x="166" y="22"/>
                  </a:lnTo>
                  <a:lnTo>
                    <a:pt x="163" y="20"/>
                  </a:lnTo>
                  <a:lnTo>
                    <a:pt x="161" y="18"/>
                  </a:lnTo>
                  <a:lnTo>
                    <a:pt x="160" y="16"/>
                  </a:lnTo>
                  <a:lnTo>
                    <a:pt x="152" y="17"/>
                  </a:lnTo>
                  <a:lnTo>
                    <a:pt x="145" y="18"/>
                  </a:lnTo>
                  <a:lnTo>
                    <a:pt x="136" y="20"/>
                  </a:lnTo>
                  <a:lnTo>
                    <a:pt x="128" y="21"/>
                  </a:lnTo>
                  <a:lnTo>
                    <a:pt x="123" y="26"/>
                  </a:lnTo>
                  <a:lnTo>
                    <a:pt x="119" y="30"/>
                  </a:lnTo>
                  <a:lnTo>
                    <a:pt x="114" y="33"/>
                  </a:lnTo>
                  <a:lnTo>
                    <a:pt x="108" y="36"/>
                  </a:lnTo>
                  <a:lnTo>
                    <a:pt x="103" y="33"/>
                  </a:lnTo>
                  <a:lnTo>
                    <a:pt x="100" y="30"/>
                  </a:lnTo>
                  <a:lnTo>
                    <a:pt x="97" y="27"/>
                  </a:lnTo>
                  <a:lnTo>
                    <a:pt x="95" y="23"/>
                  </a:lnTo>
                  <a:lnTo>
                    <a:pt x="89" y="11"/>
                  </a:lnTo>
                  <a:lnTo>
                    <a:pt x="82" y="0"/>
                  </a:lnTo>
                  <a:lnTo>
                    <a:pt x="81" y="3"/>
                  </a:lnTo>
                  <a:lnTo>
                    <a:pt x="81" y="5"/>
                  </a:lnTo>
                  <a:lnTo>
                    <a:pt x="81" y="7"/>
                  </a:lnTo>
                  <a:lnTo>
                    <a:pt x="79" y="8"/>
                  </a:lnTo>
                  <a:lnTo>
                    <a:pt x="77" y="12"/>
                  </a:lnTo>
                  <a:lnTo>
                    <a:pt x="77" y="18"/>
                  </a:lnTo>
                  <a:lnTo>
                    <a:pt x="71" y="16"/>
                  </a:lnTo>
                  <a:lnTo>
                    <a:pt x="65" y="12"/>
                  </a:lnTo>
                  <a:lnTo>
                    <a:pt x="57" y="18"/>
                  </a:lnTo>
                  <a:lnTo>
                    <a:pt x="51" y="24"/>
                  </a:lnTo>
                  <a:lnTo>
                    <a:pt x="46" y="31"/>
                  </a:lnTo>
                  <a:lnTo>
                    <a:pt x="42" y="39"/>
                  </a:lnTo>
                  <a:lnTo>
                    <a:pt x="39" y="48"/>
                  </a:lnTo>
                  <a:lnTo>
                    <a:pt x="37" y="58"/>
                  </a:lnTo>
                  <a:lnTo>
                    <a:pt x="35" y="68"/>
                  </a:lnTo>
                  <a:lnTo>
                    <a:pt x="34" y="79"/>
                  </a:lnTo>
                  <a:lnTo>
                    <a:pt x="27" y="85"/>
                  </a:lnTo>
                  <a:lnTo>
                    <a:pt x="20" y="91"/>
                  </a:lnTo>
                  <a:lnTo>
                    <a:pt x="17" y="95"/>
                  </a:lnTo>
                  <a:lnTo>
                    <a:pt x="15" y="98"/>
                  </a:lnTo>
                  <a:lnTo>
                    <a:pt x="13" y="102"/>
                  </a:lnTo>
                  <a:lnTo>
                    <a:pt x="11" y="107"/>
                  </a:lnTo>
                  <a:lnTo>
                    <a:pt x="9" y="110"/>
                  </a:lnTo>
                  <a:lnTo>
                    <a:pt x="8" y="115"/>
                  </a:lnTo>
                  <a:lnTo>
                    <a:pt x="8" y="119"/>
                  </a:lnTo>
                  <a:lnTo>
                    <a:pt x="8" y="123"/>
                  </a:lnTo>
                  <a:lnTo>
                    <a:pt x="10" y="132"/>
                  </a:lnTo>
                  <a:lnTo>
                    <a:pt x="12" y="143"/>
                  </a:lnTo>
                  <a:lnTo>
                    <a:pt x="13" y="152"/>
                  </a:lnTo>
                  <a:lnTo>
                    <a:pt x="12" y="162"/>
                  </a:lnTo>
                  <a:lnTo>
                    <a:pt x="11" y="166"/>
                  </a:lnTo>
                  <a:lnTo>
                    <a:pt x="9" y="169"/>
                  </a:lnTo>
                  <a:lnTo>
                    <a:pt x="6" y="172"/>
                  </a:lnTo>
                  <a:lnTo>
                    <a:pt x="0" y="176"/>
                  </a:lnTo>
                  <a:lnTo>
                    <a:pt x="11" y="184"/>
                  </a:lnTo>
                  <a:lnTo>
                    <a:pt x="21" y="194"/>
                  </a:lnTo>
                  <a:lnTo>
                    <a:pt x="26" y="199"/>
                  </a:lnTo>
                  <a:lnTo>
                    <a:pt x="28" y="205"/>
                  </a:lnTo>
                  <a:lnTo>
                    <a:pt x="29" y="209"/>
                  </a:lnTo>
                  <a:lnTo>
                    <a:pt x="30" y="214"/>
                  </a:lnTo>
                  <a:lnTo>
                    <a:pt x="29" y="218"/>
                  </a:lnTo>
                  <a:lnTo>
                    <a:pt x="29" y="224"/>
                  </a:lnTo>
                  <a:lnTo>
                    <a:pt x="37" y="233"/>
                  </a:lnTo>
                  <a:lnTo>
                    <a:pt x="48" y="239"/>
                  </a:lnTo>
                  <a:lnTo>
                    <a:pt x="52" y="243"/>
                  </a:lnTo>
                  <a:lnTo>
                    <a:pt x="56" y="247"/>
                  </a:lnTo>
                  <a:lnTo>
                    <a:pt x="59" y="253"/>
                  </a:lnTo>
                  <a:lnTo>
                    <a:pt x="61" y="259"/>
                  </a:lnTo>
                  <a:lnTo>
                    <a:pt x="53" y="274"/>
                  </a:lnTo>
                  <a:lnTo>
                    <a:pt x="43" y="287"/>
                  </a:lnTo>
                  <a:lnTo>
                    <a:pt x="48" y="288"/>
                  </a:lnTo>
                  <a:lnTo>
                    <a:pt x="51" y="290"/>
                  </a:lnTo>
                  <a:lnTo>
                    <a:pt x="53" y="294"/>
                  </a:lnTo>
                  <a:lnTo>
                    <a:pt x="55" y="297"/>
                  </a:lnTo>
                  <a:lnTo>
                    <a:pt x="59" y="304"/>
                  </a:lnTo>
                  <a:lnTo>
                    <a:pt x="65" y="310"/>
                  </a:lnTo>
                  <a:lnTo>
                    <a:pt x="71" y="316"/>
                  </a:lnTo>
                  <a:lnTo>
                    <a:pt x="79" y="320"/>
                  </a:lnTo>
                  <a:lnTo>
                    <a:pt x="79" y="317"/>
                  </a:lnTo>
                  <a:lnTo>
                    <a:pt x="80" y="314"/>
                  </a:lnTo>
                  <a:lnTo>
                    <a:pt x="81" y="311"/>
                  </a:lnTo>
                  <a:lnTo>
                    <a:pt x="83" y="309"/>
                  </a:lnTo>
                  <a:lnTo>
                    <a:pt x="88" y="306"/>
                  </a:lnTo>
                  <a:lnTo>
                    <a:pt x="93" y="306"/>
                  </a:lnTo>
                  <a:lnTo>
                    <a:pt x="106" y="307"/>
                  </a:lnTo>
                  <a:lnTo>
                    <a:pt x="117" y="310"/>
                  </a:lnTo>
                  <a:lnTo>
                    <a:pt x="120" y="305"/>
                  </a:lnTo>
                  <a:lnTo>
                    <a:pt x="125" y="301"/>
                  </a:lnTo>
                  <a:lnTo>
                    <a:pt x="130" y="297"/>
                  </a:lnTo>
                  <a:lnTo>
                    <a:pt x="135" y="295"/>
                  </a:lnTo>
                  <a:lnTo>
                    <a:pt x="141" y="294"/>
                  </a:lnTo>
                  <a:lnTo>
                    <a:pt x="148" y="293"/>
                  </a:lnTo>
                  <a:lnTo>
                    <a:pt x="154" y="293"/>
                  </a:lnTo>
                  <a:lnTo>
                    <a:pt x="160" y="293"/>
                  </a:lnTo>
                  <a:lnTo>
                    <a:pt x="171" y="287"/>
                  </a:lnTo>
                  <a:lnTo>
                    <a:pt x="179" y="281"/>
                  </a:lnTo>
                  <a:lnTo>
                    <a:pt x="184" y="279"/>
                  </a:lnTo>
                  <a:lnTo>
                    <a:pt x="189" y="277"/>
                  </a:lnTo>
                  <a:lnTo>
                    <a:pt x="194" y="275"/>
                  </a:lnTo>
                  <a:lnTo>
                    <a:pt x="201" y="275"/>
                  </a:lnTo>
                  <a:lnTo>
                    <a:pt x="208" y="273"/>
                  </a:lnTo>
                  <a:lnTo>
                    <a:pt x="214" y="269"/>
                  </a:lnTo>
                  <a:lnTo>
                    <a:pt x="219" y="267"/>
                  </a:lnTo>
                  <a:lnTo>
                    <a:pt x="225" y="263"/>
                  </a:lnTo>
                  <a:lnTo>
                    <a:pt x="234" y="257"/>
                  </a:lnTo>
                  <a:lnTo>
                    <a:pt x="245" y="249"/>
                  </a:lnTo>
                  <a:lnTo>
                    <a:pt x="240" y="240"/>
                  </a:lnTo>
                  <a:lnTo>
                    <a:pt x="236" y="231"/>
                  </a:lnTo>
                  <a:lnTo>
                    <a:pt x="234" y="228"/>
                  </a:lnTo>
                  <a:lnTo>
                    <a:pt x="232" y="224"/>
                  </a:lnTo>
                  <a:lnTo>
                    <a:pt x="230" y="219"/>
                  </a:lnTo>
                  <a:lnTo>
                    <a:pt x="229" y="214"/>
                  </a:lnTo>
                  <a:lnTo>
                    <a:pt x="233" y="209"/>
                  </a:lnTo>
                  <a:lnTo>
                    <a:pt x="236" y="203"/>
                  </a:lnTo>
                  <a:lnTo>
                    <a:pt x="239" y="198"/>
                  </a:lnTo>
                  <a:lnTo>
                    <a:pt x="241" y="191"/>
                  </a:lnTo>
                  <a:lnTo>
                    <a:pt x="242" y="185"/>
                  </a:lnTo>
                  <a:lnTo>
                    <a:pt x="244" y="178"/>
                  </a:lnTo>
                  <a:lnTo>
                    <a:pt x="242" y="171"/>
                  </a:lnTo>
                  <a:lnTo>
                    <a:pt x="239" y="165"/>
                  </a:lnTo>
                  <a:lnTo>
                    <a:pt x="248" y="147"/>
                  </a:lnTo>
                  <a:lnTo>
                    <a:pt x="254" y="127"/>
                  </a:lnTo>
                  <a:lnTo>
                    <a:pt x="258" y="106"/>
                  </a:lnTo>
                  <a:lnTo>
                    <a:pt x="262" y="84"/>
                  </a:lnTo>
                  <a:lnTo>
                    <a:pt x="260" y="81"/>
                  </a:lnTo>
                  <a:lnTo>
                    <a:pt x="258" y="79"/>
                  </a:lnTo>
                  <a:lnTo>
                    <a:pt x="254" y="79"/>
                  </a:lnTo>
                  <a:lnTo>
                    <a:pt x="251" y="79"/>
                  </a:lnTo>
                  <a:lnTo>
                    <a:pt x="242" y="82"/>
                  </a:lnTo>
                  <a:lnTo>
                    <a:pt x="237" y="84"/>
                  </a:lnTo>
                  <a:lnTo>
                    <a:pt x="237" y="79"/>
                  </a:lnTo>
                  <a:lnTo>
                    <a:pt x="237" y="72"/>
                  </a:lnTo>
                  <a:lnTo>
                    <a:pt x="236" y="67"/>
                  </a:lnTo>
                  <a:lnTo>
                    <a:pt x="234" y="64"/>
                  </a:lnTo>
                  <a:lnTo>
                    <a:pt x="225" y="65"/>
                  </a:lnTo>
                  <a:lnTo>
                    <a:pt x="214" y="65"/>
                  </a:lnTo>
                  <a:lnTo>
                    <a:pt x="206" y="65"/>
                  </a:lnTo>
                  <a:lnTo>
                    <a:pt x="197" y="64"/>
                  </a:lnTo>
                  <a:lnTo>
                    <a:pt x="189" y="64"/>
                  </a:lnTo>
                  <a:lnTo>
                    <a:pt x="181" y="65"/>
                  </a:lnTo>
                  <a:lnTo>
                    <a:pt x="178" y="67"/>
                  </a:lnTo>
                  <a:lnTo>
                    <a:pt x="175" y="68"/>
                  </a:lnTo>
                  <a:lnTo>
                    <a:pt x="172" y="70"/>
                  </a:lnTo>
                  <a:lnTo>
                    <a:pt x="169" y="74"/>
                  </a:lnTo>
                  <a:lnTo>
                    <a:pt x="167" y="68"/>
                  </a:lnTo>
                  <a:lnTo>
                    <a:pt x="166" y="62"/>
                  </a:lnTo>
                  <a:lnTo>
                    <a:pt x="163" y="61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19" name="Halsnæs"/>
            <p:cNvSpPr>
              <a:spLocks/>
            </p:cNvSpPr>
            <p:nvPr/>
          </p:nvSpPr>
          <p:spPr bwMode="auto">
            <a:xfrm>
              <a:off x="3435350" y="4491038"/>
              <a:ext cx="214313" cy="198437"/>
            </a:xfrm>
            <a:custGeom>
              <a:avLst/>
              <a:gdLst>
                <a:gd name="T0" fmla="*/ 133879 w 405"/>
                <a:gd name="T1" fmla="*/ 4233 h 375"/>
                <a:gd name="T2" fmla="*/ 144992 w 405"/>
                <a:gd name="T3" fmla="*/ 8996 h 375"/>
                <a:gd name="T4" fmla="*/ 154517 w 405"/>
                <a:gd name="T5" fmla="*/ 10583 h 375"/>
                <a:gd name="T6" fmla="*/ 157163 w 405"/>
                <a:gd name="T7" fmla="*/ 18521 h 375"/>
                <a:gd name="T8" fmla="*/ 158750 w 405"/>
                <a:gd name="T9" fmla="*/ 25929 h 375"/>
                <a:gd name="T10" fmla="*/ 164571 w 405"/>
                <a:gd name="T11" fmla="*/ 34396 h 375"/>
                <a:gd name="T12" fmla="*/ 156634 w 405"/>
                <a:gd name="T13" fmla="*/ 40746 h 375"/>
                <a:gd name="T14" fmla="*/ 145521 w 405"/>
                <a:gd name="T15" fmla="*/ 56092 h 375"/>
                <a:gd name="T16" fmla="*/ 146580 w 405"/>
                <a:gd name="T17" fmla="*/ 70908 h 375"/>
                <a:gd name="T18" fmla="*/ 155046 w 405"/>
                <a:gd name="T19" fmla="*/ 74083 h 375"/>
                <a:gd name="T20" fmla="*/ 165630 w 405"/>
                <a:gd name="T21" fmla="*/ 70908 h 375"/>
                <a:gd name="T22" fmla="*/ 168805 w 405"/>
                <a:gd name="T23" fmla="*/ 63500 h 375"/>
                <a:gd name="T24" fmla="*/ 172509 w 405"/>
                <a:gd name="T25" fmla="*/ 52387 h 375"/>
                <a:gd name="T26" fmla="*/ 187855 w 405"/>
                <a:gd name="T27" fmla="*/ 50800 h 375"/>
                <a:gd name="T28" fmla="*/ 192617 w 405"/>
                <a:gd name="T29" fmla="*/ 56621 h 375"/>
                <a:gd name="T30" fmla="*/ 189971 w 405"/>
                <a:gd name="T31" fmla="*/ 64029 h 375"/>
                <a:gd name="T32" fmla="*/ 179388 w 405"/>
                <a:gd name="T33" fmla="*/ 76729 h 375"/>
                <a:gd name="T34" fmla="*/ 165100 w 405"/>
                <a:gd name="T35" fmla="*/ 97366 h 375"/>
                <a:gd name="T36" fmla="*/ 166159 w 405"/>
                <a:gd name="T37" fmla="*/ 109008 h 375"/>
                <a:gd name="T38" fmla="*/ 176213 w 405"/>
                <a:gd name="T39" fmla="*/ 116416 h 375"/>
                <a:gd name="T40" fmla="*/ 184150 w 405"/>
                <a:gd name="T41" fmla="*/ 120650 h 375"/>
                <a:gd name="T42" fmla="*/ 183621 w 405"/>
                <a:gd name="T43" fmla="*/ 124883 h 375"/>
                <a:gd name="T44" fmla="*/ 186796 w 405"/>
                <a:gd name="T45" fmla="*/ 132820 h 375"/>
                <a:gd name="T46" fmla="*/ 196321 w 405"/>
                <a:gd name="T47" fmla="*/ 140758 h 375"/>
                <a:gd name="T48" fmla="*/ 206905 w 405"/>
                <a:gd name="T49" fmla="*/ 148166 h 375"/>
                <a:gd name="T50" fmla="*/ 213784 w 405"/>
                <a:gd name="T51" fmla="*/ 156633 h 375"/>
                <a:gd name="T52" fmla="*/ 208492 w 405"/>
                <a:gd name="T53" fmla="*/ 162454 h 375"/>
                <a:gd name="T54" fmla="*/ 201084 w 405"/>
                <a:gd name="T55" fmla="*/ 167216 h 375"/>
                <a:gd name="T56" fmla="*/ 188384 w 405"/>
                <a:gd name="T57" fmla="*/ 177800 h 375"/>
                <a:gd name="T58" fmla="*/ 178330 w 405"/>
                <a:gd name="T59" fmla="*/ 191029 h 375"/>
                <a:gd name="T60" fmla="*/ 175684 w 405"/>
                <a:gd name="T61" fmla="*/ 198437 h 375"/>
                <a:gd name="T62" fmla="*/ 162455 w 405"/>
                <a:gd name="T63" fmla="*/ 181504 h 375"/>
                <a:gd name="T64" fmla="*/ 155575 w 405"/>
                <a:gd name="T65" fmla="*/ 151341 h 375"/>
                <a:gd name="T66" fmla="*/ 146580 w 405"/>
                <a:gd name="T67" fmla="*/ 125941 h 375"/>
                <a:gd name="T68" fmla="*/ 135996 w 405"/>
                <a:gd name="T69" fmla="*/ 106362 h 375"/>
                <a:gd name="T70" fmla="*/ 133350 w 405"/>
                <a:gd name="T71" fmla="*/ 93662 h 375"/>
                <a:gd name="T72" fmla="*/ 125413 w 405"/>
                <a:gd name="T73" fmla="*/ 88900 h 375"/>
                <a:gd name="T74" fmla="*/ 115888 w 405"/>
                <a:gd name="T75" fmla="*/ 82550 h 375"/>
                <a:gd name="T76" fmla="*/ 91017 w 405"/>
                <a:gd name="T77" fmla="*/ 88900 h 375"/>
                <a:gd name="T78" fmla="*/ 80963 w 405"/>
                <a:gd name="T79" fmla="*/ 97366 h 375"/>
                <a:gd name="T80" fmla="*/ 69850 w 405"/>
                <a:gd name="T81" fmla="*/ 108479 h 375"/>
                <a:gd name="T82" fmla="*/ 46038 w 405"/>
                <a:gd name="T83" fmla="*/ 117475 h 375"/>
                <a:gd name="T84" fmla="*/ 30163 w 405"/>
                <a:gd name="T85" fmla="*/ 117475 h 375"/>
                <a:gd name="T86" fmla="*/ 23813 w 405"/>
                <a:gd name="T87" fmla="*/ 117475 h 375"/>
                <a:gd name="T88" fmla="*/ 17463 w 405"/>
                <a:gd name="T89" fmla="*/ 119591 h 375"/>
                <a:gd name="T90" fmla="*/ 7938 w 405"/>
                <a:gd name="T91" fmla="*/ 106891 h 375"/>
                <a:gd name="T92" fmla="*/ 3704 w 405"/>
                <a:gd name="T93" fmla="*/ 91016 h 375"/>
                <a:gd name="T94" fmla="*/ 5821 w 405"/>
                <a:gd name="T95" fmla="*/ 82021 h 375"/>
                <a:gd name="T96" fmla="*/ 9525 w 405"/>
                <a:gd name="T97" fmla="*/ 73025 h 375"/>
                <a:gd name="T98" fmla="*/ 24871 w 405"/>
                <a:gd name="T99" fmla="*/ 65087 h 375"/>
                <a:gd name="T100" fmla="*/ 49742 w 405"/>
                <a:gd name="T101" fmla="*/ 47096 h 375"/>
                <a:gd name="T102" fmla="*/ 88900 w 405"/>
                <a:gd name="T103" fmla="*/ 15346 h 375"/>
                <a:gd name="T104" fmla="*/ 112184 w 405"/>
                <a:gd name="T105" fmla="*/ 3175 h 375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405" h="375">
                  <a:moveTo>
                    <a:pt x="219" y="0"/>
                  </a:moveTo>
                  <a:lnTo>
                    <a:pt x="231" y="1"/>
                  </a:lnTo>
                  <a:lnTo>
                    <a:pt x="241" y="4"/>
                  </a:lnTo>
                  <a:lnTo>
                    <a:pt x="253" y="8"/>
                  </a:lnTo>
                  <a:lnTo>
                    <a:pt x="265" y="9"/>
                  </a:lnTo>
                  <a:lnTo>
                    <a:pt x="268" y="13"/>
                  </a:lnTo>
                  <a:lnTo>
                    <a:pt x="271" y="15"/>
                  </a:lnTo>
                  <a:lnTo>
                    <a:pt x="274" y="17"/>
                  </a:lnTo>
                  <a:lnTo>
                    <a:pt x="277" y="18"/>
                  </a:lnTo>
                  <a:lnTo>
                    <a:pt x="281" y="19"/>
                  </a:lnTo>
                  <a:lnTo>
                    <a:pt x="287" y="20"/>
                  </a:lnTo>
                  <a:lnTo>
                    <a:pt x="292" y="20"/>
                  </a:lnTo>
                  <a:lnTo>
                    <a:pt x="298" y="20"/>
                  </a:lnTo>
                  <a:lnTo>
                    <a:pt x="298" y="25"/>
                  </a:lnTo>
                  <a:lnTo>
                    <a:pt x="297" y="32"/>
                  </a:lnTo>
                  <a:lnTo>
                    <a:pt x="297" y="35"/>
                  </a:lnTo>
                  <a:lnTo>
                    <a:pt x="297" y="37"/>
                  </a:lnTo>
                  <a:lnTo>
                    <a:pt x="298" y="39"/>
                  </a:lnTo>
                  <a:lnTo>
                    <a:pt x="300" y="40"/>
                  </a:lnTo>
                  <a:lnTo>
                    <a:pt x="300" y="49"/>
                  </a:lnTo>
                  <a:lnTo>
                    <a:pt x="300" y="58"/>
                  </a:lnTo>
                  <a:lnTo>
                    <a:pt x="305" y="61"/>
                  </a:lnTo>
                  <a:lnTo>
                    <a:pt x="309" y="64"/>
                  </a:lnTo>
                  <a:lnTo>
                    <a:pt x="311" y="65"/>
                  </a:lnTo>
                  <a:lnTo>
                    <a:pt x="312" y="66"/>
                  </a:lnTo>
                  <a:lnTo>
                    <a:pt x="312" y="68"/>
                  </a:lnTo>
                  <a:lnTo>
                    <a:pt x="311" y="70"/>
                  </a:lnTo>
                  <a:lnTo>
                    <a:pt x="296" y="77"/>
                  </a:lnTo>
                  <a:lnTo>
                    <a:pt x="283" y="83"/>
                  </a:lnTo>
                  <a:lnTo>
                    <a:pt x="279" y="91"/>
                  </a:lnTo>
                  <a:lnTo>
                    <a:pt x="277" y="99"/>
                  </a:lnTo>
                  <a:lnTo>
                    <a:pt x="275" y="106"/>
                  </a:lnTo>
                  <a:lnTo>
                    <a:pt x="274" y="115"/>
                  </a:lnTo>
                  <a:lnTo>
                    <a:pt x="274" y="122"/>
                  </a:lnTo>
                  <a:lnTo>
                    <a:pt x="275" y="129"/>
                  </a:lnTo>
                  <a:lnTo>
                    <a:pt x="277" y="134"/>
                  </a:lnTo>
                  <a:lnTo>
                    <a:pt x="279" y="136"/>
                  </a:lnTo>
                  <a:lnTo>
                    <a:pt x="281" y="139"/>
                  </a:lnTo>
                  <a:lnTo>
                    <a:pt x="285" y="142"/>
                  </a:lnTo>
                  <a:lnTo>
                    <a:pt x="293" y="140"/>
                  </a:lnTo>
                  <a:lnTo>
                    <a:pt x="303" y="139"/>
                  </a:lnTo>
                  <a:lnTo>
                    <a:pt x="307" y="138"/>
                  </a:lnTo>
                  <a:lnTo>
                    <a:pt x="310" y="136"/>
                  </a:lnTo>
                  <a:lnTo>
                    <a:pt x="313" y="134"/>
                  </a:lnTo>
                  <a:lnTo>
                    <a:pt x="316" y="131"/>
                  </a:lnTo>
                  <a:lnTo>
                    <a:pt x="318" y="126"/>
                  </a:lnTo>
                  <a:lnTo>
                    <a:pt x="319" y="123"/>
                  </a:lnTo>
                  <a:lnTo>
                    <a:pt x="319" y="120"/>
                  </a:lnTo>
                  <a:lnTo>
                    <a:pt x="318" y="116"/>
                  </a:lnTo>
                  <a:lnTo>
                    <a:pt x="318" y="109"/>
                  </a:lnTo>
                  <a:lnTo>
                    <a:pt x="318" y="103"/>
                  </a:lnTo>
                  <a:lnTo>
                    <a:pt x="326" y="99"/>
                  </a:lnTo>
                  <a:lnTo>
                    <a:pt x="334" y="96"/>
                  </a:lnTo>
                  <a:lnTo>
                    <a:pt x="342" y="95"/>
                  </a:lnTo>
                  <a:lnTo>
                    <a:pt x="349" y="95"/>
                  </a:lnTo>
                  <a:lnTo>
                    <a:pt x="355" y="96"/>
                  </a:lnTo>
                  <a:lnTo>
                    <a:pt x="359" y="99"/>
                  </a:lnTo>
                  <a:lnTo>
                    <a:pt x="362" y="101"/>
                  </a:lnTo>
                  <a:lnTo>
                    <a:pt x="363" y="104"/>
                  </a:lnTo>
                  <a:lnTo>
                    <a:pt x="364" y="107"/>
                  </a:lnTo>
                  <a:lnTo>
                    <a:pt x="364" y="112"/>
                  </a:lnTo>
                  <a:lnTo>
                    <a:pt x="364" y="115"/>
                  </a:lnTo>
                  <a:lnTo>
                    <a:pt x="362" y="118"/>
                  </a:lnTo>
                  <a:lnTo>
                    <a:pt x="359" y="121"/>
                  </a:lnTo>
                  <a:lnTo>
                    <a:pt x="356" y="123"/>
                  </a:lnTo>
                  <a:lnTo>
                    <a:pt x="349" y="128"/>
                  </a:lnTo>
                  <a:lnTo>
                    <a:pt x="344" y="134"/>
                  </a:lnTo>
                  <a:lnTo>
                    <a:pt x="339" y="145"/>
                  </a:lnTo>
                  <a:lnTo>
                    <a:pt x="333" y="157"/>
                  </a:lnTo>
                  <a:lnTo>
                    <a:pt x="325" y="167"/>
                  </a:lnTo>
                  <a:lnTo>
                    <a:pt x="316" y="179"/>
                  </a:lnTo>
                  <a:lnTo>
                    <a:pt x="312" y="184"/>
                  </a:lnTo>
                  <a:lnTo>
                    <a:pt x="310" y="191"/>
                  </a:lnTo>
                  <a:lnTo>
                    <a:pt x="308" y="198"/>
                  </a:lnTo>
                  <a:lnTo>
                    <a:pt x="308" y="205"/>
                  </a:lnTo>
                  <a:lnTo>
                    <a:pt x="314" y="206"/>
                  </a:lnTo>
                  <a:lnTo>
                    <a:pt x="318" y="207"/>
                  </a:lnTo>
                  <a:lnTo>
                    <a:pt x="323" y="211"/>
                  </a:lnTo>
                  <a:lnTo>
                    <a:pt x="327" y="213"/>
                  </a:lnTo>
                  <a:lnTo>
                    <a:pt x="333" y="220"/>
                  </a:lnTo>
                  <a:lnTo>
                    <a:pt x="342" y="225"/>
                  </a:lnTo>
                  <a:lnTo>
                    <a:pt x="343" y="227"/>
                  </a:lnTo>
                  <a:lnTo>
                    <a:pt x="345" y="228"/>
                  </a:lnTo>
                  <a:lnTo>
                    <a:pt x="348" y="228"/>
                  </a:lnTo>
                  <a:lnTo>
                    <a:pt x="351" y="228"/>
                  </a:lnTo>
                  <a:lnTo>
                    <a:pt x="349" y="231"/>
                  </a:lnTo>
                  <a:lnTo>
                    <a:pt x="348" y="233"/>
                  </a:lnTo>
                  <a:lnTo>
                    <a:pt x="347" y="236"/>
                  </a:lnTo>
                  <a:lnTo>
                    <a:pt x="346" y="238"/>
                  </a:lnTo>
                  <a:lnTo>
                    <a:pt x="347" y="242"/>
                  </a:lnTo>
                  <a:lnTo>
                    <a:pt x="350" y="246"/>
                  </a:lnTo>
                  <a:lnTo>
                    <a:pt x="353" y="251"/>
                  </a:lnTo>
                  <a:lnTo>
                    <a:pt x="356" y="256"/>
                  </a:lnTo>
                  <a:lnTo>
                    <a:pt x="358" y="260"/>
                  </a:lnTo>
                  <a:lnTo>
                    <a:pt x="358" y="266"/>
                  </a:lnTo>
                  <a:lnTo>
                    <a:pt x="371" y="266"/>
                  </a:lnTo>
                  <a:lnTo>
                    <a:pt x="385" y="266"/>
                  </a:lnTo>
                  <a:lnTo>
                    <a:pt x="386" y="272"/>
                  </a:lnTo>
                  <a:lnTo>
                    <a:pt x="388" y="276"/>
                  </a:lnTo>
                  <a:lnTo>
                    <a:pt x="391" y="280"/>
                  </a:lnTo>
                  <a:lnTo>
                    <a:pt x="395" y="283"/>
                  </a:lnTo>
                  <a:lnTo>
                    <a:pt x="398" y="287"/>
                  </a:lnTo>
                  <a:lnTo>
                    <a:pt x="402" y="291"/>
                  </a:lnTo>
                  <a:lnTo>
                    <a:pt x="404" y="296"/>
                  </a:lnTo>
                  <a:lnTo>
                    <a:pt x="405" y="301"/>
                  </a:lnTo>
                  <a:lnTo>
                    <a:pt x="402" y="304"/>
                  </a:lnTo>
                  <a:lnTo>
                    <a:pt x="398" y="306"/>
                  </a:lnTo>
                  <a:lnTo>
                    <a:pt x="394" y="307"/>
                  </a:lnTo>
                  <a:lnTo>
                    <a:pt x="391" y="310"/>
                  </a:lnTo>
                  <a:lnTo>
                    <a:pt x="387" y="311"/>
                  </a:lnTo>
                  <a:lnTo>
                    <a:pt x="384" y="313"/>
                  </a:lnTo>
                  <a:lnTo>
                    <a:pt x="380" y="316"/>
                  </a:lnTo>
                  <a:lnTo>
                    <a:pt x="379" y="319"/>
                  </a:lnTo>
                  <a:lnTo>
                    <a:pt x="371" y="324"/>
                  </a:lnTo>
                  <a:lnTo>
                    <a:pt x="364" y="330"/>
                  </a:lnTo>
                  <a:lnTo>
                    <a:pt x="356" y="336"/>
                  </a:lnTo>
                  <a:lnTo>
                    <a:pt x="349" y="342"/>
                  </a:lnTo>
                  <a:lnTo>
                    <a:pt x="344" y="350"/>
                  </a:lnTo>
                  <a:lnTo>
                    <a:pt x="339" y="357"/>
                  </a:lnTo>
                  <a:lnTo>
                    <a:pt x="337" y="361"/>
                  </a:lnTo>
                  <a:lnTo>
                    <a:pt x="336" y="366"/>
                  </a:lnTo>
                  <a:lnTo>
                    <a:pt x="336" y="371"/>
                  </a:lnTo>
                  <a:lnTo>
                    <a:pt x="336" y="375"/>
                  </a:lnTo>
                  <a:lnTo>
                    <a:pt x="332" y="375"/>
                  </a:lnTo>
                  <a:lnTo>
                    <a:pt x="328" y="373"/>
                  </a:lnTo>
                  <a:lnTo>
                    <a:pt x="320" y="364"/>
                  </a:lnTo>
                  <a:lnTo>
                    <a:pt x="313" y="354"/>
                  </a:lnTo>
                  <a:lnTo>
                    <a:pt x="307" y="343"/>
                  </a:lnTo>
                  <a:lnTo>
                    <a:pt x="301" y="331"/>
                  </a:lnTo>
                  <a:lnTo>
                    <a:pt x="298" y="318"/>
                  </a:lnTo>
                  <a:lnTo>
                    <a:pt x="295" y="303"/>
                  </a:lnTo>
                  <a:lnTo>
                    <a:pt x="294" y="286"/>
                  </a:lnTo>
                  <a:lnTo>
                    <a:pt x="295" y="268"/>
                  </a:lnTo>
                  <a:lnTo>
                    <a:pt x="290" y="258"/>
                  </a:lnTo>
                  <a:lnTo>
                    <a:pt x="284" y="247"/>
                  </a:lnTo>
                  <a:lnTo>
                    <a:pt x="277" y="238"/>
                  </a:lnTo>
                  <a:lnTo>
                    <a:pt x="271" y="228"/>
                  </a:lnTo>
                  <a:lnTo>
                    <a:pt x="265" y="219"/>
                  </a:lnTo>
                  <a:lnTo>
                    <a:pt x="259" y="207"/>
                  </a:lnTo>
                  <a:lnTo>
                    <a:pt x="257" y="201"/>
                  </a:lnTo>
                  <a:lnTo>
                    <a:pt x="256" y="195"/>
                  </a:lnTo>
                  <a:lnTo>
                    <a:pt x="255" y="187"/>
                  </a:lnTo>
                  <a:lnTo>
                    <a:pt x="255" y="180"/>
                  </a:lnTo>
                  <a:lnTo>
                    <a:pt x="252" y="177"/>
                  </a:lnTo>
                  <a:lnTo>
                    <a:pt x="249" y="174"/>
                  </a:lnTo>
                  <a:lnTo>
                    <a:pt x="245" y="173"/>
                  </a:lnTo>
                  <a:lnTo>
                    <a:pt x="241" y="171"/>
                  </a:lnTo>
                  <a:lnTo>
                    <a:pt x="237" y="168"/>
                  </a:lnTo>
                  <a:lnTo>
                    <a:pt x="235" y="165"/>
                  </a:lnTo>
                  <a:lnTo>
                    <a:pt x="234" y="161"/>
                  </a:lnTo>
                  <a:lnTo>
                    <a:pt x="234" y="155"/>
                  </a:lnTo>
                  <a:lnTo>
                    <a:pt x="219" y="156"/>
                  </a:lnTo>
                  <a:lnTo>
                    <a:pt x="205" y="158"/>
                  </a:lnTo>
                  <a:lnTo>
                    <a:pt x="191" y="161"/>
                  </a:lnTo>
                  <a:lnTo>
                    <a:pt x="178" y="166"/>
                  </a:lnTo>
                  <a:lnTo>
                    <a:pt x="172" y="168"/>
                  </a:lnTo>
                  <a:lnTo>
                    <a:pt x="167" y="172"/>
                  </a:lnTo>
                  <a:lnTo>
                    <a:pt x="161" y="176"/>
                  </a:lnTo>
                  <a:lnTo>
                    <a:pt x="157" y="180"/>
                  </a:lnTo>
                  <a:lnTo>
                    <a:pt x="153" y="184"/>
                  </a:lnTo>
                  <a:lnTo>
                    <a:pt x="149" y="191"/>
                  </a:lnTo>
                  <a:lnTo>
                    <a:pt x="146" y="196"/>
                  </a:lnTo>
                  <a:lnTo>
                    <a:pt x="142" y="202"/>
                  </a:lnTo>
                  <a:lnTo>
                    <a:pt x="132" y="205"/>
                  </a:lnTo>
                  <a:lnTo>
                    <a:pt x="120" y="209"/>
                  </a:lnTo>
                  <a:lnTo>
                    <a:pt x="109" y="214"/>
                  </a:lnTo>
                  <a:lnTo>
                    <a:pt x="98" y="218"/>
                  </a:lnTo>
                  <a:lnTo>
                    <a:pt x="87" y="222"/>
                  </a:lnTo>
                  <a:lnTo>
                    <a:pt x="75" y="224"/>
                  </a:lnTo>
                  <a:lnTo>
                    <a:pt x="70" y="224"/>
                  </a:lnTo>
                  <a:lnTo>
                    <a:pt x="64" y="224"/>
                  </a:lnTo>
                  <a:lnTo>
                    <a:pt x="57" y="222"/>
                  </a:lnTo>
                  <a:lnTo>
                    <a:pt x="52" y="220"/>
                  </a:lnTo>
                  <a:lnTo>
                    <a:pt x="49" y="220"/>
                  </a:lnTo>
                  <a:lnTo>
                    <a:pt x="47" y="221"/>
                  </a:lnTo>
                  <a:lnTo>
                    <a:pt x="45" y="222"/>
                  </a:lnTo>
                  <a:lnTo>
                    <a:pt x="44" y="223"/>
                  </a:lnTo>
                  <a:lnTo>
                    <a:pt x="41" y="227"/>
                  </a:lnTo>
                  <a:lnTo>
                    <a:pt x="39" y="231"/>
                  </a:lnTo>
                  <a:lnTo>
                    <a:pt x="33" y="226"/>
                  </a:lnTo>
                  <a:lnTo>
                    <a:pt x="28" y="221"/>
                  </a:lnTo>
                  <a:lnTo>
                    <a:pt x="22" y="216"/>
                  </a:lnTo>
                  <a:lnTo>
                    <a:pt x="18" y="208"/>
                  </a:lnTo>
                  <a:lnTo>
                    <a:pt x="15" y="202"/>
                  </a:lnTo>
                  <a:lnTo>
                    <a:pt x="13" y="194"/>
                  </a:lnTo>
                  <a:lnTo>
                    <a:pt x="11" y="185"/>
                  </a:lnTo>
                  <a:lnTo>
                    <a:pt x="11" y="175"/>
                  </a:lnTo>
                  <a:lnTo>
                    <a:pt x="7" y="172"/>
                  </a:lnTo>
                  <a:lnTo>
                    <a:pt x="0" y="169"/>
                  </a:lnTo>
                  <a:lnTo>
                    <a:pt x="5" y="163"/>
                  </a:lnTo>
                  <a:lnTo>
                    <a:pt x="9" y="158"/>
                  </a:lnTo>
                  <a:lnTo>
                    <a:pt x="11" y="155"/>
                  </a:lnTo>
                  <a:lnTo>
                    <a:pt x="13" y="151"/>
                  </a:lnTo>
                  <a:lnTo>
                    <a:pt x="13" y="146"/>
                  </a:lnTo>
                  <a:lnTo>
                    <a:pt x="13" y="142"/>
                  </a:lnTo>
                  <a:lnTo>
                    <a:pt x="18" y="138"/>
                  </a:lnTo>
                  <a:lnTo>
                    <a:pt x="22" y="134"/>
                  </a:lnTo>
                  <a:lnTo>
                    <a:pt x="28" y="132"/>
                  </a:lnTo>
                  <a:lnTo>
                    <a:pt x="34" y="128"/>
                  </a:lnTo>
                  <a:lnTo>
                    <a:pt x="47" y="123"/>
                  </a:lnTo>
                  <a:lnTo>
                    <a:pt x="59" y="116"/>
                  </a:lnTo>
                  <a:lnTo>
                    <a:pt x="71" y="108"/>
                  </a:lnTo>
                  <a:lnTo>
                    <a:pt x="84" y="99"/>
                  </a:lnTo>
                  <a:lnTo>
                    <a:pt x="94" y="89"/>
                  </a:lnTo>
                  <a:lnTo>
                    <a:pt x="106" y="79"/>
                  </a:lnTo>
                  <a:lnTo>
                    <a:pt x="128" y="59"/>
                  </a:lnTo>
                  <a:lnTo>
                    <a:pt x="151" y="40"/>
                  </a:lnTo>
                  <a:lnTo>
                    <a:pt x="168" y="29"/>
                  </a:lnTo>
                  <a:lnTo>
                    <a:pt x="186" y="22"/>
                  </a:lnTo>
                  <a:lnTo>
                    <a:pt x="195" y="17"/>
                  </a:lnTo>
                  <a:lnTo>
                    <a:pt x="204" y="13"/>
                  </a:lnTo>
                  <a:lnTo>
                    <a:pt x="212" y="6"/>
                  </a:lnTo>
                  <a:lnTo>
                    <a:pt x="219" y="0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20" name="Halsnæs kant"/>
            <p:cNvSpPr>
              <a:spLocks/>
            </p:cNvSpPr>
            <p:nvPr/>
          </p:nvSpPr>
          <p:spPr bwMode="auto">
            <a:xfrm>
              <a:off x="3435350" y="4491038"/>
              <a:ext cx="214313" cy="198437"/>
            </a:xfrm>
            <a:custGeom>
              <a:avLst/>
              <a:gdLst>
                <a:gd name="T0" fmla="*/ 133879 w 405"/>
                <a:gd name="T1" fmla="*/ 4233 h 375"/>
                <a:gd name="T2" fmla="*/ 144992 w 405"/>
                <a:gd name="T3" fmla="*/ 8996 h 375"/>
                <a:gd name="T4" fmla="*/ 154517 w 405"/>
                <a:gd name="T5" fmla="*/ 10583 h 375"/>
                <a:gd name="T6" fmla="*/ 157163 w 405"/>
                <a:gd name="T7" fmla="*/ 18521 h 375"/>
                <a:gd name="T8" fmla="*/ 158750 w 405"/>
                <a:gd name="T9" fmla="*/ 25929 h 375"/>
                <a:gd name="T10" fmla="*/ 164571 w 405"/>
                <a:gd name="T11" fmla="*/ 34396 h 375"/>
                <a:gd name="T12" fmla="*/ 156634 w 405"/>
                <a:gd name="T13" fmla="*/ 40746 h 375"/>
                <a:gd name="T14" fmla="*/ 145521 w 405"/>
                <a:gd name="T15" fmla="*/ 56092 h 375"/>
                <a:gd name="T16" fmla="*/ 146580 w 405"/>
                <a:gd name="T17" fmla="*/ 70908 h 375"/>
                <a:gd name="T18" fmla="*/ 155046 w 405"/>
                <a:gd name="T19" fmla="*/ 74083 h 375"/>
                <a:gd name="T20" fmla="*/ 165630 w 405"/>
                <a:gd name="T21" fmla="*/ 70908 h 375"/>
                <a:gd name="T22" fmla="*/ 168805 w 405"/>
                <a:gd name="T23" fmla="*/ 63500 h 375"/>
                <a:gd name="T24" fmla="*/ 172509 w 405"/>
                <a:gd name="T25" fmla="*/ 52387 h 375"/>
                <a:gd name="T26" fmla="*/ 187855 w 405"/>
                <a:gd name="T27" fmla="*/ 50800 h 375"/>
                <a:gd name="T28" fmla="*/ 192617 w 405"/>
                <a:gd name="T29" fmla="*/ 56621 h 375"/>
                <a:gd name="T30" fmla="*/ 189971 w 405"/>
                <a:gd name="T31" fmla="*/ 64029 h 375"/>
                <a:gd name="T32" fmla="*/ 179388 w 405"/>
                <a:gd name="T33" fmla="*/ 76729 h 375"/>
                <a:gd name="T34" fmla="*/ 165100 w 405"/>
                <a:gd name="T35" fmla="*/ 97366 h 375"/>
                <a:gd name="T36" fmla="*/ 166159 w 405"/>
                <a:gd name="T37" fmla="*/ 109008 h 375"/>
                <a:gd name="T38" fmla="*/ 176213 w 405"/>
                <a:gd name="T39" fmla="*/ 116416 h 375"/>
                <a:gd name="T40" fmla="*/ 184150 w 405"/>
                <a:gd name="T41" fmla="*/ 120650 h 375"/>
                <a:gd name="T42" fmla="*/ 183621 w 405"/>
                <a:gd name="T43" fmla="*/ 124883 h 375"/>
                <a:gd name="T44" fmla="*/ 186796 w 405"/>
                <a:gd name="T45" fmla="*/ 132820 h 375"/>
                <a:gd name="T46" fmla="*/ 196321 w 405"/>
                <a:gd name="T47" fmla="*/ 140758 h 375"/>
                <a:gd name="T48" fmla="*/ 206905 w 405"/>
                <a:gd name="T49" fmla="*/ 148166 h 375"/>
                <a:gd name="T50" fmla="*/ 213784 w 405"/>
                <a:gd name="T51" fmla="*/ 156633 h 375"/>
                <a:gd name="T52" fmla="*/ 208492 w 405"/>
                <a:gd name="T53" fmla="*/ 162454 h 375"/>
                <a:gd name="T54" fmla="*/ 201084 w 405"/>
                <a:gd name="T55" fmla="*/ 167216 h 375"/>
                <a:gd name="T56" fmla="*/ 188384 w 405"/>
                <a:gd name="T57" fmla="*/ 177800 h 375"/>
                <a:gd name="T58" fmla="*/ 178330 w 405"/>
                <a:gd name="T59" fmla="*/ 191029 h 375"/>
                <a:gd name="T60" fmla="*/ 175684 w 405"/>
                <a:gd name="T61" fmla="*/ 198437 h 375"/>
                <a:gd name="T62" fmla="*/ 162455 w 405"/>
                <a:gd name="T63" fmla="*/ 181504 h 375"/>
                <a:gd name="T64" fmla="*/ 155575 w 405"/>
                <a:gd name="T65" fmla="*/ 151341 h 375"/>
                <a:gd name="T66" fmla="*/ 146580 w 405"/>
                <a:gd name="T67" fmla="*/ 125941 h 375"/>
                <a:gd name="T68" fmla="*/ 135996 w 405"/>
                <a:gd name="T69" fmla="*/ 106362 h 375"/>
                <a:gd name="T70" fmla="*/ 133350 w 405"/>
                <a:gd name="T71" fmla="*/ 93662 h 375"/>
                <a:gd name="T72" fmla="*/ 125413 w 405"/>
                <a:gd name="T73" fmla="*/ 88900 h 375"/>
                <a:gd name="T74" fmla="*/ 115888 w 405"/>
                <a:gd name="T75" fmla="*/ 82550 h 375"/>
                <a:gd name="T76" fmla="*/ 91017 w 405"/>
                <a:gd name="T77" fmla="*/ 88900 h 375"/>
                <a:gd name="T78" fmla="*/ 80963 w 405"/>
                <a:gd name="T79" fmla="*/ 97366 h 375"/>
                <a:gd name="T80" fmla="*/ 69850 w 405"/>
                <a:gd name="T81" fmla="*/ 108479 h 375"/>
                <a:gd name="T82" fmla="*/ 46038 w 405"/>
                <a:gd name="T83" fmla="*/ 117475 h 375"/>
                <a:gd name="T84" fmla="*/ 30163 w 405"/>
                <a:gd name="T85" fmla="*/ 117475 h 375"/>
                <a:gd name="T86" fmla="*/ 23813 w 405"/>
                <a:gd name="T87" fmla="*/ 117475 h 375"/>
                <a:gd name="T88" fmla="*/ 17463 w 405"/>
                <a:gd name="T89" fmla="*/ 119591 h 375"/>
                <a:gd name="T90" fmla="*/ 7938 w 405"/>
                <a:gd name="T91" fmla="*/ 106891 h 375"/>
                <a:gd name="T92" fmla="*/ 3704 w 405"/>
                <a:gd name="T93" fmla="*/ 91016 h 375"/>
                <a:gd name="T94" fmla="*/ 5821 w 405"/>
                <a:gd name="T95" fmla="*/ 82021 h 375"/>
                <a:gd name="T96" fmla="*/ 9525 w 405"/>
                <a:gd name="T97" fmla="*/ 73025 h 375"/>
                <a:gd name="T98" fmla="*/ 24871 w 405"/>
                <a:gd name="T99" fmla="*/ 65087 h 375"/>
                <a:gd name="T100" fmla="*/ 49742 w 405"/>
                <a:gd name="T101" fmla="*/ 47096 h 375"/>
                <a:gd name="T102" fmla="*/ 88900 w 405"/>
                <a:gd name="T103" fmla="*/ 15346 h 375"/>
                <a:gd name="T104" fmla="*/ 112184 w 405"/>
                <a:gd name="T105" fmla="*/ 3175 h 375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405" h="375">
                  <a:moveTo>
                    <a:pt x="219" y="0"/>
                  </a:moveTo>
                  <a:lnTo>
                    <a:pt x="231" y="1"/>
                  </a:lnTo>
                  <a:lnTo>
                    <a:pt x="241" y="4"/>
                  </a:lnTo>
                  <a:lnTo>
                    <a:pt x="253" y="8"/>
                  </a:lnTo>
                  <a:lnTo>
                    <a:pt x="265" y="9"/>
                  </a:lnTo>
                  <a:lnTo>
                    <a:pt x="268" y="13"/>
                  </a:lnTo>
                  <a:lnTo>
                    <a:pt x="271" y="15"/>
                  </a:lnTo>
                  <a:lnTo>
                    <a:pt x="274" y="17"/>
                  </a:lnTo>
                  <a:lnTo>
                    <a:pt x="277" y="18"/>
                  </a:lnTo>
                  <a:lnTo>
                    <a:pt x="281" y="19"/>
                  </a:lnTo>
                  <a:lnTo>
                    <a:pt x="287" y="20"/>
                  </a:lnTo>
                  <a:lnTo>
                    <a:pt x="292" y="20"/>
                  </a:lnTo>
                  <a:lnTo>
                    <a:pt x="298" y="20"/>
                  </a:lnTo>
                  <a:lnTo>
                    <a:pt x="298" y="25"/>
                  </a:lnTo>
                  <a:lnTo>
                    <a:pt x="297" y="32"/>
                  </a:lnTo>
                  <a:lnTo>
                    <a:pt x="297" y="35"/>
                  </a:lnTo>
                  <a:lnTo>
                    <a:pt x="297" y="37"/>
                  </a:lnTo>
                  <a:lnTo>
                    <a:pt x="298" y="39"/>
                  </a:lnTo>
                  <a:lnTo>
                    <a:pt x="300" y="40"/>
                  </a:lnTo>
                  <a:lnTo>
                    <a:pt x="300" y="49"/>
                  </a:lnTo>
                  <a:lnTo>
                    <a:pt x="300" y="58"/>
                  </a:lnTo>
                  <a:lnTo>
                    <a:pt x="305" y="61"/>
                  </a:lnTo>
                  <a:lnTo>
                    <a:pt x="309" y="64"/>
                  </a:lnTo>
                  <a:lnTo>
                    <a:pt x="311" y="65"/>
                  </a:lnTo>
                  <a:lnTo>
                    <a:pt x="312" y="66"/>
                  </a:lnTo>
                  <a:lnTo>
                    <a:pt x="312" y="68"/>
                  </a:lnTo>
                  <a:lnTo>
                    <a:pt x="311" y="70"/>
                  </a:lnTo>
                  <a:lnTo>
                    <a:pt x="296" y="77"/>
                  </a:lnTo>
                  <a:lnTo>
                    <a:pt x="283" y="83"/>
                  </a:lnTo>
                  <a:lnTo>
                    <a:pt x="279" y="91"/>
                  </a:lnTo>
                  <a:lnTo>
                    <a:pt x="277" y="99"/>
                  </a:lnTo>
                  <a:lnTo>
                    <a:pt x="275" y="106"/>
                  </a:lnTo>
                  <a:lnTo>
                    <a:pt x="274" y="115"/>
                  </a:lnTo>
                  <a:lnTo>
                    <a:pt x="274" y="122"/>
                  </a:lnTo>
                  <a:lnTo>
                    <a:pt x="275" y="129"/>
                  </a:lnTo>
                  <a:lnTo>
                    <a:pt x="277" y="134"/>
                  </a:lnTo>
                  <a:lnTo>
                    <a:pt x="279" y="136"/>
                  </a:lnTo>
                  <a:lnTo>
                    <a:pt x="281" y="139"/>
                  </a:lnTo>
                  <a:lnTo>
                    <a:pt x="285" y="142"/>
                  </a:lnTo>
                  <a:lnTo>
                    <a:pt x="293" y="140"/>
                  </a:lnTo>
                  <a:lnTo>
                    <a:pt x="303" y="139"/>
                  </a:lnTo>
                  <a:lnTo>
                    <a:pt x="307" y="138"/>
                  </a:lnTo>
                  <a:lnTo>
                    <a:pt x="310" y="136"/>
                  </a:lnTo>
                  <a:lnTo>
                    <a:pt x="313" y="134"/>
                  </a:lnTo>
                  <a:lnTo>
                    <a:pt x="316" y="131"/>
                  </a:lnTo>
                  <a:lnTo>
                    <a:pt x="318" y="126"/>
                  </a:lnTo>
                  <a:lnTo>
                    <a:pt x="319" y="123"/>
                  </a:lnTo>
                  <a:lnTo>
                    <a:pt x="319" y="120"/>
                  </a:lnTo>
                  <a:lnTo>
                    <a:pt x="318" y="116"/>
                  </a:lnTo>
                  <a:lnTo>
                    <a:pt x="318" y="109"/>
                  </a:lnTo>
                  <a:lnTo>
                    <a:pt x="318" y="103"/>
                  </a:lnTo>
                  <a:lnTo>
                    <a:pt x="326" y="99"/>
                  </a:lnTo>
                  <a:lnTo>
                    <a:pt x="334" y="96"/>
                  </a:lnTo>
                  <a:lnTo>
                    <a:pt x="342" y="95"/>
                  </a:lnTo>
                  <a:lnTo>
                    <a:pt x="349" y="95"/>
                  </a:lnTo>
                  <a:lnTo>
                    <a:pt x="355" y="96"/>
                  </a:lnTo>
                  <a:lnTo>
                    <a:pt x="359" y="99"/>
                  </a:lnTo>
                  <a:lnTo>
                    <a:pt x="362" y="101"/>
                  </a:lnTo>
                  <a:lnTo>
                    <a:pt x="363" y="104"/>
                  </a:lnTo>
                  <a:lnTo>
                    <a:pt x="364" y="107"/>
                  </a:lnTo>
                  <a:lnTo>
                    <a:pt x="364" y="112"/>
                  </a:lnTo>
                  <a:lnTo>
                    <a:pt x="364" y="115"/>
                  </a:lnTo>
                  <a:lnTo>
                    <a:pt x="362" y="118"/>
                  </a:lnTo>
                  <a:lnTo>
                    <a:pt x="359" y="121"/>
                  </a:lnTo>
                  <a:lnTo>
                    <a:pt x="356" y="123"/>
                  </a:lnTo>
                  <a:lnTo>
                    <a:pt x="349" y="128"/>
                  </a:lnTo>
                  <a:lnTo>
                    <a:pt x="344" y="134"/>
                  </a:lnTo>
                  <a:lnTo>
                    <a:pt x="339" y="145"/>
                  </a:lnTo>
                  <a:lnTo>
                    <a:pt x="333" y="157"/>
                  </a:lnTo>
                  <a:lnTo>
                    <a:pt x="325" y="167"/>
                  </a:lnTo>
                  <a:lnTo>
                    <a:pt x="316" y="179"/>
                  </a:lnTo>
                  <a:lnTo>
                    <a:pt x="312" y="184"/>
                  </a:lnTo>
                  <a:lnTo>
                    <a:pt x="310" y="191"/>
                  </a:lnTo>
                  <a:lnTo>
                    <a:pt x="308" y="198"/>
                  </a:lnTo>
                  <a:lnTo>
                    <a:pt x="308" y="205"/>
                  </a:lnTo>
                  <a:lnTo>
                    <a:pt x="314" y="206"/>
                  </a:lnTo>
                  <a:lnTo>
                    <a:pt x="318" y="207"/>
                  </a:lnTo>
                  <a:lnTo>
                    <a:pt x="323" y="211"/>
                  </a:lnTo>
                  <a:lnTo>
                    <a:pt x="327" y="213"/>
                  </a:lnTo>
                  <a:lnTo>
                    <a:pt x="333" y="220"/>
                  </a:lnTo>
                  <a:lnTo>
                    <a:pt x="342" y="225"/>
                  </a:lnTo>
                  <a:lnTo>
                    <a:pt x="343" y="227"/>
                  </a:lnTo>
                  <a:lnTo>
                    <a:pt x="345" y="228"/>
                  </a:lnTo>
                  <a:lnTo>
                    <a:pt x="348" y="228"/>
                  </a:lnTo>
                  <a:lnTo>
                    <a:pt x="351" y="228"/>
                  </a:lnTo>
                  <a:lnTo>
                    <a:pt x="349" y="231"/>
                  </a:lnTo>
                  <a:lnTo>
                    <a:pt x="348" y="233"/>
                  </a:lnTo>
                  <a:lnTo>
                    <a:pt x="347" y="236"/>
                  </a:lnTo>
                  <a:lnTo>
                    <a:pt x="346" y="238"/>
                  </a:lnTo>
                  <a:lnTo>
                    <a:pt x="347" y="242"/>
                  </a:lnTo>
                  <a:lnTo>
                    <a:pt x="350" y="246"/>
                  </a:lnTo>
                  <a:lnTo>
                    <a:pt x="353" y="251"/>
                  </a:lnTo>
                  <a:lnTo>
                    <a:pt x="356" y="256"/>
                  </a:lnTo>
                  <a:lnTo>
                    <a:pt x="358" y="260"/>
                  </a:lnTo>
                  <a:lnTo>
                    <a:pt x="358" y="266"/>
                  </a:lnTo>
                  <a:lnTo>
                    <a:pt x="371" y="266"/>
                  </a:lnTo>
                  <a:lnTo>
                    <a:pt x="385" y="266"/>
                  </a:lnTo>
                  <a:lnTo>
                    <a:pt x="386" y="272"/>
                  </a:lnTo>
                  <a:lnTo>
                    <a:pt x="388" y="276"/>
                  </a:lnTo>
                  <a:lnTo>
                    <a:pt x="391" y="280"/>
                  </a:lnTo>
                  <a:lnTo>
                    <a:pt x="395" y="283"/>
                  </a:lnTo>
                  <a:lnTo>
                    <a:pt x="398" y="287"/>
                  </a:lnTo>
                  <a:lnTo>
                    <a:pt x="402" y="291"/>
                  </a:lnTo>
                  <a:lnTo>
                    <a:pt x="404" y="296"/>
                  </a:lnTo>
                  <a:lnTo>
                    <a:pt x="405" y="301"/>
                  </a:lnTo>
                  <a:lnTo>
                    <a:pt x="402" y="304"/>
                  </a:lnTo>
                  <a:lnTo>
                    <a:pt x="398" y="306"/>
                  </a:lnTo>
                  <a:lnTo>
                    <a:pt x="394" y="307"/>
                  </a:lnTo>
                  <a:lnTo>
                    <a:pt x="391" y="310"/>
                  </a:lnTo>
                  <a:lnTo>
                    <a:pt x="387" y="311"/>
                  </a:lnTo>
                  <a:lnTo>
                    <a:pt x="384" y="313"/>
                  </a:lnTo>
                  <a:lnTo>
                    <a:pt x="380" y="316"/>
                  </a:lnTo>
                  <a:lnTo>
                    <a:pt x="379" y="319"/>
                  </a:lnTo>
                  <a:lnTo>
                    <a:pt x="371" y="324"/>
                  </a:lnTo>
                  <a:lnTo>
                    <a:pt x="364" y="330"/>
                  </a:lnTo>
                  <a:lnTo>
                    <a:pt x="356" y="336"/>
                  </a:lnTo>
                  <a:lnTo>
                    <a:pt x="349" y="342"/>
                  </a:lnTo>
                  <a:lnTo>
                    <a:pt x="344" y="350"/>
                  </a:lnTo>
                  <a:lnTo>
                    <a:pt x="339" y="357"/>
                  </a:lnTo>
                  <a:lnTo>
                    <a:pt x="337" y="361"/>
                  </a:lnTo>
                  <a:lnTo>
                    <a:pt x="336" y="366"/>
                  </a:lnTo>
                  <a:lnTo>
                    <a:pt x="336" y="371"/>
                  </a:lnTo>
                  <a:lnTo>
                    <a:pt x="336" y="375"/>
                  </a:lnTo>
                  <a:lnTo>
                    <a:pt x="332" y="375"/>
                  </a:lnTo>
                  <a:lnTo>
                    <a:pt x="328" y="373"/>
                  </a:lnTo>
                  <a:lnTo>
                    <a:pt x="320" y="364"/>
                  </a:lnTo>
                  <a:lnTo>
                    <a:pt x="313" y="354"/>
                  </a:lnTo>
                  <a:lnTo>
                    <a:pt x="307" y="343"/>
                  </a:lnTo>
                  <a:lnTo>
                    <a:pt x="301" y="331"/>
                  </a:lnTo>
                  <a:lnTo>
                    <a:pt x="298" y="318"/>
                  </a:lnTo>
                  <a:lnTo>
                    <a:pt x="295" y="303"/>
                  </a:lnTo>
                  <a:lnTo>
                    <a:pt x="294" y="286"/>
                  </a:lnTo>
                  <a:lnTo>
                    <a:pt x="295" y="268"/>
                  </a:lnTo>
                  <a:lnTo>
                    <a:pt x="290" y="258"/>
                  </a:lnTo>
                  <a:lnTo>
                    <a:pt x="284" y="247"/>
                  </a:lnTo>
                  <a:lnTo>
                    <a:pt x="277" y="238"/>
                  </a:lnTo>
                  <a:lnTo>
                    <a:pt x="271" y="228"/>
                  </a:lnTo>
                  <a:lnTo>
                    <a:pt x="265" y="219"/>
                  </a:lnTo>
                  <a:lnTo>
                    <a:pt x="259" y="207"/>
                  </a:lnTo>
                  <a:lnTo>
                    <a:pt x="257" y="201"/>
                  </a:lnTo>
                  <a:lnTo>
                    <a:pt x="256" y="195"/>
                  </a:lnTo>
                  <a:lnTo>
                    <a:pt x="255" y="187"/>
                  </a:lnTo>
                  <a:lnTo>
                    <a:pt x="255" y="180"/>
                  </a:lnTo>
                  <a:lnTo>
                    <a:pt x="252" y="177"/>
                  </a:lnTo>
                  <a:lnTo>
                    <a:pt x="249" y="174"/>
                  </a:lnTo>
                  <a:lnTo>
                    <a:pt x="245" y="173"/>
                  </a:lnTo>
                  <a:lnTo>
                    <a:pt x="241" y="171"/>
                  </a:lnTo>
                  <a:lnTo>
                    <a:pt x="237" y="168"/>
                  </a:lnTo>
                  <a:lnTo>
                    <a:pt x="235" y="165"/>
                  </a:lnTo>
                  <a:lnTo>
                    <a:pt x="234" y="161"/>
                  </a:lnTo>
                  <a:lnTo>
                    <a:pt x="234" y="155"/>
                  </a:lnTo>
                  <a:lnTo>
                    <a:pt x="219" y="156"/>
                  </a:lnTo>
                  <a:lnTo>
                    <a:pt x="205" y="158"/>
                  </a:lnTo>
                  <a:lnTo>
                    <a:pt x="191" y="161"/>
                  </a:lnTo>
                  <a:lnTo>
                    <a:pt x="178" y="166"/>
                  </a:lnTo>
                  <a:lnTo>
                    <a:pt x="172" y="168"/>
                  </a:lnTo>
                  <a:lnTo>
                    <a:pt x="167" y="172"/>
                  </a:lnTo>
                  <a:lnTo>
                    <a:pt x="161" y="176"/>
                  </a:lnTo>
                  <a:lnTo>
                    <a:pt x="157" y="180"/>
                  </a:lnTo>
                  <a:lnTo>
                    <a:pt x="153" y="184"/>
                  </a:lnTo>
                  <a:lnTo>
                    <a:pt x="149" y="191"/>
                  </a:lnTo>
                  <a:lnTo>
                    <a:pt x="146" y="196"/>
                  </a:lnTo>
                  <a:lnTo>
                    <a:pt x="142" y="202"/>
                  </a:lnTo>
                  <a:lnTo>
                    <a:pt x="132" y="205"/>
                  </a:lnTo>
                  <a:lnTo>
                    <a:pt x="120" y="209"/>
                  </a:lnTo>
                  <a:lnTo>
                    <a:pt x="109" y="214"/>
                  </a:lnTo>
                  <a:lnTo>
                    <a:pt x="98" y="218"/>
                  </a:lnTo>
                  <a:lnTo>
                    <a:pt x="87" y="222"/>
                  </a:lnTo>
                  <a:lnTo>
                    <a:pt x="75" y="224"/>
                  </a:lnTo>
                  <a:lnTo>
                    <a:pt x="70" y="224"/>
                  </a:lnTo>
                  <a:lnTo>
                    <a:pt x="64" y="224"/>
                  </a:lnTo>
                  <a:lnTo>
                    <a:pt x="57" y="222"/>
                  </a:lnTo>
                  <a:lnTo>
                    <a:pt x="52" y="220"/>
                  </a:lnTo>
                  <a:lnTo>
                    <a:pt x="49" y="220"/>
                  </a:lnTo>
                  <a:lnTo>
                    <a:pt x="47" y="221"/>
                  </a:lnTo>
                  <a:lnTo>
                    <a:pt x="45" y="222"/>
                  </a:lnTo>
                  <a:lnTo>
                    <a:pt x="44" y="223"/>
                  </a:lnTo>
                  <a:lnTo>
                    <a:pt x="41" y="227"/>
                  </a:lnTo>
                  <a:lnTo>
                    <a:pt x="39" y="231"/>
                  </a:lnTo>
                  <a:lnTo>
                    <a:pt x="33" y="226"/>
                  </a:lnTo>
                  <a:lnTo>
                    <a:pt x="28" y="221"/>
                  </a:lnTo>
                  <a:lnTo>
                    <a:pt x="22" y="216"/>
                  </a:lnTo>
                  <a:lnTo>
                    <a:pt x="18" y="208"/>
                  </a:lnTo>
                  <a:lnTo>
                    <a:pt x="15" y="202"/>
                  </a:lnTo>
                  <a:lnTo>
                    <a:pt x="13" y="194"/>
                  </a:lnTo>
                  <a:lnTo>
                    <a:pt x="11" y="185"/>
                  </a:lnTo>
                  <a:lnTo>
                    <a:pt x="11" y="175"/>
                  </a:lnTo>
                  <a:lnTo>
                    <a:pt x="7" y="172"/>
                  </a:lnTo>
                  <a:lnTo>
                    <a:pt x="0" y="169"/>
                  </a:lnTo>
                  <a:lnTo>
                    <a:pt x="5" y="163"/>
                  </a:lnTo>
                  <a:lnTo>
                    <a:pt x="9" y="158"/>
                  </a:lnTo>
                  <a:lnTo>
                    <a:pt x="11" y="155"/>
                  </a:lnTo>
                  <a:lnTo>
                    <a:pt x="13" y="151"/>
                  </a:lnTo>
                  <a:lnTo>
                    <a:pt x="13" y="146"/>
                  </a:lnTo>
                  <a:lnTo>
                    <a:pt x="13" y="142"/>
                  </a:lnTo>
                  <a:lnTo>
                    <a:pt x="18" y="138"/>
                  </a:lnTo>
                  <a:lnTo>
                    <a:pt x="22" y="134"/>
                  </a:lnTo>
                  <a:lnTo>
                    <a:pt x="28" y="132"/>
                  </a:lnTo>
                  <a:lnTo>
                    <a:pt x="34" y="128"/>
                  </a:lnTo>
                  <a:lnTo>
                    <a:pt x="47" y="123"/>
                  </a:lnTo>
                  <a:lnTo>
                    <a:pt x="59" y="116"/>
                  </a:lnTo>
                  <a:lnTo>
                    <a:pt x="71" y="108"/>
                  </a:lnTo>
                  <a:lnTo>
                    <a:pt x="84" y="99"/>
                  </a:lnTo>
                  <a:lnTo>
                    <a:pt x="94" y="89"/>
                  </a:lnTo>
                  <a:lnTo>
                    <a:pt x="106" y="79"/>
                  </a:lnTo>
                  <a:lnTo>
                    <a:pt x="128" y="59"/>
                  </a:lnTo>
                  <a:lnTo>
                    <a:pt x="151" y="40"/>
                  </a:lnTo>
                  <a:lnTo>
                    <a:pt x="168" y="29"/>
                  </a:lnTo>
                  <a:lnTo>
                    <a:pt x="186" y="22"/>
                  </a:lnTo>
                  <a:lnTo>
                    <a:pt x="195" y="17"/>
                  </a:lnTo>
                  <a:lnTo>
                    <a:pt x="204" y="13"/>
                  </a:lnTo>
                  <a:lnTo>
                    <a:pt x="212" y="6"/>
                  </a:lnTo>
                  <a:lnTo>
                    <a:pt x="219" y="0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21" name="Allerød"/>
            <p:cNvSpPr>
              <a:spLocks/>
            </p:cNvSpPr>
            <p:nvPr/>
          </p:nvSpPr>
          <p:spPr bwMode="auto">
            <a:xfrm>
              <a:off x="3722688" y="4654550"/>
              <a:ext cx="160337" cy="114300"/>
            </a:xfrm>
            <a:custGeom>
              <a:avLst/>
              <a:gdLst>
                <a:gd name="T0" fmla="*/ 159275 w 302"/>
                <a:gd name="T1" fmla="*/ 41999 h 215"/>
                <a:gd name="T2" fmla="*/ 159275 w 302"/>
                <a:gd name="T3" fmla="*/ 46783 h 215"/>
                <a:gd name="T4" fmla="*/ 156090 w 302"/>
                <a:gd name="T5" fmla="*/ 54226 h 215"/>
                <a:gd name="T6" fmla="*/ 149188 w 302"/>
                <a:gd name="T7" fmla="*/ 62200 h 215"/>
                <a:gd name="T8" fmla="*/ 146002 w 302"/>
                <a:gd name="T9" fmla="*/ 69112 h 215"/>
                <a:gd name="T10" fmla="*/ 138569 w 302"/>
                <a:gd name="T11" fmla="*/ 70707 h 215"/>
                <a:gd name="T12" fmla="*/ 130075 w 302"/>
                <a:gd name="T13" fmla="*/ 66985 h 215"/>
                <a:gd name="T14" fmla="*/ 126358 w 302"/>
                <a:gd name="T15" fmla="*/ 64859 h 215"/>
                <a:gd name="T16" fmla="*/ 119987 w 302"/>
                <a:gd name="T17" fmla="*/ 64327 h 215"/>
                <a:gd name="T18" fmla="*/ 114678 w 302"/>
                <a:gd name="T19" fmla="*/ 64859 h 215"/>
                <a:gd name="T20" fmla="*/ 112554 w 302"/>
                <a:gd name="T21" fmla="*/ 69643 h 215"/>
                <a:gd name="T22" fmla="*/ 111493 w 302"/>
                <a:gd name="T23" fmla="*/ 76554 h 215"/>
                <a:gd name="T24" fmla="*/ 108838 w 302"/>
                <a:gd name="T25" fmla="*/ 81339 h 215"/>
                <a:gd name="T26" fmla="*/ 105122 w 302"/>
                <a:gd name="T27" fmla="*/ 86124 h 215"/>
                <a:gd name="T28" fmla="*/ 93441 w 302"/>
                <a:gd name="T29" fmla="*/ 95161 h 215"/>
                <a:gd name="T30" fmla="*/ 85478 w 302"/>
                <a:gd name="T31" fmla="*/ 108452 h 215"/>
                <a:gd name="T32" fmla="*/ 80699 w 302"/>
                <a:gd name="T33" fmla="*/ 111642 h 215"/>
                <a:gd name="T34" fmla="*/ 67957 w 302"/>
                <a:gd name="T35" fmla="*/ 109515 h 215"/>
                <a:gd name="T36" fmla="*/ 46721 w 302"/>
                <a:gd name="T37" fmla="*/ 109515 h 215"/>
                <a:gd name="T38" fmla="*/ 27608 w 302"/>
                <a:gd name="T39" fmla="*/ 109515 h 215"/>
                <a:gd name="T40" fmla="*/ 22299 w 302"/>
                <a:gd name="T41" fmla="*/ 108984 h 215"/>
                <a:gd name="T42" fmla="*/ 18582 w 302"/>
                <a:gd name="T43" fmla="*/ 106857 h 215"/>
                <a:gd name="T44" fmla="*/ 13804 w 302"/>
                <a:gd name="T45" fmla="*/ 102604 h 215"/>
                <a:gd name="T46" fmla="*/ 4247 w 302"/>
                <a:gd name="T47" fmla="*/ 99946 h 215"/>
                <a:gd name="T48" fmla="*/ 3186 w 302"/>
                <a:gd name="T49" fmla="*/ 93035 h 215"/>
                <a:gd name="T50" fmla="*/ 12211 w 302"/>
                <a:gd name="T51" fmla="*/ 81871 h 215"/>
                <a:gd name="T52" fmla="*/ 16989 w 302"/>
                <a:gd name="T53" fmla="*/ 72833 h 215"/>
                <a:gd name="T54" fmla="*/ 18051 w 302"/>
                <a:gd name="T55" fmla="*/ 69112 h 215"/>
                <a:gd name="T56" fmla="*/ 22299 w 302"/>
                <a:gd name="T57" fmla="*/ 65922 h 215"/>
                <a:gd name="T58" fmla="*/ 33448 w 302"/>
                <a:gd name="T59" fmla="*/ 63795 h 215"/>
                <a:gd name="T60" fmla="*/ 43004 w 302"/>
                <a:gd name="T61" fmla="*/ 59011 h 215"/>
                <a:gd name="T62" fmla="*/ 49375 w 302"/>
                <a:gd name="T63" fmla="*/ 51036 h 215"/>
                <a:gd name="T64" fmla="*/ 52561 w 302"/>
                <a:gd name="T65" fmla="*/ 45188 h 215"/>
                <a:gd name="T66" fmla="*/ 52561 w 302"/>
                <a:gd name="T67" fmla="*/ 38277 h 215"/>
                <a:gd name="T68" fmla="*/ 49906 w 302"/>
                <a:gd name="T69" fmla="*/ 28708 h 215"/>
                <a:gd name="T70" fmla="*/ 50437 w 302"/>
                <a:gd name="T71" fmla="*/ 21265 h 215"/>
                <a:gd name="T72" fmla="*/ 56808 w 302"/>
                <a:gd name="T73" fmla="*/ 21797 h 215"/>
                <a:gd name="T74" fmla="*/ 66365 w 302"/>
                <a:gd name="T75" fmla="*/ 24455 h 215"/>
                <a:gd name="T76" fmla="*/ 71674 w 302"/>
                <a:gd name="T77" fmla="*/ 28176 h 215"/>
                <a:gd name="T78" fmla="*/ 74328 w 302"/>
                <a:gd name="T79" fmla="*/ 29771 h 215"/>
                <a:gd name="T80" fmla="*/ 76452 w 302"/>
                <a:gd name="T81" fmla="*/ 29771 h 215"/>
                <a:gd name="T82" fmla="*/ 78045 w 302"/>
                <a:gd name="T83" fmla="*/ 26050 h 215"/>
                <a:gd name="T84" fmla="*/ 76452 w 302"/>
                <a:gd name="T85" fmla="*/ 20202 h 215"/>
                <a:gd name="T86" fmla="*/ 73797 w 302"/>
                <a:gd name="T87" fmla="*/ 17544 h 215"/>
                <a:gd name="T88" fmla="*/ 72205 w 302"/>
                <a:gd name="T89" fmla="*/ 14886 h 215"/>
                <a:gd name="T90" fmla="*/ 80169 w 302"/>
                <a:gd name="T91" fmla="*/ 12227 h 215"/>
                <a:gd name="T92" fmla="*/ 95565 w 302"/>
                <a:gd name="T93" fmla="*/ 8506 h 215"/>
                <a:gd name="T94" fmla="*/ 115740 w 302"/>
                <a:gd name="T95" fmla="*/ 2658 h 215"/>
                <a:gd name="T96" fmla="*/ 129013 w 302"/>
                <a:gd name="T97" fmla="*/ 1595 h 215"/>
                <a:gd name="T98" fmla="*/ 129544 w 302"/>
                <a:gd name="T99" fmla="*/ 4785 h 215"/>
                <a:gd name="T100" fmla="*/ 130606 w 302"/>
                <a:gd name="T101" fmla="*/ 5848 h 215"/>
                <a:gd name="T102" fmla="*/ 134322 w 302"/>
                <a:gd name="T103" fmla="*/ 9569 h 215"/>
                <a:gd name="T104" fmla="*/ 141224 w 302"/>
                <a:gd name="T105" fmla="*/ 15949 h 215"/>
                <a:gd name="T106" fmla="*/ 144409 w 302"/>
                <a:gd name="T107" fmla="*/ 23392 h 215"/>
                <a:gd name="T108" fmla="*/ 145471 w 302"/>
                <a:gd name="T109" fmla="*/ 29771 h 215"/>
                <a:gd name="T110" fmla="*/ 152373 w 302"/>
                <a:gd name="T111" fmla="*/ 35619 h 215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302" h="215">
                  <a:moveTo>
                    <a:pt x="300" y="73"/>
                  </a:moveTo>
                  <a:lnTo>
                    <a:pt x="300" y="79"/>
                  </a:lnTo>
                  <a:lnTo>
                    <a:pt x="300" y="83"/>
                  </a:lnTo>
                  <a:lnTo>
                    <a:pt x="300" y="88"/>
                  </a:lnTo>
                  <a:lnTo>
                    <a:pt x="302" y="91"/>
                  </a:lnTo>
                  <a:lnTo>
                    <a:pt x="294" y="102"/>
                  </a:lnTo>
                  <a:lnTo>
                    <a:pt x="285" y="112"/>
                  </a:lnTo>
                  <a:lnTo>
                    <a:pt x="281" y="117"/>
                  </a:lnTo>
                  <a:lnTo>
                    <a:pt x="278" y="124"/>
                  </a:lnTo>
                  <a:lnTo>
                    <a:pt x="275" y="130"/>
                  </a:lnTo>
                  <a:lnTo>
                    <a:pt x="274" y="139"/>
                  </a:lnTo>
                  <a:lnTo>
                    <a:pt x="261" y="133"/>
                  </a:lnTo>
                  <a:lnTo>
                    <a:pt x="246" y="129"/>
                  </a:lnTo>
                  <a:lnTo>
                    <a:pt x="245" y="126"/>
                  </a:lnTo>
                  <a:lnTo>
                    <a:pt x="242" y="123"/>
                  </a:lnTo>
                  <a:lnTo>
                    <a:pt x="238" y="122"/>
                  </a:lnTo>
                  <a:lnTo>
                    <a:pt x="232" y="121"/>
                  </a:lnTo>
                  <a:lnTo>
                    <a:pt x="226" y="121"/>
                  </a:lnTo>
                  <a:lnTo>
                    <a:pt x="221" y="121"/>
                  </a:lnTo>
                  <a:lnTo>
                    <a:pt x="216" y="122"/>
                  </a:lnTo>
                  <a:lnTo>
                    <a:pt x="213" y="124"/>
                  </a:lnTo>
                  <a:lnTo>
                    <a:pt x="212" y="131"/>
                  </a:lnTo>
                  <a:lnTo>
                    <a:pt x="211" y="137"/>
                  </a:lnTo>
                  <a:lnTo>
                    <a:pt x="210" y="144"/>
                  </a:lnTo>
                  <a:lnTo>
                    <a:pt x="207" y="149"/>
                  </a:lnTo>
                  <a:lnTo>
                    <a:pt x="205" y="153"/>
                  </a:lnTo>
                  <a:lnTo>
                    <a:pt x="202" y="157"/>
                  </a:lnTo>
                  <a:lnTo>
                    <a:pt x="198" y="162"/>
                  </a:lnTo>
                  <a:lnTo>
                    <a:pt x="193" y="165"/>
                  </a:lnTo>
                  <a:lnTo>
                    <a:pt x="176" y="179"/>
                  </a:lnTo>
                  <a:lnTo>
                    <a:pt x="160" y="192"/>
                  </a:lnTo>
                  <a:lnTo>
                    <a:pt x="161" y="204"/>
                  </a:lnTo>
                  <a:lnTo>
                    <a:pt x="162" y="215"/>
                  </a:lnTo>
                  <a:lnTo>
                    <a:pt x="152" y="210"/>
                  </a:lnTo>
                  <a:lnTo>
                    <a:pt x="141" y="208"/>
                  </a:lnTo>
                  <a:lnTo>
                    <a:pt x="128" y="206"/>
                  </a:lnTo>
                  <a:lnTo>
                    <a:pt x="115" y="206"/>
                  </a:lnTo>
                  <a:lnTo>
                    <a:pt x="88" y="206"/>
                  </a:lnTo>
                  <a:lnTo>
                    <a:pt x="61" y="208"/>
                  </a:lnTo>
                  <a:lnTo>
                    <a:pt x="52" y="206"/>
                  </a:lnTo>
                  <a:lnTo>
                    <a:pt x="45" y="205"/>
                  </a:lnTo>
                  <a:lnTo>
                    <a:pt x="42" y="205"/>
                  </a:lnTo>
                  <a:lnTo>
                    <a:pt x="39" y="203"/>
                  </a:lnTo>
                  <a:lnTo>
                    <a:pt x="35" y="201"/>
                  </a:lnTo>
                  <a:lnTo>
                    <a:pt x="32" y="197"/>
                  </a:lnTo>
                  <a:lnTo>
                    <a:pt x="26" y="193"/>
                  </a:lnTo>
                  <a:lnTo>
                    <a:pt x="17" y="190"/>
                  </a:lnTo>
                  <a:lnTo>
                    <a:pt x="8" y="188"/>
                  </a:lnTo>
                  <a:lnTo>
                    <a:pt x="0" y="185"/>
                  </a:lnTo>
                  <a:lnTo>
                    <a:pt x="6" y="175"/>
                  </a:lnTo>
                  <a:lnTo>
                    <a:pt x="12" y="167"/>
                  </a:lnTo>
                  <a:lnTo>
                    <a:pt x="23" y="154"/>
                  </a:lnTo>
                  <a:lnTo>
                    <a:pt x="32" y="142"/>
                  </a:lnTo>
                  <a:lnTo>
                    <a:pt x="32" y="137"/>
                  </a:lnTo>
                  <a:lnTo>
                    <a:pt x="33" y="133"/>
                  </a:lnTo>
                  <a:lnTo>
                    <a:pt x="34" y="130"/>
                  </a:lnTo>
                  <a:lnTo>
                    <a:pt x="36" y="128"/>
                  </a:lnTo>
                  <a:lnTo>
                    <a:pt x="42" y="124"/>
                  </a:lnTo>
                  <a:lnTo>
                    <a:pt x="48" y="122"/>
                  </a:lnTo>
                  <a:lnTo>
                    <a:pt x="63" y="120"/>
                  </a:lnTo>
                  <a:lnTo>
                    <a:pt x="75" y="116"/>
                  </a:lnTo>
                  <a:lnTo>
                    <a:pt x="81" y="111"/>
                  </a:lnTo>
                  <a:lnTo>
                    <a:pt x="87" y="104"/>
                  </a:lnTo>
                  <a:lnTo>
                    <a:pt x="93" y="96"/>
                  </a:lnTo>
                  <a:lnTo>
                    <a:pt x="96" y="91"/>
                  </a:lnTo>
                  <a:lnTo>
                    <a:pt x="99" y="85"/>
                  </a:lnTo>
                  <a:lnTo>
                    <a:pt x="99" y="79"/>
                  </a:lnTo>
                  <a:lnTo>
                    <a:pt x="99" y="72"/>
                  </a:lnTo>
                  <a:lnTo>
                    <a:pt x="98" y="66"/>
                  </a:lnTo>
                  <a:lnTo>
                    <a:pt x="94" y="54"/>
                  </a:lnTo>
                  <a:lnTo>
                    <a:pt x="91" y="43"/>
                  </a:lnTo>
                  <a:lnTo>
                    <a:pt x="95" y="40"/>
                  </a:lnTo>
                  <a:lnTo>
                    <a:pt x="99" y="37"/>
                  </a:lnTo>
                  <a:lnTo>
                    <a:pt x="107" y="41"/>
                  </a:lnTo>
                  <a:lnTo>
                    <a:pt x="116" y="43"/>
                  </a:lnTo>
                  <a:lnTo>
                    <a:pt x="125" y="46"/>
                  </a:lnTo>
                  <a:lnTo>
                    <a:pt x="131" y="50"/>
                  </a:lnTo>
                  <a:lnTo>
                    <a:pt x="135" y="53"/>
                  </a:lnTo>
                  <a:lnTo>
                    <a:pt x="139" y="55"/>
                  </a:lnTo>
                  <a:lnTo>
                    <a:pt x="140" y="56"/>
                  </a:lnTo>
                  <a:lnTo>
                    <a:pt x="142" y="56"/>
                  </a:lnTo>
                  <a:lnTo>
                    <a:pt x="144" y="56"/>
                  </a:lnTo>
                  <a:lnTo>
                    <a:pt x="147" y="55"/>
                  </a:lnTo>
                  <a:lnTo>
                    <a:pt x="147" y="49"/>
                  </a:lnTo>
                  <a:lnTo>
                    <a:pt x="147" y="43"/>
                  </a:lnTo>
                  <a:lnTo>
                    <a:pt x="144" y="38"/>
                  </a:lnTo>
                  <a:lnTo>
                    <a:pt x="141" y="35"/>
                  </a:lnTo>
                  <a:lnTo>
                    <a:pt x="139" y="33"/>
                  </a:lnTo>
                  <a:lnTo>
                    <a:pt x="138" y="31"/>
                  </a:lnTo>
                  <a:lnTo>
                    <a:pt x="136" y="28"/>
                  </a:lnTo>
                  <a:lnTo>
                    <a:pt x="136" y="25"/>
                  </a:lnTo>
                  <a:lnTo>
                    <a:pt x="151" y="23"/>
                  </a:lnTo>
                  <a:lnTo>
                    <a:pt x="166" y="20"/>
                  </a:lnTo>
                  <a:lnTo>
                    <a:pt x="180" y="16"/>
                  </a:lnTo>
                  <a:lnTo>
                    <a:pt x="192" y="13"/>
                  </a:lnTo>
                  <a:lnTo>
                    <a:pt x="218" y="5"/>
                  </a:lnTo>
                  <a:lnTo>
                    <a:pt x="241" y="0"/>
                  </a:lnTo>
                  <a:lnTo>
                    <a:pt x="243" y="3"/>
                  </a:lnTo>
                  <a:lnTo>
                    <a:pt x="244" y="7"/>
                  </a:lnTo>
                  <a:lnTo>
                    <a:pt x="244" y="9"/>
                  </a:lnTo>
                  <a:lnTo>
                    <a:pt x="245" y="10"/>
                  </a:lnTo>
                  <a:lnTo>
                    <a:pt x="246" y="11"/>
                  </a:lnTo>
                  <a:lnTo>
                    <a:pt x="248" y="12"/>
                  </a:lnTo>
                  <a:lnTo>
                    <a:pt x="253" y="18"/>
                  </a:lnTo>
                  <a:lnTo>
                    <a:pt x="260" y="25"/>
                  </a:lnTo>
                  <a:lnTo>
                    <a:pt x="266" y="30"/>
                  </a:lnTo>
                  <a:lnTo>
                    <a:pt x="274" y="34"/>
                  </a:lnTo>
                  <a:lnTo>
                    <a:pt x="272" y="44"/>
                  </a:lnTo>
                  <a:lnTo>
                    <a:pt x="272" y="50"/>
                  </a:lnTo>
                  <a:lnTo>
                    <a:pt x="274" y="56"/>
                  </a:lnTo>
                  <a:lnTo>
                    <a:pt x="278" y="61"/>
                  </a:lnTo>
                  <a:lnTo>
                    <a:pt x="287" y="67"/>
                  </a:lnTo>
                  <a:lnTo>
                    <a:pt x="300" y="73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22" name="Allerød kant"/>
            <p:cNvSpPr>
              <a:spLocks/>
            </p:cNvSpPr>
            <p:nvPr/>
          </p:nvSpPr>
          <p:spPr bwMode="auto">
            <a:xfrm>
              <a:off x="3722688" y="4654550"/>
              <a:ext cx="160337" cy="114300"/>
            </a:xfrm>
            <a:custGeom>
              <a:avLst/>
              <a:gdLst>
                <a:gd name="T0" fmla="*/ 159275 w 302"/>
                <a:gd name="T1" fmla="*/ 41999 h 215"/>
                <a:gd name="T2" fmla="*/ 159275 w 302"/>
                <a:gd name="T3" fmla="*/ 46783 h 215"/>
                <a:gd name="T4" fmla="*/ 156090 w 302"/>
                <a:gd name="T5" fmla="*/ 54226 h 215"/>
                <a:gd name="T6" fmla="*/ 149188 w 302"/>
                <a:gd name="T7" fmla="*/ 62200 h 215"/>
                <a:gd name="T8" fmla="*/ 146002 w 302"/>
                <a:gd name="T9" fmla="*/ 69112 h 215"/>
                <a:gd name="T10" fmla="*/ 138569 w 302"/>
                <a:gd name="T11" fmla="*/ 70707 h 215"/>
                <a:gd name="T12" fmla="*/ 130075 w 302"/>
                <a:gd name="T13" fmla="*/ 66985 h 215"/>
                <a:gd name="T14" fmla="*/ 126358 w 302"/>
                <a:gd name="T15" fmla="*/ 64859 h 215"/>
                <a:gd name="T16" fmla="*/ 119987 w 302"/>
                <a:gd name="T17" fmla="*/ 64327 h 215"/>
                <a:gd name="T18" fmla="*/ 114678 w 302"/>
                <a:gd name="T19" fmla="*/ 64859 h 215"/>
                <a:gd name="T20" fmla="*/ 112554 w 302"/>
                <a:gd name="T21" fmla="*/ 69643 h 215"/>
                <a:gd name="T22" fmla="*/ 111493 w 302"/>
                <a:gd name="T23" fmla="*/ 76554 h 215"/>
                <a:gd name="T24" fmla="*/ 108838 w 302"/>
                <a:gd name="T25" fmla="*/ 81339 h 215"/>
                <a:gd name="T26" fmla="*/ 105122 w 302"/>
                <a:gd name="T27" fmla="*/ 86124 h 215"/>
                <a:gd name="T28" fmla="*/ 93441 w 302"/>
                <a:gd name="T29" fmla="*/ 95161 h 215"/>
                <a:gd name="T30" fmla="*/ 85478 w 302"/>
                <a:gd name="T31" fmla="*/ 108452 h 215"/>
                <a:gd name="T32" fmla="*/ 80699 w 302"/>
                <a:gd name="T33" fmla="*/ 111642 h 215"/>
                <a:gd name="T34" fmla="*/ 67957 w 302"/>
                <a:gd name="T35" fmla="*/ 109515 h 215"/>
                <a:gd name="T36" fmla="*/ 46721 w 302"/>
                <a:gd name="T37" fmla="*/ 109515 h 215"/>
                <a:gd name="T38" fmla="*/ 27608 w 302"/>
                <a:gd name="T39" fmla="*/ 109515 h 215"/>
                <a:gd name="T40" fmla="*/ 22299 w 302"/>
                <a:gd name="T41" fmla="*/ 108984 h 215"/>
                <a:gd name="T42" fmla="*/ 18582 w 302"/>
                <a:gd name="T43" fmla="*/ 106857 h 215"/>
                <a:gd name="T44" fmla="*/ 13804 w 302"/>
                <a:gd name="T45" fmla="*/ 102604 h 215"/>
                <a:gd name="T46" fmla="*/ 4247 w 302"/>
                <a:gd name="T47" fmla="*/ 99946 h 215"/>
                <a:gd name="T48" fmla="*/ 3186 w 302"/>
                <a:gd name="T49" fmla="*/ 93035 h 215"/>
                <a:gd name="T50" fmla="*/ 12211 w 302"/>
                <a:gd name="T51" fmla="*/ 81871 h 215"/>
                <a:gd name="T52" fmla="*/ 16989 w 302"/>
                <a:gd name="T53" fmla="*/ 72833 h 215"/>
                <a:gd name="T54" fmla="*/ 18051 w 302"/>
                <a:gd name="T55" fmla="*/ 69112 h 215"/>
                <a:gd name="T56" fmla="*/ 22299 w 302"/>
                <a:gd name="T57" fmla="*/ 65922 h 215"/>
                <a:gd name="T58" fmla="*/ 33448 w 302"/>
                <a:gd name="T59" fmla="*/ 63795 h 215"/>
                <a:gd name="T60" fmla="*/ 43004 w 302"/>
                <a:gd name="T61" fmla="*/ 59011 h 215"/>
                <a:gd name="T62" fmla="*/ 49375 w 302"/>
                <a:gd name="T63" fmla="*/ 51036 h 215"/>
                <a:gd name="T64" fmla="*/ 52561 w 302"/>
                <a:gd name="T65" fmla="*/ 45188 h 215"/>
                <a:gd name="T66" fmla="*/ 52561 w 302"/>
                <a:gd name="T67" fmla="*/ 38277 h 215"/>
                <a:gd name="T68" fmla="*/ 49906 w 302"/>
                <a:gd name="T69" fmla="*/ 28708 h 215"/>
                <a:gd name="T70" fmla="*/ 50437 w 302"/>
                <a:gd name="T71" fmla="*/ 21265 h 215"/>
                <a:gd name="T72" fmla="*/ 56808 w 302"/>
                <a:gd name="T73" fmla="*/ 21797 h 215"/>
                <a:gd name="T74" fmla="*/ 66365 w 302"/>
                <a:gd name="T75" fmla="*/ 24455 h 215"/>
                <a:gd name="T76" fmla="*/ 71674 w 302"/>
                <a:gd name="T77" fmla="*/ 28176 h 215"/>
                <a:gd name="T78" fmla="*/ 74328 w 302"/>
                <a:gd name="T79" fmla="*/ 29771 h 215"/>
                <a:gd name="T80" fmla="*/ 76452 w 302"/>
                <a:gd name="T81" fmla="*/ 29771 h 215"/>
                <a:gd name="T82" fmla="*/ 78045 w 302"/>
                <a:gd name="T83" fmla="*/ 26050 h 215"/>
                <a:gd name="T84" fmla="*/ 76452 w 302"/>
                <a:gd name="T85" fmla="*/ 20202 h 215"/>
                <a:gd name="T86" fmla="*/ 73797 w 302"/>
                <a:gd name="T87" fmla="*/ 17544 h 215"/>
                <a:gd name="T88" fmla="*/ 72205 w 302"/>
                <a:gd name="T89" fmla="*/ 14886 h 215"/>
                <a:gd name="T90" fmla="*/ 80169 w 302"/>
                <a:gd name="T91" fmla="*/ 12227 h 215"/>
                <a:gd name="T92" fmla="*/ 95565 w 302"/>
                <a:gd name="T93" fmla="*/ 8506 h 215"/>
                <a:gd name="T94" fmla="*/ 115740 w 302"/>
                <a:gd name="T95" fmla="*/ 2658 h 215"/>
                <a:gd name="T96" fmla="*/ 129013 w 302"/>
                <a:gd name="T97" fmla="*/ 1595 h 215"/>
                <a:gd name="T98" fmla="*/ 129544 w 302"/>
                <a:gd name="T99" fmla="*/ 4785 h 215"/>
                <a:gd name="T100" fmla="*/ 130606 w 302"/>
                <a:gd name="T101" fmla="*/ 5848 h 215"/>
                <a:gd name="T102" fmla="*/ 134322 w 302"/>
                <a:gd name="T103" fmla="*/ 9569 h 215"/>
                <a:gd name="T104" fmla="*/ 141224 w 302"/>
                <a:gd name="T105" fmla="*/ 15949 h 215"/>
                <a:gd name="T106" fmla="*/ 144409 w 302"/>
                <a:gd name="T107" fmla="*/ 23392 h 215"/>
                <a:gd name="T108" fmla="*/ 145471 w 302"/>
                <a:gd name="T109" fmla="*/ 29771 h 215"/>
                <a:gd name="T110" fmla="*/ 152373 w 302"/>
                <a:gd name="T111" fmla="*/ 35619 h 215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302" h="215">
                  <a:moveTo>
                    <a:pt x="300" y="73"/>
                  </a:moveTo>
                  <a:lnTo>
                    <a:pt x="300" y="79"/>
                  </a:lnTo>
                  <a:lnTo>
                    <a:pt x="300" y="83"/>
                  </a:lnTo>
                  <a:lnTo>
                    <a:pt x="300" y="88"/>
                  </a:lnTo>
                  <a:lnTo>
                    <a:pt x="302" y="91"/>
                  </a:lnTo>
                  <a:lnTo>
                    <a:pt x="294" y="102"/>
                  </a:lnTo>
                  <a:lnTo>
                    <a:pt x="285" y="112"/>
                  </a:lnTo>
                  <a:lnTo>
                    <a:pt x="281" y="117"/>
                  </a:lnTo>
                  <a:lnTo>
                    <a:pt x="278" y="124"/>
                  </a:lnTo>
                  <a:lnTo>
                    <a:pt x="275" y="130"/>
                  </a:lnTo>
                  <a:lnTo>
                    <a:pt x="274" y="139"/>
                  </a:lnTo>
                  <a:lnTo>
                    <a:pt x="261" y="133"/>
                  </a:lnTo>
                  <a:lnTo>
                    <a:pt x="246" y="129"/>
                  </a:lnTo>
                  <a:lnTo>
                    <a:pt x="245" y="126"/>
                  </a:lnTo>
                  <a:lnTo>
                    <a:pt x="242" y="123"/>
                  </a:lnTo>
                  <a:lnTo>
                    <a:pt x="238" y="122"/>
                  </a:lnTo>
                  <a:lnTo>
                    <a:pt x="232" y="121"/>
                  </a:lnTo>
                  <a:lnTo>
                    <a:pt x="226" y="121"/>
                  </a:lnTo>
                  <a:lnTo>
                    <a:pt x="221" y="121"/>
                  </a:lnTo>
                  <a:lnTo>
                    <a:pt x="216" y="122"/>
                  </a:lnTo>
                  <a:lnTo>
                    <a:pt x="213" y="124"/>
                  </a:lnTo>
                  <a:lnTo>
                    <a:pt x="212" y="131"/>
                  </a:lnTo>
                  <a:lnTo>
                    <a:pt x="211" y="137"/>
                  </a:lnTo>
                  <a:lnTo>
                    <a:pt x="210" y="144"/>
                  </a:lnTo>
                  <a:lnTo>
                    <a:pt x="207" y="149"/>
                  </a:lnTo>
                  <a:lnTo>
                    <a:pt x="205" y="153"/>
                  </a:lnTo>
                  <a:lnTo>
                    <a:pt x="202" y="157"/>
                  </a:lnTo>
                  <a:lnTo>
                    <a:pt x="198" y="162"/>
                  </a:lnTo>
                  <a:lnTo>
                    <a:pt x="193" y="165"/>
                  </a:lnTo>
                  <a:lnTo>
                    <a:pt x="176" y="179"/>
                  </a:lnTo>
                  <a:lnTo>
                    <a:pt x="160" y="192"/>
                  </a:lnTo>
                  <a:lnTo>
                    <a:pt x="161" y="204"/>
                  </a:lnTo>
                  <a:lnTo>
                    <a:pt x="162" y="215"/>
                  </a:lnTo>
                  <a:lnTo>
                    <a:pt x="152" y="210"/>
                  </a:lnTo>
                  <a:lnTo>
                    <a:pt x="141" y="208"/>
                  </a:lnTo>
                  <a:lnTo>
                    <a:pt x="128" y="206"/>
                  </a:lnTo>
                  <a:lnTo>
                    <a:pt x="115" y="206"/>
                  </a:lnTo>
                  <a:lnTo>
                    <a:pt x="88" y="206"/>
                  </a:lnTo>
                  <a:lnTo>
                    <a:pt x="61" y="208"/>
                  </a:lnTo>
                  <a:lnTo>
                    <a:pt x="52" y="206"/>
                  </a:lnTo>
                  <a:lnTo>
                    <a:pt x="45" y="205"/>
                  </a:lnTo>
                  <a:lnTo>
                    <a:pt x="42" y="205"/>
                  </a:lnTo>
                  <a:lnTo>
                    <a:pt x="39" y="203"/>
                  </a:lnTo>
                  <a:lnTo>
                    <a:pt x="35" y="201"/>
                  </a:lnTo>
                  <a:lnTo>
                    <a:pt x="32" y="197"/>
                  </a:lnTo>
                  <a:lnTo>
                    <a:pt x="26" y="193"/>
                  </a:lnTo>
                  <a:lnTo>
                    <a:pt x="17" y="190"/>
                  </a:lnTo>
                  <a:lnTo>
                    <a:pt x="8" y="188"/>
                  </a:lnTo>
                  <a:lnTo>
                    <a:pt x="0" y="185"/>
                  </a:lnTo>
                  <a:lnTo>
                    <a:pt x="6" y="175"/>
                  </a:lnTo>
                  <a:lnTo>
                    <a:pt x="12" y="167"/>
                  </a:lnTo>
                  <a:lnTo>
                    <a:pt x="23" y="154"/>
                  </a:lnTo>
                  <a:lnTo>
                    <a:pt x="32" y="142"/>
                  </a:lnTo>
                  <a:lnTo>
                    <a:pt x="32" y="137"/>
                  </a:lnTo>
                  <a:lnTo>
                    <a:pt x="33" y="133"/>
                  </a:lnTo>
                  <a:lnTo>
                    <a:pt x="34" y="130"/>
                  </a:lnTo>
                  <a:lnTo>
                    <a:pt x="36" y="128"/>
                  </a:lnTo>
                  <a:lnTo>
                    <a:pt x="42" y="124"/>
                  </a:lnTo>
                  <a:lnTo>
                    <a:pt x="48" y="122"/>
                  </a:lnTo>
                  <a:lnTo>
                    <a:pt x="63" y="120"/>
                  </a:lnTo>
                  <a:lnTo>
                    <a:pt x="75" y="116"/>
                  </a:lnTo>
                  <a:lnTo>
                    <a:pt x="81" y="111"/>
                  </a:lnTo>
                  <a:lnTo>
                    <a:pt x="87" y="104"/>
                  </a:lnTo>
                  <a:lnTo>
                    <a:pt x="93" y="96"/>
                  </a:lnTo>
                  <a:lnTo>
                    <a:pt x="96" y="91"/>
                  </a:lnTo>
                  <a:lnTo>
                    <a:pt x="99" y="85"/>
                  </a:lnTo>
                  <a:lnTo>
                    <a:pt x="99" y="79"/>
                  </a:lnTo>
                  <a:lnTo>
                    <a:pt x="99" y="72"/>
                  </a:lnTo>
                  <a:lnTo>
                    <a:pt x="98" y="66"/>
                  </a:lnTo>
                  <a:lnTo>
                    <a:pt x="94" y="54"/>
                  </a:lnTo>
                  <a:lnTo>
                    <a:pt x="91" y="43"/>
                  </a:lnTo>
                  <a:lnTo>
                    <a:pt x="95" y="40"/>
                  </a:lnTo>
                  <a:lnTo>
                    <a:pt x="99" y="37"/>
                  </a:lnTo>
                  <a:lnTo>
                    <a:pt x="107" y="41"/>
                  </a:lnTo>
                  <a:lnTo>
                    <a:pt x="116" y="43"/>
                  </a:lnTo>
                  <a:lnTo>
                    <a:pt x="125" y="46"/>
                  </a:lnTo>
                  <a:lnTo>
                    <a:pt x="131" y="50"/>
                  </a:lnTo>
                  <a:lnTo>
                    <a:pt x="135" y="53"/>
                  </a:lnTo>
                  <a:lnTo>
                    <a:pt x="139" y="55"/>
                  </a:lnTo>
                  <a:lnTo>
                    <a:pt x="140" y="56"/>
                  </a:lnTo>
                  <a:lnTo>
                    <a:pt x="142" y="56"/>
                  </a:lnTo>
                  <a:lnTo>
                    <a:pt x="144" y="56"/>
                  </a:lnTo>
                  <a:lnTo>
                    <a:pt x="147" y="55"/>
                  </a:lnTo>
                  <a:lnTo>
                    <a:pt x="147" y="49"/>
                  </a:lnTo>
                  <a:lnTo>
                    <a:pt x="147" y="43"/>
                  </a:lnTo>
                  <a:lnTo>
                    <a:pt x="144" y="38"/>
                  </a:lnTo>
                  <a:lnTo>
                    <a:pt x="141" y="35"/>
                  </a:lnTo>
                  <a:lnTo>
                    <a:pt x="139" y="33"/>
                  </a:lnTo>
                  <a:lnTo>
                    <a:pt x="138" y="31"/>
                  </a:lnTo>
                  <a:lnTo>
                    <a:pt x="136" y="28"/>
                  </a:lnTo>
                  <a:lnTo>
                    <a:pt x="136" y="25"/>
                  </a:lnTo>
                  <a:lnTo>
                    <a:pt x="151" y="23"/>
                  </a:lnTo>
                  <a:lnTo>
                    <a:pt x="166" y="20"/>
                  </a:lnTo>
                  <a:lnTo>
                    <a:pt x="180" y="16"/>
                  </a:lnTo>
                  <a:lnTo>
                    <a:pt x="192" y="13"/>
                  </a:lnTo>
                  <a:lnTo>
                    <a:pt x="218" y="5"/>
                  </a:lnTo>
                  <a:lnTo>
                    <a:pt x="241" y="0"/>
                  </a:lnTo>
                  <a:lnTo>
                    <a:pt x="243" y="3"/>
                  </a:lnTo>
                  <a:lnTo>
                    <a:pt x="244" y="7"/>
                  </a:lnTo>
                  <a:lnTo>
                    <a:pt x="244" y="9"/>
                  </a:lnTo>
                  <a:lnTo>
                    <a:pt x="245" y="10"/>
                  </a:lnTo>
                  <a:lnTo>
                    <a:pt x="246" y="11"/>
                  </a:lnTo>
                  <a:lnTo>
                    <a:pt x="248" y="12"/>
                  </a:lnTo>
                  <a:lnTo>
                    <a:pt x="253" y="18"/>
                  </a:lnTo>
                  <a:lnTo>
                    <a:pt x="260" y="25"/>
                  </a:lnTo>
                  <a:lnTo>
                    <a:pt x="266" y="30"/>
                  </a:lnTo>
                  <a:lnTo>
                    <a:pt x="274" y="34"/>
                  </a:lnTo>
                  <a:lnTo>
                    <a:pt x="272" y="44"/>
                  </a:lnTo>
                  <a:lnTo>
                    <a:pt x="272" y="50"/>
                  </a:lnTo>
                  <a:lnTo>
                    <a:pt x="274" y="56"/>
                  </a:lnTo>
                  <a:lnTo>
                    <a:pt x="278" y="61"/>
                  </a:lnTo>
                  <a:lnTo>
                    <a:pt x="287" y="67"/>
                  </a:lnTo>
                  <a:lnTo>
                    <a:pt x="300" y="73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23" name="Furesø"/>
            <p:cNvSpPr>
              <a:spLocks/>
            </p:cNvSpPr>
            <p:nvPr/>
          </p:nvSpPr>
          <p:spPr bwMode="auto">
            <a:xfrm>
              <a:off x="3794125" y="4721225"/>
              <a:ext cx="100013" cy="127000"/>
            </a:xfrm>
            <a:custGeom>
              <a:avLst/>
              <a:gdLst>
                <a:gd name="T0" fmla="*/ 87446 w 191"/>
                <a:gd name="T1" fmla="*/ 40746 h 240"/>
                <a:gd name="T2" fmla="*/ 80115 w 191"/>
                <a:gd name="T3" fmla="*/ 44979 h 240"/>
                <a:gd name="T4" fmla="*/ 67548 w 191"/>
                <a:gd name="T5" fmla="*/ 49742 h 240"/>
                <a:gd name="T6" fmla="*/ 60217 w 191"/>
                <a:gd name="T7" fmla="*/ 56621 h 240"/>
                <a:gd name="T8" fmla="*/ 65977 w 191"/>
                <a:gd name="T9" fmla="*/ 64029 h 240"/>
                <a:gd name="T10" fmla="*/ 72261 w 191"/>
                <a:gd name="T11" fmla="*/ 70379 h 240"/>
                <a:gd name="T12" fmla="*/ 78021 w 191"/>
                <a:gd name="T13" fmla="*/ 77258 h 240"/>
                <a:gd name="T14" fmla="*/ 81686 w 191"/>
                <a:gd name="T15" fmla="*/ 84667 h 240"/>
                <a:gd name="T16" fmla="*/ 83781 w 191"/>
                <a:gd name="T17" fmla="*/ 92075 h 240"/>
                <a:gd name="T18" fmla="*/ 92159 w 191"/>
                <a:gd name="T19" fmla="*/ 95779 h 240"/>
                <a:gd name="T20" fmla="*/ 97395 w 191"/>
                <a:gd name="T21" fmla="*/ 96308 h 240"/>
                <a:gd name="T22" fmla="*/ 90588 w 191"/>
                <a:gd name="T23" fmla="*/ 98954 h 240"/>
                <a:gd name="T24" fmla="*/ 85875 w 191"/>
                <a:gd name="T25" fmla="*/ 104246 h 240"/>
                <a:gd name="T26" fmla="*/ 85351 w 191"/>
                <a:gd name="T27" fmla="*/ 115358 h 240"/>
                <a:gd name="T28" fmla="*/ 85351 w 191"/>
                <a:gd name="T29" fmla="*/ 124354 h 240"/>
                <a:gd name="T30" fmla="*/ 78544 w 191"/>
                <a:gd name="T31" fmla="*/ 123825 h 240"/>
                <a:gd name="T32" fmla="*/ 71213 w 191"/>
                <a:gd name="T33" fmla="*/ 119063 h 240"/>
                <a:gd name="T34" fmla="*/ 65454 w 191"/>
                <a:gd name="T35" fmla="*/ 117475 h 240"/>
                <a:gd name="T36" fmla="*/ 59170 w 191"/>
                <a:gd name="T37" fmla="*/ 118004 h 240"/>
                <a:gd name="T38" fmla="*/ 56028 w 191"/>
                <a:gd name="T39" fmla="*/ 121179 h 240"/>
                <a:gd name="T40" fmla="*/ 52363 w 191"/>
                <a:gd name="T41" fmla="*/ 124883 h 240"/>
                <a:gd name="T42" fmla="*/ 47650 w 191"/>
                <a:gd name="T43" fmla="*/ 127000 h 240"/>
                <a:gd name="T44" fmla="*/ 38748 w 191"/>
                <a:gd name="T45" fmla="*/ 124354 h 240"/>
                <a:gd name="T46" fmla="*/ 27752 w 191"/>
                <a:gd name="T47" fmla="*/ 121708 h 240"/>
                <a:gd name="T48" fmla="*/ 17280 w 191"/>
                <a:gd name="T49" fmla="*/ 120121 h 240"/>
                <a:gd name="T50" fmla="*/ 6284 w 191"/>
                <a:gd name="T51" fmla="*/ 118004 h 240"/>
                <a:gd name="T52" fmla="*/ 524 w 191"/>
                <a:gd name="T53" fmla="*/ 112713 h 240"/>
                <a:gd name="T54" fmla="*/ 0 w 191"/>
                <a:gd name="T55" fmla="*/ 106892 h 240"/>
                <a:gd name="T56" fmla="*/ 524 w 191"/>
                <a:gd name="T57" fmla="*/ 103188 h 240"/>
                <a:gd name="T58" fmla="*/ 3142 w 191"/>
                <a:gd name="T59" fmla="*/ 99483 h 240"/>
                <a:gd name="T60" fmla="*/ 6807 w 191"/>
                <a:gd name="T61" fmla="*/ 96308 h 240"/>
                <a:gd name="T62" fmla="*/ 13091 w 191"/>
                <a:gd name="T63" fmla="*/ 91546 h 240"/>
                <a:gd name="T64" fmla="*/ 10473 w 191"/>
                <a:gd name="T65" fmla="*/ 83079 h 240"/>
                <a:gd name="T66" fmla="*/ 14138 w 191"/>
                <a:gd name="T67" fmla="*/ 74613 h 240"/>
                <a:gd name="T68" fmla="*/ 24611 w 191"/>
                <a:gd name="T69" fmla="*/ 68792 h 240"/>
                <a:gd name="T70" fmla="*/ 28276 w 191"/>
                <a:gd name="T71" fmla="*/ 65088 h 240"/>
                <a:gd name="T72" fmla="*/ 29847 w 191"/>
                <a:gd name="T73" fmla="*/ 61383 h 240"/>
                <a:gd name="T74" fmla="*/ 25134 w 191"/>
                <a:gd name="T75" fmla="*/ 53975 h 240"/>
                <a:gd name="T76" fmla="*/ 16756 w 191"/>
                <a:gd name="T77" fmla="*/ 46567 h 240"/>
                <a:gd name="T78" fmla="*/ 14662 w 191"/>
                <a:gd name="T79" fmla="*/ 42333 h 240"/>
                <a:gd name="T80" fmla="*/ 14662 w 191"/>
                <a:gd name="T81" fmla="*/ 38629 h 240"/>
                <a:gd name="T82" fmla="*/ 15709 w 191"/>
                <a:gd name="T83" fmla="*/ 34396 h 240"/>
                <a:gd name="T84" fmla="*/ 18851 w 191"/>
                <a:gd name="T85" fmla="*/ 30692 h 240"/>
                <a:gd name="T86" fmla="*/ 26181 w 191"/>
                <a:gd name="T87" fmla="*/ 25400 h 240"/>
                <a:gd name="T88" fmla="*/ 35083 w 191"/>
                <a:gd name="T89" fmla="*/ 20108 h 240"/>
                <a:gd name="T90" fmla="*/ 39272 w 191"/>
                <a:gd name="T91" fmla="*/ 15346 h 240"/>
                <a:gd name="T92" fmla="*/ 42414 w 191"/>
                <a:gd name="T93" fmla="*/ 10054 h 240"/>
                <a:gd name="T94" fmla="*/ 42938 w 191"/>
                <a:gd name="T95" fmla="*/ 3704 h 240"/>
                <a:gd name="T96" fmla="*/ 47650 w 191"/>
                <a:gd name="T97" fmla="*/ 0 h 240"/>
                <a:gd name="T98" fmla="*/ 54457 w 191"/>
                <a:gd name="T99" fmla="*/ 529 h 240"/>
                <a:gd name="T100" fmla="*/ 57599 w 191"/>
                <a:gd name="T101" fmla="*/ 1588 h 240"/>
                <a:gd name="T102" fmla="*/ 61788 w 191"/>
                <a:gd name="T103" fmla="*/ 4233 h 240"/>
                <a:gd name="T104" fmla="*/ 69119 w 191"/>
                <a:gd name="T105" fmla="*/ 7408 h 240"/>
                <a:gd name="T106" fmla="*/ 70690 w 191"/>
                <a:gd name="T107" fmla="*/ 11642 h 240"/>
                <a:gd name="T108" fmla="*/ 71213 w 191"/>
                <a:gd name="T109" fmla="*/ 15875 h 240"/>
                <a:gd name="T110" fmla="*/ 73308 w 191"/>
                <a:gd name="T111" fmla="*/ 19579 h 240"/>
                <a:gd name="T112" fmla="*/ 76973 w 191"/>
                <a:gd name="T113" fmla="*/ 22225 h 240"/>
                <a:gd name="T114" fmla="*/ 86399 w 191"/>
                <a:gd name="T115" fmla="*/ 32279 h 24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191" h="240">
                  <a:moveTo>
                    <a:pt x="173" y="71"/>
                  </a:moveTo>
                  <a:lnTo>
                    <a:pt x="167" y="77"/>
                  </a:lnTo>
                  <a:lnTo>
                    <a:pt x="160" y="81"/>
                  </a:lnTo>
                  <a:lnTo>
                    <a:pt x="153" y="85"/>
                  </a:lnTo>
                  <a:lnTo>
                    <a:pt x="145" y="88"/>
                  </a:lnTo>
                  <a:lnTo>
                    <a:pt x="129" y="94"/>
                  </a:lnTo>
                  <a:lnTo>
                    <a:pt x="112" y="99"/>
                  </a:lnTo>
                  <a:lnTo>
                    <a:pt x="115" y="107"/>
                  </a:lnTo>
                  <a:lnTo>
                    <a:pt x="120" y="115"/>
                  </a:lnTo>
                  <a:lnTo>
                    <a:pt x="126" y="121"/>
                  </a:lnTo>
                  <a:lnTo>
                    <a:pt x="132" y="127"/>
                  </a:lnTo>
                  <a:lnTo>
                    <a:pt x="138" y="133"/>
                  </a:lnTo>
                  <a:lnTo>
                    <a:pt x="145" y="139"/>
                  </a:lnTo>
                  <a:lnTo>
                    <a:pt x="149" y="146"/>
                  </a:lnTo>
                  <a:lnTo>
                    <a:pt x="153" y="155"/>
                  </a:lnTo>
                  <a:lnTo>
                    <a:pt x="156" y="160"/>
                  </a:lnTo>
                  <a:lnTo>
                    <a:pt x="159" y="166"/>
                  </a:lnTo>
                  <a:lnTo>
                    <a:pt x="160" y="174"/>
                  </a:lnTo>
                  <a:lnTo>
                    <a:pt x="160" y="183"/>
                  </a:lnTo>
                  <a:lnTo>
                    <a:pt x="176" y="181"/>
                  </a:lnTo>
                  <a:lnTo>
                    <a:pt x="191" y="178"/>
                  </a:lnTo>
                  <a:lnTo>
                    <a:pt x="186" y="182"/>
                  </a:lnTo>
                  <a:lnTo>
                    <a:pt x="180" y="185"/>
                  </a:lnTo>
                  <a:lnTo>
                    <a:pt x="173" y="187"/>
                  </a:lnTo>
                  <a:lnTo>
                    <a:pt x="166" y="188"/>
                  </a:lnTo>
                  <a:lnTo>
                    <a:pt x="164" y="197"/>
                  </a:lnTo>
                  <a:lnTo>
                    <a:pt x="163" y="207"/>
                  </a:lnTo>
                  <a:lnTo>
                    <a:pt x="163" y="218"/>
                  </a:lnTo>
                  <a:lnTo>
                    <a:pt x="163" y="228"/>
                  </a:lnTo>
                  <a:lnTo>
                    <a:pt x="163" y="235"/>
                  </a:lnTo>
                  <a:lnTo>
                    <a:pt x="160" y="239"/>
                  </a:lnTo>
                  <a:lnTo>
                    <a:pt x="150" y="234"/>
                  </a:lnTo>
                  <a:lnTo>
                    <a:pt x="140" y="228"/>
                  </a:lnTo>
                  <a:lnTo>
                    <a:pt x="136" y="225"/>
                  </a:lnTo>
                  <a:lnTo>
                    <a:pt x="130" y="223"/>
                  </a:lnTo>
                  <a:lnTo>
                    <a:pt x="125" y="222"/>
                  </a:lnTo>
                  <a:lnTo>
                    <a:pt x="117" y="221"/>
                  </a:lnTo>
                  <a:lnTo>
                    <a:pt x="113" y="223"/>
                  </a:lnTo>
                  <a:lnTo>
                    <a:pt x="110" y="226"/>
                  </a:lnTo>
                  <a:lnTo>
                    <a:pt x="107" y="229"/>
                  </a:lnTo>
                  <a:lnTo>
                    <a:pt x="104" y="233"/>
                  </a:lnTo>
                  <a:lnTo>
                    <a:pt x="100" y="236"/>
                  </a:lnTo>
                  <a:lnTo>
                    <a:pt x="96" y="238"/>
                  </a:lnTo>
                  <a:lnTo>
                    <a:pt x="91" y="240"/>
                  </a:lnTo>
                  <a:lnTo>
                    <a:pt x="84" y="239"/>
                  </a:lnTo>
                  <a:lnTo>
                    <a:pt x="74" y="235"/>
                  </a:lnTo>
                  <a:lnTo>
                    <a:pt x="64" y="232"/>
                  </a:lnTo>
                  <a:lnTo>
                    <a:pt x="53" y="230"/>
                  </a:lnTo>
                  <a:lnTo>
                    <a:pt x="44" y="228"/>
                  </a:lnTo>
                  <a:lnTo>
                    <a:pt x="33" y="227"/>
                  </a:lnTo>
                  <a:lnTo>
                    <a:pt x="22" y="225"/>
                  </a:lnTo>
                  <a:lnTo>
                    <a:pt x="12" y="223"/>
                  </a:lnTo>
                  <a:lnTo>
                    <a:pt x="2" y="219"/>
                  </a:lnTo>
                  <a:lnTo>
                    <a:pt x="1" y="213"/>
                  </a:lnTo>
                  <a:lnTo>
                    <a:pt x="0" y="207"/>
                  </a:lnTo>
                  <a:lnTo>
                    <a:pt x="0" y="202"/>
                  </a:lnTo>
                  <a:lnTo>
                    <a:pt x="0" y="198"/>
                  </a:lnTo>
                  <a:lnTo>
                    <a:pt x="1" y="195"/>
                  </a:lnTo>
                  <a:lnTo>
                    <a:pt x="4" y="192"/>
                  </a:lnTo>
                  <a:lnTo>
                    <a:pt x="6" y="188"/>
                  </a:lnTo>
                  <a:lnTo>
                    <a:pt x="8" y="186"/>
                  </a:lnTo>
                  <a:lnTo>
                    <a:pt x="13" y="182"/>
                  </a:lnTo>
                  <a:lnTo>
                    <a:pt x="19" y="178"/>
                  </a:lnTo>
                  <a:lnTo>
                    <a:pt x="25" y="173"/>
                  </a:lnTo>
                  <a:lnTo>
                    <a:pt x="28" y="165"/>
                  </a:lnTo>
                  <a:lnTo>
                    <a:pt x="20" y="157"/>
                  </a:lnTo>
                  <a:lnTo>
                    <a:pt x="13" y="147"/>
                  </a:lnTo>
                  <a:lnTo>
                    <a:pt x="27" y="141"/>
                  </a:lnTo>
                  <a:lnTo>
                    <a:pt x="41" y="135"/>
                  </a:lnTo>
                  <a:lnTo>
                    <a:pt x="47" y="130"/>
                  </a:lnTo>
                  <a:lnTo>
                    <a:pt x="52" y="126"/>
                  </a:lnTo>
                  <a:lnTo>
                    <a:pt x="54" y="123"/>
                  </a:lnTo>
                  <a:lnTo>
                    <a:pt x="56" y="120"/>
                  </a:lnTo>
                  <a:lnTo>
                    <a:pt x="57" y="116"/>
                  </a:lnTo>
                  <a:lnTo>
                    <a:pt x="58" y="112"/>
                  </a:lnTo>
                  <a:lnTo>
                    <a:pt x="48" y="102"/>
                  </a:lnTo>
                  <a:lnTo>
                    <a:pt x="37" y="93"/>
                  </a:lnTo>
                  <a:lnTo>
                    <a:pt x="32" y="88"/>
                  </a:lnTo>
                  <a:lnTo>
                    <a:pt x="29" y="83"/>
                  </a:lnTo>
                  <a:lnTo>
                    <a:pt x="28" y="80"/>
                  </a:lnTo>
                  <a:lnTo>
                    <a:pt x="28" y="77"/>
                  </a:lnTo>
                  <a:lnTo>
                    <a:pt x="28" y="73"/>
                  </a:lnTo>
                  <a:lnTo>
                    <a:pt x="28" y="68"/>
                  </a:lnTo>
                  <a:lnTo>
                    <a:pt x="30" y="65"/>
                  </a:lnTo>
                  <a:lnTo>
                    <a:pt x="32" y="61"/>
                  </a:lnTo>
                  <a:lnTo>
                    <a:pt x="36" y="58"/>
                  </a:lnTo>
                  <a:lnTo>
                    <a:pt x="40" y="55"/>
                  </a:lnTo>
                  <a:lnTo>
                    <a:pt x="50" y="48"/>
                  </a:lnTo>
                  <a:lnTo>
                    <a:pt x="61" y="41"/>
                  </a:lnTo>
                  <a:lnTo>
                    <a:pt x="67" y="38"/>
                  </a:lnTo>
                  <a:lnTo>
                    <a:pt x="71" y="34"/>
                  </a:lnTo>
                  <a:lnTo>
                    <a:pt x="75" y="29"/>
                  </a:lnTo>
                  <a:lnTo>
                    <a:pt x="79" y="24"/>
                  </a:lnTo>
                  <a:lnTo>
                    <a:pt x="81" y="19"/>
                  </a:lnTo>
                  <a:lnTo>
                    <a:pt x="82" y="14"/>
                  </a:lnTo>
                  <a:lnTo>
                    <a:pt x="82" y="7"/>
                  </a:lnTo>
                  <a:lnTo>
                    <a:pt x="81" y="0"/>
                  </a:lnTo>
                  <a:lnTo>
                    <a:pt x="91" y="0"/>
                  </a:lnTo>
                  <a:lnTo>
                    <a:pt x="99" y="0"/>
                  </a:lnTo>
                  <a:lnTo>
                    <a:pt x="104" y="1"/>
                  </a:lnTo>
                  <a:lnTo>
                    <a:pt x="107" y="2"/>
                  </a:lnTo>
                  <a:lnTo>
                    <a:pt x="110" y="3"/>
                  </a:lnTo>
                  <a:lnTo>
                    <a:pt x="112" y="5"/>
                  </a:lnTo>
                  <a:lnTo>
                    <a:pt x="118" y="8"/>
                  </a:lnTo>
                  <a:lnTo>
                    <a:pt x="126" y="10"/>
                  </a:lnTo>
                  <a:lnTo>
                    <a:pt x="132" y="14"/>
                  </a:lnTo>
                  <a:lnTo>
                    <a:pt x="137" y="18"/>
                  </a:lnTo>
                  <a:lnTo>
                    <a:pt x="135" y="22"/>
                  </a:lnTo>
                  <a:lnTo>
                    <a:pt x="135" y="26"/>
                  </a:lnTo>
                  <a:lnTo>
                    <a:pt x="136" y="30"/>
                  </a:lnTo>
                  <a:lnTo>
                    <a:pt x="137" y="34"/>
                  </a:lnTo>
                  <a:lnTo>
                    <a:pt x="140" y="37"/>
                  </a:lnTo>
                  <a:lnTo>
                    <a:pt x="144" y="40"/>
                  </a:lnTo>
                  <a:lnTo>
                    <a:pt x="147" y="42"/>
                  </a:lnTo>
                  <a:lnTo>
                    <a:pt x="150" y="43"/>
                  </a:lnTo>
                  <a:lnTo>
                    <a:pt x="165" y="61"/>
                  </a:lnTo>
                  <a:lnTo>
                    <a:pt x="173" y="71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24" name="Furesø kant"/>
            <p:cNvSpPr>
              <a:spLocks/>
            </p:cNvSpPr>
            <p:nvPr/>
          </p:nvSpPr>
          <p:spPr bwMode="auto">
            <a:xfrm>
              <a:off x="3794125" y="4721225"/>
              <a:ext cx="100013" cy="127000"/>
            </a:xfrm>
            <a:custGeom>
              <a:avLst/>
              <a:gdLst>
                <a:gd name="T0" fmla="*/ 87446 w 191"/>
                <a:gd name="T1" fmla="*/ 40746 h 240"/>
                <a:gd name="T2" fmla="*/ 80115 w 191"/>
                <a:gd name="T3" fmla="*/ 44979 h 240"/>
                <a:gd name="T4" fmla="*/ 67548 w 191"/>
                <a:gd name="T5" fmla="*/ 49742 h 240"/>
                <a:gd name="T6" fmla="*/ 60217 w 191"/>
                <a:gd name="T7" fmla="*/ 56621 h 240"/>
                <a:gd name="T8" fmla="*/ 65977 w 191"/>
                <a:gd name="T9" fmla="*/ 64029 h 240"/>
                <a:gd name="T10" fmla="*/ 72261 w 191"/>
                <a:gd name="T11" fmla="*/ 70379 h 240"/>
                <a:gd name="T12" fmla="*/ 78021 w 191"/>
                <a:gd name="T13" fmla="*/ 77258 h 240"/>
                <a:gd name="T14" fmla="*/ 81686 w 191"/>
                <a:gd name="T15" fmla="*/ 84667 h 240"/>
                <a:gd name="T16" fmla="*/ 83781 w 191"/>
                <a:gd name="T17" fmla="*/ 92075 h 240"/>
                <a:gd name="T18" fmla="*/ 92159 w 191"/>
                <a:gd name="T19" fmla="*/ 95779 h 240"/>
                <a:gd name="T20" fmla="*/ 97395 w 191"/>
                <a:gd name="T21" fmla="*/ 96308 h 240"/>
                <a:gd name="T22" fmla="*/ 90588 w 191"/>
                <a:gd name="T23" fmla="*/ 98954 h 240"/>
                <a:gd name="T24" fmla="*/ 85875 w 191"/>
                <a:gd name="T25" fmla="*/ 104246 h 240"/>
                <a:gd name="T26" fmla="*/ 85351 w 191"/>
                <a:gd name="T27" fmla="*/ 115358 h 240"/>
                <a:gd name="T28" fmla="*/ 85351 w 191"/>
                <a:gd name="T29" fmla="*/ 124354 h 240"/>
                <a:gd name="T30" fmla="*/ 78544 w 191"/>
                <a:gd name="T31" fmla="*/ 123825 h 240"/>
                <a:gd name="T32" fmla="*/ 71213 w 191"/>
                <a:gd name="T33" fmla="*/ 119063 h 240"/>
                <a:gd name="T34" fmla="*/ 65454 w 191"/>
                <a:gd name="T35" fmla="*/ 117475 h 240"/>
                <a:gd name="T36" fmla="*/ 59170 w 191"/>
                <a:gd name="T37" fmla="*/ 118004 h 240"/>
                <a:gd name="T38" fmla="*/ 56028 w 191"/>
                <a:gd name="T39" fmla="*/ 121179 h 240"/>
                <a:gd name="T40" fmla="*/ 52363 w 191"/>
                <a:gd name="T41" fmla="*/ 124883 h 240"/>
                <a:gd name="T42" fmla="*/ 47650 w 191"/>
                <a:gd name="T43" fmla="*/ 127000 h 240"/>
                <a:gd name="T44" fmla="*/ 38748 w 191"/>
                <a:gd name="T45" fmla="*/ 124354 h 240"/>
                <a:gd name="T46" fmla="*/ 27752 w 191"/>
                <a:gd name="T47" fmla="*/ 121708 h 240"/>
                <a:gd name="T48" fmla="*/ 17280 w 191"/>
                <a:gd name="T49" fmla="*/ 120121 h 240"/>
                <a:gd name="T50" fmla="*/ 6284 w 191"/>
                <a:gd name="T51" fmla="*/ 118004 h 240"/>
                <a:gd name="T52" fmla="*/ 524 w 191"/>
                <a:gd name="T53" fmla="*/ 112713 h 240"/>
                <a:gd name="T54" fmla="*/ 0 w 191"/>
                <a:gd name="T55" fmla="*/ 106892 h 240"/>
                <a:gd name="T56" fmla="*/ 524 w 191"/>
                <a:gd name="T57" fmla="*/ 103188 h 240"/>
                <a:gd name="T58" fmla="*/ 3142 w 191"/>
                <a:gd name="T59" fmla="*/ 99483 h 240"/>
                <a:gd name="T60" fmla="*/ 6807 w 191"/>
                <a:gd name="T61" fmla="*/ 96308 h 240"/>
                <a:gd name="T62" fmla="*/ 13091 w 191"/>
                <a:gd name="T63" fmla="*/ 91546 h 240"/>
                <a:gd name="T64" fmla="*/ 10473 w 191"/>
                <a:gd name="T65" fmla="*/ 83079 h 240"/>
                <a:gd name="T66" fmla="*/ 14138 w 191"/>
                <a:gd name="T67" fmla="*/ 74613 h 240"/>
                <a:gd name="T68" fmla="*/ 24611 w 191"/>
                <a:gd name="T69" fmla="*/ 68792 h 240"/>
                <a:gd name="T70" fmla="*/ 28276 w 191"/>
                <a:gd name="T71" fmla="*/ 65088 h 240"/>
                <a:gd name="T72" fmla="*/ 29847 w 191"/>
                <a:gd name="T73" fmla="*/ 61383 h 240"/>
                <a:gd name="T74" fmla="*/ 25134 w 191"/>
                <a:gd name="T75" fmla="*/ 53975 h 240"/>
                <a:gd name="T76" fmla="*/ 16756 w 191"/>
                <a:gd name="T77" fmla="*/ 46567 h 240"/>
                <a:gd name="T78" fmla="*/ 14662 w 191"/>
                <a:gd name="T79" fmla="*/ 42333 h 240"/>
                <a:gd name="T80" fmla="*/ 14662 w 191"/>
                <a:gd name="T81" fmla="*/ 38629 h 240"/>
                <a:gd name="T82" fmla="*/ 15709 w 191"/>
                <a:gd name="T83" fmla="*/ 34396 h 240"/>
                <a:gd name="T84" fmla="*/ 18851 w 191"/>
                <a:gd name="T85" fmla="*/ 30692 h 240"/>
                <a:gd name="T86" fmla="*/ 26181 w 191"/>
                <a:gd name="T87" fmla="*/ 25400 h 240"/>
                <a:gd name="T88" fmla="*/ 35083 w 191"/>
                <a:gd name="T89" fmla="*/ 20108 h 240"/>
                <a:gd name="T90" fmla="*/ 39272 w 191"/>
                <a:gd name="T91" fmla="*/ 15346 h 240"/>
                <a:gd name="T92" fmla="*/ 42414 w 191"/>
                <a:gd name="T93" fmla="*/ 10054 h 240"/>
                <a:gd name="T94" fmla="*/ 42938 w 191"/>
                <a:gd name="T95" fmla="*/ 3704 h 240"/>
                <a:gd name="T96" fmla="*/ 47650 w 191"/>
                <a:gd name="T97" fmla="*/ 0 h 240"/>
                <a:gd name="T98" fmla="*/ 54457 w 191"/>
                <a:gd name="T99" fmla="*/ 529 h 240"/>
                <a:gd name="T100" fmla="*/ 57599 w 191"/>
                <a:gd name="T101" fmla="*/ 1588 h 240"/>
                <a:gd name="T102" fmla="*/ 61788 w 191"/>
                <a:gd name="T103" fmla="*/ 4233 h 240"/>
                <a:gd name="T104" fmla="*/ 69119 w 191"/>
                <a:gd name="T105" fmla="*/ 7408 h 240"/>
                <a:gd name="T106" fmla="*/ 70690 w 191"/>
                <a:gd name="T107" fmla="*/ 11642 h 240"/>
                <a:gd name="T108" fmla="*/ 71213 w 191"/>
                <a:gd name="T109" fmla="*/ 15875 h 240"/>
                <a:gd name="T110" fmla="*/ 73308 w 191"/>
                <a:gd name="T111" fmla="*/ 19579 h 240"/>
                <a:gd name="T112" fmla="*/ 76973 w 191"/>
                <a:gd name="T113" fmla="*/ 22225 h 240"/>
                <a:gd name="T114" fmla="*/ 86399 w 191"/>
                <a:gd name="T115" fmla="*/ 32279 h 24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191" h="240">
                  <a:moveTo>
                    <a:pt x="173" y="71"/>
                  </a:moveTo>
                  <a:lnTo>
                    <a:pt x="167" y="77"/>
                  </a:lnTo>
                  <a:lnTo>
                    <a:pt x="160" y="81"/>
                  </a:lnTo>
                  <a:lnTo>
                    <a:pt x="153" y="85"/>
                  </a:lnTo>
                  <a:lnTo>
                    <a:pt x="145" y="88"/>
                  </a:lnTo>
                  <a:lnTo>
                    <a:pt x="129" y="94"/>
                  </a:lnTo>
                  <a:lnTo>
                    <a:pt x="112" y="99"/>
                  </a:lnTo>
                  <a:lnTo>
                    <a:pt x="115" y="107"/>
                  </a:lnTo>
                  <a:lnTo>
                    <a:pt x="120" y="115"/>
                  </a:lnTo>
                  <a:lnTo>
                    <a:pt x="126" y="121"/>
                  </a:lnTo>
                  <a:lnTo>
                    <a:pt x="132" y="127"/>
                  </a:lnTo>
                  <a:lnTo>
                    <a:pt x="138" y="133"/>
                  </a:lnTo>
                  <a:lnTo>
                    <a:pt x="145" y="139"/>
                  </a:lnTo>
                  <a:lnTo>
                    <a:pt x="149" y="146"/>
                  </a:lnTo>
                  <a:lnTo>
                    <a:pt x="153" y="155"/>
                  </a:lnTo>
                  <a:lnTo>
                    <a:pt x="156" y="160"/>
                  </a:lnTo>
                  <a:lnTo>
                    <a:pt x="159" y="166"/>
                  </a:lnTo>
                  <a:lnTo>
                    <a:pt x="160" y="174"/>
                  </a:lnTo>
                  <a:lnTo>
                    <a:pt x="160" y="183"/>
                  </a:lnTo>
                  <a:lnTo>
                    <a:pt x="176" y="181"/>
                  </a:lnTo>
                  <a:lnTo>
                    <a:pt x="191" y="178"/>
                  </a:lnTo>
                  <a:lnTo>
                    <a:pt x="186" y="182"/>
                  </a:lnTo>
                  <a:lnTo>
                    <a:pt x="180" y="185"/>
                  </a:lnTo>
                  <a:lnTo>
                    <a:pt x="173" y="187"/>
                  </a:lnTo>
                  <a:lnTo>
                    <a:pt x="166" y="188"/>
                  </a:lnTo>
                  <a:lnTo>
                    <a:pt x="164" y="197"/>
                  </a:lnTo>
                  <a:lnTo>
                    <a:pt x="163" y="207"/>
                  </a:lnTo>
                  <a:lnTo>
                    <a:pt x="163" y="218"/>
                  </a:lnTo>
                  <a:lnTo>
                    <a:pt x="163" y="228"/>
                  </a:lnTo>
                  <a:lnTo>
                    <a:pt x="163" y="235"/>
                  </a:lnTo>
                  <a:lnTo>
                    <a:pt x="160" y="239"/>
                  </a:lnTo>
                  <a:lnTo>
                    <a:pt x="150" y="234"/>
                  </a:lnTo>
                  <a:lnTo>
                    <a:pt x="140" y="228"/>
                  </a:lnTo>
                  <a:lnTo>
                    <a:pt x="136" y="225"/>
                  </a:lnTo>
                  <a:lnTo>
                    <a:pt x="130" y="223"/>
                  </a:lnTo>
                  <a:lnTo>
                    <a:pt x="125" y="222"/>
                  </a:lnTo>
                  <a:lnTo>
                    <a:pt x="117" y="221"/>
                  </a:lnTo>
                  <a:lnTo>
                    <a:pt x="113" y="223"/>
                  </a:lnTo>
                  <a:lnTo>
                    <a:pt x="110" y="226"/>
                  </a:lnTo>
                  <a:lnTo>
                    <a:pt x="107" y="229"/>
                  </a:lnTo>
                  <a:lnTo>
                    <a:pt x="104" y="233"/>
                  </a:lnTo>
                  <a:lnTo>
                    <a:pt x="100" y="236"/>
                  </a:lnTo>
                  <a:lnTo>
                    <a:pt x="96" y="238"/>
                  </a:lnTo>
                  <a:lnTo>
                    <a:pt x="91" y="240"/>
                  </a:lnTo>
                  <a:lnTo>
                    <a:pt x="84" y="239"/>
                  </a:lnTo>
                  <a:lnTo>
                    <a:pt x="74" y="235"/>
                  </a:lnTo>
                  <a:lnTo>
                    <a:pt x="64" y="232"/>
                  </a:lnTo>
                  <a:lnTo>
                    <a:pt x="53" y="230"/>
                  </a:lnTo>
                  <a:lnTo>
                    <a:pt x="44" y="228"/>
                  </a:lnTo>
                  <a:lnTo>
                    <a:pt x="33" y="227"/>
                  </a:lnTo>
                  <a:lnTo>
                    <a:pt x="22" y="225"/>
                  </a:lnTo>
                  <a:lnTo>
                    <a:pt x="12" y="223"/>
                  </a:lnTo>
                  <a:lnTo>
                    <a:pt x="2" y="219"/>
                  </a:lnTo>
                  <a:lnTo>
                    <a:pt x="1" y="213"/>
                  </a:lnTo>
                  <a:lnTo>
                    <a:pt x="0" y="207"/>
                  </a:lnTo>
                  <a:lnTo>
                    <a:pt x="0" y="202"/>
                  </a:lnTo>
                  <a:lnTo>
                    <a:pt x="0" y="198"/>
                  </a:lnTo>
                  <a:lnTo>
                    <a:pt x="1" y="195"/>
                  </a:lnTo>
                  <a:lnTo>
                    <a:pt x="4" y="192"/>
                  </a:lnTo>
                  <a:lnTo>
                    <a:pt x="6" y="188"/>
                  </a:lnTo>
                  <a:lnTo>
                    <a:pt x="8" y="186"/>
                  </a:lnTo>
                  <a:lnTo>
                    <a:pt x="13" y="182"/>
                  </a:lnTo>
                  <a:lnTo>
                    <a:pt x="19" y="178"/>
                  </a:lnTo>
                  <a:lnTo>
                    <a:pt x="25" y="173"/>
                  </a:lnTo>
                  <a:lnTo>
                    <a:pt x="28" y="165"/>
                  </a:lnTo>
                  <a:lnTo>
                    <a:pt x="20" y="157"/>
                  </a:lnTo>
                  <a:lnTo>
                    <a:pt x="13" y="147"/>
                  </a:lnTo>
                  <a:lnTo>
                    <a:pt x="27" y="141"/>
                  </a:lnTo>
                  <a:lnTo>
                    <a:pt x="41" y="135"/>
                  </a:lnTo>
                  <a:lnTo>
                    <a:pt x="47" y="130"/>
                  </a:lnTo>
                  <a:lnTo>
                    <a:pt x="52" y="126"/>
                  </a:lnTo>
                  <a:lnTo>
                    <a:pt x="54" y="123"/>
                  </a:lnTo>
                  <a:lnTo>
                    <a:pt x="56" y="120"/>
                  </a:lnTo>
                  <a:lnTo>
                    <a:pt x="57" y="116"/>
                  </a:lnTo>
                  <a:lnTo>
                    <a:pt x="58" y="112"/>
                  </a:lnTo>
                  <a:lnTo>
                    <a:pt x="48" y="102"/>
                  </a:lnTo>
                  <a:lnTo>
                    <a:pt x="37" y="93"/>
                  </a:lnTo>
                  <a:lnTo>
                    <a:pt x="32" y="88"/>
                  </a:lnTo>
                  <a:lnTo>
                    <a:pt x="29" y="83"/>
                  </a:lnTo>
                  <a:lnTo>
                    <a:pt x="28" y="80"/>
                  </a:lnTo>
                  <a:lnTo>
                    <a:pt x="28" y="77"/>
                  </a:lnTo>
                  <a:lnTo>
                    <a:pt x="28" y="73"/>
                  </a:lnTo>
                  <a:lnTo>
                    <a:pt x="28" y="68"/>
                  </a:lnTo>
                  <a:lnTo>
                    <a:pt x="30" y="65"/>
                  </a:lnTo>
                  <a:lnTo>
                    <a:pt x="32" y="61"/>
                  </a:lnTo>
                  <a:lnTo>
                    <a:pt x="36" y="58"/>
                  </a:lnTo>
                  <a:lnTo>
                    <a:pt x="40" y="55"/>
                  </a:lnTo>
                  <a:lnTo>
                    <a:pt x="50" y="48"/>
                  </a:lnTo>
                  <a:lnTo>
                    <a:pt x="61" y="41"/>
                  </a:lnTo>
                  <a:lnTo>
                    <a:pt x="67" y="38"/>
                  </a:lnTo>
                  <a:lnTo>
                    <a:pt x="71" y="34"/>
                  </a:lnTo>
                  <a:lnTo>
                    <a:pt x="75" y="29"/>
                  </a:lnTo>
                  <a:lnTo>
                    <a:pt x="79" y="24"/>
                  </a:lnTo>
                  <a:lnTo>
                    <a:pt x="81" y="19"/>
                  </a:lnTo>
                  <a:lnTo>
                    <a:pt x="82" y="14"/>
                  </a:lnTo>
                  <a:lnTo>
                    <a:pt x="82" y="7"/>
                  </a:lnTo>
                  <a:lnTo>
                    <a:pt x="81" y="0"/>
                  </a:lnTo>
                  <a:lnTo>
                    <a:pt x="91" y="0"/>
                  </a:lnTo>
                  <a:lnTo>
                    <a:pt x="99" y="0"/>
                  </a:lnTo>
                  <a:lnTo>
                    <a:pt x="104" y="1"/>
                  </a:lnTo>
                  <a:lnTo>
                    <a:pt x="107" y="2"/>
                  </a:lnTo>
                  <a:lnTo>
                    <a:pt x="110" y="3"/>
                  </a:lnTo>
                  <a:lnTo>
                    <a:pt x="112" y="5"/>
                  </a:lnTo>
                  <a:lnTo>
                    <a:pt x="118" y="8"/>
                  </a:lnTo>
                  <a:lnTo>
                    <a:pt x="126" y="10"/>
                  </a:lnTo>
                  <a:lnTo>
                    <a:pt x="132" y="14"/>
                  </a:lnTo>
                  <a:lnTo>
                    <a:pt x="137" y="18"/>
                  </a:lnTo>
                  <a:lnTo>
                    <a:pt x="135" y="22"/>
                  </a:lnTo>
                  <a:lnTo>
                    <a:pt x="135" y="26"/>
                  </a:lnTo>
                  <a:lnTo>
                    <a:pt x="136" y="30"/>
                  </a:lnTo>
                  <a:lnTo>
                    <a:pt x="137" y="34"/>
                  </a:lnTo>
                  <a:lnTo>
                    <a:pt x="140" y="37"/>
                  </a:lnTo>
                  <a:lnTo>
                    <a:pt x="144" y="40"/>
                  </a:lnTo>
                  <a:lnTo>
                    <a:pt x="147" y="42"/>
                  </a:lnTo>
                  <a:lnTo>
                    <a:pt x="150" y="43"/>
                  </a:lnTo>
                  <a:lnTo>
                    <a:pt x="165" y="61"/>
                  </a:lnTo>
                  <a:lnTo>
                    <a:pt x="173" y="71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25" name="Gladsaxe"/>
            <p:cNvSpPr>
              <a:spLocks/>
            </p:cNvSpPr>
            <p:nvPr/>
          </p:nvSpPr>
          <p:spPr bwMode="auto">
            <a:xfrm>
              <a:off x="3881438" y="4816475"/>
              <a:ext cx="77787" cy="76200"/>
            </a:xfrm>
            <a:custGeom>
              <a:avLst/>
              <a:gdLst>
                <a:gd name="T0" fmla="*/ 17870 w 148"/>
                <a:gd name="T1" fmla="*/ 28184 h 146"/>
                <a:gd name="T2" fmla="*/ 15242 w 148"/>
                <a:gd name="T3" fmla="*/ 26618 h 146"/>
                <a:gd name="T4" fmla="*/ 13665 w 148"/>
                <a:gd name="T5" fmla="*/ 28705 h 146"/>
                <a:gd name="T6" fmla="*/ 11037 w 148"/>
                <a:gd name="T7" fmla="*/ 29749 h 146"/>
                <a:gd name="T8" fmla="*/ 5256 w 148"/>
                <a:gd name="T9" fmla="*/ 30271 h 146"/>
                <a:gd name="T10" fmla="*/ 1051 w 148"/>
                <a:gd name="T11" fmla="*/ 29227 h 146"/>
                <a:gd name="T12" fmla="*/ 1051 w 148"/>
                <a:gd name="T13" fmla="*/ 26096 h 146"/>
                <a:gd name="T14" fmla="*/ 0 w 148"/>
                <a:gd name="T15" fmla="*/ 20877 h 146"/>
                <a:gd name="T16" fmla="*/ 0 w 148"/>
                <a:gd name="T17" fmla="*/ 10438 h 146"/>
                <a:gd name="T18" fmla="*/ 4730 w 148"/>
                <a:gd name="T19" fmla="*/ 5741 h 146"/>
                <a:gd name="T20" fmla="*/ 10512 w 148"/>
                <a:gd name="T21" fmla="*/ 3653 h 146"/>
                <a:gd name="T22" fmla="*/ 14716 w 148"/>
                <a:gd name="T23" fmla="*/ 1044 h 146"/>
                <a:gd name="T24" fmla="*/ 20498 w 148"/>
                <a:gd name="T25" fmla="*/ 0 h 146"/>
                <a:gd name="T26" fmla="*/ 25228 w 148"/>
                <a:gd name="T27" fmla="*/ 2088 h 146"/>
                <a:gd name="T28" fmla="*/ 28907 w 148"/>
                <a:gd name="T29" fmla="*/ 3132 h 146"/>
                <a:gd name="T30" fmla="*/ 34163 w 148"/>
                <a:gd name="T31" fmla="*/ 3132 h 146"/>
                <a:gd name="T32" fmla="*/ 40996 w 148"/>
                <a:gd name="T33" fmla="*/ 1566 h 146"/>
                <a:gd name="T34" fmla="*/ 47303 w 148"/>
                <a:gd name="T35" fmla="*/ 522 h 146"/>
                <a:gd name="T36" fmla="*/ 48880 w 148"/>
                <a:gd name="T37" fmla="*/ 2088 h 146"/>
                <a:gd name="T38" fmla="*/ 46252 w 148"/>
                <a:gd name="T39" fmla="*/ 7307 h 146"/>
                <a:gd name="T40" fmla="*/ 44675 w 148"/>
                <a:gd name="T41" fmla="*/ 13048 h 146"/>
                <a:gd name="T42" fmla="*/ 45726 w 148"/>
                <a:gd name="T43" fmla="*/ 17223 h 146"/>
                <a:gd name="T44" fmla="*/ 47828 w 148"/>
                <a:gd name="T45" fmla="*/ 18789 h 146"/>
                <a:gd name="T46" fmla="*/ 53084 w 148"/>
                <a:gd name="T47" fmla="*/ 19833 h 146"/>
                <a:gd name="T48" fmla="*/ 58340 w 148"/>
                <a:gd name="T49" fmla="*/ 19833 h 146"/>
                <a:gd name="T50" fmla="*/ 60443 w 148"/>
                <a:gd name="T51" fmla="*/ 20877 h 146"/>
                <a:gd name="T52" fmla="*/ 59917 w 148"/>
                <a:gd name="T53" fmla="*/ 25574 h 146"/>
                <a:gd name="T54" fmla="*/ 61494 w 148"/>
                <a:gd name="T55" fmla="*/ 31837 h 146"/>
                <a:gd name="T56" fmla="*/ 65698 w 148"/>
                <a:gd name="T57" fmla="*/ 36534 h 146"/>
                <a:gd name="T58" fmla="*/ 69903 w 148"/>
                <a:gd name="T59" fmla="*/ 38622 h 146"/>
                <a:gd name="T60" fmla="*/ 75159 w 148"/>
                <a:gd name="T61" fmla="*/ 41753 h 146"/>
                <a:gd name="T62" fmla="*/ 76210 w 148"/>
                <a:gd name="T63" fmla="*/ 51148 h 146"/>
                <a:gd name="T64" fmla="*/ 77787 w 148"/>
                <a:gd name="T65" fmla="*/ 56367 h 146"/>
                <a:gd name="T66" fmla="*/ 77787 w 148"/>
                <a:gd name="T67" fmla="*/ 59499 h 146"/>
                <a:gd name="T68" fmla="*/ 75685 w 148"/>
                <a:gd name="T69" fmla="*/ 62630 h 146"/>
                <a:gd name="T70" fmla="*/ 73582 w 148"/>
                <a:gd name="T71" fmla="*/ 66805 h 146"/>
                <a:gd name="T72" fmla="*/ 70429 w 148"/>
                <a:gd name="T73" fmla="*/ 68893 h 146"/>
                <a:gd name="T74" fmla="*/ 66224 w 148"/>
                <a:gd name="T75" fmla="*/ 67849 h 146"/>
                <a:gd name="T76" fmla="*/ 59391 w 148"/>
                <a:gd name="T77" fmla="*/ 65762 h 146"/>
                <a:gd name="T78" fmla="*/ 54136 w 148"/>
                <a:gd name="T79" fmla="*/ 64196 h 146"/>
                <a:gd name="T80" fmla="*/ 46252 w 148"/>
                <a:gd name="T81" fmla="*/ 69415 h 146"/>
                <a:gd name="T82" fmla="*/ 37317 w 148"/>
                <a:gd name="T83" fmla="*/ 75156 h 146"/>
                <a:gd name="T84" fmla="*/ 31535 w 148"/>
                <a:gd name="T85" fmla="*/ 67327 h 146"/>
                <a:gd name="T86" fmla="*/ 25228 w 148"/>
                <a:gd name="T87" fmla="*/ 49060 h 146"/>
                <a:gd name="T88" fmla="*/ 22600 w 148"/>
                <a:gd name="T89" fmla="*/ 38622 h 146"/>
                <a:gd name="T90" fmla="*/ 23126 w 148"/>
                <a:gd name="T91" fmla="*/ 36012 h 146"/>
                <a:gd name="T92" fmla="*/ 22075 w 148"/>
                <a:gd name="T93" fmla="*/ 33403 h 146"/>
                <a:gd name="T94" fmla="*/ 20498 w 148"/>
                <a:gd name="T95" fmla="*/ 31837 h 146"/>
                <a:gd name="T96" fmla="*/ 18396 w 148"/>
                <a:gd name="T97" fmla="*/ 30271 h 14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148" h="146">
                  <a:moveTo>
                    <a:pt x="35" y="55"/>
                  </a:moveTo>
                  <a:lnTo>
                    <a:pt x="34" y="54"/>
                  </a:lnTo>
                  <a:lnTo>
                    <a:pt x="31" y="53"/>
                  </a:lnTo>
                  <a:lnTo>
                    <a:pt x="29" y="51"/>
                  </a:lnTo>
                  <a:lnTo>
                    <a:pt x="28" y="53"/>
                  </a:lnTo>
                  <a:lnTo>
                    <a:pt x="26" y="55"/>
                  </a:lnTo>
                  <a:lnTo>
                    <a:pt x="24" y="56"/>
                  </a:lnTo>
                  <a:lnTo>
                    <a:pt x="21" y="57"/>
                  </a:lnTo>
                  <a:lnTo>
                    <a:pt x="18" y="58"/>
                  </a:lnTo>
                  <a:lnTo>
                    <a:pt x="10" y="58"/>
                  </a:lnTo>
                  <a:lnTo>
                    <a:pt x="2" y="58"/>
                  </a:lnTo>
                  <a:lnTo>
                    <a:pt x="2" y="56"/>
                  </a:lnTo>
                  <a:lnTo>
                    <a:pt x="2" y="53"/>
                  </a:lnTo>
                  <a:lnTo>
                    <a:pt x="2" y="50"/>
                  </a:lnTo>
                  <a:lnTo>
                    <a:pt x="0" y="50"/>
                  </a:lnTo>
                  <a:lnTo>
                    <a:pt x="0" y="40"/>
                  </a:lnTo>
                  <a:lnTo>
                    <a:pt x="0" y="29"/>
                  </a:lnTo>
                  <a:lnTo>
                    <a:pt x="0" y="20"/>
                  </a:lnTo>
                  <a:lnTo>
                    <a:pt x="2" y="11"/>
                  </a:lnTo>
                  <a:lnTo>
                    <a:pt x="9" y="11"/>
                  </a:lnTo>
                  <a:lnTo>
                    <a:pt x="15" y="9"/>
                  </a:lnTo>
                  <a:lnTo>
                    <a:pt x="20" y="7"/>
                  </a:lnTo>
                  <a:lnTo>
                    <a:pt x="24" y="4"/>
                  </a:lnTo>
                  <a:lnTo>
                    <a:pt x="28" y="2"/>
                  </a:lnTo>
                  <a:lnTo>
                    <a:pt x="32" y="1"/>
                  </a:lnTo>
                  <a:lnTo>
                    <a:pt x="39" y="0"/>
                  </a:lnTo>
                  <a:lnTo>
                    <a:pt x="45" y="2"/>
                  </a:lnTo>
                  <a:lnTo>
                    <a:pt x="48" y="4"/>
                  </a:lnTo>
                  <a:lnTo>
                    <a:pt x="51" y="5"/>
                  </a:lnTo>
                  <a:lnTo>
                    <a:pt x="55" y="6"/>
                  </a:lnTo>
                  <a:lnTo>
                    <a:pt x="59" y="7"/>
                  </a:lnTo>
                  <a:lnTo>
                    <a:pt x="65" y="6"/>
                  </a:lnTo>
                  <a:lnTo>
                    <a:pt x="71" y="5"/>
                  </a:lnTo>
                  <a:lnTo>
                    <a:pt x="78" y="3"/>
                  </a:lnTo>
                  <a:lnTo>
                    <a:pt x="84" y="1"/>
                  </a:lnTo>
                  <a:lnTo>
                    <a:pt x="90" y="1"/>
                  </a:lnTo>
                  <a:lnTo>
                    <a:pt x="97" y="2"/>
                  </a:lnTo>
                  <a:lnTo>
                    <a:pt x="93" y="4"/>
                  </a:lnTo>
                  <a:lnTo>
                    <a:pt x="90" y="8"/>
                  </a:lnTo>
                  <a:lnTo>
                    <a:pt x="88" y="14"/>
                  </a:lnTo>
                  <a:lnTo>
                    <a:pt x="86" y="20"/>
                  </a:lnTo>
                  <a:lnTo>
                    <a:pt x="85" y="25"/>
                  </a:lnTo>
                  <a:lnTo>
                    <a:pt x="86" y="30"/>
                  </a:lnTo>
                  <a:lnTo>
                    <a:pt x="87" y="33"/>
                  </a:lnTo>
                  <a:lnTo>
                    <a:pt x="89" y="35"/>
                  </a:lnTo>
                  <a:lnTo>
                    <a:pt x="91" y="36"/>
                  </a:lnTo>
                  <a:lnTo>
                    <a:pt x="93" y="38"/>
                  </a:lnTo>
                  <a:lnTo>
                    <a:pt x="101" y="38"/>
                  </a:lnTo>
                  <a:lnTo>
                    <a:pt x="108" y="37"/>
                  </a:lnTo>
                  <a:lnTo>
                    <a:pt x="111" y="38"/>
                  </a:lnTo>
                  <a:lnTo>
                    <a:pt x="113" y="38"/>
                  </a:lnTo>
                  <a:lnTo>
                    <a:pt x="115" y="40"/>
                  </a:lnTo>
                  <a:lnTo>
                    <a:pt x="117" y="42"/>
                  </a:lnTo>
                  <a:lnTo>
                    <a:pt x="114" y="49"/>
                  </a:lnTo>
                  <a:lnTo>
                    <a:pt x="111" y="55"/>
                  </a:lnTo>
                  <a:lnTo>
                    <a:pt x="117" y="61"/>
                  </a:lnTo>
                  <a:lnTo>
                    <a:pt x="122" y="68"/>
                  </a:lnTo>
                  <a:lnTo>
                    <a:pt x="125" y="70"/>
                  </a:lnTo>
                  <a:lnTo>
                    <a:pt x="128" y="73"/>
                  </a:lnTo>
                  <a:lnTo>
                    <a:pt x="133" y="74"/>
                  </a:lnTo>
                  <a:lnTo>
                    <a:pt x="140" y="73"/>
                  </a:lnTo>
                  <a:lnTo>
                    <a:pt x="143" y="80"/>
                  </a:lnTo>
                  <a:lnTo>
                    <a:pt x="144" y="88"/>
                  </a:lnTo>
                  <a:lnTo>
                    <a:pt x="145" y="98"/>
                  </a:lnTo>
                  <a:lnTo>
                    <a:pt x="147" y="106"/>
                  </a:lnTo>
                  <a:lnTo>
                    <a:pt x="148" y="108"/>
                  </a:lnTo>
                  <a:lnTo>
                    <a:pt x="148" y="112"/>
                  </a:lnTo>
                  <a:lnTo>
                    <a:pt x="148" y="114"/>
                  </a:lnTo>
                  <a:lnTo>
                    <a:pt x="147" y="116"/>
                  </a:lnTo>
                  <a:lnTo>
                    <a:pt x="144" y="120"/>
                  </a:lnTo>
                  <a:lnTo>
                    <a:pt x="142" y="126"/>
                  </a:lnTo>
                  <a:lnTo>
                    <a:pt x="140" y="128"/>
                  </a:lnTo>
                  <a:lnTo>
                    <a:pt x="137" y="130"/>
                  </a:lnTo>
                  <a:lnTo>
                    <a:pt x="134" y="132"/>
                  </a:lnTo>
                  <a:lnTo>
                    <a:pt x="131" y="132"/>
                  </a:lnTo>
                  <a:lnTo>
                    <a:pt x="126" y="130"/>
                  </a:lnTo>
                  <a:lnTo>
                    <a:pt x="120" y="128"/>
                  </a:lnTo>
                  <a:lnTo>
                    <a:pt x="113" y="126"/>
                  </a:lnTo>
                  <a:lnTo>
                    <a:pt x="108" y="124"/>
                  </a:lnTo>
                  <a:lnTo>
                    <a:pt x="103" y="123"/>
                  </a:lnTo>
                  <a:lnTo>
                    <a:pt x="99" y="124"/>
                  </a:lnTo>
                  <a:lnTo>
                    <a:pt x="88" y="133"/>
                  </a:lnTo>
                  <a:lnTo>
                    <a:pt x="75" y="141"/>
                  </a:lnTo>
                  <a:lnTo>
                    <a:pt x="71" y="144"/>
                  </a:lnTo>
                  <a:lnTo>
                    <a:pt x="66" y="146"/>
                  </a:lnTo>
                  <a:lnTo>
                    <a:pt x="60" y="129"/>
                  </a:lnTo>
                  <a:lnTo>
                    <a:pt x="53" y="112"/>
                  </a:lnTo>
                  <a:lnTo>
                    <a:pt x="48" y="94"/>
                  </a:lnTo>
                  <a:lnTo>
                    <a:pt x="43" y="76"/>
                  </a:lnTo>
                  <a:lnTo>
                    <a:pt x="43" y="74"/>
                  </a:lnTo>
                  <a:lnTo>
                    <a:pt x="43" y="73"/>
                  </a:lnTo>
                  <a:lnTo>
                    <a:pt x="44" y="69"/>
                  </a:lnTo>
                  <a:lnTo>
                    <a:pt x="43" y="66"/>
                  </a:lnTo>
                  <a:lnTo>
                    <a:pt x="42" y="64"/>
                  </a:lnTo>
                  <a:lnTo>
                    <a:pt x="41" y="62"/>
                  </a:lnTo>
                  <a:lnTo>
                    <a:pt x="39" y="61"/>
                  </a:lnTo>
                  <a:lnTo>
                    <a:pt x="38" y="60"/>
                  </a:lnTo>
                  <a:lnTo>
                    <a:pt x="35" y="58"/>
                  </a:lnTo>
                  <a:lnTo>
                    <a:pt x="35" y="55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26" name="Gladsaxe kant"/>
            <p:cNvSpPr>
              <a:spLocks/>
            </p:cNvSpPr>
            <p:nvPr/>
          </p:nvSpPr>
          <p:spPr bwMode="auto">
            <a:xfrm>
              <a:off x="3881438" y="4816475"/>
              <a:ext cx="77787" cy="76200"/>
            </a:xfrm>
            <a:custGeom>
              <a:avLst/>
              <a:gdLst>
                <a:gd name="T0" fmla="*/ 17870 w 148"/>
                <a:gd name="T1" fmla="*/ 28184 h 146"/>
                <a:gd name="T2" fmla="*/ 15242 w 148"/>
                <a:gd name="T3" fmla="*/ 26618 h 146"/>
                <a:gd name="T4" fmla="*/ 13665 w 148"/>
                <a:gd name="T5" fmla="*/ 28705 h 146"/>
                <a:gd name="T6" fmla="*/ 11037 w 148"/>
                <a:gd name="T7" fmla="*/ 29749 h 146"/>
                <a:gd name="T8" fmla="*/ 5256 w 148"/>
                <a:gd name="T9" fmla="*/ 30271 h 146"/>
                <a:gd name="T10" fmla="*/ 1051 w 148"/>
                <a:gd name="T11" fmla="*/ 29227 h 146"/>
                <a:gd name="T12" fmla="*/ 1051 w 148"/>
                <a:gd name="T13" fmla="*/ 26096 h 146"/>
                <a:gd name="T14" fmla="*/ 0 w 148"/>
                <a:gd name="T15" fmla="*/ 20877 h 146"/>
                <a:gd name="T16" fmla="*/ 0 w 148"/>
                <a:gd name="T17" fmla="*/ 10438 h 146"/>
                <a:gd name="T18" fmla="*/ 4730 w 148"/>
                <a:gd name="T19" fmla="*/ 5741 h 146"/>
                <a:gd name="T20" fmla="*/ 10512 w 148"/>
                <a:gd name="T21" fmla="*/ 3653 h 146"/>
                <a:gd name="T22" fmla="*/ 14716 w 148"/>
                <a:gd name="T23" fmla="*/ 1044 h 146"/>
                <a:gd name="T24" fmla="*/ 20498 w 148"/>
                <a:gd name="T25" fmla="*/ 0 h 146"/>
                <a:gd name="T26" fmla="*/ 25228 w 148"/>
                <a:gd name="T27" fmla="*/ 2088 h 146"/>
                <a:gd name="T28" fmla="*/ 28907 w 148"/>
                <a:gd name="T29" fmla="*/ 3132 h 146"/>
                <a:gd name="T30" fmla="*/ 34163 w 148"/>
                <a:gd name="T31" fmla="*/ 3132 h 146"/>
                <a:gd name="T32" fmla="*/ 40996 w 148"/>
                <a:gd name="T33" fmla="*/ 1566 h 146"/>
                <a:gd name="T34" fmla="*/ 47303 w 148"/>
                <a:gd name="T35" fmla="*/ 522 h 146"/>
                <a:gd name="T36" fmla="*/ 48880 w 148"/>
                <a:gd name="T37" fmla="*/ 2088 h 146"/>
                <a:gd name="T38" fmla="*/ 46252 w 148"/>
                <a:gd name="T39" fmla="*/ 7307 h 146"/>
                <a:gd name="T40" fmla="*/ 44675 w 148"/>
                <a:gd name="T41" fmla="*/ 13048 h 146"/>
                <a:gd name="T42" fmla="*/ 45726 w 148"/>
                <a:gd name="T43" fmla="*/ 17223 h 146"/>
                <a:gd name="T44" fmla="*/ 47828 w 148"/>
                <a:gd name="T45" fmla="*/ 18789 h 146"/>
                <a:gd name="T46" fmla="*/ 53084 w 148"/>
                <a:gd name="T47" fmla="*/ 19833 h 146"/>
                <a:gd name="T48" fmla="*/ 58340 w 148"/>
                <a:gd name="T49" fmla="*/ 19833 h 146"/>
                <a:gd name="T50" fmla="*/ 60443 w 148"/>
                <a:gd name="T51" fmla="*/ 20877 h 146"/>
                <a:gd name="T52" fmla="*/ 59917 w 148"/>
                <a:gd name="T53" fmla="*/ 25574 h 146"/>
                <a:gd name="T54" fmla="*/ 61494 w 148"/>
                <a:gd name="T55" fmla="*/ 31837 h 146"/>
                <a:gd name="T56" fmla="*/ 65698 w 148"/>
                <a:gd name="T57" fmla="*/ 36534 h 146"/>
                <a:gd name="T58" fmla="*/ 69903 w 148"/>
                <a:gd name="T59" fmla="*/ 38622 h 146"/>
                <a:gd name="T60" fmla="*/ 75159 w 148"/>
                <a:gd name="T61" fmla="*/ 41753 h 146"/>
                <a:gd name="T62" fmla="*/ 76210 w 148"/>
                <a:gd name="T63" fmla="*/ 51148 h 146"/>
                <a:gd name="T64" fmla="*/ 77787 w 148"/>
                <a:gd name="T65" fmla="*/ 56367 h 146"/>
                <a:gd name="T66" fmla="*/ 77787 w 148"/>
                <a:gd name="T67" fmla="*/ 59499 h 146"/>
                <a:gd name="T68" fmla="*/ 75685 w 148"/>
                <a:gd name="T69" fmla="*/ 62630 h 146"/>
                <a:gd name="T70" fmla="*/ 73582 w 148"/>
                <a:gd name="T71" fmla="*/ 66805 h 146"/>
                <a:gd name="T72" fmla="*/ 70429 w 148"/>
                <a:gd name="T73" fmla="*/ 68893 h 146"/>
                <a:gd name="T74" fmla="*/ 66224 w 148"/>
                <a:gd name="T75" fmla="*/ 67849 h 146"/>
                <a:gd name="T76" fmla="*/ 59391 w 148"/>
                <a:gd name="T77" fmla="*/ 65762 h 146"/>
                <a:gd name="T78" fmla="*/ 54136 w 148"/>
                <a:gd name="T79" fmla="*/ 64196 h 146"/>
                <a:gd name="T80" fmla="*/ 46252 w 148"/>
                <a:gd name="T81" fmla="*/ 69415 h 146"/>
                <a:gd name="T82" fmla="*/ 37317 w 148"/>
                <a:gd name="T83" fmla="*/ 75156 h 146"/>
                <a:gd name="T84" fmla="*/ 31535 w 148"/>
                <a:gd name="T85" fmla="*/ 67327 h 146"/>
                <a:gd name="T86" fmla="*/ 25228 w 148"/>
                <a:gd name="T87" fmla="*/ 49060 h 146"/>
                <a:gd name="T88" fmla="*/ 22600 w 148"/>
                <a:gd name="T89" fmla="*/ 38622 h 146"/>
                <a:gd name="T90" fmla="*/ 23126 w 148"/>
                <a:gd name="T91" fmla="*/ 36012 h 146"/>
                <a:gd name="T92" fmla="*/ 22075 w 148"/>
                <a:gd name="T93" fmla="*/ 33403 h 146"/>
                <a:gd name="T94" fmla="*/ 20498 w 148"/>
                <a:gd name="T95" fmla="*/ 31837 h 146"/>
                <a:gd name="T96" fmla="*/ 18396 w 148"/>
                <a:gd name="T97" fmla="*/ 30271 h 14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148" h="146">
                  <a:moveTo>
                    <a:pt x="35" y="55"/>
                  </a:moveTo>
                  <a:lnTo>
                    <a:pt x="34" y="54"/>
                  </a:lnTo>
                  <a:lnTo>
                    <a:pt x="31" y="53"/>
                  </a:lnTo>
                  <a:lnTo>
                    <a:pt x="29" y="51"/>
                  </a:lnTo>
                  <a:lnTo>
                    <a:pt x="28" y="53"/>
                  </a:lnTo>
                  <a:lnTo>
                    <a:pt x="26" y="55"/>
                  </a:lnTo>
                  <a:lnTo>
                    <a:pt x="24" y="56"/>
                  </a:lnTo>
                  <a:lnTo>
                    <a:pt x="21" y="57"/>
                  </a:lnTo>
                  <a:lnTo>
                    <a:pt x="18" y="58"/>
                  </a:lnTo>
                  <a:lnTo>
                    <a:pt x="10" y="58"/>
                  </a:lnTo>
                  <a:lnTo>
                    <a:pt x="2" y="58"/>
                  </a:lnTo>
                  <a:lnTo>
                    <a:pt x="2" y="56"/>
                  </a:lnTo>
                  <a:lnTo>
                    <a:pt x="2" y="53"/>
                  </a:lnTo>
                  <a:lnTo>
                    <a:pt x="2" y="50"/>
                  </a:lnTo>
                  <a:lnTo>
                    <a:pt x="0" y="50"/>
                  </a:lnTo>
                  <a:lnTo>
                    <a:pt x="0" y="40"/>
                  </a:lnTo>
                  <a:lnTo>
                    <a:pt x="0" y="29"/>
                  </a:lnTo>
                  <a:lnTo>
                    <a:pt x="0" y="20"/>
                  </a:lnTo>
                  <a:lnTo>
                    <a:pt x="2" y="11"/>
                  </a:lnTo>
                  <a:lnTo>
                    <a:pt x="9" y="11"/>
                  </a:lnTo>
                  <a:lnTo>
                    <a:pt x="15" y="9"/>
                  </a:lnTo>
                  <a:lnTo>
                    <a:pt x="20" y="7"/>
                  </a:lnTo>
                  <a:lnTo>
                    <a:pt x="24" y="4"/>
                  </a:lnTo>
                  <a:lnTo>
                    <a:pt x="28" y="2"/>
                  </a:lnTo>
                  <a:lnTo>
                    <a:pt x="32" y="1"/>
                  </a:lnTo>
                  <a:lnTo>
                    <a:pt x="39" y="0"/>
                  </a:lnTo>
                  <a:lnTo>
                    <a:pt x="45" y="2"/>
                  </a:lnTo>
                  <a:lnTo>
                    <a:pt x="48" y="4"/>
                  </a:lnTo>
                  <a:lnTo>
                    <a:pt x="51" y="5"/>
                  </a:lnTo>
                  <a:lnTo>
                    <a:pt x="55" y="6"/>
                  </a:lnTo>
                  <a:lnTo>
                    <a:pt x="59" y="7"/>
                  </a:lnTo>
                  <a:lnTo>
                    <a:pt x="65" y="6"/>
                  </a:lnTo>
                  <a:lnTo>
                    <a:pt x="71" y="5"/>
                  </a:lnTo>
                  <a:lnTo>
                    <a:pt x="78" y="3"/>
                  </a:lnTo>
                  <a:lnTo>
                    <a:pt x="84" y="1"/>
                  </a:lnTo>
                  <a:lnTo>
                    <a:pt x="90" y="1"/>
                  </a:lnTo>
                  <a:lnTo>
                    <a:pt x="97" y="2"/>
                  </a:lnTo>
                  <a:lnTo>
                    <a:pt x="93" y="4"/>
                  </a:lnTo>
                  <a:lnTo>
                    <a:pt x="90" y="8"/>
                  </a:lnTo>
                  <a:lnTo>
                    <a:pt x="88" y="14"/>
                  </a:lnTo>
                  <a:lnTo>
                    <a:pt x="86" y="20"/>
                  </a:lnTo>
                  <a:lnTo>
                    <a:pt x="85" y="25"/>
                  </a:lnTo>
                  <a:lnTo>
                    <a:pt x="86" y="30"/>
                  </a:lnTo>
                  <a:lnTo>
                    <a:pt x="87" y="33"/>
                  </a:lnTo>
                  <a:lnTo>
                    <a:pt x="89" y="35"/>
                  </a:lnTo>
                  <a:lnTo>
                    <a:pt x="91" y="36"/>
                  </a:lnTo>
                  <a:lnTo>
                    <a:pt x="93" y="38"/>
                  </a:lnTo>
                  <a:lnTo>
                    <a:pt x="101" y="38"/>
                  </a:lnTo>
                  <a:lnTo>
                    <a:pt x="108" y="37"/>
                  </a:lnTo>
                  <a:lnTo>
                    <a:pt x="111" y="38"/>
                  </a:lnTo>
                  <a:lnTo>
                    <a:pt x="113" y="38"/>
                  </a:lnTo>
                  <a:lnTo>
                    <a:pt x="115" y="40"/>
                  </a:lnTo>
                  <a:lnTo>
                    <a:pt x="117" y="42"/>
                  </a:lnTo>
                  <a:lnTo>
                    <a:pt x="114" y="49"/>
                  </a:lnTo>
                  <a:lnTo>
                    <a:pt x="111" y="55"/>
                  </a:lnTo>
                  <a:lnTo>
                    <a:pt x="117" y="61"/>
                  </a:lnTo>
                  <a:lnTo>
                    <a:pt x="122" y="68"/>
                  </a:lnTo>
                  <a:lnTo>
                    <a:pt x="125" y="70"/>
                  </a:lnTo>
                  <a:lnTo>
                    <a:pt x="128" y="73"/>
                  </a:lnTo>
                  <a:lnTo>
                    <a:pt x="133" y="74"/>
                  </a:lnTo>
                  <a:lnTo>
                    <a:pt x="140" y="73"/>
                  </a:lnTo>
                  <a:lnTo>
                    <a:pt x="143" y="80"/>
                  </a:lnTo>
                  <a:lnTo>
                    <a:pt x="144" y="88"/>
                  </a:lnTo>
                  <a:lnTo>
                    <a:pt x="145" y="98"/>
                  </a:lnTo>
                  <a:lnTo>
                    <a:pt x="147" y="106"/>
                  </a:lnTo>
                  <a:lnTo>
                    <a:pt x="148" y="108"/>
                  </a:lnTo>
                  <a:lnTo>
                    <a:pt x="148" y="112"/>
                  </a:lnTo>
                  <a:lnTo>
                    <a:pt x="148" y="114"/>
                  </a:lnTo>
                  <a:lnTo>
                    <a:pt x="147" y="116"/>
                  </a:lnTo>
                  <a:lnTo>
                    <a:pt x="144" y="120"/>
                  </a:lnTo>
                  <a:lnTo>
                    <a:pt x="142" y="126"/>
                  </a:lnTo>
                  <a:lnTo>
                    <a:pt x="140" y="128"/>
                  </a:lnTo>
                  <a:lnTo>
                    <a:pt x="137" y="130"/>
                  </a:lnTo>
                  <a:lnTo>
                    <a:pt x="134" y="132"/>
                  </a:lnTo>
                  <a:lnTo>
                    <a:pt x="131" y="132"/>
                  </a:lnTo>
                  <a:lnTo>
                    <a:pt x="126" y="130"/>
                  </a:lnTo>
                  <a:lnTo>
                    <a:pt x="120" y="128"/>
                  </a:lnTo>
                  <a:lnTo>
                    <a:pt x="113" y="126"/>
                  </a:lnTo>
                  <a:lnTo>
                    <a:pt x="108" y="124"/>
                  </a:lnTo>
                  <a:lnTo>
                    <a:pt x="103" y="123"/>
                  </a:lnTo>
                  <a:lnTo>
                    <a:pt x="99" y="124"/>
                  </a:lnTo>
                  <a:lnTo>
                    <a:pt x="88" y="133"/>
                  </a:lnTo>
                  <a:lnTo>
                    <a:pt x="75" y="141"/>
                  </a:lnTo>
                  <a:lnTo>
                    <a:pt x="71" y="144"/>
                  </a:lnTo>
                  <a:lnTo>
                    <a:pt x="66" y="146"/>
                  </a:lnTo>
                  <a:lnTo>
                    <a:pt x="60" y="129"/>
                  </a:lnTo>
                  <a:lnTo>
                    <a:pt x="53" y="112"/>
                  </a:lnTo>
                  <a:lnTo>
                    <a:pt x="48" y="94"/>
                  </a:lnTo>
                  <a:lnTo>
                    <a:pt x="43" y="76"/>
                  </a:lnTo>
                  <a:lnTo>
                    <a:pt x="43" y="74"/>
                  </a:lnTo>
                  <a:lnTo>
                    <a:pt x="43" y="73"/>
                  </a:lnTo>
                  <a:lnTo>
                    <a:pt x="44" y="69"/>
                  </a:lnTo>
                  <a:lnTo>
                    <a:pt x="43" y="66"/>
                  </a:lnTo>
                  <a:lnTo>
                    <a:pt x="42" y="64"/>
                  </a:lnTo>
                  <a:lnTo>
                    <a:pt x="41" y="62"/>
                  </a:lnTo>
                  <a:lnTo>
                    <a:pt x="39" y="61"/>
                  </a:lnTo>
                  <a:lnTo>
                    <a:pt x="38" y="60"/>
                  </a:lnTo>
                  <a:lnTo>
                    <a:pt x="35" y="58"/>
                  </a:lnTo>
                  <a:lnTo>
                    <a:pt x="35" y="55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27" name="Ballerup"/>
            <p:cNvSpPr>
              <a:spLocks/>
            </p:cNvSpPr>
            <p:nvPr/>
          </p:nvSpPr>
          <p:spPr bwMode="auto">
            <a:xfrm>
              <a:off x="3771900" y="4840288"/>
              <a:ext cx="119063" cy="66675"/>
            </a:xfrm>
            <a:custGeom>
              <a:avLst/>
              <a:gdLst>
                <a:gd name="T0" fmla="*/ 69321 w 225"/>
                <a:gd name="T1" fmla="*/ 8925 h 127"/>
                <a:gd name="T2" fmla="*/ 74613 w 225"/>
                <a:gd name="T3" fmla="*/ 7875 h 127"/>
                <a:gd name="T4" fmla="*/ 80434 w 225"/>
                <a:gd name="T5" fmla="*/ 3150 h 127"/>
                <a:gd name="T6" fmla="*/ 84667 w 225"/>
                <a:gd name="T7" fmla="*/ 525 h 127"/>
                <a:gd name="T8" fmla="*/ 88371 w 225"/>
                <a:gd name="T9" fmla="*/ 1050 h 127"/>
                <a:gd name="T10" fmla="*/ 90488 w 225"/>
                <a:gd name="T11" fmla="*/ 5775 h 127"/>
                <a:gd name="T12" fmla="*/ 94192 w 225"/>
                <a:gd name="T13" fmla="*/ 15750 h 127"/>
                <a:gd name="T14" fmla="*/ 100013 w 225"/>
                <a:gd name="T15" fmla="*/ 27300 h 127"/>
                <a:gd name="T16" fmla="*/ 104246 w 225"/>
                <a:gd name="T17" fmla="*/ 36225 h 127"/>
                <a:gd name="T18" fmla="*/ 106892 w 225"/>
                <a:gd name="T19" fmla="*/ 42525 h 127"/>
                <a:gd name="T20" fmla="*/ 114300 w 225"/>
                <a:gd name="T21" fmla="*/ 49350 h 127"/>
                <a:gd name="T22" fmla="*/ 119063 w 225"/>
                <a:gd name="T23" fmla="*/ 57750 h 127"/>
                <a:gd name="T24" fmla="*/ 116417 w 225"/>
                <a:gd name="T25" fmla="*/ 60900 h 127"/>
                <a:gd name="T26" fmla="*/ 110067 w 225"/>
                <a:gd name="T27" fmla="*/ 61425 h 127"/>
                <a:gd name="T28" fmla="*/ 104775 w 225"/>
                <a:gd name="T29" fmla="*/ 63000 h 127"/>
                <a:gd name="T30" fmla="*/ 95250 w 225"/>
                <a:gd name="T31" fmla="*/ 65625 h 127"/>
                <a:gd name="T32" fmla="*/ 84138 w 225"/>
                <a:gd name="T33" fmla="*/ 63525 h 127"/>
                <a:gd name="T34" fmla="*/ 80963 w 225"/>
                <a:gd name="T35" fmla="*/ 61425 h 127"/>
                <a:gd name="T36" fmla="*/ 77788 w 225"/>
                <a:gd name="T37" fmla="*/ 60900 h 127"/>
                <a:gd name="T38" fmla="*/ 74084 w 225"/>
                <a:gd name="T39" fmla="*/ 60375 h 127"/>
                <a:gd name="T40" fmla="*/ 71438 w 225"/>
                <a:gd name="T41" fmla="*/ 59850 h 127"/>
                <a:gd name="T42" fmla="*/ 68792 w 225"/>
                <a:gd name="T43" fmla="*/ 60900 h 127"/>
                <a:gd name="T44" fmla="*/ 65088 w 225"/>
                <a:gd name="T45" fmla="*/ 64050 h 127"/>
                <a:gd name="T46" fmla="*/ 60854 w 225"/>
                <a:gd name="T47" fmla="*/ 66675 h 127"/>
                <a:gd name="T48" fmla="*/ 54504 w 225"/>
                <a:gd name="T49" fmla="*/ 64575 h 127"/>
                <a:gd name="T50" fmla="*/ 48154 w 225"/>
                <a:gd name="T51" fmla="*/ 59850 h 127"/>
                <a:gd name="T52" fmla="*/ 42863 w 225"/>
                <a:gd name="T53" fmla="*/ 53025 h 127"/>
                <a:gd name="T54" fmla="*/ 41804 w 225"/>
                <a:gd name="T55" fmla="*/ 46725 h 127"/>
                <a:gd name="T56" fmla="*/ 42334 w 225"/>
                <a:gd name="T57" fmla="*/ 41475 h 127"/>
                <a:gd name="T58" fmla="*/ 47096 w 225"/>
                <a:gd name="T59" fmla="*/ 37800 h 127"/>
                <a:gd name="T60" fmla="*/ 50271 w 225"/>
                <a:gd name="T61" fmla="*/ 32025 h 127"/>
                <a:gd name="T62" fmla="*/ 48684 w 225"/>
                <a:gd name="T63" fmla="*/ 27300 h 127"/>
                <a:gd name="T64" fmla="*/ 43921 w 225"/>
                <a:gd name="T65" fmla="*/ 25200 h 127"/>
                <a:gd name="T66" fmla="*/ 38629 w 225"/>
                <a:gd name="T67" fmla="*/ 25725 h 127"/>
                <a:gd name="T68" fmla="*/ 36513 w 225"/>
                <a:gd name="T69" fmla="*/ 23100 h 127"/>
                <a:gd name="T70" fmla="*/ 34396 w 225"/>
                <a:gd name="T71" fmla="*/ 18375 h 127"/>
                <a:gd name="T72" fmla="*/ 30163 w 225"/>
                <a:gd name="T73" fmla="*/ 15750 h 127"/>
                <a:gd name="T74" fmla="*/ 25400 w 225"/>
                <a:gd name="T75" fmla="*/ 14700 h 127"/>
                <a:gd name="T76" fmla="*/ 16404 w 225"/>
                <a:gd name="T77" fmla="*/ 15225 h 127"/>
                <a:gd name="T78" fmla="*/ 4763 w 225"/>
                <a:gd name="T79" fmla="*/ 18375 h 127"/>
                <a:gd name="T80" fmla="*/ 0 w 225"/>
                <a:gd name="T81" fmla="*/ 17325 h 127"/>
                <a:gd name="T82" fmla="*/ 2646 w 225"/>
                <a:gd name="T83" fmla="*/ 8925 h 127"/>
                <a:gd name="T84" fmla="*/ 7408 w 225"/>
                <a:gd name="T85" fmla="*/ 5250 h 127"/>
                <a:gd name="T86" fmla="*/ 13758 w 225"/>
                <a:gd name="T87" fmla="*/ 7350 h 127"/>
                <a:gd name="T88" fmla="*/ 17992 w 225"/>
                <a:gd name="T89" fmla="*/ 7350 h 127"/>
                <a:gd name="T90" fmla="*/ 20108 w 225"/>
                <a:gd name="T91" fmla="*/ 4725 h 127"/>
                <a:gd name="T92" fmla="*/ 25929 w 225"/>
                <a:gd name="T93" fmla="*/ 2100 h 127"/>
                <a:gd name="T94" fmla="*/ 34925 w 225"/>
                <a:gd name="T95" fmla="*/ 1575 h 127"/>
                <a:gd name="T96" fmla="*/ 53446 w 225"/>
                <a:gd name="T97" fmla="*/ 6300 h 127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225" h="127">
                  <a:moveTo>
                    <a:pt x="125" y="17"/>
                  </a:moveTo>
                  <a:lnTo>
                    <a:pt x="131" y="17"/>
                  </a:lnTo>
                  <a:lnTo>
                    <a:pt x="137" y="16"/>
                  </a:lnTo>
                  <a:lnTo>
                    <a:pt x="141" y="15"/>
                  </a:lnTo>
                  <a:lnTo>
                    <a:pt x="146" y="12"/>
                  </a:lnTo>
                  <a:lnTo>
                    <a:pt x="152" y="6"/>
                  </a:lnTo>
                  <a:lnTo>
                    <a:pt x="158" y="0"/>
                  </a:lnTo>
                  <a:lnTo>
                    <a:pt x="160" y="1"/>
                  </a:lnTo>
                  <a:lnTo>
                    <a:pt x="164" y="2"/>
                  </a:lnTo>
                  <a:lnTo>
                    <a:pt x="167" y="2"/>
                  </a:lnTo>
                  <a:lnTo>
                    <a:pt x="171" y="2"/>
                  </a:lnTo>
                  <a:lnTo>
                    <a:pt x="171" y="11"/>
                  </a:lnTo>
                  <a:lnTo>
                    <a:pt x="173" y="17"/>
                  </a:lnTo>
                  <a:lnTo>
                    <a:pt x="178" y="30"/>
                  </a:lnTo>
                  <a:lnTo>
                    <a:pt x="184" y="43"/>
                  </a:lnTo>
                  <a:lnTo>
                    <a:pt x="189" y="52"/>
                  </a:lnTo>
                  <a:lnTo>
                    <a:pt x="196" y="60"/>
                  </a:lnTo>
                  <a:lnTo>
                    <a:pt x="197" y="69"/>
                  </a:lnTo>
                  <a:lnTo>
                    <a:pt x="199" y="75"/>
                  </a:lnTo>
                  <a:lnTo>
                    <a:pt x="202" y="81"/>
                  </a:lnTo>
                  <a:lnTo>
                    <a:pt x="207" y="85"/>
                  </a:lnTo>
                  <a:lnTo>
                    <a:pt x="216" y="94"/>
                  </a:lnTo>
                  <a:lnTo>
                    <a:pt x="225" y="103"/>
                  </a:lnTo>
                  <a:lnTo>
                    <a:pt x="225" y="110"/>
                  </a:lnTo>
                  <a:lnTo>
                    <a:pt x="225" y="116"/>
                  </a:lnTo>
                  <a:lnTo>
                    <a:pt x="220" y="116"/>
                  </a:lnTo>
                  <a:lnTo>
                    <a:pt x="216" y="116"/>
                  </a:lnTo>
                  <a:lnTo>
                    <a:pt x="208" y="117"/>
                  </a:lnTo>
                  <a:lnTo>
                    <a:pt x="202" y="118"/>
                  </a:lnTo>
                  <a:lnTo>
                    <a:pt x="198" y="120"/>
                  </a:lnTo>
                  <a:lnTo>
                    <a:pt x="194" y="124"/>
                  </a:lnTo>
                  <a:lnTo>
                    <a:pt x="180" y="125"/>
                  </a:lnTo>
                  <a:lnTo>
                    <a:pt x="164" y="124"/>
                  </a:lnTo>
                  <a:lnTo>
                    <a:pt x="159" y="121"/>
                  </a:lnTo>
                  <a:lnTo>
                    <a:pt x="155" y="118"/>
                  </a:lnTo>
                  <a:lnTo>
                    <a:pt x="153" y="117"/>
                  </a:lnTo>
                  <a:lnTo>
                    <a:pt x="150" y="117"/>
                  </a:lnTo>
                  <a:lnTo>
                    <a:pt x="147" y="116"/>
                  </a:lnTo>
                  <a:lnTo>
                    <a:pt x="142" y="116"/>
                  </a:lnTo>
                  <a:lnTo>
                    <a:pt x="140" y="115"/>
                  </a:lnTo>
                  <a:lnTo>
                    <a:pt x="137" y="114"/>
                  </a:lnTo>
                  <a:lnTo>
                    <a:pt x="135" y="114"/>
                  </a:lnTo>
                  <a:lnTo>
                    <a:pt x="134" y="114"/>
                  </a:lnTo>
                  <a:lnTo>
                    <a:pt x="130" y="116"/>
                  </a:lnTo>
                  <a:lnTo>
                    <a:pt x="127" y="119"/>
                  </a:lnTo>
                  <a:lnTo>
                    <a:pt x="123" y="122"/>
                  </a:lnTo>
                  <a:lnTo>
                    <a:pt x="120" y="125"/>
                  </a:lnTo>
                  <a:lnTo>
                    <a:pt x="115" y="127"/>
                  </a:lnTo>
                  <a:lnTo>
                    <a:pt x="110" y="127"/>
                  </a:lnTo>
                  <a:lnTo>
                    <a:pt x="103" y="123"/>
                  </a:lnTo>
                  <a:lnTo>
                    <a:pt x="96" y="118"/>
                  </a:lnTo>
                  <a:lnTo>
                    <a:pt x="91" y="114"/>
                  </a:lnTo>
                  <a:lnTo>
                    <a:pt x="86" y="108"/>
                  </a:lnTo>
                  <a:lnTo>
                    <a:pt x="81" y="101"/>
                  </a:lnTo>
                  <a:lnTo>
                    <a:pt x="79" y="93"/>
                  </a:lnTo>
                  <a:lnTo>
                    <a:pt x="79" y="89"/>
                  </a:lnTo>
                  <a:lnTo>
                    <a:pt x="79" y="83"/>
                  </a:lnTo>
                  <a:lnTo>
                    <a:pt x="80" y="79"/>
                  </a:lnTo>
                  <a:lnTo>
                    <a:pt x="81" y="73"/>
                  </a:lnTo>
                  <a:lnTo>
                    <a:pt x="89" y="72"/>
                  </a:lnTo>
                  <a:lnTo>
                    <a:pt x="95" y="69"/>
                  </a:lnTo>
                  <a:lnTo>
                    <a:pt x="95" y="61"/>
                  </a:lnTo>
                  <a:lnTo>
                    <a:pt x="94" y="56"/>
                  </a:lnTo>
                  <a:lnTo>
                    <a:pt x="92" y="52"/>
                  </a:lnTo>
                  <a:lnTo>
                    <a:pt x="90" y="48"/>
                  </a:lnTo>
                  <a:lnTo>
                    <a:pt x="83" y="48"/>
                  </a:lnTo>
                  <a:lnTo>
                    <a:pt x="78" y="48"/>
                  </a:lnTo>
                  <a:lnTo>
                    <a:pt x="73" y="49"/>
                  </a:lnTo>
                  <a:lnTo>
                    <a:pt x="69" y="51"/>
                  </a:lnTo>
                  <a:lnTo>
                    <a:pt x="69" y="44"/>
                  </a:lnTo>
                  <a:lnTo>
                    <a:pt x="67" y="39"/>
                  </a:lnTo>
                  <a:lnTo>
                    <a:pt x="65" y="35"/>
                  </a:lnTo>
                  <a:lnTo>
                    <a:pt x="61" y="32"/>
                  </a:lnTo>
                  <a:lnTo>
                    <a:pt x="57" y="30"/>
                  </a:lnTo>
                  <a:lnTo>
                    <a:pt x="53" y="29"/>
                  </a:lnTo>
                  <a:lnTo>
                    <a:pt x="48" y="28"/>
                  </a:lnTo>
                  <a:lnTo>
                    <a:pt x="42" y="28"/>
                  </a:lnTo>
                  <a:lnTo>
                    <a:pt x="31" y="29"/>
                  </a:lnTo>
                  <a:lnTo>
                    <a:pt x="19" y="32"/>
                  </a:lnTo>
                  <a:lnTo>
                    <a:pt x="9" y="35"/>
                  </a:lnTo>
                  <a:lnTo>
                    <a:pt x="0" y="38"/>
                  </a:lnTo>
                  <a:lnTo>
                    <a:pt x="0" y="33"/>
                  </a:lnTo>
                  <a:lnTo>
                    <a:pt x="0" y="28"/>
                  </a:lnTo>
                  <a:lnTo>
                    <a:pt x="5" y="17"/>
                  </a:lnTo>
                  <a:lnTo>
                    <a:pt x="9" y="8"/>
                  </a:lnTo>
                  <a:lnTo>
                    <a:pt x="14" y="10"/>
                  </a:lnTo>
                  <a:lnTo>
                    <a:pt x="19" y="12"/>
                  </a:lnTo>
                  <a:lnTo>
                    <a:pt x="26" y="14"/>
                  </a:lnTo>
                  <a:lnTo>
                    <a:pt x="34" y="15"/>
                  </a:lnTo>
                  <a:lnTo>
                    <a:pt x="34" y="14"/>
                  </a:lnTo>
                  <a:lnTo>
                    <a:pt x="34" y="13"/>
                  </a:lnTo>
                  <a:lnTo>
                    <a:pt x="38" y="9"/>
                  </a:lnTo>
                  <a:lnTo>
                    <a:pt x="43" y="6"/>
                  </a:lnTo>
                  <a:lnTo>
                    <a:pt x="49" y="4"/>
                  </a:lnTo>
                  <a:lnTo>
                    <a:pt x="54" y="4"/>
                  </a:lnTo>
                  <a:lnTo>
                    <a:pt x="66" y="3"/>
                  </a:lnTo>
                  <a:lnTo>
                    <a:pt x="77" y="5"/>
                  </a:lnTo>
                  <a:lnTo>
                    <a:pt x="101" y="12"/>
                  </a:lnTo>
                  <a:lnTo>
                    <a:pt x="125" y="17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28" name="Ballerup kant"/>
            <p:cNvSpPr>
              <a:spLocks/>
            </p:cNvSpPr>
            <p:nvPr/>
          </p:nvSpPr>
          <p:spPr bwMode="auto">
            <a:xfrm>
              <a:off x="3771900" y="4840288"/>
              <a:ext cx="119063" cy="66675"/>
            </a:xfrm>
            <a:custGeom>
              <a:avLst/>
              <a:gdLst>
                <a:gd name="T0" fmla="*/ 69321 w 225"/>
                <a:gd name="T1" fmla="*/ 8925 h 127"/>
                <a:gd name="T2" fmla="*/ 74613 w 225"/>
                <a:gd name="T3" fmla="*/ 7875 h 127"/>
                <a:gd name="T4" fmla="*/ 80434 w 225"/>
                <a:gd name="T5" fmla="*/ 3150 h 127"/>
                <a:gd name="T6" fmla="*/ 84667 w 225"/>
                <a:gd name="T7" fmla="*/ 525 h 127"/>
                <a:gd name="T8" fmla="*/ 88371 w 225"/>
                <a:gd name="T9" fmla="*/ 1050 h 127"/>
                <a:gd name="T10" fmla="*/ 90488 w 225"/>
                <a:gd name="T11" fmla="*/ 5775 h 127"/>
                <a:gd name="T12" fmla="*/ 94192 w 225"/>
                <a:gd name="T13" fmla="*/ 15750 h 127"/>
                <a:gd name="T14" fmla="*/ 100013 w 225"/>
                <a:gd name="T15" fmla="*/ 27300 h 127"/>
                <a:gd name="T16" fmla="*/ 104246 w 225"/>
                <a:gd name="T17" fmla="*/ 36225 h 127"/>
                <a:gd name="T18" fmla="*/ 106892 w 225"/>
                <a:gd name="T19" fmla="*/ 42525 h 127"/>
                <a:gd name="T20" fmla="*/ 114300 w 225"/>
                <a:gd name="T21" fmla="*/ 49350 h 127"/>
                <a:gd name="T22" fmla="*/ 119063 w 225"/>
                <a:gd name="T23" fmla="*/ 57750 h 127"/>
                <a:gd name="T24" fmla="*/ 116417 w 225"/>
                <a:gd name="T25" fmla="*/ 60900 h 127"/>
                <a:gd name="T26" fmla="*/ 110067 w 225"/>
                <a:gd name="T27" fmla="*/ 61425 h 127"/>
                <a:gd name="T28" fmla="*/ 104775 w 225"/>
                <a:gd name="T29" fmla="*/ 63000 h 127"/>
                <a:gd name="T30" fmla="*/ 95250 w 225"/>
                <a:gd name="T31" fmla="*/ 65625 h 127"/>
                <a:gd name="T32" fmla="*/ 84138 w 225"/>
                <a:gd name="T33" fmla="*/ 63525 h 127"/>
                <a:gd name="T34" fmla="*/ 80963 w 225"/>
                <a:gd name="T35" fmla="*/ 61425 h 127"/>
                <a:gd name="T36" fmla="*/ 77788 w 225"/>
                <a:gd name="T37" fmla="*/ 60900 h 127"/>
                <a:gd name="T38" fmla="*/ 74084 w 225"/>
                <a:gd name="T39" fmla="*/ 60375 h 127"/>
                <a:gd name="T40" fmla="*/ 71438 w 225"/>
                <a:gd name="T41" fmla="*/ 59850 h 127"/>
                <a:gd name="T42" fmla="*/ 68792 w 225"/>
                <a:gd name="T43" fmla="*/ 60900 h 127"/>
                <a:gd name="T44" fmla="*/ 65088 w 225"/>
                <a:gd name="T45" fmla="*/ 64050 h 127"/>
                <a:gd name="T46" fmla="*/ 60854 w 225"/>
                <a:gd name="T47" fmla="*/ 66675 h 127"/>
                <a:gd name="T48" fmla="*/ 54504 w 225"/>
                <a:gd name="T49" fmla="*/ 64575 h 127"/>
                <a:gd name="T50" fmla="*/ 48154 w 225"/>
                <a:gd name="T51" fmla="*/ 59850 h 127"/>
                <a:gd name="T52" fmla="*/ 42863 w 225"/>
                <a:gd name="T53" fmla="*/ 53025 h 127"/>
                <a:gd name="T54" fmla="*/ 41804 w 225"/>
                <a:gd name="T55" fmla="*/ 46725 h 127"/>
                <a:gd name="T56" fmla="*/ 42334 w 225"/>
                <a:gd name="T57" fmla="*/ 41475 h 127"/>
                <a:gd name="T58" fmla="*/ 47096 w 225"/>
                <a:gd name="T59" fmla="*/ 37800 h 127"/>
                <a:gd name="T60" fmla="*/ 50271 w 225"/>
                <a:gd name="T61" fmla="*/ 32025 h 127"/>
                <a:gd name="T62" fmla="*/ 48684 w 225"/>
                <a:gd name="T63" fmla="*/ 27300 h 127"/>
                <a:gd name="T64" fmla="*/ 43921 w 225"/>
                <a:gd name="T65" fmla="*/ 25200 h 127"/>
                <a:gd name="T66" fmla="*/ 38629 w 225"/>
                <a:gd name="T67" fmla="*/ 25725 h 127"/>
                <a:gd name="T68" fmla="*/ 36513 w 225"/>
                <a:gd name="T69" fmla="*/ 23100 h 127"/>
                <a:gd name="T70" fmla="*/ 34396 w 225"/>
                <a:gd name="T71" fmla="*/ 18375 h 127"/>
                <a:gd name="T72" fmla="*/ 30163 w 225"/>
                <a:gd name="T73" fmla="*/ 15750 h 127"/>
                <a:gd name="T74" fmla="*/ 25400 w 225"/>
                <a:gd name="T75" fmla="*/ 14700 h 127"/>
                <a:gd name="T76" fmla="*/ 16404 w 225"/>
                <a:gd name="T77" fmla="*/ 15225 h 127"/>
                <a:gd name="T78" fmla="*/ 4763 w 225"/>
                <a:gd name="T79" fmla="*/ 18375 h 127"/>
                <a:gd name="T80" fmla="*/ 0 w 225"/>
                <a:gd name="T81" fmla="*/ 17325 h 127"/>
                <a:gd name="T82" fmla="*/ 2646 w 225"/>
                <a:gd name="T83" fmla="*/ 8925 h 127"/>
                <a:gd name="T84" fmla="*/ 7408 w 225"/>
                <a:gd name="T85" fmla="*/ 5250 h 127"/>
                <a:gd name="T86" fmla="*/ 13758 w 225"/>
                <a:gd name="T87" fmla="*/ 7350 h 127"/>
                <a:gd name="T88" fmla="*/ 17992 w 225"/>
                <a:gd name="T89" fmla="*/ 7350 h 127"/>
                <a:gd name="T90" fmla="*/ 20108 w 225"/>
                <a:gd name="T91" fmla="*/ 4725 h 127"/>
                <a:gd name="T92" fmla="*/ 25929 w 225"/>
                <a:gd name="T93" fmla="*/ 2100 h 127"/>
                <a:gd name="T94" fmla="*/ 34925 w 225"/>
                <a:gd name="T95" fmla="*/ 1575 h 127"/>
                <a:gd name="T96" fmla="*/ 53446 w 225"/>
                <a:gd name="T97" fmla="*/ 6300 h 127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225" h="127">
                  <a:moveTo>
                    <a:pt x="125" y="17"/>
                  </a:moveTo>
                  <a:lnTo>
                    <a:pt x="131" y="17"/>
                  </a:lnTo>
                  <a:lnTo>
                    <a:pt x="137" y="16"/>
                  </a:lnTo>
                  <a:lnTo>
                    <a:pt x="141" y="15"/>
                  </a:lnTo>
                  <a:lnTo>
                    <a:pt x="146" y="12"/>
                  </a:lnTo>
                  <a:lnTo>
                    <a:pt x="152" y="6"/>
                  </a:lnTo>
                  <a:lnTo>
                    <a:pt x="158" y="0"/>
                  </a:lnTo>
                  <a:lnTo>
                    <a:pt x="160" y="1"/>
                  </a:lnTo>
                  <a:lnTo>
                    <a:pt x="164" y="2"/>
                  </a:lnTo>
                  <a:lnTo>
                    <a:pt x="167" y="2"/>
                  </a:lnTo>
                  <a:lnTo>
                    <a:pt x="171" y="2"/>
                  </a:lnTo>
                  <a:lnTo>
                    <a:pt x="171" y="11"/>
                  </a:lnTo>
                  <a:lnTo>
                    <a:pt x="173" y="17"/>
                  </a:lnTo>
                  <a:lnTo>
                    <a:pt x="178" y="30"/>
                  </a:lnTo>
                  <a:lnTo>
                    <a:pt x="184" y="43"/>
                  </a:lnTo>
                  <a:lnTo>
                    <a:pt x="189" y="52"/>
                  </a:lnTo>
                  <a:lnTo>
                    <a:pt x="196" y="60"/>
                  </a:lnTo>
                  <a:lnTo>
                    <a:pt x="197" y="69"/>
                  </a:lnTo>
                  <a:lnTo>
                    <a:pt x="199" y="75"/>
                  </a:lnTo>
                  <a:lnTo>
                    <a:pt x="202" y="81"/>
                  </a:lnTo>
                  <a:lnTo>
                    <a:pt x="207" y="85"/>
                  </a:lnTo>
                  <a:lnTo>
                    <a:pt x="216" y="94"/>
                  </a:lnTo>
                  <a:lnTo>
                    <a:pt x="225" y="103"/>
                  </a:lnTo>
                  <a:lnTo>
                    <a:pt x="225" y="110"/>
                  </a:lnTo>
                  <a:lnTo>
                    <a:pt x="225" y="116"/>
                  </a:lnTo>
                  <a:lnTo>
                    <a:pt x="220" y="116"/>
                  </a:lnTo>
                  <a:lnTo>
                    <a:pt x="216" y="116"/>
                  </a:lnTo>
                  <a:lnTo>
                    <a:pt x="208" y="117"/>
                  </a:lnTo>
                  <a:lnTo>
                    <a:pt x="202" y="118"/>
                  </a:lnTo>
                  <a:lnTo>
                    <a:pt x="198" y="120"/>
                  </a:lnTo>
                  <a:lnTo>
                    <a:pt x="194" y="124"/>
                  </a:lnTo>
                  <a:lnTo>
                    <a:pt x="180" y="125"/>
                  </a:lnTo>
                  <a:lnTo>
                    <a:pt x="164" y="124"/>
                  </a:lnTo>
                  <a:lnTo>
                    <a:pt x="159" y="121"/>
                  </a:lnTo>
                  <a:lnTo>
                    <a:pt x="155" y="118"/>
                  </a:lnTo>
                  <a:lnTo>
                    <a:pt x="153" y="117"/>
                  </a:lnTo>
                  <a:lnTo>
                    <a:pt x="150" y="117"/>
                  </a:lnTo>
                  <a:lnTo>
                    <a:pt x="147" y="116"/>
                  </a:lnTo>
                  <a:lnTo>
                    <a:pt x="142" y="116"/>
                  </a:lnTo>
                  <a:lnTo>
                    <a:pt x="140" y="115"/>
                  </a:lnTo>
                  <a:lnTo>
                    <a:pt x="137" y="114"/>
                  </a:lnTo>
                  <a:lnTo>
                    <a:pt x="135" y="114"/>
                  </a:lnTo>
                  <a:lnTo>
                    <a:pt x="134" y="114"/>
                  </a:lnTo>
                  <a:lnTo>
                    <a:pt x="130" y="116"/>
                  </a:lnTo>
                  <a:lnTo>
                    <a:pt x="127" y="119"/>
                  </a:lnTo>
                  <a:lnTo>
                    <a:pt x="123" y="122"/>
                  </a:lnTo>
                  <a:lnTo>
                    <a:pt x="120" y="125"/>
                  </a:lnTo>
                  <a:lnTo>
                    <a:pt x="115" y="127"/>
                  </a:lnTo>
                  <a:lnTo>
                    <a:pt x="110" y="127"/>
                  </a:lnTo>
                  <a:lnTo>
                    <a:pt x="103" y="123"/>
                  </a:lnTo>
                  <a:lnTo>
                    <a:pt x="96" y="118"/>
                  </a:lnTo>
                  <a:lnTo>
                    <a:pt x="91" y="114"/>
                  </a:lnTo>
                  <a:lnTo>
                    <a:pt x="86" y="108"/>
                  </a:lnTo>
                  <a:lnTo>
                    <a:pt x="81" y="101"/>
                  </a:lnTo>
                  <a:lnTo>
                    <a:pt x="79" y="93"/>
                  </a:lnTo>
                  <a:lnTo>
                    <a:pt x="79" y="89"/>
                  </a:lnTo>
                  <a:lnTo>
                    <a:pt x="79" y="83"/>
                  </a:lnTo>
                  <a:lnTo>
                    <a:pt x="80" y="79"/>
                  </a:lnTo>
                  <a:lnTo>
                    <a:pt x="81" y="73"/>
                  </a:lnTo>
                  <a:lnTo>
                    <a:pt x="89" y="72"/>
                  </a:lnTo>
                  <a:lnTo>
                    <a:pt x="95" y="69"/>
                  </a:lnTo>
                  <a:lnTo>
                    <a:pt x="95" y="61"/>
                  </a:lnTo>
                  <a:lnTo>
                    <a:pt x="94" y="56"/>
                  </a:lnTo>
                  <a:lnTo>
                    <a:pt x="92" y="52"/>
                  </a:lnTo>
                  <a:lnTo>
                    <a:pt x="90" y="48"/>
                  </a:lnTo>
                  <a:lnTo>
                    <a:pt x="83" y="48"/>
                  </a:lnTo>
                  <a:lnTo>
                    <a:pt x="78" y="48"/>
                  </a:lnTo>
                  <a:lnTo>
                    <a:pt x="73" y="49"/>
                  </a:lnTo>
                  <a:lnTo>
                    <a:pt x="69" y="51"/>
                  </a:lnTo>
                  <a:lnTo>
                    <a:pt x="69" y="44"/>
                  </a:lnTo>
                  <a:lnTo>
                    <a:pt x="67" y="39"/>
                  </a:lnTo>
                  <a:lnTo>
                    <a:pt x="65" y="35"/>
                  </a:lnTo>
                  <a:lnTo>
                    <a:pt x="61" y="32"/>
                  </a:lnTo>
                  <a:lnTo>
                    <a:pt x="57" y="30"/>
                  </a:lnTo>
                  <a:lnTo>
                    <a:pt x="53" y="29"/>
                  </a:lnTo>
                  <a:lnTo>
                    <a:pt x="48" y="28"/>
                  </a:lnTo>
                  <a:lnTo>
                    <a:pt x="42" y="28"/>
                  </a:lnTo>
                  <a:lnTo>
                    <a:pt x="31" y="29"/>
                  </a:lnTo>
                  <a:lnTo>
                    <a:pt x="19" y="32"/>
                  </a:lnTo>
                  <a:lnTo>
                    <a:pt x="9" y="35"/>
                  </a:lnTo>
                  <a:lnTo>
                    <a:pt x="0" y="38"/>
                  </a:lnTo>
                  <a:lnTo>
                    <a:pt x="0" y="33"/>
                  </a:lnTo>
                  <a:lnTo>
                    <a:pt x="0" y="28"/>
                  </a:lnTo>
                  <a:lnTo>
                    <a:pt x="5" y="17"/>
                  </a:lnTo>
                  <a:lnTo>
                    <a:pt x="9" y="8"/>
                  </a:lnTo>
                  <a:lnTo>
                    <a:pt x="14" y="10"/>
                  </a:lnTo>
                  <a:lnTo>
                    <a:pt x="19" y="12"/>
                  </a:lnTo>
                  <a:lnTo>
                    <a:pt x="26" y="14"/>
                  </a:lnTo>
                  <a:lnTo>
                    <a:pt x="34" y="15"/>
                  </a:lnTo>
                  <a:lnTo>
                    <a:pt x="34" y="14"/>
                  </a:lnTo>
                  <a:lnTo>
                    <a:pt x="34" y="13"/>
                  </a:lnTo>
                  <a:lnTo>
                    <a:pt x="38" y="9"/>
                  </a:lnTo>
                  <a:lnTo>
                    <a:pt x="43" y="6"/>
                  </a:lnTo>
                  <a:lnTo>
                    <a:pt x="49" y="4"/>
                  </a:lnTo>
                  <a:lnTo>
                    <a:pt x="54" y="4"/>
                  </a:lnTo>
                  <a:lnTo>
                    <a:pt x="66" y="3"/>
                  </a:lnTo>
                  <a:lnTo>
                    <a:pt x="77" y="5"/>
                  </a:lnTo>
                  <a:lnTo>
                    <a:pt x="101" y="12"/>
                  </a:lnTo>
                  <a:lnTo>
                    <a:pt x="125" y="17"/>
                  </a:lnTo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29" name="Herlev"/>
            <p:cNvSpPr>
              <a:spLocks/>
            </p:cNvSpPr>
            <p:nvPr/>
          </p:nvSpPr>
          <p:spPr bwMode="auto">
            <a:xfrm>
              <a:off x="3863975" y="4840288"/>
              <a:ext cx="50800" cy="61912"/>
            </a:xfrm>
            <a:custGeom>
              <a:avLst/>
              <a:gdLst>
                <a:gd name="T0" fmla="*/ 4190 w 97"/>
                <a:gd name="T1" fmla="*/ 13758 h 117"/>
                <a:gd name="T2" fmla="*/ 1571 w 97"/>
                <a:gd name="T3" fmla="*/ 5821 h 117"/>
                <a:gd name="T4" fmla="*/ 0 w 97"/>
                <a:gd name="T5" fmla="*/ 2117 h 117"/>
                <a:gd name="T6" fmla="*/ 524 w 97"/>
                <a:gd name="T7" fmla="*/ 529 h 117"/>
                <a:gd name="T8" fmla="*/ 4190 w 97"/>
                <a:gd name="T9" fmla="*/ 2117 h 117"/>
                <a:gd name="T10" fmla="*/ 8903 w 97"/>
                <a:gd name="T11" fmla="*/ 6350 h 117"/>
                <a:gd name="T12" fmla="*/ 12569 w 97"/>
                <a:gd name="T13" fmla="*/ 7937 h 117"/>
                <a:gd name="T14" fmla="*/ 15188 w 97"/>
                <a:gd name="T15" fmla="*/ 7937 h 117"/>
                <a:gd name="T16" fmla="*/ 16235 w 97"/>
                <a:gd name="T17" fmla="*/ 7408 h 117"/>
                <a:gd name="T18" fmla="*/ 21472 w 97"/>
                <a:gd name="T19" fmla="*/ 7408 h 117"/>
                <a:gd name="T20" fmla="*/ 28804 w 97"/>
                <a:gd name="T21" fmla="*/ 8467 h 117"/>
                <a:gd name="T22" fmla="*/ 31423 w 97"/>
                <a:gd name="T23" fmla="*/ 6879 h 117"/>
                <a:gd name="T24" fmla="*/ 33518 w 97"/>
                <a:gd name="T25" fmla="*/ 5292 h 117"/>
                <a:gd name="T26" fmla="*/ 34041 w 97"/>
                <a:gd name="T27" fmla="*/ 7408 h 117"/>
                <a:gd name="T28" fmla="*/ 35089 w 97"/>
                <a:gd name="T29" fmla="*/ 8996 h 117"/>
                <a:gd name="T30" fmla="*/ 37707 w 97"/>
                <a:gd name="T31" fmla="*/ 10054 h 117"/>
                <a:gd name="T32" fmla="*/ 39278 w 97"/>
                <a:gd name="T33" fmla="*/ 11642 h 117"/>
                <a:gd name="T34" fmla="*/ 38755 w 97"/>
                <a:gd name="T35" fmla="*/ 14817 h 117"/>
                <a:gd name="T36" fmla="*/ 38755 w 97"/>
                <a:gd name="T37" fmla="*/ 16933 h 117"/>
                <a:gd name="T38" fmla="*/ 40326 w 97"/>
                <a:gd name="T39" fmla="*/ 26987 h 117"/>
                <a:gd name="T40" fmla="*/ 43468 w 97"/>
                <a:gd name="T41" fmla="*/ 35983 h 117"/>
                <a:gd name="T42" fmla="*/ 50800 w 97"/>
                <a:gd name="T43" fmla="*/ 52387 h 117"/>
                <a:gd name="T44" fmla="*/ 49229 w 97"/>
                <a:gd name="T45" fmla="*/ 57150 h 117"/>
                <a:gd name="T46" fmla="*/ 48181 w 97"/>
                <a:gd name="T47" fmla="*/ 58737 h 117"/>
                <a:gd name="T48" fmla="*/ 48181 w 97"/>
                <a:gd name="T49" fmla="*/ 61912 h 117"/>
                <a:gd name="T50" fmla="*/ 43468 w 97"/>
                <a:gd name="T51" fmla="*/ 59795 h 117"/>
                <a:gd name="T52" fmla="*/ 38755 w 97"/>
                <a:gd name="T53" fmla="*/ 60325 h 117"/>
                <a:gd name="T54" fmla="*/ 33518 w 97"/>
                <a:gd name="T55" fmla="*/ 61383 h 117"/>
                <a:gd name="T56" fmla="*/ 28280 w 97"/>
                <a:gd name="T57" fmla="*/ 60325 h 117"/>
                <a:gd name="T58" fmla="*/ 28280 w 97"/>
                <a:gd name="T59" fmla="*/ 53445 h 117"/>
                <a:gd name="T60" fmla="*/ 19377 w 97"/>
                <a:gd name="T61" fmla="*/ 42333 h 117"/>
                <a:gd name="T62" fmla="*/ 14664 w 97"/>
                <a:gd name="T63" fmla="*/ 37571 h 117"/>
                <a:gd name="T64" fmla="*/ 13093 w 97"/>
                <a:gd name="T65" fmla="*/ 30691 h 117"/>
                <a:gd name="T66" fmla="*/ 12569 w 97"/>
                <a:gd name="T67" fmla="*/ 26987 h 117"/>
                <a:gd name="T68" fmla="*/ 10998 w 97"/>
                <a:gd name="T69" fmla="*/ 23812 h 117"/>
                <a:gd name="T70" fmla="*/ 7332 w 97"/>
                <a:gd name="T71" fmla="*/ 18521 h 117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97" h="117">
                  <a:moveTo>
                    <a:pt x="14" y="35"/>
                  </a:moveTo>
                  <a:lnTo>
                    <a:pt x="8" y="26"/>
                  </a:lnTo>
                  <a:lnTo>
                    <a:pt x="3" y="15"/>
                  </a:lnTo>
                  <a:lnTo>
                    <a:pt x="3" y="11"/>
                  </a:lnTo>
                  <a:lnTo>
                    <a:pt x="1" y="7"/>
                  </a:lnTo>
                  <a:lnTo>
                    <a:pt x="0" y="4"/>
                  </a:lnTo>
                  <a:lnTo>
                    <a:pt x="0" y="3"/>
                  </a:lnTo>
                  <a:lnTo>
                    <a:pt x="1" y="1"/>
                  </a:lnTo>
                  <a:lnTo>
                    <a:pt x="3" y="0"/>
                  </a:lnTo>
                  <a:lnTo>
                    <a:pt x="8" y="4"/>
                  </a:lnTo>
                  <a:lnTo>
                    <a:pt x="14" y="10"/>
                  </a:lnTo>
                  <a:lnTo>
                    <a:pt x="17" y="12"/>
                  </a:lnTo>
                  <a:lnTo>
                    <a:pt x="20" y="14"/>
                  </a:lnTo>
                  <a:lnTo>
                    <a:pt x="24" y="15"/>
                  </a:lnTo>
                  <a:lnTo>
                    <a:pt x="28" y="15"/>
                  </a:lnTo>
                  <a:lnTo>
                    <a:pt x="29" y="15"/>
                  </a:lnTo>
                  <a:lnTo>
                    <a:pt x="31" y="15"/>
                  </a:lnTo>
                  <a:lnTo>
                    <a:pt x="31" y="14"/>
                  </a:lnTo>
                  <a:lnTo>
                    <a:pt x="31" y="13"/>
                  </a:lnTo>
                  <a:lnTo>
                    <a:pt x="41" y="14"/>
                  </a:lnTo>
                  <a:lnTo>
                    <a:pt x="51" y="15"/>
                  </a:lnTo>
                  <a:lnTo>
                    <a:pt x="55" y="16"/>
                  </a:lnTo>
                  <a:lnTo>
                    <a:pt x="58" y="15"/>
                  </a:lnTo>
                  <a:lnTo>
                    <a:pt x="60" y="13"/>
                  </a:lnTo>
                  <a:lnTo>
                    <a:pt x="62" y="10"/>
                  </a:lnTo>
                  <a:lnTo>
                    <a:pt x="64" y="10"/>
                  </a:lnTo>
                  <a:lnTo>
                    <a:pt x="66" y="10"/>
                  </a:lnTo>
                  <a:lnTo>
                    <a:pt x="65" y="14"/>
                  </a:lnTo>
                  <a:lnTo>
                    <a:pt x="66" y="16"/>
                  </a:lnTo>
                  <a:lnTo>
                    <a:pt x="67" y="17"/>
                  </a:lnTo>
                  <a:lnTo>
                    <a:pt x="69" y="18"/>
                  </a:lnTo>
                  <a:lnTo>
                    <a:pt x="72" y="19"/>
                  </a:lnTo>
                  <a:lnTo>
                    <a:pt x="74" y="20"/>
                  </a:lnTo>
                  <a:lnTo>
                    <a:pt x="75" y="22"/>
                  </a:lnTo>
                  <a:lnTo>
                    <a:pt x="74" y="26"/>
                  </a:lnTo>
                  <a:lnTo>
                    <a:pt x="74" y="28"/>
                  </a:lnTo>
                  <a:lnTo>
                    <a:pt x="74" y="31"/>
                  </a:lnTo>
                  <a:lnTo>
                    <a:pt x="74" y="32"/>
                  </a:lnTo>
                  <a:lnTo>
                    <a:pt x="75" y="42"/>
                  </a:lnTo>
                  <a:lnTo>
                    <a:pt x="77" y="51"/>
                  </a:lnTo>
                  <a:lnTo>
                    <a:pt x="80" y="60"/>
                  </a:lnTo>
                  <a:lnTo>
                    <a:pt x="83" y="68"/>
                  </a:lnTo>
                  <a:lnTo>
                    <a:pt x="89" y="83"/>
                  </a:lnTo>
                  <a:lnTo>
                    <a:pt x="97" y="99"/>
                  </a:lnTo>
                  <a:lnTo>
                    <a:pt x="96" y="103"/>
                  </a:lnTo>
                  <a:lnTo>
                    <a:pt x="94" y="108"/>
                  </a:lnTo>
                  <a:lnTo>
                    <a:pt x="92" y="109"/>
                  </a:lnTo>
                  <a:lnTo>
                    <a:pt x="92" y="111"/>
                  </a:lnTo>
                  <a:lnTo>
                    <a:pt x="92" y="114"/>
                  </a:lnTo>
                  <a:lnTo>
                    <a:pt x="92" y="117"/>
                  </a:lnTo>
                  <a:lnTo>
                    <a:pt x="87" y="114"/>
                  </a:lnTo>
                  <a:lnTo>
                    <a:pt x="83" y="113"/>
                  </a:lnTo>
                  <a:lnTo>
                    <a:pt x="79" y="113"/>
                  </a:lnTo>
                  <a:lnTo>
                    <a:pt x="74" y="114"/>
                  </a:lnTo>
                  <a:lnTo>
                    <a:pt x="69" y="115"/>
                  </a:lnTo>
                  <a:lnTo>
                    <a:pt x="64" y="116"/>
                  </a:lnTo>
                  <a:lnTo>
                    <a:pt x="59" y="116"/>
                  </a:lnTo>
                  <a:lnTo>
                    <a:pt x="54" y="114"/>
                  </a:lnTo>
                  <a:lnTo>
                    <a:pt x="54" y="108"/>
                  </a:lnTo>
                  <a:lnTo>
                    <a:pt x="54" y="101"/>
                  </a:lnTo>
                  <a:lnTo>
                    <a:pt x="46" y="91"/>
                  </a:lnTo>
                  <a:lnTo>
                    <a:pt x="37" y="80"/>
                  </a:lnTo>
                  <a:lnTo>
                    <a:pt x="33" y="75"/>
                  </a:lnTo>
                  <a:lnTo>
                    <a:pt x="28" y="71"/>
                  </a:lnTo>
                  <a:lnTo>
                    <a:pt x="26" y="65"/>
                  </a:lnTo>
                  <a:lnTo>
                    <a:pt x="25" y="58"/>
                  </a:lnTo>
                  <a:lnTo>
                    <a:pt x="25" y="55"/>
                  </a:lnTo>
                  <a:lnTo>
                    <a:pt x="24" y="51"/>
                  </a:lnTo>
                  <a:lnTo>
                    <a:pt x="23" y="48"/>
                  </a:lnTo>
                  <a:lnTo>
                    <a:pt x="21" y="45"/>
                  </a:lnTo>
                  <a:lnTo>
                    <a:pt x="16" y="40"/>
                  </a:lnTo>
                  <a:lnTo>
                    <a:pt x="14" y="35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30" name="Herlev kant"/>
            <p:cNvSpPr>
              <a:spLocks/>
            </p:cNvSpPr>
            <p:nvPr/>
          </p:nvSpPr>
          <p:spPr bwMode="auto">
            <a:xfrm>
              <a:off x="3863975" y="4840288"/>
              <a:ext cx="50800" cy="61912"/>
            </a:xfrm>
            <a:custGeom>
              <a:avLst/>
              <a:gdLst>
                <a:gd name="T0" fmla="*/ 4190 w 97"/>
                <a:gd name="T1" fmla="*/ 13758 h 117"/>
                <a:gd name="T2" fmla="*/ 1571 w 97"/>
                <a:gd name="T3" fmla="*/ 5821 h 117"/>
                <a:gd name="T4" fmla="*/ 0 w 97"/>
                <a:gd name="T5" fmla="*/ 2117 h 117"/>
                <a:gd name="T6" fmla="*/ 524 w 97"/>
                <a:gd name="T7" fmla="*/ 529 h 117"/>
                <a:gd name="T8" fmla="*/ 4190 w 97"/>
                <a:gd name="T9" fmla="*/ 2117 h 117"/>
                <a:gd name="T10" fmla="*/ 8903 w 97"/>
                <a:gd name="T11" fmla="*/ 6350 h 117"/>
                <a:gd name="T12" fmla="*/ 12569 w 97"/>
                <a:gd name="T13" fmla="*/ 7937 h 117"/>
                <a:gd name="T14" fmla="*/ 15188 w 97"/>
                <a:gd name="T15" fmla="*/ 7937 h 117"/>
                <a:gd name="T16" fmla="*/ 16235 w 97"/>
                <a:gd name="T17" fmla="*/ 7408 h 117"/>
                <a:gd name="T18" fmla="*/ 21472 w 97"/>
                <a:gd name="T19" fmla="*/ 7408 h 117"/>
                <a:gd name="T20" fmla="*/ 28804 w 97"/>
                <a:gd name="T21" fmla="*/ 8467 h 117"/>
                <a:gd name="T22" fmla="*/ 31423 w 97"/>
                <a:gd name="T23" fmla="*/ 6879 h 117"/>
                <a:gd name="T24" fmla="*/ 33518 w 97"/>
                <a:gd name="T25" fmla="*/ 5292 h 117"/>
                <a:gd name="T26" fmla="*/ 34041 w 97"/>
                <a:gd name="T27" fmla="*/ 7408 h 117"/>
                <a:gd name="T28" fmla="*/ 35089 w 97"/>
                <a:gd name="T29" fmla="*/ 8996 h 117"/>
                <a:gd name="T30" fmla="*/ 37707 w 97"/>
                <a:gd name="T31" fmla="*/ 10054 h 117"/>
                <a:gd name="T32" fmla="*/ 39278 w 97"/>
                <a:gd name="T33" fmla="*/ 11642 h 117"/>
                <a:gd name="T34" fmla="*/ 38755 w 97"/>
                <a:gd name="T35" fmla="*/ 14817 h 117"/>
                <a:gd name="T36" fmla="*/ 38755 w 97"/>
                <a:gd name="T37" fmla="*/ 16933 h 117"/>
                <a:gd name="T38" fmla="*/ 40326 w 97"/>
                <a:gd name="T39" fmla="*/ 26987 h 117"/>
                <a:gd name="T40" fmla="*/ 43468 w 97"/>
                <a:gd name="T41" fmla="*/ 35983 h 117"/>
                <a:gd name="T42" fmla="*/ 50800 w 97"/>
                <a:gd name="T43" fmla="*/ 52387 h 117"/>
                <a:gd name="T44" fmla="*/ 49229 w 97"/>
                <a:gd name="T45" fmla="*/ 57150 h 117"/>
                <a:gd name="T46" fmla="*/ 48181 w 97"/>
                <a:gd name="T47" fmla="*/ 58737 h 117"/>
                <a:gd name="T48" fmla="*/ 48181 w 97"/>
                <a:gd name="T49" fmla="*/ 61912 h 117"/>
                <a:gd name="T50" fmla="*/ 43468 w 97"/>
                <a:gd name="T51" fmla="*/ 59795 h 117"/>
                <a:gd name="T52" fmla="*/ 38755 w 97"/>
                <a:gd name="T53" fmla="*/ 60325 h 117"/>
                <a:gd name="T54" fmla="*/ 33518 w 97"/>
                <a:gd name="T55" fmla="*/ 61383 h 117"/>
                <a:gd name="T56" fmla="*/ 28280 w 97"/>
                <a:gd name="T57" fmla="*/ 60325 h 117"/>
                <a:gd name="T58" fmla="*/ 28280 w 97"/>
                <a:gd name="T59" fmla="*/ 53445 h 117"/>
                <a:gd name="T60" fmla="*/ 19377 w 97"/>
                <a:gd name="T61" fmla="*/ 42333 h 117"/>
                <a:gd name="T62" fmla="*/ 14664 w 97"/>
                <a:gd name="T63" fmla="*/ 37571 h 117"/>
                <a:gd name="T64" fmla="*/ 13093 w 97"/>
                <a:gd name="T65" fmla="*/ 30691 h 117"/>
                <a:gd name="T66" fmla="*/ 12569 w 97"/>
                <a:gd name="T67" fmla="*/ 26987 h 117"/>
                <a:gd name="T68" fmla="*/ 10998 w 97"/>
                <a:gd name="T69" fmla="*/ 23812 h 117"/>
                <a:gd name="T70" fmla="*/ 7332 w 97"/>
                <a:gd name="T71" fmla="*/ 18521 h 117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97" h="117">
                  <a:moveTo>
                    <a:pt x="14" y="35"/>
                  </a:moveTo>
                  <a:lnTo>
                    <a:pt x="8" y="26"/>
                  </a:lnTo>
                  <a:lnTo>
                    <a:pt x="3" y="15"/>
                  </a:lnTo>
                  <a:lnTo>
                    <a:pt x="3" y="11"/>
                  </a:lnTo>
                  <a:lnTo>
                    <a:pt x="1" y="7"/>
                  </a:lnTo>
                  <a:lnTo>
                    <a:pt x="0" y="4"/>
                  </a:lnTo>
                  <a:lnTo>
                    <a:pt x="0" y="3"/>
                  </a:lnTo>
                  <a:lnTo>
                    <a:pt x="1" y="1"/>
                  </a:lnTo>
                  <a:lnTo>
                    <a:pt x="3" y="0"/>
                  </a:lnTo>
                  <a:lnTo>
                    <a:pt x="8" y="4"/>
                  </a:lnTo>
                  <a:lnTo>
                    <a:pt x="14" y="10"/>
                  </a:lnTo>
                  <a:lnTo>
                    <a:pt x="17" y="12"/>
                  </a:lnTo>
                  <a:lnTo>
                    <a:pt x="20" y="14"/>
                  </a:lnTo>
                  <a:lnTo>
                    <a:pt x="24" y="15"/>
                  </a:lnTo>
                  <a:lnTo>
                    <a:pt x="28" y="15"/>
                  </a:lnTo>
                  <a:lnTo>
                    <a:pt x="29" y="15"/>
                  </a:lnTo>
                  <a:lnTo>
                    <a:pt x="31" y="15"/>
                  </a:lnTo>
                  <a:lnTo>
                    <a:pt x="31" y="14"/>
                  </a:lnTo>
                  <a:lnTo>
                    <a:pt x="31" y="13"/>
                  </a:lnTo>
                  <a:lnTo>
                    <a:pt x="41" y="14"/>
                  </a:lnTo>
                  <a:lnTo>
                    <a:pt x="51" y="15"/>
                  </a:lnTo>
                  <a:lnTo>
                    <a:pt x="55" y="16"/>
                  </a:lnTo>
                  <a:lnTo>
                    <a:pt x="58" y="15"/>
                  </a:lnTo>
                  <a:lnTo>
                    <a:pt x="60" y="13"/>
                  </a:lnTo>
                  <a:lnTo>
                    <a:pt x="62" y="10"/>
                  </a:lnTo>
                  <a:lnTo>
                    <a:pt x="64" y="10"/>
                  </a:lnTo>
                  <a:lnTo>
                    <a:pt x="66" y="10"/>
                  </a:lnTo>
                  <a:lnTo>
                    <a:pt x="65" y="14"/>
                  </a:lnTo>
                  <a:lnTo>
                    <a:pt x="66" y="16"/>
                  </a:lnTo>
                  <a:lnTo>
                    <a:pt x="67" y="17"/>
                  </a:lnTo>
                  <a:lnTo>
                    <a:pt x="69" y="18"/>
                  </a:lnTo>
                  <a:lnTo>
                    <a:pt x="72" y="19"/>
                  </a:lnTo>
                  <a:lnTo>
                    <a:pt x="74" y="20"/>
                  </a:lnTo>
                  <a:lnTo>
                    <a:pt x="75" y="22"/>
                  </a:lnTo>
                  <a:lnTo>
                    <a:pt x="74" y="26"/>
                  </a:lnTo>
                  <a:lnTo>
                    <a:pt x="74" y="28"/>
                  </a:lnTo>
                  <a:lnTo>
                    <a:pt x="74" y="31"/>
                  </a:lnTo>
                  <a:lnTo>
                    <a:pt x="74" y="32"/>
                  </a:lnTo>
                  <a:lnTo>
                    <a:pt x="75" y="42"/>
                  </a:lnTo>
                  <a:lnTo>
                    <a:pt x="77" y="51"/>
                  </a:lnTo>
                  <a:lnTo>
                    <a:pt x="80" y="60"/>
                  </a:lnTo>
                  <a:lnTo>
                    <a:pt x="83" y="68"/>
                  </a:lnTo>
                  <a:lnTo>
                    <a:pt x="89" y="83"/>
                  </a:lnTo>
                  <a:lnTo>
                    <a:pt x="97" y="99"/>
                  </a:lnTo>
                  <a:lnTo>
                    <a:pt x="96" y="103"/>
                  </a:lnTo>
                  <a:lnTo>
                    <a:pt x="94" y="108"/>
                  </a:lnTo>
                  <a:lnTo>
                    <a:pt x="92" y="109"/>
                  </a:lnTo>
                  <a:lnTo>
                    <a:pt x="92" y="111"/>
                  </a:lnTo>
                  <a:lnTo>
                    <a:pt x="92" y="114"/>
                  </a:lnTo>
                  <a:lnTo>
                    <a:pt x="92" y="117"/>
                  </a:lnTo>
                  <a:lnTo>
                    <a:pt x="87" y="114"/>
                  </a:lnTo>
                  <a:lnTo>
                    <a:pt x="83" y="113"/>
                  </a:lnTo>
                  <a:lnTo>
                    <a:pt x="79" y="113"/>
                  </a:lnTo>
                  <a:lnTo>
                    <a:pt x="74" y="114"/>
                  </a:lnTo>
                  <a:lnTo>
                    <a:pt x="69" y="115"/>
                  </a:lnTo>
                  <a:lnTo>
                    <a:pt x="64" y="116"/>
                  </a:lnTo>
                  <a:lnTo>
                    <a:pt x="59" y="116"/>
                  </a:lnTo>
                  <a:lnTo>
                    <a:pt x="54" y="114"/>
                  </a:lnTo>
                  <a:lnTo>
                    <a:pt x="54" y="108"/>
                  </a:lnTo>
                  <a:lnTo>
                    <a:pt x="54" y="101"/>
                  </a:lnTo>
                  <a:lnTo>
                    <a:pt x="46" y="91"/>
                  </a:lnTo>
                  <a:lnTo>
                    <a:pt x="37" y="80"/>
                  </a:lnTo>
                  <a:lnTo>
                    <a:pt x="33" y="75"/>
                  </a:lnTo>
                  <a:lnTo>
                    <a:pt x="28" y="71"/>
                  </a:lnTo>
                  <a:lnTo>
                    <a:pt x="26" y="65"/>
                  </a:lnTo>
                  <a:lnTo>
                    <a:pt x="25" y="58"/>
                  </a:lnTo>
                  <a:lnTo>
                    <a:pt x="25" y="55"/>
                  </a:lnTo>
                  <a:lnTo>
                    <a:pt x="24" y="51"/>
                  </a:lnTo>
                  <a:lnTo>
                    <a:pt x="23" y="48"/>
                  </a:lnTo>
                  <a:lnTo>
                    <a:pt x="21" y="45"/>
                  </a:lnTo>
                  <a:lnTo>
                    <a:pt x="16" y="40"/>
                  </a:lnTo>
                  <a:lnTo>
                    <a:pt x="14" y="35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31" name="Glostrup"/>
            <p:cNvSpPr>
              <a:spLocks/>
            </p:cNvSpPr>
            <p:nvPr/>
          </p:nvSpPr>
          <p:spPr bwMode="auto">
            <a:xfrm>
              <a:off x="3852863" y="4902200"/>
              <a:ext cx="44450" cy="69850"/>
            </a:xfrm>
            <a:custGeom>
              <a:avLst/>
              <a:gdLst>
                <a:gd name="T0" fmla="*/ 38100 w 84"/>
                <a:gd name="T1" fmla="*/ 13970 h 130"/>
                <a:gd name="T2" fmla="*/ 43392 w 84"/>
                <a:gd name="T3" fmla="*/ 32238 h 130"/>
                <a:gd name="T4" fmla="*/ 42863 w 84"/>
                <a:gd name="T5" fmla="*/ 38149 h 130"/>
                <a:gd name="T6" fmla="*/ 40746 w 84"/>
                <a:gd name="T7" fmla="*/ 41910 h 130"/>
                <a:gd name="T8" fmla="*/ 39688 w 84"/>
                <a:gd name="T9" fmla="*/ 48895 h 130"/>
                <a:gd name="T10" fmla="*/ 39158 w 84"/>
                <a:gd name="T11" fmla="*/ 54268 h 130"/>
                <a:gd name="T12" fmla="*/ 35983 w 84"/>
                <a:gd name="T13" fmla="*/ 54805 h 130"/>
                <a:gd name="T14" fmla="*/ 34396 w 84"/>
                <a:gd name="T15" fmla="*/ 58029 h 130"/>
                <a:gd name="T16" fmla="*/ 33338 w 84"/>
                <a:gd name="T17" fmla="*/ 62328 h 130"/>
                <a:gd name="T18" fmla="*/ 32279 w 84"/>
                <a:gd name="T19" fmla="*/ 66626 h 130"/>
                <a:gd name="T20" fmla="*/ 29104 w 84"/>
                <a:gd name="T21" fmla="*/ 68775 h 130"/>
                <a:gd name="T22" fmla="*/ 23813 w 84"/>
                <a:gd name="T23" fmla="*/ 68238 h 130"/>
                <a:gd name="T24" fmla="*/ 17992 w 84"/>
                <a:gd name="T25" fmla="*/ 66626 h 130"/>
                <a:gd name="T26" fmla="*/ 7938 w 84"/>
                <a:gd name="T27" fmla="*/ 68775 h 130"/>
                <a:gd name="T28" fmla="*/ 529 w 84"/>
                <a:gd name="T29" fmla="*/ 66626 h 130"/>
                <a:gd name="T30" fmla="*/ 0 w 84"/>
                <a:gd name="T31" fmla="*/ 61790 h 130"/>
                <a:gd name="T32" fmla="*/ 1588 w 84"/>
                <a:gd name="T33" fmla="*/ 58567 h 130"/>
                <a:gd name="T34" fmla="*/ 4233 w 84"/>
                <a:gd name="T35" fmla="*/ 55343 h 130"/>
                <a:gd name="T36" fmla="*/ 10054 w 84"/>
                <a:gd name="T37" fmla="*/ 52119 h 130"/>
                <a:gd name="T38" fmla="*/ 14817 w 84"/>
                <a:gd name="T39" fmla="*/ 48895 h 130"/>
                <a:gd name="T40" fmla="*/ 17992 w 84"/>
                <a:gd name="T41" fmla="*/ 45134 h 130"/>
                <a:gd name="T42" fmla="*/ 19050 w 84"/>
                <a:gd name="T43" fmla="*/ 39761 h 130"/>
                <a:gd name="T44" fmla="*/ 17463 w 84"/>
                <a:gd name="T45" fmla="*/ 32776 h 130"/>
                <a:gd name="T46" fmla="*/ 15346 w 84"/>
                <a:gd name="T47" fmla="*/ 27403 h 130"/>
                <a:gd name="T48" fmla="*/ 10583 w 84"/>
                <a:gd name="T49" fmla="*/ 16657 h 130"/>
                <a:gd name="T50" fmla="*/ 7938 w 84"/>
                <a:gd name="T51" fmla="*/ 9134 h 130"/>
                <a:gd name="T52" fmla="*/ 7938 w 84"/>
                <a:gd name="T53" fmla="*/ 4298 h 130"/>
                <a:gd name="T54" fmla="*/ 21167 w 84"/>
                <a:gd name="T55" fmla="*/ 4298 h 130"/>
                <a:gd name="T56" fmla="*/ 33338 w 84"/>
                <a:gd name="T57" fmla="*/ 0 h 130"/>
                <a:gd name="T58" fmla="*/ 33338 w 84"/>
                <a:gd name="T59" fmla="*/ 1075 h 130"/>
                <a:gd name="T60" fmla="*/ 38100 w 84"/>
                <a:gd name="T61" fmla="*/ 0 h 130"/>
                <a:gd name="T62" fmla="*/ 36513 w 84"/>
                <a:gd name="T63" fmla="*/ 9672 h 130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0" t="0" r="r" b="b"/>
              <a:pathLst>
                <a:path w="84" h="130">
                  <a:moveTo>
                    <a:pt x="69" y="18"/>
                  </a:moveTo>
                  <a:lnTo>
                    <a:pt x="72" y="26"/>
                  </a:lnTo>
                  <a:lnTo>
                    <a:pt x="77" y="43"/>
                  </a:lnTo>
                  <a:lnTo>
                    <a:pt x="82" y="60"/>
                  </a:lnTo>
                  <a:lnTo>
                    <a:pt x="84" y="68"/>
                  </a:lnTo>
                  <a:lnTo>
                    <a:pt x="81" y="71"/>
                  </a:lnTo>
                  <a:lnTo>
                    <a:pt x="79" y="74"/>
                  </a:lnTo>
                  <a:lnTo>
                    <a:pt x="77" y="78"/>
                  </a:lnTo>
                  <a:lnTo>
                    <a:pt x="76" y="81"/>
                  </a:lnTo>
                  <a:lnTo>
                    <a:pt x="75" y="91"/>
                  </a:lnTo>
                  <a:lnTo>
                    <a:pt x="76" y="101"/>
                  </a:lnTo>
                  <a:lnTo>
                    <a:pt x="74" y="101"/>
                  </a:lnTo>
                  <a:lnTo>
                    <a:pt x="71" y="101"/>
                  </a:lnTo>
                  <a:lnTo>
                    <a:pt x="68" y="102"/>
                  </a:lnTo>
                  <a:lnTo>
                    <a:pt x="67" y="103"/>
                  </a:lnTo>
                  <a:lnTo>
                    <a:pt x="65" y="108"/>
                  </a:lnTo>
                  <a:lnTo>
                    <a:pt x="64" y="112"/>
                  </a:lnTo>
                  <a:lnTo>
                    <a:pt x="63" y="116"/>
                  </a:lnTo>
                  <a:lnTo>
                    <a:pt x="62" y="120"/>
                  </a:lnTo>
                  <a:lnTo>
                    <a:pt x="61" y="124"/>
                  </a:lnTo>
                  <a:lnTo>
                    <a:pt x="58" y="127"/>
                  </a:lnTo>
                  <a:lnTo>
                    <a:pt x="55" y="128"/>
                  </a:lnTo>
                  <a:lnTo>
                    <a:pt x="51" y="130"/>
                  </a:lnTo>
                  <a:lnTo>
                    <a:pt x="45" y="127"/>
                  </a:lnTo>
                  <a:lnTo>
                    <a:pt x="40" y="125"/>
                  </a:lnTo>
                  <a:lnTo>
                    <a:pt x="34" y="124"/>
                  </a:lnTo>
                  <a:lnTo>
                    <a:pt x="27" y="125"/>
                  </a:lnTo>
                  <a:lnTo>
                    <a:pt x="15" y="128"/>
                  </a:lnTo>
                  <a:lnTo>
                    <a:pt x="2" y="130"/>
                  </a:lnTo>
                  <a:lnTo>
                    <a:pt x="1" y="124"/>
                  </a:lnTo>
                  <a:lnTo>
                    <a:pt x="0" y="119"/>
                  </a:lnTo>
                  <a:lnTo>
                    <a:pt x="0" y="115"/>
                  </a:lnTo>
                  <a:lnTo>
                    <a:pt x="1" y="112"/>
                  </a:lnTo>
                  <a:lnTo>
                    <a:pt x="3" y="109"/>
                  </a:lnTo>
                  <a:lnTo>
                    <a:pt x="5" y="105"/>
                  </a:lnTo>
                  <a:lnTo>
                    <a:pt x="8" y="103"/>
                  </a:lnTo>
                  <a:lnTo>
                    <a:pt x="12" y="101"/>
                  </a:lnTo>
                  <a:lnTo>
                    <a:pt x="19" y="97"/>
                  </a:lnTo>
                  <a:lnTo>
                    <a:pt x="25" y="93"/>
                  </a:lnTo>
                  <a:lnTo>
                    <a:pt x="28" y="91"/>
                  </a:lnTo>
                  <a:lnTo>
                    <a:pt x="32" y="88"/>
                  </a:lnTo>
                  <a:lnTo>
                    <a:pt x="34" y="84"/>
                  </a:lnTo>
                  <a:lnTo>
                    <a:pt x="36" y="81"/>
                  </a:lnTo>
                  <a:lnTo>
                    <a:pt x="36" y="74"/>
                  </a:lnTo>
                  <a:lnTo>
                    <a:pt x="35" y="68"/>
                  </a:lnTo>
                  <a:lnTo>
                    <a:pt x="33" y="61"/>
                  </a:lnTo>
                  <a:lnTo>
                    <a:pt x="32" y="56"/>
                  </a:lnTo>
                  <a:lnTo>
                    <a:pt x="29" y="51"/>
                  </a:lnTo>
                  <a:lnTo>
                    <a:pt x="24" y="41"/>
                  </a:lnTo>
                  <a:lnTo>
                    <a:pt x="20" y="31"/>
                  </a:lnTo>
                  <a:lnTo>
                    <a:pt x="18" y="23"/>
                  </a:lnTo>
                  <a:lnTo>
                    <a:pt x="15" y="17"/>
                  </a:lnTo>
                  <a:lnTo>
                    <a:pt x="16" y="13"/>
                  </a:lnTo>
                  <a:lnTo>
                    <a:pt x="15" y="8"/>
                  </a:lnTo>
                  <a:lnTo>
                    <a:pt x="29" y="8"/>
                  </a:lnTo>
                  <a:lnTo>
                    <a:pt x="40" y="8"/>
                  </a:lnTo>
                  <a:lnTo>
                    <a:pt x="51" y="4"/>
                  </a:lnTo>
                  <a:lnTo>
                    <a:pt x="63" y="0"/>
                  </a:lnTo>
                  <a:lnTo>
                    <a:pt x="63" y="1"/>
                  </a:lnTo>
                  <a:lnTo>
                    <a:pt x="63" y="2"/>
                  </a:lnTo>
                  <a:lnTo>
                    <a:pt x="67" y="2"/>
                  </a:lnTo>
                  <a:lnTo>
                    <a:pt x="72" y="0"/>
                  </a:lnTo>
                  <a:lnTo>
                    <a:pt x="71" y="9"/>
                  </a:lnTo>
                  <a:lnTo>
                    <a:pt x="69" y="18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32" name="Glostrup kant"/>
            <p:cNvSpPr>
              <a:spLocks/>
            </p:cNvSpPr>
            <p:nvPr/>
          </p:nvSpPr>
          <p:spPr bwMode="auto">
            <a:xfrm>
              <a:off x="3852863" y="4902200"/>
              <a:ext cx="44450" cy="69850"/>
            </a:xfrm>
            <a:custGeom>
              <a:avLst/>
              <a:gdLst>
                <a:gd name="T0" fmla="*/ 38100 w 84"/>
                <a:gd name="T1" fmla="*/ 13970 h 130"/>
                <a:gd name="T2" fmla="*/ 43392 w 84"/>
                <a:gd name="T3" fmla="*/ 32238 h 130"/>
                <a:gd name="T4" fmla="*/ 42863 w 84"/>
                <a:gd name="T5" fmla="*/ 38149 h 130"/>
                <a:gd name="T6" fmla="*/ 40746 w 84"/>
                <a:gd name="T7" fmla="*/ 41910 h 130"/>
                <a:gd name="T8" fmla="*/ 39688 w 84"/>
                <a:gd name="T9" fmla="*/ 48895 h 130"/>
                <a:gd name="T10" fmla="*/ 39158 w 84"/>
                <a:gd name="T11" fmla="*/ 54268 h 130"/>
                <a:gd name="T12" fmla="*/ 35983 w 84"/>
                <a:gd name="T13" fmla="*/ 54805 h 130"/>
                <a:gd name="T14" fmla="*/ 34396 w 84"/>
                <a:gd name="T15" fmla="*/ 58029 h 130"/>
                <a:gd name="T16" fmla="*/ 33338 w 84"/>
                <a:gd name="T17" fmla="*/ 62328 h 130"/>
                <a:gd name="T18" fmla="*/ 32279 w 84"/>
                <a:gd name="T19" fmla="*/ 66626 h 130"/>
                <a:gd name="T20" fmla="*/ 29104 w 84"/>
                <a:gd name="T21" fmla="*/ 68775 h 130"/>
                <a:gd name="T22" fmla="*/ 23813 w 84"/>
                <a:gd name="T23" fmla="*/ 68238 h 130"/>
                <a:gd name="T24" fmla="*/ 17992 w 84"/>
                <a:gd name="T25" fmla="*/ 66626 h 130"/>
                <a:gd name="T26" fmla="*/ 7938 w 84"/>
                <a:gd name="T27" fmla="*/ 68775 h 130"/>
                <a:gd name="T28" fmla="*/ 529 w 84"/>
                <a:gd name="T29" fmla="*/ 66626 h 130"/>
                <a:gd name="T30" fmla="*/ 0 w 84"/>
                <a:gd name="T31" fmla="*/ 61790 h 130"/>
                <a:gd name="T32" fmla="*/ 1588 w 84"/>
                <a:gd name="T33" fmla="*/ 58567 h 130"/>
                <a:gd name="T34" fmla="*/ 4233 w 84"/>
                <a:gd name="T35" fmla="*/ 55343 h 130"/>
                <a:gd name="T36" fmla="*/ 10054 w 84"/>
                <a:gd name="T37" fmla="*/ 52119 h 130"/>
                <a:gd name="T38" fmla="*/ 14817 w 84"/>
                <a:gd name="T39" fmla="*/ 48895 h 130"/>
                <a:gd name="T40" fmla="*/ 17992 w 84"/>
                <a:gd name="T41" fmla="*/ 45134 h 130"/>
                <a:gd name="T42" fmla="*/ 19050 w 84"/>
                <a:gd name="T43" fmla="*/ 39761 h 130"/>
                <a:gd name="T44" fmla="*/ 17463 w 84"/>
                <a:gd name="T45" fmla="*/ 32776 h 130"/>
                <a:gd name="T46" fmla="*/ 15346 w 84"/>
                <a:gd name="T47" fmla="*/ 27403 h 130"/>
                <a:gd name="T48" fmla="*/ 10583 w 84"/>
                <a:gd name="T49" fmla="*/ 16657 h 130"/>
                <a:gd name="T50" fmla="*/ 7938 w 84"/>
                <a:gd name="T51" fmla="*/ 9134 h 130"/>
                <a:gd name="T52" fmla="*/ 7938 w 84"/>
                <a:gd name="T53" fmla="*/ 4298 h 130"/>
                <a:gd name="T54" fmla="*/ 21167 w 84"/>
                <a:gd name="T55" fmla="*/ 4298 h 130"/>
                <a:gd name="T56" fmla="*/ 33338 w 84"/>
                <a:gd name="T57" fmla="*/ 0 h 130"/>
                <a:gd name="T58" fmla="*/ 33338 w 84"/>
                <a:gd name="T59" fmla="*/ 1075 h 130"/>
                <a:gd name="T60" fmla="*/ 38100 w 84"/>
                <a:gd name="T61" fmla="*/ 0 h 130"/>
                <a:gd name="T62" fmla="*/ 36513 w 84"/>
                <a:gd name="T63" fmla="*/ 9672 h 130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0" t="0" r="r" b="b"/>
              <a:pathLst>
                <a:path w="84" h="130">
                  <a:moveTo>
                    <a:pt x="69" y="18"/>
                  </a:moveTo>
                  <a:lnTo>
                    <a:pt x="72" y="26"/>
                  </a:lnTo>
                  <a:lnTo>
                    <a:pt x="77" y="43"/>
                  </a:lnTo>
                  <a:lnTo>
                    <a:pt x="82" y="60"/>
                  </a:lnTo>
                  <a:lnTo>
                    <a:pt x="84" y="68"/>
                  </a:lnTo>
                  <a:lnTo>
                    <a:pt x="81" y="71"/>
                  </a:lnTo>
                  <a:lnTo>
                    <a:pt x="79" y="74"/>
                  </a:lnTo>
                  <a:lnTo>
                    <a:pt x="77" y="78"/>
                  </a:lnTo>
                  <a:lnTo>
                    <a:pt x="76" y="81"/>
                  </a:lnTo>
                  <a:lnTo>
                    <a:pt x="75" y="91"/>
                  </a:lnTo>
                  <a:lnTo>
                    <a:pt x="76" y="101"/>
                  </a:lnTo>
                  <a:lnTo>
                    <a:pt x="74" y="101"/>
                  </a:lnTo>
                  <a:lnTo>
                    <a:pt x="71" y="101"/>
                  </a:lnTo>
                  <a:lnTo>
                    <a:pt x="68" y="102"/>
                  </a:lnTo>
                  <a:lnTo>
                    <a:pt x="67" y="103"/>
                  </a:lnTo>
                  <a:lnTo>
                    <a:pt x="65" y="108"/>
                  </a:lnTo>
                  <a:lnTo>
                    <a:pt x="64" y="112"/>
                  </a:lnTo>
                  <a:lnTo>
                    <a:pt x="63" y="116"/>
                  </a:lnTo>
                  <a:lnTo>
                    <a:pt x="62" y="120"/>
                  </a:lnTo>
                  <a:lnTo>
                    <a:pt x="61" y="124"/>
                  </a:lnTo>
                  <a:lnTo>
                    <a:pt x="58" y="127"/>
                  </a:lnTo>
                  <a:lnTo>
                    <a:pt x="55" y="128"/>
                  </a:lnTo>
                  <a:lnTo>
                    <a:pt x="51" y="130"/>
                  </a:lnTo>
                  <a:lnTo>
                    <a:pt x="45" y="127"/>
                  </a:lnTo>
                  <a:lnTo>
                    <a:pt x="40" y="125"/>
                  </a:lnTo>
                  <a:lnTo>
                    <a:pt x="34" y="124"/>
                  </a:lnTo>
                  <a:lnTo>
                    <a:pt x="27" y="125"/>
                  </a:lnTo>
                  <a:lnTo>
                    <a:pt x="15" y="128"/>
                  </a:lnTo>
                  <a:lnTo>
                    <a:pt x="2" y="130"/>
                  </a:lnTo>
                  <a:lnTo>
                    <a:pt x="1" y="124"/>
                  </a:lnTo>
                  <a:lnTo>
                    <a:pt x="0" y="119"/>
                  </a:lnTo>
                  <a:lnTo>
                    <a:pt x="0" y="115"/>
                  </a:lnTo>
                  <a:lnTo>
                    <a:pt x="1" y="112"/>
                  </a:lnTo>
                  <a:lnTo>
                    <a:pt x="3" y="109"/>
                  </a:lnTo>
                  <a:lnTo>
                    <a:pt x="5" y="105"/>
                  </a:lnTo>
                  <a:lnTo>
                    <a:pt x="8" y="103"/>
                  </a:lnTo>
                  <a:lnTo>
                    <a:pt x="12" y="101"/>
                  </a:lnTo>
                  <a:lnTo>
                    <a:pt x="19" y="97"/>
                  </a:lnTo>
                  <a:lnTo>
                    <a:pt x="25" y="93"/>
                  </a:lnTo>
                  <a:lnTo>
                    <a:pt x="28" y="91"/>
                  </a:lnTo>
                  <a:lnTo>
                    <a:pt x="32" y="88"/>
                  </a:lnTo>
                  <a:lnTo>
                    <a:pt x="34" y="84"/>
                  </a:lnTo>
                  <a:lnTo>
                    <a:pt x="36" y="81"/>
                  </a:lnTo>
                  <a:lnTo>
                    <a:pt x="36" y="74"/>
                  </a:lnTo>
                  <a:lnTo>
                    <a:pt x="35" y="68"/>
                  </a:lnTo>
                  <a:lnTo>
                    <a:pt x="33" y="61"/>
                  </a:lnTo>
                  <a:lnTo>
                    <a:pt x="32" y="56"/>
                  </a:lnTo>
                  <a:lnTo>
                    <a:pt x="29" y="51"/>
                  </a:lnTo>
                  <a:lnTo>
                    <a:pt x="24" y="41"/>
                  </a:lnTo>
                  <a:lnTo>
                    <a:pt x="20" y="31"/>
                  </a:lnTo>
                  <a:lnTo>
                    <a:pt x="18" y="23"/>
                  </a:lnTo>
                  <a:lnTo>
                    <a:pt x="15" y="17"/>
                  </a:lnTo>
                  <a:lnTo>
                    <a:pt x="16" y="13"/>
                  </a:lnTo>
                  <a:lnTo>
                    <a:pt x="15" y="8"/>
                  </a:lnTo>
                  <a:lnTo>
                    <a:pt x="29" y="8"/>
                  </a:lnTo>
                  <a:lnTo>
                    <a:pt x="40" y="8"/>
                  </a:lnTo>
                  <a:lnTo>
                    <a:pt x="51" y="4"/>
                  </a:lnTo>
                  <a:lnTo>
                    <a:pt x="63" y="0"/>
                  </a:lnTo>
                  <a:lnTo>
                    <a:pt x="63" y="1"/>
                  </a:lnTo>
                  <a:lnTo>
                    <a:pt x="63" y="2"/>
                  </a:lnTo>
                  <a:lnTo>
                    <a:pt x="67" y="2"/>
                  </a:lnTo>
                  <a:lnTo>
                    <a:pt x="72" y="0"/>
                  </a:lnTo>
                  <a:lnTo>
                    <a:pt x="71" y="9"/>
                  </a:lnTo>
                  <a:lnTo>
                    <a:pt x="69" y="18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33" name="Rødovre"/>
            <p:cNvSpPr>
              <a:spLocks/>
            </p:cNvSpPr>
            <p:nvPr/>
          </p:nvSpPr>
          <p:spPr bwMode="auto">
            <a:xfrm>
              <a:off x="3892550" y="4900613"/>
              <a:ext cx="41275" cy="58737"/>
            </a:xfrm>
            <a:custGeom>
              <a:avLst/>
              <a:gdLst>
                <a:gd name="T0" fmla="*/ 32393 w 79"/>
                <a:gd name="T1" fmla="*/ 33337 h 111"/>
                <a:gd name="T2" fmla="*/ 35005 w 79"/>
                <a:gd name="T3" fmla="*/ 40216 h 111"/>
                <a:gd name="T4" fmla="*/ 38663 w 79"/>
                <a:gd name="T5" fmla="*/ 48154 h 111"/>
                <a:gd name="T6" fmla="*/ 39708 w 79"/>
                <a:gd name="T7" fmla="*/ 53445 h 111"/>
                <a:gd name="T8" fmla="*/ 40230 w 79"/>
                <a:gd name="T9" fmla="*/ 55033 h 111"/>
                <a:gd name="T10" fmla="*/ 37618 w 79"/>
                <a:gd name="T11" fmla="*/ 56620 h 111"/>
                <a:gd name="T12" fmla="*/ 29781 w 79"/>
                <a:gd name="T13" fmla="*/ 58737 h 111"/>
                <a:gd name="T14" fmla="*/ 21421 w 79"/>
                <a:gd name="T15" fmla="*/ 57150 h 111"/>
                <a:gd name="T16" fmla="*/ 15674 w 79"/>
                <a:gd name="T17" fmla="*/ 55033 h 111"/>
                <a:gd name="T18" fmla="*/ 13584 w 79"/>
                <a:gd name="T19" fmla="*/ 52916 h 111"/>
                <a:gd name="T20" fmla="*/ 7837 w 79"/>
                <a:gd name="T21" fmla="*/ 52916 h 111"/>
                <a:gd name="T22" fmla="*/ 2612 w 79"/>
                <a:gd name="T23" fmla="*/ 52916 h 111"/>
                <a:gd name="T24" fmla="*/ 2090 w 79"/>
                <a:gd name="T25" fmla="*/ 48683 h 111"/>
                <a:gd name="T26" fmla="*/ 4180 w 79"/>
                <a:gd name="T27" fmla="*/ 41804 h 111"/>
                <a:gd name="T28" fmla="*/ 6270 w 79"/>
                <a:gd name="T29" fmla="*/ 37041 h 111"/>
                <a:gd name="T30" fmla="*/ 4702 w 79"/>
                <a:gd name="T31" fmla="*/ 29104 h 111"/>
                <a:gd name="T32" fmla="*/ 2612 w 79"/>
                <a:gd name="T33" fmla="*/ 19050 h 111"/>
                <a:gd name="T34" fmla="*/ 1045 w 79"/>
                <a:gd name="T35" fmla="*/ 11112 h 111"/>
                <a:gd name="T36" fmla="*/ 522 w 79"/>
                <a:gd name="T37" fmla="*/ 7408 h 111"/>
                <a:gd name="T38" fmla="*/ 0 w 79"/>
                <a:gd name="T39" fmla="*/ 4233 h 111"/>
                <a:gd name="T40" fmla="*/ 2090 w 79"/>
                <a:gd name="T41" fmla="*/ 2117 h 111"/>
                <a:gd name="T42" fmla="*/ 6792 w 79"/>
                <a:gd name="T43" fmla="*/ 2117 h 111"/>
                <a:gd name="T44" fmla="*/ 12017 w 79"/>
                <a:gd name="T45" fmla="*/ 2117 h 111"/>
                <a:gd name="T46" fmla="*/ 14629 w 79"/>
                <a:gd name="T47" fmla="*/ 1058 h 111"/>
                <a:gd name="T48" fmla="*/ 16197 w 79"/>
                <a:gd name="T49" fmla="*/ 2646 h 111"/>
                <a:gd name="T50" fmla="*/ 19854 w 79"/>
                <a:gd name="T51" fmla="*/ 4762 h 111"/>
                <a:gd name="T52" fmla="*/ 24034 w 79"/>
                <a:gd name="T53" fmla="*/ 6350 h 111"/>
                <a:gd name="T54" fmla="*/ 27691 w 79"/>
                <a:gd name="T55" fmla="*/ 7937 h 111"/>
                <a:gd name="T56" fmla="*/ 28213 w 79"/>
                <a:gd name="T57" fmla="*/ 12700 h 111"/>
                <a:gd name="T58" fmla="*/ 29781 w 79"/>
                <a:gd name="T59" fmla="*/ 17992 h 111"/>
                <a:gd name="T60" fmla="*/ 31348 w 79"/>
                <a:gd name="T61" fmla="*/ 21696 h 111"/>
                <a:gd name="T62" fmla="*/ 31871 w 79"/>
                <a:gd name="T63" fmla="*/ 26987 h 111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0" t="0" r="r" b="b"/>
              <a:pathLst>
                <a:path w="79" h="111">
                  <a:moveTo>
                    <a:pt x="61" y="57"/>
                  </a:moveTo>
                  <a:lnTo>
                    <a:pt x="62" y="63"/>
                  </a:lnTo>
                  <a:lnTo>
                    <a:pt x="63" y="70"/>
                  </a:lnTo>
                  <a:lnTo>
                    <a:pt x="67" y="76"/>
                  </a:lnTo>
                  <a:lnTo>
                    <a:pt x="71" y="82"/>
                  </a:lnTo>
                  <a:lnTo>
                    <a:pt x="74" y="91"/>
                  </a:lnTo>
                  <a:lnTo>
                    <a:pt x="76" y="100"/>
                  </a:lnTo>
                  <a:lnTo>
                    <a:pt x="76" y="101"/>
                  </a:lnTo>
                  <a:lnTo>
                    <a:pt x="77" y="103"/>
                  </a:lnTo>
                  <a:lnTo>
                    <a:pt x="77" y="104"/>
                  </a:lnTo>
                  <a:lnTo>
                    <a:pt x="79" y="104"/>
                  </a:lnTo>
                  <a:lnTo>
                    <a:pt x="72" y="107"/>
                  </a:lnTo>
                  <a:lnTo>
                    <a:pt x="65" y="110"/>
                  </a:lnTo>
                  <a:lnTo>
                    <a:pt x="57" y="111"/>
                  </a:lnTo>
                  <a:lnTo>
                    <a:pt x="48" y="110"/>
                  </a:lnTo>
                  <a:lnTo>
                    <a:pt x="41" y="108"/>
                  </a:lnTo>
                  <a:lnTo>
                    <a:pt x="33" y="106"/>
                  </a:lnTo>
                  <a:lnTo>
                    <a:pt x="30" y="104"/>
                  </a:lnTo>
                  <a:lnTo>
                    <a:pt x="28" y="102"/>
                  </a:lnTo>
                  <a:lnTo>
                    <a:pt x="26" y="100"/>
                  </a:lnTo>
                  <a:lnTo>
                    <a:pt x="25" y="97"/>
                  </a:lnTo>
                  <a:lnTo>
                    <a:pt x="15" y="100"/>
                  </a:lnTo>
                  <a:lnTo>
                    <a:pt x="7" y="104"/>
                  </a:lnTo>
                  <a:lnTo>
                    <a:pt x="5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5" y="87"/>
                  </a:lnTo>
                  <a:lnTo>
                    <a:pt x="8" y="79"/>
                  </a:lnTo>
                  <a:lnTo>
                    <a:pt x="11" y="72"/>
                  </a:lnTo>
                  <a:lnTo>
                    <a:pt x="12" y="70"/>
                  </a:lnTo>
                  <a:lnTo>
                    <a:pt x="11" y="63"/>
                  </a:lnTo>
                  <a:lnTo>
                    <a:pt x="9" y="55"/>
                  </a:lnTo>
                  <a:lnTo>
                    <a:pt x="7" y="45"/>
                  </a:lnTo>
                  <a:lnTo>
                    <a:pt x="5" y="36"/>
                  </a:lnTo>
                  <a:lnTo>
                    <a:pt x="3" y="27"/>
                  </a:lnTo>
                  <a:lnTo>
                    <a:pt x="2" y="21"/>
                  </a:lnTo>
                  <a:lnTo>
                    <a:pt x="2" y="18"/>
                  </a:lnTo>
                  <a:lnTo>
                    <a:pt x="1" y="14"/>
                  </a:lnTo>
                  <a:lnTo>
                    <a:pt x="0" y="11"/>
                  </a:lnTo>
                  <a:lnTo>
                    <a:pt x="0" y="8"/>
                  </a:lnTo>
                  <a:lnTo>
                    <a:pt x="1" y="6"/>
                  </a:lnTo>
                  <a:lnTo>
                    <a:pt x="4" y="4"/>
                  </a:lnTo>
                  <a:lnTo>
                    <a:pt x="8" y="4"/>
                  </a:lnTo>
                  <a:lnTo>
                    <a:pt x="13" y="4"/>
                  </a:lnTo>
                  <a:lnTo>
                    <a:pt x="20" y="5"/>
                  </a:lnTo>
                  <a:lnTo>
                    <a:pt x="23" y="4"/>
                  </a:lnTo>
                  <a:lnTo>
                    <a:pt x="25" y="4"/>
                  </a:lnTo>
                  <a:lnTo>
                    <a:pt x="28" y="2"/>
                  </a:lnTo>
                  <a:lnTo>
                    <a:pt x="30" y="0"/>
                  </a:lnTo>
                  <a:lnTo>
                    <a:pt x="31" y="5"/>
                  </a:lnTo>
                  <a:lnTo>
                    <a:pt x="33" y="7"/>
                  </a:lnTo>
                  <a:lnTo>
                    <a:pt x="38" y="9"/>
                  </a:lnTo>
                  <a:lnTo>
                    <a:pt x="42" y="11"/>
                  </a:lnTo>
                  <a:lnTo>
                    <a:pt x="46" y="12"/>
                  </a:lnTo>
                  <a:lnTo>
                    <a:pt x="50" y="13"/>
                  </a:lnTo>
                  <a:lnTo>
                    <a:pt x="53" y="15"/>
                  </a:lnTo>
                  <a:lnTo>
                    <a:pt x="56" y="18"/>
                  </a:lnTo>
                  <a:lnTo>
                    <a:pt x="54" y="24"/>
                  </a:lnTo>
                  <a:lnTo>
                    <a:pt x="56" y="29"/>
                  </a:lnTo>
                  <a:lnTo>
                    <a:pt x="57" y="34"/>
                  </a:lnTo>
                  <a:lnTo>
                    <a:pt x="58" y="38"/>
                  </a:lnTo>
                  <a:lnTo>
                    <a:pt x="60" y="41"/>
                  </a:lnTo>
                  <a:lnTo>
                    <a:pt x="61" y="46"/>
                  </a:lnTo>
                  <a:lnTo>
                    <a:pt x="61" y="51"/>
                  </a:lnTo>
                  <a:lnTo>
                    <a:pt x="61" y="57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34" name="Rødovre kant"/>
            <p:cNvSpPr>
              <a:spLocks/>
            </p:cNvSpPr>
            <p:nvPr/>
          </p:nvSpPr>
          <p:spPr bwMode="auto">
            <a:xfrm>
              <a:off x="3892550" y="4900613"/>
              <a:ext cx="41275" cy="58737"/>
            </a:xfrm>
            <a:custGeom>
              <a:avLst/>
              <a:gdLst>
                <a:gd name="T0" fmla="*/ 32393 w 79"/>
                <a:gd name="T1" fmla="*/ 33337 h 111"/>
                <a:gd name="T2" fmla="*/ 35005 w 79"/>
                <a:gd name="T3" fmla="*/ 40216 h 111"/>
                <a:gd name="T4" fmla="*/ 38663 w 79"/>
                <a:gd name="T5" fmla="*/ 48154 h 111"/>
                <a:gd name="T6" fmla="*/ 39708 w 79"/>
                <a:gd name="T7" fmla="*/ 53445 h 111"/>
                <a:gd name="T8" fmla="*/ 40230 w 79"/>
                <a:gd name="T9" fmla="*/ 55033 h 111"/>
                <a:gd name="T10" fmla="*/ 37618 w 79"/>
                <a:gd name="T11" fmla="*/ 56620 h 111"/>
                <a:gd name="T12" fmla="*/ 29781 w 79"/>
                <a:gd name="T13" fmla="*/ 58737 h 111"/>
                <a:gd name="T14" fmla="*/ 21421 w 79"/>
                <a:gd name="T15" fmla="*/ 57150 h 111"/>
                <a:gd name="T16" fmla="*/ 15674 w 79"/>
                <a:gd name="T17" fmla="*/ 55033 h 111"/>
                <a:gd name="T18" fmla="*/ 13584 w 79"/>
                <a:gd name="T19" fmla="*/ 52916 h 111"/>
                <a:gd name="T20" fmla="*/ 7837 w 79"/>
                <a:gd name="T21" fmla="*/ 52916 h 111"/>
                <a:gd name="T22" fmla="*/ 2612 w 79"/>
                <a:gd name="T23" fmla="*/ 52916 h 111"/>
                <a:gd name="T24" fmla="*/ 2090 w 79"/>
                <a:gd name="T25" fmla="*/ 48683 h 111"/>
                <a:gd name="T26" fmla="*/ 4180 w 79"/>
                <a:gd name="T27" fmla="*/ 41804 h 111"/>
                <a:gd name="T28" fmla="*/ 6270 w 79"/>
                <a:gd name="T29" fmla="*/ 37041 h 111"/>
                <a:gd name="T30" fmla="*/ 4702 w 79"/>
                <a:gd name="T31" fmla="*/ 29104 h 111"/>
                <a:gd name="T32" fmla="*/ 2612 w 79"/>
                <a:gd name="T33" fmla="*/ 19050 h 111"/>
                <a:gd name="T34" fmla="*/ 1045 w 79"/>
                <a:gd name="T35" fmla="*/ 11112 h 111"/>
                <a:gd name="T36" fmla="*/ 522 w 79"/>
                <a:gd name="T37" fmla="*/ 7408 h 111"/>
                <a:gd name="T38" fmla="*/ 0 w 79"/>
                <a:gd name="T39" fmla="*/ 4233 h 111"/>
                <a:gd name="T40" fmla="*/ 2090 w 79"/>
                <a:gd name="T41" fmla="*/ 2117 h 111"/>
                <a:gd name="T42" fmla="*/ 6792 w 79"/>
                <a:gd name="T43" fmla="*/ 2117 h 111"/>
                <a:gd name="T44" fmla="*/ 12017 w 79"/>
                <a:gd name="T45" fmla="*/ 2117 h 111"/>
                <a:gd name="T46" fmla="*/ 14629 w 79"/>
                <a:gd name="T47" fmla="*/ 1058 h 111"/>
                <a:gd name="T48" fmla="*/ 16197 w 79"/>
                <a:gd name="T49" fmla="*/ 2646 h 111"/>
                <a:gd name="T50" fmla="*/ 19854 w 79"/>
                <a:gd name="T51" fmla="*/ 4762 h 111"/>
                <a:gd name="T52" fmla="*/ 24034 w 79"/>
                <a:gd name="T53" fmla="*/ 6350 h 111"/>
                <a:gd name="T54" fmla="*/ 27691 w 79"/>
                <a:gd name="T55" fmla="*/ 7937 h 111"/>
                <a:gd name="T56" fmla="*/ 28213 w 79"/>
                <a:gd name="T57" fmla="*/ 12700 h 111"/>
                <a:gd name="T58" fmla="*/ 29781 w 79"/>
                <a:gd name="T59" fmla="*/ 17992 h 111"/>
                <a:gd name="T60" fmla="*/ 31348 w 79"/>
                <a:gd name="T61" fmla="*/ 21696 h 111"/>
                <a:gd name="T62" fmla="*/ 31871 w 79"/>
                <a:gd name="T63" fmla="*/ 26987 h 111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0" t="0" r="r" b="b"/>
              <a:pathLst>
                <a:path w="79" h="111">
                  <a:moveTo>
                    <a:pt x="61" y="57"/>
                  </a:moveTo>
                  <a:lnTo>
                    <a:pt x="62" y="63"/>
                  </a:lnTo>
                  <a:lnTo>
                    <a:pt x="63" y="70"/>
                  </a:lnTo>
                  <a:lnTo>
                    <a:pt x="67" y="76"/>
                  </a:lnTo>
                  <a:lnTo>
                    <a:pt x="71" y="82"/>
                  </a:lnTo>
                  <a:lnTo>
                    <a:pt x="74" y="91"/>
                  </a:lnTo>
                  <a:lnTo>
                    <a:pt x="76" y="100"/>
                  </a:lnTo>
                  <a:lnTo>
                    <a:pt x="76" y="101"/>
                  </a:lnTo>
                  <a:lnTo>
                    <a:pt x="77" y="103"/>
                  </a:lnTo>
                  <a:lnTo>
                    <a:pt x="77" y="104"/>
                  </a:lnTo>
                  <a:lnTo>
                    <a:pt x="79" y="104"/>
                  </a:lnTo>
                  <a:lnTo>
                    <a:pt x="72" y="107"/>
                  </a:lnTo>
                  <a:lnTo>
                    <a:pt x="65" y="110"/>
                  </a:lnTo>
                  <a:lnTo>
                    <a:pt x="57" y="111"/>
                  </a:lnTo>
                  <a:lnTo>
                    <a:pt x="48" y="110"/>
                  </a:lnTo>
                  <a:lnTo>
                    <a:pt x="41" y="108"/>
                  </a:lnTo>
                  <a:lnTo>
                    <a:pt x="33" y="106"/>
                  </a:lnTo>
                  <a:lnTo>
                    <a:pt x="30" y="104"/>
                  </a:lnTo>
                  <a:lnTo>
                    <a:pt x="28" y="102"/>
                  </a:lnTo>
                  <a:lnTo>
                    <a:pt x="26" y="100"/>
                  </a:lnTo>
                  <a:lnTo>
                    <a:pt x="25" y="97"/>
                  </a:lnTo>
                  <a:lnTo>
                    <a:pt x="15" y="100"/>
                  </a:lnTo>
                  <a:lnTo>
                    <a:pt x="7" y="104"/>
                  </a:lnTo>
                  <a:lnTo>
                    <a:pt x="5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5" y="87"/>
                  </a:lnTo>
                  <a:lnTo>
                    <a:pt x="8" y="79"/>
                  </a:lnTo>
                  <a:lnTo>
                    <a:pt x="11" y="72"/>
                  </a:lnTo>
                  <a:lnTo>
                    <a:pt x="12" y="70"/>
                  </a:lnTo>
                  <a:lnTo>
                    <a:pt x="11" y="63"/>
                  </a:lnTo>
                  <a:lnTo>
                    <a:pt x="9" y="55"/>
                  </a:lnTo>
                  <a:lnTo>
                    <a:pt x="7" y="45"/>
                  </a:lnTo>
                  <a:lnTo>
                    <a:pt x="5" y="36"/>
                  </a:lnTo>
                  <a:lnTo>
                    <a:pt x="3" y="27"/>
                  </a:lnTo>
                  <a:lnTo>
                    <a:pt x="2" y="21"/>
                  </a:lnTo>
                  <a:lnTo>
                    <a:pt x="2" y="18"/>
                  </a:lnTo>
                  <a:lnTo>
                    <a:pt x="1" y="14"/>
                  </a:lnTo>
                  <a:lnTo>
                    <a:pt x="0" y="11"/>
                  </a:lnTo>
                  <a:lnTo>
                    <a:pt x="0" y="8"/>
                  </a:lnTo>
                  <a:lnTo>
                    <a:pt x="1" y="6"/>
                  </a:lnTo>
                  <a:lnTo>
                    <a:pt x="4" y="4"/>
                  </a:lnTo>
                  <a:lnTo>
                    <a:pt x="8" y="4"/>
                  </a:lnTo>
                  <a:lnTo>
                    <a:pt x="13" y="4"/>
                  </a:lnTo>
                  <a:lnTo>
                    <a:pt x="20" y="5"/>
                  </a:lnTo>
                  <a:lnTo>
                    <a:pt x="23" y="4"/>
                  </a:lnTo>
                  <a:lnTo>
                    <a:pt x="25" y="4"/>
                  </a:lnTo>
                  <a:lnTo>
                    <a:pt x="28" y="2"/>
                  </a:lnTo>
                  <a:lnTo>
                    <a:pt x="30" y="0"/>
                  </a:lnTo>
                  <a:lnTo>
                    <a:pt x="31" y="5"/>
                  </a:lnTo>
                  <a:lnTo>
                    <a:pt x="33" y="7"/>
                  </a:lnTo>
                  <a:lnTo>
                    <a:pt x="38" y="9"/>
                  </a:lnTo>
                  <a:lnTo>
                    <a:pt x="42" y="11"/>
                  </a:lnTo>
                  <a:lnTo>
                    <a:pt x="46" y="12"/>
                  </a:lnTo>
                  <a:lnTo>
                    <a:pt x="50" y="13"/>
                  </a:lnTo>
                  <a:lnTo>
                    <a:pt x="53" y="15"/>
                  </a:lnTo>
                  <a:lnTo>
                    <a:pt x="56" y="18"/>
                  </a:lnTo>
                  <a:lnTo>
                    <a:pt x="54" y="24"/>
                  </a:lnTo>
                  <a:lnTo>
                    <a:pt x="56" y="29"/>
                  </a:lnTo>
                  <a:lnTo>
                    <a:pt x="57" y="34"/>
                  </a:lnTo>
                  <a:lnTo>
                    <a:pt x="58" y="38"/>
                  </a:lnTo>
                  <a:lnTo>
                    <a:pt x="60" y="41"/>
                  </a:lnTo>
                  <a:lnTo>
                    <a:pt x="61" y="46"/>
                  </a:lnTo>
                  <a:lnTo>
                    <a:pt x="61" y="51"/>
                  </a:lnTo>
                  <a:lnTo>
                    <a:pt x="61" y="57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35" name="Albertslund"/>
            <p:cNvSpPr>
              <a:spLocks/>
            </p:cNvSpPr>
            <p:nvPr/>
          </p:nvSpPr>
          <p:spPr bwMode="auto">
            <a:xfrm>
              <a:off x="3810000" y="4902200"/>
              <a:ext cx="58738" cy="92075"/>
            </a:xfrm>
            <a:custGeom>
              <a:avLst/>
              <a:gdLst>
                <a:gd name="T0" fmla="*/ 5198 w 113"/>
                <a:gd name="T1" fmla="*/ 39385 h 173"/>
                <a:gd name="T2" fmla="*/ 3639 w 113"/>
                <a:gd name="T3" fmla="*/ 36191 h 173"/>
                <a:gd name="T4" fmla="*/ 1040 w 113"/>
                <a:gd name="T5" fmla="*/ 30869 h 173"/>
                <a:gd name="T6" fmla="*/ 0 w 113"/>
                <a:gd name="T7" fmla="*/ 27143 h 173"/>
                <a:gd name="T8" fmla="*/ 3639 w 113"/>
                <a:gd name="T9" fmla="*/ 23418 h 173"/>
                <a:gd name="T10" fmla="*/ 8317 w 113"/>
                <a:gd name="T11" fmla="*/ 20225 h 173"/>
                <a:gd name="T12" fmla="*/ 12475 w 113"/>
                <a:gd name="T13" fmla="*/ 19160 h 173"/>
                <a:gd name="T14" fmla="*/ 16114 w 113"/>
                <a:gd name="T15" fmla="*/ 15435 h 173"/>
                <a:gd name="T16" fmla="*/ 20272 w 113"/>
                <a:gd name="T17" fmla="*/ 8516 h 173"/>
                <a:gd name="T18" fmla="*/ 25470 w 113"/>
                <a:gd name="T19" fmla="*/ 4258 h 173"/>
                <a:gd name="T20" fmla="*/ 33268 w 113"/>
                <a:gd name="T21" fmla="*/ 1064 h 173"/>
                <a:gd name="T22" fmla="*/ 41065 w 113"/>
                <a:gd name="T23" fmla="*/ 532 h 173"/>
                <a:gd name="T24" fmla="*/ 45743 w 113"/>
                <a:gd name="T25" fmla="*/ 3193 h 173"/>
                <a:gd name="T26" fmla="*/ 48342 w 113"/>
                <a:gd name="T27" fmla="*/ 7983 h 173"/>
                <a:gd name="T28" fmla="*/ 48862 w 113"/>
                <a:gd name="T29" fmla="*/ 11177 h 173"/>
                <a:gd name="T30" fmla="*/ 50421 w 113"/>
                <a:gd name="T31" fmla="*/ 17563 h 173"/>
                <a:gd name="T32" fmla="*/ 55619 w 113"/>
                <a:gd name="T33" fmla="*/ 30337 h 173"/>
                <a:gd name="T34" fmla="*/ 57698 w 113"/>
                <a:gd name="T35" fmla="*/ 40981 h 173"/>
                <a:gd name="T36" fmla="*/ 57698 w 113"/>
                <a:gd name="T37" fmla="*/ 45239 h 173"/>
                <a:gd name="T38" fmla="*/ 54580 w 113"/>
                <a:gd name="T39" fmla="*/ 46836 h 173"/>
                <a:gd name="T40" fmla="*/ 49901 w 113"/>
                <a:gd name="T41" fmla="*/ 48965 h 173"/>
                <a:gd name="T42" fmla="*/ 45743 w 113"/>
                <a:gd name="T43" fmla="*/ 52690 h 173"/>
                <a:gd name="T44" fmla="*/ 42104 w 113"/>
                <a:gd name="T45" fmla="*/ 56948 h 173"/>
                <a:gd name="T46" fmla="*/ 41065 w 113"/>
                <a:gd name="T47" fmla="*/ 61738 h 173"/>
                <a:gd name="T48" fmla="*/ 42624 w 113"/>
                <a:gd name="T49" fmla="*/ 68657 h 173"/>
                <a:gd name="T50" fmla="*/ 41065 w 113"/>
                <a:gd name="T51" fmla="*/ 73979 h 173"/>
                <a:gd name="T52" fmla="*/ 36906 w 113"/>
                <a:gd name="T53" fmla="*/ 75576 h 173"/>
                <a:gd name="T54" fmla="*/ 33787 w 113"/>
                <a:gd name="T55" fmla="*/ 75576 h 173"/>
                <a:gd name="T56" fmla="*/ 29629 w 113"/>
                <a:gd name="T57" fmla="*/ 84092 h 173"/>
                <a:gd name="T58" fmla="*/ 23911 w 113"/>
                <a:gd name="T59" fmla="*/ 92075 h 173"/>
                <a:gd name="T60" fmla="*/ 21312 w 113"/>
                <a:gd name="T61" fmla="*/ 89414 h 173"/>
                <a:gd name="T62" fmla="*/ 17673 w 113"/>
                <a:gd name="T63" fmla="*/ 84092 h 173"/>
                <a:gd name="T64" fmla="*/ 12995 w 113"/>
                <a:gd name="T65" fmla="*/ 79834 h 173"/>
                <a:gd name="T66" fmla="*/ 9876 w 113"/>
                <a:gd name="T67" fmla="*/ 74512 h 173"/>
                <a:gd name="T68" fmla="*/ 8317 w 113"/>
                <a:gd name="T69" fmla="*/ 68657 h 173"/>
                <a:gd name="T70" fmla="*/ 6238 w 113"/>
                <a:gd name="T71" fmla="*/ 62803 h 173"/>
                <a:gd name="T72" fmla="*/ 4678 w 113"/>
                <a:gd name="T73" fmla="*/ 59077 h 173"/>
                <a:gd name="T74" fmla="*/ 4158 w 113"/>
                <a:gd name="T75" fmla="*/ 53223 h 173"/>
                <a:gd name="T76" fmla="*/ 5198 w 113"/>
                <a:gd name="T77" fmla="*/ 40449 h 173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</a:gdLst>
              <a:ahLst/>
              <a:cxnLst>
                <a:cxn ang="T78">
                  <a:pos x="T0" y="T1"/>
                </a:cxn>
                <a:cxn ang="T79">
                  <a:pos x="T2" y="T3"/>
                </a:cxn>
                <a:cxn ang="T80">
                  <a:pos x="T4" y="T5"/>
                </a:cxn>
                <a:cxn ang="T81">
                  <a:pos x="T6" y="T7"/>
                </a:cxn>
                <a:cxn ang="T82">
                  <a:pos x="T8" y="T9"/>
                </a:cxn>
                <a:cxn ang="T83">
                  <a:pos x="T10" y="T11"/>
                </a:cxn>
                <a:cxn ang="T84">
                  <a:pos x="T12" y="T13"/>
                </a:cxn>
                <a:cxn ang="T85">
                  <a:pos x="T14" y="T15"/>
                </a:cxn>
                <a:cxn ang="T86">
                  <a:pos x="T16" y="T17"/>
                </a:cxn>
                <a:cxn ang="T87">
                  <a:pos x="T18" y="T19"/>
                </a:cxn>
                <a:cxn ang="T88">
                  <a:pos x="T20" y="T21"/>
                </a:cxn>
                <a:cxn ang="T89">
                  <a:pos x="T22" y="T23"/>
                </a:cxn>
                <a:cxn ang="T90">
                  <a:pos x="T24" y="T25"/>
                </a:cxn>
                <a:cxn ang="T91">
                  <a:pos x="T26" y="T27"/>
                </a:cxn>
                <a:cxn ang="T92">
                  <a:pos x="T28" y="T29"/>
                </a:cxn>
                <a:cxn ang="T93">
                  <a:pos x="T30" y="T31"/>
                </a:cxn>
                <a:cxn ang="T94">
                  <a:pos x="T32" y="T33"/>
                </a:cxn>
                <a:cxn ang="T95">
                  <a:pos x="T34" y="T35"/>
                </a:cxn>
                <a:cxn ang="T96">
                  <a:pos x="T36" y="T37"/>
                </a:cxn>
                <a:cxn ang="T97">
                  <a:pos x="T38" y="T39"/>
                </a:cxn>
                <a:cxn ang="T98">
                  <a:pos x="T40" y="T41"/>
                </a:cxn>
                <a:cxn ang="T99">
                  <a:pos x="T42" y="T43"/>
                </a:cxn>
                <a:cxn ang="T100">
                  <a:pos x="T44" y="T45"/>
                </a:cxn>
                <a:cxn ang="T101">
                  <a:pos x="T46" y="T47"/>
                </a:cxn>
                <a:cxn ang="T102">
                  <a:pos x="T48" y="T49"/>
                </a:cxn>
                <a:cxn ang="T103">
                  <a:pos x="T50" y="T51"/>
                </a:cxn>
                <a:cxn ang="T104">
                  <a:pos x="T52" y="T53"/>
                </a:cxn>
                <a:cxn ang="T105">
                  <a:pos x="T54" y="T55"/>
                </a:cxn>
                <a:cxn ang="T106">
                  <a:pos x="T56" y="T57"/>
                </a:cxn>
                <a:cxn ang="T107">
                  <a:pos x="T58" y="T59"/>
                </a:cxn>
                <a:cxn ang="T108">
                  <a:pos x="T60" y="T61"/>
                </a:cxn>
                <a:cxn ang="T109">
                  <a:pos x="T62" y="T63"/>
                </a:cxn>
                <a:cxn ang="T110">
                  <a:pos x="T64" y="T65"/>
                </a:cxn>
                <a:cxn ang="T111">
                  <a:pos x="T66" y="T67"/>
                </a:cxn>
                <a:cxn ang="T112">
                  <a:pos x="T68" y="T69"/>
                </a:cxn>
                <a:cxn ang="T113">
                  <a:pos x="T70" y="T71"/>
                </a:cxn>
                <a:cxn ang="T114">
                  <a:pos x="T72" y="T73"/>
                </a:cxn>
                <a:cxn ang="T115">
                  <a:pos x="T74" y="T75"/>
                </a:cxn>
                <a:cxn ang="T116">
                  <a:pos x="T76" y="T77"/>
                </a:cxn>
              </a:cxnLst>
              <a:rect l="0" t="0" r="r" b="b"/>
              <a:pathLst>
                <a:path w="113" h="173">
                  <a:moveTo>
                    <a:pt x="10" y="76"/>
                  </a:moveTo>
                  <a:lnTo>
                    <a:pt x="10" y="74"/>
                  </a:lnTo>
                  <a:lnTo>
                    <a:pt x="9" y="71"/>
                  </a:lnTo>
                  <a:lnTo>
                    <a:pt x="7" y="68"/>
                  </a:lnTo>
                  <a:lnTo>
                    <a:pt x="4" y="63"/>
                  </a:lnTo>
                  <a:lnTo>
                    <a:pt x="2" y="58"/>
                  </a:lnTo>
                  <a:lnTo>
                    <a:pt x="0" y="55"/>
                  </a:lnTo>
                  <a:lnTo>
                    <a:pt x="0" y="51"/>
                  </a:lnTo>
                  <a:lnTo>
                    <a:pt x="1" y="49"/>
                  </a:lnTo>
                  <a:lnTo>
                    <a:pt x="7" y="44"/>
                  </a:lnTo>
                  <a:lnTo>
                    <a:pt x="12" y="40"/>
                  </a:lnTo>
                  <a:lnTo>
                    <a:pt x="16" y="38"/>
                  </a:lnTo>
                  <a:lnTo>
                    <a:pt x="20" y="37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31" y="29"/>
                  </a:lnTo>
                  <a:lnTo>
                    <a:pt x="35" y="22"/>
                  </a:lnTo>
                  <a:lnTo>
                    <a:pt x="39" y="16"/>
                  </a:lnTo>
                  <a:lnTo>
                    <a:pt x="44" y="12"/>
                  </a:lnTo>
                  <a:lnTo>
                    <a:pt x="49" y="8"/>
                  </a:lnTo>
                  <a:lnTo>
                    <a:pt x="57" y="4"/>
                  </a:lnTo>
                  <a:lnTo>
                    <a:pt x="64" y="2"/>
                  </a:lnTo>
                  <a:lnTo>
                    <a:pt x="71" y="0"/>
                  </a:lnTo>
                  <a:lnTo>
                    <a:pt x="79" y="1"/>
                  </a:lnTo>
                  <a:lnTo>
                    <a:pt x="84" y="3"/>
                  </a:lnTo>
                  <a:lnTo>
                    <a:pt x="88" y="6"/>
                  </a:lnTo>
                  <a:lnTo>
                    <a:pt x="93" y="11"/>
                  </a:lnTo>
                  <a:lnTo>
                    <a:pt x="93" y="15"/>
                  </a:lnTo>
                  <a:lnTo>
                    <a:pt x="94" y="18"/>
                  </a:lnTo>
                  <a:lnTo>
                    <a:pt x="94" y="21"/>
                  </a:lnTo>
                  <a:lnTo>
                    <a:pt x="95" y="26"/>
                  </a:lnTo>
                  <a:lnTo>
                    <a:pt x="97" y="33"/>
                  </a:lnTo>
                  <a:lnTo>
                    <a:pt x="100" y="40"/>
                  </a:lnTo>
                  <a:lnTo>
                    <a:pt x="107" y="57"/>
                  </a:lnTo>
                  <a:lnTo>
                    <a:pt x="111" y="71"/>
                  </a:lnTo>
                  <a:lnTo>
                    <a:pt x="111" y="77"/>
                  </a:lnTo>
                  <a:lnTo>
                    <a:pt x="113" y="83"/>
                  </a:lnTo>
                  <a:lnTo>
                    <a:pt x="111" y="85"/>
                  </a:lnTo>
                  <a:lnTo>
                    <a:pt x="111" y="87"/>
                  </a:lnTo>
                  <a:lnTo>
                    <a:pt x="105" y="88"/>
                  </a:lnTo>
                  <a:lnTo>
                    <a:pt x="100" y="89"/>
                  </a:lnTo>
                  <a:lnTo>
                    <a:pt x="96" y="92"/>
                  </a:lnTo>
                  <a:lnTo>
                    <a:pt x="91" y="96"/>
                  </a:lnTo>
                  <a:lnTo>
                    <a:pt x="88" y="99"/>
                  </a:lnTo>
                  <a:lnTo>
                    <a:pt x="85" y="103"/>
                  </a:lnTo>
                  <a:lnTo>
                    <a:pt x="81" y="107"/>
                  </a:lnTo>
                  <a:lnTo>
                    <a:pt x="77" y="110"/>
                  </a:lnTo>
                  <a:lnTo>
                    <a:pt x="79" y="116"/>
                  </a:lnTo>
                  <a:lnTo>
                    <a:pt x="80" y="122"/>
                  </a:lnTo>
                  <a:lnTo>
                    <a:pt x="82" y="129"/>
                  </a:lnTo>
                  <a:lnTo>
                    <a:pt x="82" y="137"/>
                  </a:lnTo>
                  <a:lnTo>
                    <a:pt x="79" y="139"/>
                  </a:lnTo>
                  <a:lnTo>
                    <a:pt x="76" y="140"/>
                  </a:lnTo>
                  <a:lnTo>
                    <a:pt x="71" y="142"/>
                  </a:lnTo>
                  <a:lnTo>
                    <a:pt x="67" y="142"/>
                  </a:lnTo>
                  <a:lnTo>
                    <a:pt x="65" y="142"/>
                  </a:lnTo>
                  <a:lnTo>
                    <a:pt x="64" y="142"/>
                  </a:lnTo>
                  <a:lnTo>
                    <a:pt x="57" y="158"/>
                  </a:lnTo>
                  <a:lnTo>
                    <a:pt x="49" y="173"/>
                  </a:lnTo>
                  <a:lnTo>
                    <a:pt x="46" y="173"/>
                  </a:lnTo>
                  <a:lnTo>
                    <a:pt x="44" y="173"/>
                  </a:lnTo>
                  <a:lnTo>
                    <a:pt x="41" y="168"/>
                  </a:lnTo>
                  <a:lnTo>
                    <a:pt x="38" y="162"/>
                  </a:lnTo>
                  <a:lnTo>
                    <a:pt x="34" y="158"/>
                  </a:lnTo>
                  <a:lnTo>
                    <a:pt x="29" y="154"/>
                  </a:lnTo>
                  <a:lnTo>
                    <a:pt x="25" y="150"/>
                  </a:lnTo>
                  <a:lnTo>
                    <a:pt x="22" y="145"/>
                  </a:lnTo>
                  <a:lnTo>
                    <a:pt x="19" y="140"/>
                  </a:lnTo>
                  <a:lnTo>
                    <a:pt x="16" y="135"/>
                  </a:lnTo>
                  <a:lnTo>
                    <a:pt x="16" y="129"/>
                  </a:lnTo>
                  <a:lnTo>
                    <a:pt x="15" y="123"/>
                  </a:lnTo>
                  <a:lnTo>
                    <a:pt x="12" y="118"/>
                  </a:lnTo>
                  <a:lnTo>
                    <a:pt x="10" y="114"/>
                  </a:lnTo>
                  <a:lnTo>
                    <a:pt x="9" y="111"/>
                  </a:lnTo>
                  <a:lnTo>
                    <a:pt x="8" y="105"/>
                  </a:lnTo>
                  <a:lnTo>
                    <a:pt x="8" y="100"/>
                  </a:lnTo>
                  <a:lnTo>
                    <a:pt x="10" y="94"/>
                  </a:lnTo>
                  <a:lnTo>
                    <a:pt x="10" y="76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36" name="Albertslund kant"/>
            <p:cNvSpPr>
              <a:spLocks/>
            </p:cNvSpPr>
            <p:nvPr/>
          </p:nvSpPr>
          <p:spPr bwMode="auto">
            <a:xfrm>
              <a:off x="3810000" y="4902200"/>
              <a:ext cx="58738" cy="92075"/>
            </a:xfrm>
            <a:custGeom>
              <a:avLst/>
              <a:gdLst>
                <a:gd name="T0" fmla="*/ 5198 w 113"/>
                <a:gd name="T1" fmla="*/ 39385 h 173"/>
                <a:gd name="T2" fmla="*/ 3639 w 113"/>
                <a:gd name="T3" fmla="*/ 36191 h 173"/>
                <a:gd name="T4" fmla="*/ 1040 w 113"/>
                <a:gd name="T5" fmla="*/ 30869 h 173"/>
                <a:gd name="T6" fmla="*/ 0 w 113"/>
                <a:gd name="T7" fmla="*/ 27143 h 173"/>
                <a:gd name="T8" fmla="*/ 3639 w 113"/>
                <a:gd name="T9" fmla="*/ 23418 h 173"/>
                <a:gd name="T10" fmla="*/ 8317 w 113"/>
                <a:gd name="T11" fmla="*/ 20225 h 173"/>
                <a:gd name="T12" fmla="*/ 12475 w 113"/>
                <a:gd name="T13" fmla="*/ 19160 h 173"/>
                <a:gd name="T14" fmla="*/ 16114 w 113"/>
                <a:gd name="T15" fmla="*/ 15435 h 173"/>
                <a:gd name="T16" fmla="*/ 20272 w 113"/>
                <a:gd name="T17" fmla="*/ 8516 h 173"/>
                <a:gd name="T18" fmla="*/ 25470 w 113"/>
                <a:gd name="T19" fmla="*/ 4258 h 173"/>
                <a:gd name="T20" fmla="*/ 33268 w 113"/>
                <a:gd name="T21" fmla="*/ 1064 h 173"/>
                <a:gd name="T22" fmla="*/ 41065 w 113"/>
                <a:gd name="T23" fmla="*/ 532 h 173"/>
                <a:gd name="T24" fmla="*/ 45743 w 113"/>
                <a:gd name="T25" fmla="*/ 3193 h 173"/>
                <a:gd name="T26" fmla="*/ 48342 w 113"/>
                <a:gd name="T27" fmla="*/ 7983 h 173"/>
                <a:gd name="T28" fmla="*/ 48862 w 113"/>
                <a:gd name="T29" fmla="*/ 11177 h 173"/>
                <a:gd name="T30" fmla="*/ 50421 w 113"/>
                <a:gd name="T31" fmla="*/ 17563 h 173"/>
                <a:gd name="T32" fmla="*/ 55619 w 113"/>
                <a:gd name="T33" fmla="*/ 30337 h 173"/>
                <a:gd name="T34" fmla="*/ 57698 w 113"/>
                <a:gd name="T35" fmla="*/ 40981 h 173"/>
                <a:gd name="T36" fmla="*/ 57698 w 113"/>
                <a:gd name="T37" fmla="*/ 45239 h 173"/>
                <a:gd name="T38" fmla="*/ 54580 w 113"/>
                <a:gd name="T39" fmla="*/ 46836 h 173"/>
                <a:gd name="T40" fmla="*/ 49901 w 113"/>
                <a:gd name="T41" fmla="*/ 48965 h 173"/>
                <a:gd name="T42" fmla="*/ 45743 w 113"/>
                <a:gd name="T43" fmla="*/ 52690 h 173"/>
                <a:gd name="T44" fmla="*/ 42104 w 113"/>
                <a:gd name="T45" fmla="*/ 56948 h 173"/>
                <a:gd name="T46" fmla="*/ 41065 w 113"/>
                <a:gd name="T47" fmla="*/ 61738 h 173"/>
                <a:gd name="T48" fmla="*/ 42624 w 113"/>
                <a:gd name="T49" fmla="*/ 68657 h 173"/>
                <a:gd name="T50" fmla="*/ 41065 w 113"/>
                <a:gd name="T51" fmla="*/ 73979 h 173"/>
                <a:gd name="T52" fmla="*/ 36906 w 113"/>
                <a:gd name="T53" fmla="*/ 75576 h 173"/>
                <a:gd name="T54" fmla="*/ 33787 w 113"/>
                <a:gd name="T55" fmla="*/ 75576 h 173"/>
                <a:gd name="T56" fmla="*/ 29629 w 113"/>
                <a:gd name="T57" fmla="*/ 84092 h 173"/>
                <a:gd name="T58" fmla="*/ 23911 w 113"/>
                <a:gd name="T59" fmla="*/ 92075 h 173"/>
                <a:gd name="T60" fmla="*/ 21312 w 113"/>
                <a:gd name="T61" fmla="*/ 89414 h 173"/>
                <a:gd name="T62" fmla="*/ 17673 w 113"/>
                <a:gd name="T63" fmla="*/ 84092 h 173"/>
                <a:gd name="T64" fmla="*/ 12995 w 113"/>
                <a:gd name="T65" fmla="*/ 79834 h 173"/>
                <a:gd name="T66" fmla="*/ 9876 w 113"/>
                <a:gd name="T67" fmla="*/ 74512 h 173"/>
                <a:gd name="T68" fmla="*/ 8317 w 113"/>
                <a:gd name="T69" fmla="*/ 68657 h 173"/>
                <a:gd name="T70" fmla="*/ 6238 w 113"/>
                <a:gd name="T71" fmla="*/ 62803 h 173"/>
                <a:gd name="T72" fmla="*/ 4678 w 113"/>
                <a:gd name="T73" fmla="*/ 59077 h 173"/>
                <a:gd name="T74" fmla="*/ 4158 w 113"/>
                <a:gd name="T75" fmla="*/ 53223 h 173"/>
                <a:gd name="T76" fmla="*/ 5198 w 113"/>
                <a:gd name="T77" fmla="*/ 40449 h 173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</a:gdLst>
              <a:ahLst/>
              <a:cxnLst>
                <a:cxn ang="T78">
                  <a:pos x="T0" y="T1"/>
                </a:cxn>
                <a:cxn ang="T79">
                  <a:pos x="T2" y="T3"/>
                </a:cxn>
                <a:cxn ang="T80">
                  <a:pos x="T4" y="T5"/>
                </a:cxn>
                <a:cxn ang="T81">
                  <a:pos x="T6" y="T7"/>
                </a:cxn>
                <a:cxn ang="T82">
                  <a:pos x="T8" y="T9"/>
                </a:cxn>
                <a:cxn ang="T83">
                  <a:pos x="T10" y="T11"/>
                </a:cxn>
                <a:cxn ang="T84">
                  <a:pos x="T12" y="T13"/>
                </a:cxn>
                <a:cxn ang="T85">
                  <a:pos x="T14" y="T15"/>
                </a:cxn>
                <a:cxn ang="T86">
                  <a:pos x="T16" y="T17"/>
                </a:cxn>
                <a:cxn ang="T87">
                  <a:pos x="T18" y="T19"/>
                </a:cxn>
                <a:cxn ang="T88">
                  <a:pos x="T20" y="T21"/>
                </a:cxn>
                <a:cxn ang="T89">
                  <a:pos x="T22" y="T23"/>
                </a:cxn>
                <a:cxn ang="T90">
                  <a:pos x="T24" y="T25"/>
                </a:cxn>
                <a:cxn ang="T91">
                  <a:pos x="T26" y="T27"/>
                </a:cxn>
                <a:cxn ang="T92">
                  <a:pos x="T28" y="T29"/>
                </a:cxn>
                <a:cxn ang="T93">
                  <a:pos x="T30" y="T31"/>
                </a:cxn>
                <a:cxn ang="T94">
                  <a:pos x="T32" y="T33"/>
                </a:cxn>
                <a:cxn ang="T95">
                  <a:pos x="T34" y="T35"/>
                </a:cxn>
                <a:cxn ang="T96">
                  <a:pos x="T36" y="T37"/>
                </a:cxn>
                <a:cxn ang="T97">
                  <a:pos x="T38" y="T39"/>
                </a:cxn>
                <a:cxn ang="T98">
                  <a:pos x="T40" y="T41"/>
                </a:cxn>
                <a:cxn ang="T99">
                  <a:pos x="T42" y="T43"/>
                </a:cxn>
                <a:cxn ang="T100">
                  <a:pos x="T44" y="T45"/>
                </a:cxn>
                <a:cxn ang="T101">
                  <a:pos x="T46" y="T47"/>
                </a:cxn>
                <a:cxn ang="T102">
                  <a:pos x="T48" y="T49"/>
                </a:cxn>
                <a:cxn ang="T103">
                  <a:pos x="T50" y="T51"/>
                </a:cxn>
                <a:cxn ang="T104">
                  <a:pos x="T52" y="T53"/>
                </a:cxn>
                <a:cxn ang="T105">
                  <a:pos x="T54" y="T55"/>
                </a:cxn>
                <a:cxn ang="T106">
                  <a:pos x="T56" y="T57"/>
                </a:cxn>
                <a:cxn ang="T107">
                  <a:pos x="T58" y="T59"/>
                </a:cxn>
                <a:cxn ang="T108">
                  <a:pos x="T60" y="T61"/>
                </a:cxn>
                <a:cxn ang="T109">
                  <a:pos x="T62" y="T63"/>
                </a:cxn>
                <a:cxn ang="T110">
                  <a:pos x="T64" y="T65"/>
                </a:cxn>
                <a:cxn ang="T111">
                  <a:pos x="T66" y="T67"/>
                </a:cxn>
                <a:cxn ang="T112">
                  <a:pos x="T68" y="T69"/>
                </a:cxn>
                <a:cxn ang="T113">
                  <a:pos x="T70" y="T71"/>
                </a:cxn>
                <a:cxn ang="T114">
                  <a:pos x="T72" y="T73"/>
                </a:cxn>
                <a:cxn ang="T115">
                  <a:pos x="T74" y="T75"/>
                </a:cxn>
                <a:cxn ang="T116">
                  <a:pos x="T76" y="T77"/>
                </a:cxn>
              </a:cxnLst>
              <a:rect l="0" t="0" r="r" b="b"/>
              <a:pathLst>
                <a:path w="113" h="173">
                  <a:moveTo>
                    <a:pt x="10" y="76"/>
                  </a:moveTo>
                  <a:lnTo>
                    <a:pt x="10" y="74"/>
                  </a:lnTo>
                  <a:lnTo>
                    <a:pt x="9" y="71"/>
                  </a:lnTo>
                  <a:lnTo>
                    <a:pt x="7" y="68"/>
                  </a:lnTo>
                  <a:lnTo>
                    <a:pt x="4" y="63"/>
                  </a:lnTo>
                  <a:lnTo>
                    <a:pt x="2" y="58"/>
                  </a:lnTo>
                  <a:lnTo>
                    <a:pt x="0" y="55"/>
                  </a:lnTo>
                  <a:lnTo>
                    <a:pt x="0" y="51"/>
                  </a:lnTo>
                  <a:lnTo>
                    <a:pt x="1" y="49"/>
                  </a:lnTo>
                  <a:lnTo>
                    <a:pt x="7" y="44"/>
                  </a:lnTo>
                  <a:lnTo>
                    <a:pt x="12" y="40"/>
                  </a:lnTo>
                  <a:lnTo>
                    <a:pt x="16" y="38"/>
                  </a:lnTo>
                  <a:lnTo>
                    <a:pt x="20" y="37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31" y="29"/>
                  </a:lnTo>
                  <a:lnTo>
                    <a:pt x="35" y="22"/>
                  </a:lnTo>
                  <a:lnTo>
                    <a:pt x="39" y="16"/>
                  </a:lnTo>
                  <a:lnTo>
                    <a:pt x="44" y="12"/>
                  </a:lnTo>
                  <a:lnTo>
                    <a:pt x="49" y="8"/>
                  </a:lnTo>
                  <a:lnTo>
                    <a:pt x="57" y="4"/>
                  </a:lnTo>
                  <a:lnTo>
                    <a:pt x="64" y="2"/>
                  </a:lnTo>
                  <a:lnTo>
                    <a:pt x="71" y="0"/>
                  </a:lnTo>
                  <a:lnTo>
                    <a:pt x="79" y="1"/>
                  </a:lnTo>
                  <a:lnTo>
                    <a:pt x="84" y="3"/>
                  </a:lnTo>
                  <a:lnTo>
                    <a:pt x="88" y="6"/>
                  </a:lnTo>
                  <a:lnTo>
                    <a:pt x="93" y="11"/>
                  </a:lnTo>
                  <a:lnTo>
                    <a:pt x="93" y="15"/>
                  </a:lnTo>
                  <a:lnTo>
                    <a:pt x="94" y="18"/>
                  </a:lnTo>
                  <a:lnTo>
                    <a:pt x="94" y="21"/>
                  </a:lnTo>
                  <a:lnTo>
                    <a:pt x="95" y="26"/>
                  </a:lnTo>
                  <a:lnTo>
                    <a:pt x="97" y="33"/>
                  </a:lnTo>
                  <a:lnTo>
                    <a:pt x="100" y="40"/>
                  </a:lnTo>
                  <a:lnTo>
                    <a:pt x="107" y="57"/>
                  </a:lnTo>
                  <a:lnTo>
                    <a:pt x="111" y="71"/>
                  </a:lnTo>
                  <a:lnTo>
                    <a:pt x="111" y="77"/>
                  </a:lnTo>
                  <a:lnTo>
                    <a:pt x="113" y="83"/>
                  </a:lnTo>
                  <a:lnTo>
                    <a:pt x="111" y="85"/>
                  </a:lnTo>
                  <a:lnTo>
                    <a:pt x="111" y="87"/>
                  </a:lnTo>
                  <a:lnTo>
                    <a:pt x="105" y="88"/>
                  </a:lnTo>
                  <a:lnTo>
                    <a:pt x="100" y="89"/>
                  </a:lnTo>
                  <a:lnTo>
                    <a:pt x="96" y="92"/>
                  </a:lnTo>
                  <a:lnTo>
                    <a:pt x="91" y="96"/>
                  </a:lnTo>
                  <a:lnTo>
                    <a:pt x="88" y="99"/>
                  </a:lnTo>
                  <a:lnTo>
                    <a:pt x="85" y="103"/>
                  </a:lnTo>
                  <a:lnTo>
                    <a:pt x="81" y="107"/>
                  </a:lnTo>
                  <a:lnTo>
                    <a:pt x="77" y="110"/>
                  </a:lnTo>
                  <a:lnTo>
                    <a:pt x="79" y="116"/>
                  </a:lnTo>
                  <a:lnTo>
                    <a:pt x="80" y="122"/>
                  </a:lnTo>
                  <a:lnTo>
                    <a:pt x="82" y="129"/>
                  </a:lnTo>
                  <a:lnTo>
                    <a:pt x="82" y="137"/>
                  </a:lnTo>
                  <a:lnTo>
                    <a:pt x="79" y="139"/>
                  </a:lnTo>
                  <a:lnTo>
                    <a:pt x="76" y="140"/>
                  </a:lnTo>
                  <a:lnTo>
                    <a:pt x="71" y="142"/>
                  </a:lnTo>
                  <a:lnTo>
                    <a:pt x="67" y="142"/>
                  </a:lnTo>
                  <a:lnTo>
                    <a:pt x="65" y="142"/>
                  </a:lnTo>
                  <a:lnTo>
                    <a:pt x="64" y="142"/>
                  </a:lnTo>
                  <a:lnTo>
                    <a:pt x="57" y="158"/>
                  </a:lnTo>
                  <a:lnTo>
                    <a:pt x="49" y="173"/>
                  </a:lnTo>
                  <a:lnTo>
                    <a:pt x="46" y="173"/>
                  </a:lnTo>
                  <a:lnTo>
                    <a:pt x="44" y="173"/>
                  </a:lnTo>
                  <a:lnTo>
                    <a:pt x="41" y="168"/>
                  </a:lnTo>
                  <a:lnTo>
                    <a:pt x="38" y="162"/>
                  </a:lnTo>
                  <a:lnTo>
                    <a:pt x="34" y="158"/>
                  </a:lnTo>
                  <a:lnTo>
                    <a:pt x="29" y="154"/>
                  </a:lnTo>
                  <a:lnTo>
                    <a:pt x="25" y="150"/>
                  </a:lnTo>
                  <a:lnTo>
                    <a:pt x="22" y="145"/>
                  </a:lnTo>
                  <a:lnTo>
                    <a:pt x="19" y="140"/>
                  </a:lnTo>
                  <a:lnTo>
                    <a:pt x="16" y="135"/>
                  </a:lnTo>
                  <a:lnTo>
                    <a:pt x="16" y="129"/>
                  </a:lnTo>
                  <a:lnTo>
                    <a:pt x="15" y="123"/>
                  </a:lnTo>
                  <a:lnTo>
                    <a:pt x="12" y="118"/>
                  </a:lnTo>
                  <a:lnTo>
                    <a:pt x="10" y="114"/>
                  </a:lnTo>
                  <a:lnTo>
                    <a:pt x="9" y="111"/>
                  </a:lnTo>
                  <a:lnTo>
                    <a:pt x="8" y="105"/>
                  </a:lnTo>
                  <a:lnTo>
                    <a:pt x="8" y="100"/>
                  </a:lnTo>
                  <a:lnTo>
                    <a:pt x="10" y="94"/>
                  </a:lnTo>
                  <a:lnTo>
                    <a:pt x="10" y="76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37" name="Vallensbæk"/>
            <p:cNvSpPr>
              <a:spLocks/>
            </p:cNvSpPr>
            <p:nvPr/>
          </p:nvSpPr>
          <p:spPr bwMode="auto">
            <a:xfrm>
              <a:off x="3835400" y="4978400"/>
              <a:ext cx="44450" cy="52388"/>
            </a:xfrm>
            <a:custGeom>
              <a:avLst/>
              <a:gdLst>
                <a:gd name="T0" fmla="*/ 37129 w 85"/>
                <a:gd name="T1" fmla="*/ 35455 h 99"/>
                <a:gd name="T2" fmla="*/ 37652 w 85"/>
                <a:gd name="T3" fmla="*/ 37571 h 99"/>
                <a:gd name="T4" fmla="*/ 38698 w 85"/>
                <a:gd name="T5" fmla="*/ 39159 h 99"/>
                <a:gd name="T6" fmla="*/ 40266 w 85"/>
                <a:gd name="T7" fmla="*/ 41275 h 99"/>
                <a:gd name="T8" fmla="*/ 41835 w 85"/>
                <a:gd name="T9" fmla="*/ 43392 h 99"/>
                <a:gd name="T10" fmla="*/ 43927 w 85"/>
                <a:gd name="T11" fmla="*/ 45509 h 99"/>
                <a:gd name="T12" fmla="*/ 44450 w 85"/>
                <a:gd name="T13" fmla="*/ 47096 h 99"/>
                <a:gd name="T14" fmla="*/ 44450 w 85"/>
                <a:gd name="T15" fmla="*/ 47625 h 99"/>
                <a:gd name="T16" fmla="*/ 44450 w 85"/>
                <a:gd name="T17" fmla="*/ 48684 h 99"/>
                <a:gd name="T18" fmla="*/ 43927 w 85"/>
                <a:gd name="T19" fmla="*/ 49213 h 99"/>
                <a:gd name="T20" fmla="*/ 42358 w 85"/>
                <a:gd name="T21" fmla="*/ 49742 h 99"/>
                <a:gd name="T22" fmla="*/ 40789 w 85"/>
                <a:gd name="T23" fmla="*/ 48684 h 99"/>
                <a:gd name="T24" fmla="*/ 39221 w 85"/>
                <a:gd name="T25" fmla="*/ 48684 h 99"/>
                <a:gd name="T26" fmla="*/ 37652 w 85"/>
                <a:gd name="T27" fmla="*/ 48155 h 99"/>
                <a:gd name="T28" fmla="*/ 35560 w 85"/>
                <a:gd name="T29" fmla="*/ 48684 h 99"/>
                <a:gd name="T30" fmla="*/ 33991 w 85"/>
                <a:gd name="T31" fmla="*/ 49213 h 99"/>
                <a:gd name="T32" fmla="*/ 31899 w 85"/>
                <a:gd name="T33" fmla="*/ 50271 h 99"/>
                <a:gd name="T34" fmla="*/ 30854 w 85"/>
                <a:gd name="T35" fmla="*/ 51330 h 99"/>
                <a:gd name="T36" fmla="*/ 30331 w 85"/>
                <a:gd name="T37" fmla="*/ 52388 h 99"/>
                <a:gd name="T38" fmla="*/ 29285 w 85"/>
                <a:gd name="T39" fmla="*/ 52388 h 99"/>
                <a:gd name="T40" fmla="*/ 27716 w 85"/>
                <a:gd name="T41" fmla="*/ 52388 h 99"/>
                <a:gd name="T42" fmla="*/ 24578 w 85"/>
                <a:gd name="T43" fmla="*/ 47625 h 99"/>
                <a:gd name="T44" fmla="*/ 20395 w 85"/>
                <a:gd name="T45" fmla="*/ 42334 h 99"/>
                <a:gd name="T46" fmla="*/ 15688 w 85"/>
                <a:gd name="T47" fmla="*/ 38630 h 99"/>
                <a:gd name="T48" fmla="*/ 10459 w 85"/>
                <a:gd name="T49" fmla="*/ 35455 h 99"/>
                <a:gd name="T50" fmla="*/ 10459 w 85"/>
                <a:gd name="T51" fmla="*/ 34396 h 99"/>
                <a:gd name="T52" fmla="*/ 9413 w 85"/>
                <a:gd name="T53" fmla="*/ 32809 h 99"/>
                <a:gd name="T54" fmla="*/ 7844 w 85"/>
                <a:gd name="T55" fmla="*/ 31221 h 99"/>
                <a:gd name="T56" fmla="*/ 6275 w 85"/>
                <a:gd name="T57" fmla="*/ 30163 h 99"/>
                <a:gd name="T58" fmla="*/ 2615 w 85"/>
                <a:gd name="T59" fmla="*/ 27517 h 99"/>
                <a:gd name="T60" fmla="*/ 523 w 85"/>
                <a:gd name="T61" fmla="*/ 26459 h 99"/>
                <a:gd name="T62" fmla="*/ 1569 w 85"/>
                <a:gd name="T63" fmla="*/ 25929 h 99"/>
                <a:gd name="T64" fmla="*/ 2615 w 85"/>
                <a:gd name="T65" fmla="*/ 25400 h 99"/>
                <a:gd name="T66" fmla="*/ 2615 w 85"/>
                <a:gd name="T67" fmla="*/ 24342 h 99"/>
                <a:gd name="T68" fmla="*/ 1569 w 85"/>
                <a:gd name="T69" fmla="*/ 22754 h 99"/>
                <a:gd name="T70" fmla="*/ 0 w 85"/>
                <a:gd name="T71" fmla="*/ 20638 h 99"/>
                <a:gd name="T72" fmla="*/ 0 w 85"/>
                <a:gd name="T73" fmla="*/ 17463 h 99"/>
                <a:gd name="T74" fmla="*/ 3138 w 85"/>
                <a:gd name="T75" fmla="*/ 14288 h 99"/>
                <a:gd name="T76" fmla="*/ 5229 w 85"/>
                <a:gd name="T77" fmla="*/ 10054 h 99"/>
                <a:gd name="T78" fmla="*/ 7844 w 85"/>
                <a:gd name="T79" fmla="*/ 6350 h 99"/>
                <a:gd name="T80" fmla="*/ 9413 w 85"/>
                <a:gd name="T81" fmla="*/ 1058 h 99"/>
                <a:gd name="T82" fmla="*/ 10982 w 85"/>
                <a:gd name="T83" fmla="*/ 1058 h 99"/>
                <a:gd name="T84" fmla="*/ 13074 w 85"/>
                <a:gd name="T85" fmla="*/ 1058 h 99"/>
                <a:gd name="T86" fmla="*/ 14119 w 85"/>
                <a:gd name="T87" fmla="*/ 1058 h 99"/>
                <a:gd name="T88" fmla="*/ 14642 w 85"/>
                <a:gd name="T89" fmla="*/ 0 h 99"/>
                <a:gd name="T90" fmla="*/ 19349 w 85"/>
                <a:gd name="T91" fmla="*/ 6350 h 99"/>
                <a:gd name="T92" fmla="*/ 24055 w 85"/>
                <a:gd name="T93" fmla="*/ 13229 h 99"/>
                <a:gd name="T94" fmla="*/ 27716 w 85"/>
                <a:gd name="T95" fmla="*/ 19579 h 99"/>
                <a:gd name="T96" fmla="*/ 31899 w 85"/>
                <a:gd name="T97" fmla="*/ 26988 h 99"/>
                <a:gd name="T98" fmla="*/ 35037 w 85"/>
                <a:gd name="T99" fmla="*/ 31750 h 99"/>
                <a:gd name="T100" fmla="*/ 37129 w 85"/>
                <a:gd name="T101" fmla="*/ 35455 h 99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85" h="99">
                  <a:moveTo>
                    <a:pt x="71" y="67"/>
                  </a:moveTo>
                  <a:lnTo>
                    <a:pt x="72" y="71"/>
                  </a:lnTo>
                  <a:lnTo>
                    <a:pt x="74" y="74"/>
                  </a:lnTo>
                  <a:lnTo>
                    <a:pt x="77" y="78"/>
                  </a:lnTo>
                  <a:lnTo>
                    <a:pt x="80" y="82"/>
                  </a:lnTo>
                  <a:lnTo>
                    <a:pt x="84" y="86"/>
                  </a:lnTo>
                  <a:lnTo>
                    <a:pt x="85" y="89"/>
                  </a:lnTo>
                  <a:lnTo>
                    <a:pt x="85" y="90"/>
                  </a:lnTo>
                  <a:lnTo>
                    <a:pt x="85" y="92"/>
                  </a:lnTo>
                  <a:lnTo>
                    <a:pt x="84" y="93"/>
                  </a:lnTo>
                  <a:lnTo>
                    <a:pt x="81" y="94"/>
                  </a:lnTo>
                  <a:lnTo>
                    <a:pt x="78" y="92"/>
                  </a:lnTo>
                  <a:lnTo>
                    <a:pt x="75" y="92"/>
                  </a:lnTo>
                  <a:lnTo>
                    <a:pt x="72" y="91"/>
                  </a:lnTo>
                  <a:lnTo>
                    <a:pt x="68" y="92"/>
                  </a:lnTo>
                  <a:lnTo>
                    <a:pt x="65" y="93"/>
                  </a:lnTo>
                  <a:lnTo>
                    <a:pt x="61" y="95"/>
                  </a:lnTo>
                  <a:lnTo>
                    <a:pt x="59" y="97"/>
                  </a:lnTo>
                  <a:lnTo>
                    <a:pt x="58" y="99"/>
                  </a:lnTo>
                  <a:lnTo>
                    <a:pt x="56" y="99"/>
                  </a:lnTo>
                  <a:lnTo>
                    <a:pt x="53" y="99"/>
                  </a:lnTo>
                  <a:lnTo>
                    <a:pt x="47" y="90"/>
                  </a:lnTo>
                  <a:lnTo>
                    <a:pt x="39" y="80"/>
                  </a:lnTo>
                  <a:lnTo>
                    <a:pt x="30" y="73"/>
                  </a:lnTo>
                  <a:lnTo>
                    <a:pt x="20" y="67"/>
                  </a:lnTo>
                  <a:lnTo>
                    <a:pt x="20" y="65"/>
                  </a:lnTo>
                  <a:lnTo>
                    <a:pt x="18" y="62"/>
                  </a:lnTo>
                  <a:lnTo>
                    <a:pt x="15" y="59"/>
                  </a:lnTo>
                  <a:lnTo>
                    <a:pt x="12" y="57"/>
                  </a:lnTo>
                  <a:lnTo>
                    <a:pt x="5" y="52"/>
                  </a:lnTo>
                  <a:lnTo>
                    <a:pt x="1" y="50"/>
                  </a:lnTo>
                  <a:lnTo>
                    <a:pt x="3" y="49"/>
                  </a:lnTo>
                  <a:lnTo>
                    <a:pt x="5" y="48"/>
                  </a:lnTo>
                  <a:lnTo>
                    <a:pt x="5" y="46"/>
                  </a:lnTo>
                  <a:lnTo>
                    <a:pt x="3" y="43"/>
                  </a:lnTo>
                  <a:lnTo>
                    <a:pt x="0" y="39"/>
                  </a:lnTo>
                  <a:lnTo>
                    <a:pt x="0" y="33"/>
                  </a:lnTo>
                  <a:lnTo>
                    <a:pt x="6" y="27"/>
                  </a:lnTo>
                  <a:lnTo>
                    <a:pt x="10" y="19"/>
                  </a:lnTo>
                  <a:lnTo>
                    <a:pt x="15" y="12"/>
                  </a:lnTo>
                  <a:lnTo>
                    <a:pt x="18" y="2"/>
                  </a:lnTo>
                  <a:lnTo>
                    <a:pt x="21" y="2"/>
                  </a:lnTo>
                  <a:lnTo>
                    <a:pt x="25" y="2"/>
                  </a:lnTo>
                  <a:lnTo>
                    <a:pt x="27" y="2"/>
                  </a:lnTo>
                  <a:lnTo>
                    <a:pt x="28" y="0"/>
                  </a:lnTo>
                  <a:lnTo>
                    <a:pt x="37" y="12"/>
                  </a:lnTo>
                  <a:lnTo>
                    <a:pt x="46" y="25"/>
                  </a:lnTo>
                  <a:lnTo>
                    <a:pt x="53" y="37"/>
                  </a:lnTo>
                  <a:lnTo>
                    <a:pt x="61" y="51"/>
                  </a:lnTo>
                  <a:lnTo>
                    <a:pt x="67" y="60"/>
                  </a:lnTo>
                  <a:lnTo>
                    <a:pt x="71" y="67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38" name="Vallensbæk kant"/>
            <p:cNvSpPr>
              <a:spLocks/>
            </p:cNvSpPr>
            <p:nvPr/>
          </p:nvSpPr>
          <p:spPr bwMode="auto">
            <a:xfrm>
              <a:off x="3835400" y="4978400"/>
              <a:ext cx="44450" cy="52388"/>
            </a:xfrm>
            <a:custGeom>
              <a:avLst/>
              <a:gdLst>
                <a:gd name="T0" fmla="*/ 37129 w 85"/>
                <a:gd name="T1" fmla="*/ 35455 h 99"/>
                <a:gd name="T2" fmla="*/ 37652 w 85"/>
                <a:gd name="T3" fmla="*/ 37571 h 99"/>
                <a:gd name="T4" fmla="*/ 38698 w 85"/>
                <a:gd name="T5" fmla="*/ 39159 h 99"/>
                <a:gd name="T6" fmla="*/ 40266 w 85"/>
                <a:gd name="T7" fmla="*/ 41275 h 99"/>
                <a:gd name="T8" fmla="*/ 41835 w 85"/>
                <a:gd name="T9" fmla="*/ 43392 h 99"/>
                <a:gd name="T10" fmla="*/ 43927 w 85"/>
                <a:gd name="T11" fmla="*/ 45509 h 99"/>
                <a:gd name="T12" fmla="*/ 44450 w 85"/>
                <a:gd name="T13" fmla="*/ 47096 h 99"/>
                <a:gd name="T14" fmla="*/ 44450 w 85"/>
                <a:gd name="T15" fmla="*/ 47625 h 99"/>
                <a:gd name="T16" fmla="*/ 44450 w 85"/>
                <a:gd name="T17" fmla="*/ 48684 h 99"/>
                <a:gd name="T18" fmla="*/ 43927 w 85"/>
                <a:gd name="T19" fmla="*/ 49213 h 99"/>
                <a:gd name="T20" fmla="*/ 42358 w 85"/>
                <a:gd name="T21" fmla="*/ 49742 h 99"/>
                <a:gd name="T22" fmla="*/ 40789 w 85"/>
                <a:gd name="T23" fmla="*/ 48684 h 99"/>
                <a:gd name="T24" fmla="*/ 39221 w 85"/>
                <a:gd name="T25" fmla="*/ 48684 h 99"/>
                <a:gd name="T26" fmla="*/ 37652 w 85"/>
                <a:gd name="T27" fmla="*/ 48155 h 99"/>
                <a:gd name="T28" fmla="*/ 35560 w 85"/>
                <a:gd name="T29" fmla="*/ 48684 h 99"/>
                <a:gd name="T30" fmla="*/ 33991 w 85"/>
                <a:gd name="T31" fmla="*/ 49213 h 99"/>
                <a:gd name="T32" fmla="*/ 31899 w 85"/>
                <a:gd name="T33" fmla="*/ 50271 h 99"/>
                <a:gd name="T34" fmla="*/ 30854 w 85"/>
                <a:gd name="T35" fmla="*/ 51330 h 99"/>
                <a:gd name="T36" fmla="*/ 30331 w 85"/>
                <a:gd name="T37" fmla="*/ 52388 h 99"/>
                <a:gd name="T38" fmla="*/ 29285 w 85"/>
                <a:gd name="T39" fmla="*/ 52388 h 99"/>
                <a:gd name="T40" fmla="*/ 27716 w 85"/>
                <a:gd name="T41" fmla="*/ 52388 h 99"/>
                <a:gd name="T42" fmla="*/ 24578 w 85"/>
                <a:gd name="T43" fmla="*/ 47625 h 99"/>
                <a:gd name="T44" fmla="*/ 20395 w 85"/>
                <a:gd name="T45" fmla="*/ 42334 h 99"/>
                <a:gd name="T46" fmla="*/ 15688 w 85"/>
                <a:gd name="T47" fmla="*/ 38630 h 99"/>
                <a:gd name="T48" fmla="*/ 10459 w 85"/>
                <a:gd name="T49" fmla="*/ 35455 h 99"/>
                <a:gd name="T50" fmla="*/ 10459 w 85"/>
                <a:gd name="T51" fmla="*/ 34396 h 99"/>
                <a:gd name="T52" fmla="*/ 9413 w 85"/>
                <a:gd name="T53" fmla="*/ 32809 h 99"/>
                <a:gd name="T54" fmla="*/ 7844 w 85"/>
                <a:gd name="T55" fmla="*/ 31221 h 99"/>
                <a:gd name="T56" fmla="*/ 6275 w 85"/>
                <a:gd name="T57" fmla="*/ 30163 h 99"/>
                <a:gd name="T58" fmla="*/ 2615 w 85"/>
                <a:gd name="T59" fmla="*/ 27517 h 99"/>
                <a:gd name="T60" fmla="*/ 523 w 85"/>
                <a:gd name="T61" fmla="*/ 26459 h 99"/>
                <a:gd name="T62" fmla="*/ 1569 w 85"/>
                <a:gd name="T63" fmla="*/ 25929 h 99"/>
                <a:gd name="T64" fmla="*/ 2615 w 85"/>
                <a:gd name="T65" fmla="*/ 25400 h 99"/>
                <a:gd name="T66" fmla="*/ 2615 w 85"/>
                <a:gd name="T67" fmla="*/ 24342 h 99"/>
                <a:gd name="T68" fmla="*/ 1569 w 85"/>
                <a:gd name="T69" fmla="*/ 22754 h 99"/>
                <a:gd name="T70" fmla="*/ 0 w 85"/>
                <a:gd name="T71" fmla="*/ 20638 h 99"/>
                <a:gd name="T72" fmla="*/ 0 w 85"/>
                <a:gd name="T73" fmla="*/ 17463 h 99"/>
                <a:gd name="T74" fmla="*/ 3138 w 85"/>
                <a:gd name="T75" fmla="*/ 14288 h 99"/>
                <a:gd name="T76" fmla="*/ 5229 w 85"/>
                <a:gd name="T77" fmla="*/ 10054 h 99"/>
                <a:gd name="T78" fmla="*/ 7844 w 85"/>
                <a:gd name="T79" fmla="*/ 6350 h 99"/>
                <a:gd name="T80" fmla="*/ 9413 w 85"/>
                <a:gd name="T81" fmla="*/ 1058 h 99"/>
                <a:gd name="T82" fmla="*/ 10982 w 85"/>
                <a:gd name="T83" fmla="*/ 1058 h 99"/>
                <a:gd name="T84" fmla="*/ 13074 w 85"/>
                <a:gd name="T85" fmla="*/ 1058 h 99"/>
                <a:gd name="T86" fmla="*/ 14119 w 85"/>
                <a:gd name="T87" fmla="*/ 1058 h 99"/>
                <a:gd name="T88" fmla="*/ 14642 w 85"/>
                <a:gd name="T89" fmla="*/ 0 h 99"/>
                <a:gd name="T90" fmla="*/ 19349 w 85"/>
                <a:gd name="T91" fmla="*/ 6350 h 99"/>
                <a:gd name="T92" fmla="*/ 24055 w 85"/>
                <a:gd name="T93" fmla="*/ 13229 h 99"/>
                <a:gd name="T94" fmla="*/ 27716 w 85"/>
                <a:gd name="T95" fmla="*/ 19579 h 99"/>
                <a:gd name="T96" fmla="*/ 31899 w 85"/>
                <a:gd name="T97" fmla="*/ 26988 h 99"/>
                <a:gd name="T98" fmla="*/ 35037 w 85"/>
                <a:gd name="T99" fmla="*/ 31750 h 99"/>
                <a:gd name="T100" fmla="*/ 37129 w 85"/>
                <a:gd name="T101" fmla="*/ 35455 h 99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85" h="99">
                  <a:moveTo>
                    <a:pt x="71" y="67"/>
                  </a:moveTo>
                  <a:lnTo>
                    <a:pt x="72" y="71"/>
                  </a:lnTo>
                  <a:lnTo>
                    <a:pt x="74" y="74"/>
                  </a:lnTo>
                  <a:lnTo>
                    <a:pt x="77" y="78"/>
                  </a:lnTo>
                  <a:lnTo>
                    <a:pt x="80" y="82"/>
                  </a:lnTo>
                  <a:lnTo>
                    <a:pt x="84" y="86"/>
                  </a:lnTo>
                  <a:lnTo>
                    <a:pt x="85" y="89"/>
                  </a:lnTo>
                  <a:lnTo>
                    <a:pt x="85" y="90"/>
                  </a:lnTo>
                  <a:lnTo>
                    <a:pt x="85" y="92"/>
                  </a:lnTo>
                  <a:lnTo>
                    <a:pt x="84" y="93"/>
                  </a:lnTo>
                  <a:lnTo>
                    <a:pt x="81" y="94"/>
                  </a:lnTo>
                  <a:lnTo>
                    <a:pt x="78" y="92"/>
                  </a:lnTo>
                  <a:lnTo>
                    <a:pt x="75" y="92"/>
                  </a:lnTo>
                  <a:lnTo>
                    <a:pt x="72" y="91"/>
                  </a:lnTo>
                  <a:lnTo>
                    <a:pt x="68" y="92"/>
                  </a:lnTo>
                  <a:lnTo>
                    <a:pt x="65" y="93"/>
                  </a:lnTo>
                  <a:lnTo>
                    <a:pt x="61" y="95"/>
                  </a:lnTo>
                  <a:lnTo>
                    <a:pt x="59" y="97"/>
                  </a:lnTo>
                  <a:lnTo>
                    <a:pt x="58" y="99"/>
                  </a:lnTo>
                  <a:lnTo>
                    <a:pt x="56" y="99"/>
                  </a:lnTo>
                  <a:lnTo>
                    <a:pt x="53" y="99"/>
                  </a:lnTo>
                  <a:lnTo>
                    <a:pt x="47" y="90"/>
                  </a:lnTo>
                  <a:lnTo>
                    <a:pt x="39" y="80"/>
                  </a:lnTo>
                  <a:lnTo>
                    <a:pt x="30" y="73"/>
                  </a:lnTo>
                  <a:lnTo>
                    <a:pt x="20" y="67"/>
                  </a:lnTo>
                  <a:lnTo>
                    <a:pt x="20" y="65"/>
                  </a:lnTo>
                  <a:lnTo>
                    <a:pt x="18" y="62"/>
                  </a:lnTo>
                  <a:lnTo>
                    <a:pt x="15" y="59"/>
                  </a:lnTo>
                  <a:lnTo>
                    <a:pt x="12" y="57"/>
                  </a:lnTo>
                  <a:lnTo>
                    <a:pt x="5" y="52"/>
                  </a:lnTo>
                  <a:lnTo>
                    <a:pt x="1" y="50"/>
                  </a:lnTo>
                  <a:lnTo>
                    <a:pt x="3" y="49"/>
                  </a:lnTo>
                  <a:lnTo>
                    <a:pt x="5" y="48"/>
                  </a:lnTo>
                  <a:lnTo>
                    <a:pt x="5" y="46"/>
                  </a:lnTo>
                  <a:lnTo>
                    <a:pt x="3" y="43"/>
                  </a:lnTo>
                  <a:lnTo>
                    <a:pt x="0" y="39"/>
                  </a:lnTo>
                  <a:lnTo>
                    <a:pt x="0" y="33"/>
                  </a:lnTo>
                  <a:lnTo>
                    <a:pt x="6" y="27"/>
                  </a:lnTo>
                  <a:lnTo>
                    <a:pt x="10" y="19"/>
                  </a:lnTo>
                  <a:lnTo>
                    <a:pt x="15" y="12"/>
                  </a:lnTo>
                  <a:lnTo>
                    <a:pt x="18" y="2"/>
                  </a:lnTo>
                  <a:lnTo>
                    <a:pt x="21" y="2"/>
                  </a:lnTo>
                  <a:lnTo>
                    <a:pt x="25" y="2"/>
                  </a:lnTo>
                  <a:lnTo>
                    <a:pt x="27" y="2"/>
                  </a:lnTo>
                  <a:lnTo>
                    <a:pt x="28" y="0"/>
                  </a:lnTo>
                  <a:lnTo>
                    <a:pt x="37" y="12"/>
                  </a:lnTo>
                  <a:lnTo>
                    <a:pt x="46" y="25"/>
                  </a:lnTo>
                  <a:lnTo>
                    <a:pt x="53" y="37"/>
                  </a:lnTo>
                  <a:lnTo>
                    <a:pt x="61" y="51"/>
                  </a:lnTo>
                  <a:lnTo>
                    <a:pt x="67" y="60"/>
                  </a:lnTo>
                  <a:lnTo>
                    <a:pt x="71" y="67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39" name="Ishøj"/>
            <p:cNvSpPr>
              <a:spLocks/>
            </p:cNvSpPr>
            <p:nvPr/>
          </p:nvSpPr>
          <p:spPr bwMode="auto">
            <a:xfrm>
              <a:off x="3740150" y="5005388"/>
              <a:ext cx="136525" cy="50800"/>
            </a:xfrm>
            <a:custGeom>
              <a:avLst/>
              <a:gdLst>
                <a:gd name="T0" fmla="*/ 110696 w 259"/>
                <a:gd name="T1" fmla="*/ 13093 h 97"/>
                <a:gd name="T2" fmla="*/ 121238 w 259"/>
                <a:gd name="T3" fmla="*/ 24091 h 97"/>
                <a:gd name="T4" fmla="*/ 127564 w 259"/>
                <a:gd name="T5" fmla="*/ 30899 h 97"/>
                <a:gd name="T6" fmla="*/ 132835 w 259"/>
                <a:gd name="T7" fmla="*/ 30899 h 97"/>
                <a:gd name="T8" fmla="*/ 134417 w 259"/>
                <a:gd name="T9" fmla="*/ 34041 h 97"/>
                <a:gd name="T10" fmla="*/ 128091 w 259"/>
                <a:gd name="T11" fmla="*/ 39802 h 97"/>
                <a:gd name="T12" fmla="*/ 117021 w 259"/>
                <a:gd name="T13" fmla="*/ 46087 h 97"/>
                <a:gd name="T14" fmla="*/ 107006 w 259"/>
                <a:gd name="T15" fmla="*/ 47658 h 97"/>
                <a:gd name="T16" fmla="*/ 100681 w 259"/>
                <a:gd name="T17" fmla="*/ 43468 h 97"/>
                <a:gd name="T18" fmla="*/ 89084 w 259"/>
                <a:gd name="T19" fmla="*/ 39278 h 97"/>
                <a:gd name="T20" fmla="*/ 71162 w 259"/>
                <a:gd name="T21" fmla="*/ 34565 h 97"/>
                <a:gd name="T22" fmla="*/ 58511 w 259"/>
                <a:gd name="T23" fmla="*/ 30375 h 97"/>
                <a:gd name="T24" fmla="*/ 51658 w 259"/>
                <a:gd name="T25" fmla="*/ 26186 h 97"/>
                <a:gd name="T26" fmla="*/ 45333 w 259"/>
                <a:gd name="T27" fmla="*/ 24091 h 97"/>
                <a:gd name="T28" fmla="*/ 39007 w 259"/>
                <a:gd name="T29" fmla="*/ 25662 h 97"/>
                <a:gd name="T30" fmla="*/ 33209 w 259"/>
                <a:gd name="T31" fmla="*/ 28804 h 97"/>
                <a:gd name="T32" fmla="*/ 30046 w 259"/>
                <a:gd name="T33" fmla="*/ 31946 h 97"/>
                <a:gd name="T34" fmla="*/ 26356 w 259"/>
                <a:gd name="T35" fmla="*/ 34565 h 97"/>
                <a:gd name="T36" fmla="*/ 22139 w 259"/>
                <a:gd name="T37" fmla="*/ 33518 h 97"/>
                <a:gd name="T38" fmla="*/ 18449 w 259"/>
                <a:gd name="T39" fmla="*/ 29328 h 97"/>
                <a:gd name="T40" fmla="*/ 17395 w 259"/>
                <a:gd name="T41" fmla="*/ 25138 h 97"/>
                <a:gd name="T42" fmla="*/ 17922 w 259"/>
                <a:gd name="T43" fmla="*/ 20948 h 97"/>
                <a:gd name="T44" fmla="*/ 12651 w 259"/>
                <a:gd name="T45" fmla="*/ 16235 h 97"/>
                <a:gd name="T46" fmla="*/ 5798 w 259"/>
                <a:gd name="T47" fmla="*/ 13093 h 97"/>
                <a:gd name="T48" fmla="*/ 1581 w 259"/>
                <a:gd name="T49" fmla="*/ 9951 h 97"/>
                <a:gd name="T50" fmla="*/ 527 w 259"/>
                <a:gd name="T51" fmla="*/ 7332 h 97"/>
                <a:gd name="T52" fmla="*/ 2108 w 259"/>
                <a:gd name="T53" fmla="*/ 6285 h 97"/>
                <a:gd name="T54" fmla="*/ 6325 w 259"/>
                <a:gd name="T55" fmla="*/ 6285 h 97"/>
                <a:gd name="T56" fmla="*/ 12651 w 259"/>
                <a:gd name="T57" fmla="*/ 5761 h 97"/>
                <a:gd name="T58" fmla="*/ 21612 w 259"/>
                <a:gd name="T59" fmla="*/ 5237 h 97"/>
                <a:gd name="T60" fmla="*/ 31627 w 259"/>
                <a:gd name="T61" fmla="*/ 7856 h 97"/>
                <a:gd name="T62" fmla="*/ 37953 w 259"/>
                <a:gd name="T63" fmla="*/ 7332 h 97"/>
                <a:gd name="T64" fmla="*/ 44278 w 259"/>
                <a:gd name="T65" fmla="*/ 5237 h 97"/>
                <a:gd name="T66" fmla="*/ 58511 w 259"/>
                <a:gd name="T67" fmla="*/ 3666 h 97"/>
                <a:gd name="T68" fmla="*/ 80123 w 259"/>
                <a:gd name="T69" fmla="*/ 2095 h 97"/>
                <a:gd name="T70" fmla="*/ 99626 w 259"/>
                <a:gd name="T71" fmla="*/ 3666 h 97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259" h="97">
                  <a:moveTo>
                    <a:pt x="199" y="16"/>
                  </a:moveTo>
                  <a:lnTo>
                    <a:pt x="210" y="25"/>
                  </a:lnTo>
                  <a:lnTo>
                    <a:pt x="220" y="36"/>
                  </a:lnTo>
                  <a:lnTo>
                    <a:pt x="230" y="46"/>
                  </a:lnTo>
                  <a:lnTo>
                    <a:pt x="239" y="59"/>
                  </a:lnTo>
                  <a:lnTo>
                    <a:pt x="242" y="59"/>
                  </a:lnTo>
                  <a:lnTo>
                    <a:pt x="245" y="59"/>
                  </a:lnTo>
                  <a:lnTo>
                    <a:pt x="252" y="59"/>
                  </a:lnTo>
                  <a:lnTo>
                    <a:pt x="259" y="59"/>
                  </a:lnTo>
                  <a:lnTo>
                    <a:pt x="255" y="65"/>
                  </a:lnTo>
                  <a:lnTo>
                    <a:pt x="250" y="71"/>
                  </a:lnTo>
                  <a:lnTo>
                    <a:pt x="243" y="76"/>
                  </a:lnTo>
                  <a:lnTo>
                    <a:pt x="237" y="80"/>
                  </a:lnTo>
                  <a:lnTo>
                    <a:pt x="222" y="88"/>
                  </a:lnTo>
                  <a:lnTo>
                    <a:pt x="209" y="97"/>
                  </a:lnTo>
                  <a:lnTo>
                    <a:pt x="203" y="91"/>
                  </a:lnTo>
                  <a:lnTo>
                    <a:pt x="198" y="87"/>
                  </a:lnTo>
                  <a:lnTo>
                    <a:pt x="191" y="83"/>
                  </a:lnTo>
                  <a:lnTo>
                    <a:pt x="183" y="80"/>
                  </a:lnTo>
                  <a:lnTo>
                    <a:pt x="169" y="75"/>
                  </a:lnTo>
                  <a:lnTo>
                    <a:pt x="152" y="70"/>
                  </a:lnTo>
                  <a:lnTo>
                    <a:pt x="135" y="66"/>
                  </a:lnTo>
                  <a:lnTo>
                    <a:pt x="118" y="61"/>
                  </a:lnTo>
                  <a:lnTo>
                    <a:pt x="111" y="58"/>
                  </a:lnTo>
                  <a:lnTo>
                    <a:pt x="104" y="55"/>
                  </a:lnTo>
                  <a:lnTo>
                    <a:pt x="98" y="50"/>
                  </a:lnTo>
                  <a:lnTo>
                    <a:pt x="92" y="46"/>
                  </a:lnTo>
                  <a:lnTo>
                    <a:pt x="86" y="46"/>
                  </a:lnTo>
                  <a:lnTo>
                    <a:pt x="79" y="47"/>
                  </a:lnTo>
                  <a:lnTo>
                    <a:pt x="74" y="49"/>
                  </a:lnTo>
                  <a:lnTo>
                    <a:pt x="69" y="51"/>
                  </a:lnTo>
                  <a:lnTo>
                    <a:pt x="63" y="55"/>
                  </a:lnTo>
                  <a:lnTo>
                    <a:pt x="60" y="58"/>
                  </a:lnTo>
                  <a:lnTo>
                    <a:pt x="57" y="61"/>
                  </a:lnTo>
                  <a:lnTo>
                    <a:pt x="54" y="66"/>
                  </a:lnTo>
                  <a:lnTo>
                    <a:pt x="50" y="66"/>
                  </a:lnTo>
                  <a:lnTo>
                    <a:pt x="46" y="65"/>
                  </a:lnTo>
                  <a:lnTo>
                    <a:pt x="42" y="64"/>
                  </a:lnTo>
                  <a:lnTo>
                    <a:pt x="39" y="61"/>
                  </a:lnTo>
                  <a:lnTo>
                    <a:pt x="35" y="56"/>
                  </a:lnTo>
                  <a:lnTo>
                    <a:pt x="31" y="50"/>
                  </a:lnTo>
                  <a:lnTo>
                    <a:pt x="33" y="48"/>
                  </a:lnTo>
                  <a:lnTo>
                    <a:pt x="34" y="44"/>
                  </a:lnTo>
                  <a:lnTo>
                    <a:pt x="34" y="40"/>
                  </a:lnTo>
                  <a:lnTo>
                    <a:pt x="34" y="36"/>
                  </a:lnTo>
                  <a:lnTo>
                    <a:pt x="24" y="31"/>
                  </a:lnTo>
                  <a:lnTo>
                    <a:pt x="16" y="27"/>
                  </a:lnTo>
                  <a:lnTo>
                    <a:pt x="11" y="25"/>
                  </a:lnTo>
                  <a:lnTo>
                    <a:pt x="8" y="22"/>
                  </a:lnTo>
                  <a:lnTo>
                    <a:pt x="3" y="19"/>
                  </a:lnTo>
                  <a:lnTo>
                    <a:pt x="0" y="16"/>
                  </a:lnTo>
                  <a:lnTo>
                    <a:pt x="1" y="14"/>
                  </a:lnTo>
                  <a:lnTo>
                    <a:pt x="2" y="12"/>
                  </a:lnTo>
                  <a:lnTo>
                    <a:pt x="4" y="12"/>
                  </a:lnTo>
                  <a:lnTo>
                    <a:pt x="7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4" y="11"/>
                  </a:lnTo>
                  <a:lnTo>
                    <a:pt x="33" y="10"/>
                  </a:lnTo>
                  <a:lnTo>
                    <a:pt x="41" y="10"/>
                  </a:lnTo>
                  <a:lnTo>
                    <a:pt x="49" y="12"/>
                  </a:lnTo>
                  <a:lnTo>
                    <a:pt x="60" y="15"/>
                  </a:lnTo>
                  <a:lnTo>
                    <a:pt x="72" y="16"/>
                  </a:lnTo>
                  <a:lnTo>
                    <a:pt x="72" y="14"/>
                  </a:lnTo>
                  <a:lnTo>
                    <a:pt x="72" y="12"/>
                  </a:lnTo>
                  <a:lnTo>
                    <a:pt x="84" y="10"/>
                  </a:lnTo>
                  <a:lnTo>
                    <a:pt x="97" y="8"/>
                  </a:lnTo>
                  <a:lnTo>
                    <a:pt x="111" y="7"/>
                  </a:lnTo>
                  <a:lnTo>
                    <a:pt x="124" y="6"/>
                  </a:lnTo>
                  <a:lnTo>
                    <a:pt x="152" y="4"/>
                  </a:lnTo>
                  <a:lnTo>
                    <a:pt x="178" y="0"/>
                  </a:lnTo>
                  <a:lnTo>
                    <a:pt x="189" y="7"/>
                  </a:lnTo>
                  <a:lnTo>
                    <a:pt x="199" y="16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40" name="Ishøj kant"/>
            <p:cNvSpPr>
              <a:spLocks/>
            </p:cNvSpPr>
            <p:nvPr/>
          </p:nvSpPr>
          <p:spPr bwMode="auto">
            <a:xfrm>
              <a:off x="3740150" y="5005388"/>
              <a:ext cx="136525" cy="50800"/>
            </a:xfrm>
            <a:custGeom>
              <a:avLst/>
              <a:gdLst>
                <a:gd name="T0" fmla="*/ 110696 w 259"/>
                <a:gd name="T1" fmla="*/ 13093 h 97"/>
                <a:gd name="T2" fmla="*/ 121238 w 259"/>
                <a:gd name="T3" fmla="*/ 24091 h 97"/>
                <a:gd name="T4" fmla="*/ 127564 w 259"/>
                <a:gd name="T5" fmla="*/ 30899 h 97"/>
                <a:gd name="T6" fmla="*/ 132835 w 259"/>
                <a:gd name="T7" fmla="*/ 30899 h 97"/>
                <a:gd name="T8" fmla="*/ 134417 w 259"/>
                <a:gd name="T9" fmla="*/ 34041 h 97"/>
                <a:gd name="T10" fmla="*/ 128091 w 259"/>
                <a:gd name="T11" fmla="*/ 39802 h 97"/>
                <a:gd name="T12" fmla="*/ 117021 w 259"/>
                <a:gd name="T13" fmla="*/ 46087 h 97"/>
                <a:gd name="T14" fmla="*/ 107006 w 259"/>
                <a:gd name="T15" fmla="*/ 47658 h 97"/>
                <a:gd name="T16" fmla="*/ 100681 w 259"/>
                <a:gd name="T17" fmla="*/ 43468 h 97"/>
                <a:gd name="T18" fmla="*/ 89084 w 259"/>
                <a:gd name="T19" fmla="*/ 39278 h 97"/>
                <a:gd name="T20" fmla="*/ 71162 w 259"/>
                <a:gd name="T21" fmla="*/ 34565 h 97"/>
                <a:gd name="T22" fmla="*/ 58511 w 259"/>
                <a:gd name="T23" fmla="*/ 30375 h 97"/>
                <a:gd name="T24" fmla="*/ 51658 w 259"/>
                <a:gd name="T25" fmla="*/ 26186 h 97"/>
                <a:gd name="T26" fmla="*/ 45333 w 259"/>
                <a:gd name="T27" fmla="*/ 24091 h 97"/>
                <a:gd name="T28" fmla="*/ 39007 w 259"/>
                <a:gd name="T29" fmla="*/ 25662 h 97"/>
                <a:gd name="T30" fmla="*/ 33209 w 259"/>
                <a:gd name="T31" fmla="*/ 28804 h 97"/>
                <a:gd name="T32" fmla="*/ 30046 w 259"/>
                <a:gd name="T33" fmla="*/ 31946 h 97"/>
                <a:gd name="T34" fmla="*/ 26356 w 259"/>
                <a:gd name="T35" fmla="*/ 34565 h 97"/>
                <a:gd name="T36" fmla="*/ 22139 w 259"/>
                <a:gd name="T37" fmla="*/ 33518 h 97"/>
                <a:gd name="T38" fmla="*/ 18449 w 259"/>
                <a:gd name="T39" fmla="*/ 29328 h 97"/>
                <a:gd name="T40" fmla="*/ 17395 w 259"/>
                <a:gd name="T41" fmla="*/ 25138 h 97"/>
                <a:gd name="T42" fmla="*/ 17922 w 259"/>
                <a:gd name="T43" fmla="*/ 20948 h 97"/>
                <a:gd name="T44" fmla="*/ 12651 w 259"/>
                <a:gd name="T45" fmla="*/ 16235 h 97"/>
                <a:gd name="T46" fmla="*/ 5798 w 259"/>
                <a:gd name="T47" fmla="*/ 13093 h 97"/>
                <a:gd name="T48" fmla="*/ 1581 w 259"/>
                <a:gd name="T49" fmla="*/ 9951 h 97"/>
                <a:gd name="T50" fmla="*/ 527 w 259"/>
                <a:gd name="T51" fmla="*/ 7332 h 97"/>
                <a:gd name="T52" fmla="*/ 2108 w 259"/>
                <a:gd name="T53" fmla="*/ 6285 h 97"/>
                <a:gd name="T54" fmla="*/ 6325 w 259"/>
                <a:gd name="T55" fmla="*/ 6285 h 97"/>
                <a:gd name="T56" fmla="*/ 12651 w 259"/>
                <a:gd name="T57" fmla="*/ 5761 h 97"/>
                <a:gd name="T58" fmla="*/ 21612 w 259"/>
                <a:gd name="T59" fmla="*/ 5237 h 97"/>
                <a:gd name="T60" fmla="*/ 31627 w 259"/>
                <a:gd name="T61" fmla="*/ 7856 h 97"/>
                <a:gd name="T62" fmla="*/ 37953 w 259"/>
                <a:gd name="T63" fmla="*/ 7332 h 97"/>
                <a:gd name="T64" fmla="*/ 44278 w 259"/>
                <a:gd name="T65" fmla="*/ 5237 h 97"/>
                <a:gd name="T66" fmla="*/ 58511 w 259"/>
                <a:gd name="T67" fmla="*/ 3666 h 97"/>
                <a:gd name="T68" fmla="*/ 80123 w 259"/>
                <a:gd name="T69" fmla="*/ 2095 h 97"/>
                <a:gd name="T70" fmla="*/ 99626 w 259"/>
                <a:gd name="T71" fmla="*/ 3666 h 97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259" h="97">
                  <a:moveTo>
                    <a:pt x="199" y="16"/>
                  </a:moveTo>
                  <a:lnTo>
                    <a:pt x="210" y="25"/>
                  </a:lnTo>
                  <a:lnTo>
                    <a:pt x="220" y="36"/>
                  </a:lnTo>
                  <a:lnTo>
                    <a:pt x="230" y="46"/>
                  </a:lnTo>
                  <a:lnTo>
                    <a:pt x="239" y="59"/>
                  </a:lnTo>
                  <a:lnTo>
                    <a:pt x="242" y="59"/>
                  </a:lnTo>
                  <a:lnTo>
                    <a:pt x="245" y="59"/>
                  </a:lnTo>
                  <a:lnTo>
                    <a:pt x="252" y="59"/>
                  </a:lnTo>
                  <a:lnTo>
                    <a:pt x="259" y="59"/>
                  </a:lnTo>
                  <a:lnTo>
                    <a:pt x="255" y="65"/>
                  </a:lnTo>
                  <a:lnTo>
                    <a:pt x="250" y="71"/>
                  </a:lnTo>
                  <a:lnTo>
                    <a:pt x="243" y="76"/>
                  </a:lnTo>
                  <a:lnTo>
                    <a:pt x="237" y="80"/>
                  </a:lnTo>
                  <a:lnTo>
                    <a:pt x="222" y="88"/>
                  </a:lnTo>
                  <a:lnTo>
                    <a:pt x="209" y="97"/>
                  </a:lnTo>
                  <a:lnTo>
                    <a:pt x="203" y="91"/>
                  </a:lnTo>
                  <a:lnTo>
                    <a:pt x="198" y="87"/>
                  </a:lnTo>
                  <a:lnTo>
                    <a:pt x="191" y="83"/>
                  </a:lnTo>
                  <a:lnTo>
                    <a:pt x="183" y="80"/>
                  </a:lnTo>
                  <a:lnTo>
                    <a:pt x="169" y="75"/>
                  </a:lnTo>
                  <a:lnTo>
                    <a:pt x="152" y="70"/>
                  </a:lnTo>
                  <a:lnTo>
                    <a:pt x="135" y="66"/>
                  </a:lnTo>
                  <a:lnTo>
                    <a:pt x="118" y="61"/>
                  </a:lnTo>
                  <a:lnTo>
                    <a:pt x="111" y="58"/>
                  </a:lnTo>
                  <a:lnTo>
                    <a:pt x="104" y="55"/>
                  </a:lnTo>
                  <a:lnTo>
                    <a:pt x="98" y="50"/>
                  </a:lnTo>
                  <a:lnTo>
                    <a:pt x="92" y="46"/>
                  </a:lnTo>
                  <a:lnTo>
                    <a:pt x="86" y="46"/>
                  </a:lnTo>
                  <a:lnTo>
                    <a:pt x="79" y="47"/>
                  </a:lnTo>
                  <a:lnTo>
                    <a:pt x="74" y="49"/>
                  </a:lnTo>
                  <a:lnTo>
                    <a:pt x="69" y="51"/>
                  </a:lnTo>
                  <a:lnTo>
                    <a:pt x="63" y="55"/>
                  </a:lnTo>
                  <a:lnTo>
                    <a:pt x="60" y="58"/>
                  </a:lnTo>
                  <a:lnTo>
                    <a:pt x="57" y="61"/>
                  </a:lnTo>
                  <a:lnTo>
                    <a:pt x="54" y="66"/>
                  </a:lnTo>
                  <a:lnTo>
                    <a:pt x="50" y="66"/>
                  </a:lnTo>
                  <a:lnTo>
                    <a:pt x="46" y="65"/>
                  </a:lnTo>
                  <a:lnTo>
                    <a:pt x="42" y="64"/>
                  </a:lnTo>
                  <a:lnTo>
                    <a:pt x="39" y="61"/>
                  </a:lnTo>
                  <a:lnTo>
                    <a:pt x="35" y="56"/>
                  </a:lnTo>
                  <a:lnTo>
                    <a:pt x="31" y="50"/>
                  </a:lnTo>
                  <a:lnTo>
                    <a:pt x="33" y="48"/>
                  </a:lnTo>
                  <a:lnTo>
                    <a:pt x="34" y="44"/>
                  </a:lnTo>
                  <a:lnTo>
                    <a:pt x="34" y="40"/>
                  </a:lnTo>
                  <a:lnTo>
                    <a:pt x="34" y="36"/>
                  </a:lnTo>
                  <a:lnTo>
                    <a:pt x="24" y="31"/>
                  </a:lnTo>
                  <a:lnTo>
                    <a:pt x="16" y="27"/>
                  </a:lnTo>
                  <a:lnTo>
                    <a:pt x="11" y="25"/>
                  </a:lnTo>
                  <a:lnTo>
                    <a:pt x="8" y="22"/>
                  </a:lnTo>
                  <a:lnTo>
                    <a:pt x="3" y="19"/>
                  </a:lnTo>
                  <a:lnTo>
                    <a:pt x="0" y="16"/>
                  </a:lnTo>
                  <a:lnTo>
                    <a:pt x="1" y="14"/>
                  </a:lnTo>
                  <a:lnTo>
                    <a:pt x="2" y="12"/>
                  </a:lnTo>
                  <a:lnTo>
                    <a:pt x="4" y="12"/>
                  </a:lnTo>
                  <a:lnTo>
                    <a:pt x="7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4" y="11"/>
                  </a:lnTo>
                  <a:lnTo>
                    <a:pt x="33" y="10"/>
                  </a:lnTo>
                  <a:lnTo>
                    <a:pt x="41" y="10"/>
                  </a:lnTo>
                  <a:lnTo>
                    <a:pt x="49" y="12"/>
                  </a:lnTo>
                  <a:lnTo>
                    <a:pt x="60" y="15"/>
                  </a:lnTo>
                  <a:lnTo>
                    <a:pt x="72" y="16"/>
                  </a:lnTo>
                  <a:lnTo>
                    <a:pt x="72" y="14"/>
                  </a:lnTo>
                  <a:lnTo>
                    <a:pt x="72" y="12"/>
                  </a:lnTo>
                  <a:lnTo>
                    <a:pt x="84" y="10"/>
                  </a:lnTo>
                  <a:lnTo>
                    <a:pt x="97" y="8"/>
                  </a:lnTo>
                  <a:lnTo>
                    <a:pt x="111" y="7"/>
                  </a:lnTo>
                  <a:lnTo>
                    <a:pt x="124" y="6"/>
                  </a:lnTo>
                  <a:lnTo>
                    <a:pt x="152" y="4"/>
                  </a:lnTo>
                  <a:lnTo>
                    <a:pt x="178" y="0"/>
                  </a:lnTo>
                  <a:lnTo>
                    <a:pt x="189" y="7"/>
                  </a:lnTo>
                  <a:lnTo>
                    <a:pt x="199" y="16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41" name="Høje-Taastrup"/>
            <p:cNvSpPr>
              <a:spLocks/>
            </p:cNvSpPr>
            <p:nvPr/>
          </p:nvSpPr>
          <p:spPr bwMode="auto">
            <a:xfrm>
              <a:off x="3692525" y="4914900"/>
              <a:ext cx="139700" cy="139700"/>
            </a:xfrm>
            <a:custGeom>
              <a:avLst/>
              <a:gdLst>
                <a:gd name="T0" fmla="*/ 123704 w 262"/>
                <a:gd name="T1" fmla="*/ 89429 h 264"/>
                <a:gd name="T2" fmla="*/ 97577 w 262"/>
                <a:gd name="T3" fmla="*/ 92604 h 264"/>
                <a:gd name="T4" fmla="*/ 81047 w 262"/>
                <a:gd name="T5" fmla="*/ 95250 h 264"/>
                <a:gd name="T6" fmla="*/ 75715 w 262"/>
                <a:gd name="T7" fmla="*/ 94192 h 264"/>
                <a:gd name="T8" fmla="*/ 69850 w 262"/>
                <a:gd name="T9" fmla="*/ 93663 h 264"/>
                <a:gd name="T10" fmla="*/ 59719 w 262"/>
                <a:gd name="T11" fmla="*/ 94192 h 264"/>
                <a:gd name="T12" fmla="*/ 50655 w 262"/>
                <a:gd name="T13" fmla="*/ 95250 h 264"/>
                <a:gd name="T14" fmla="*/ 46389 w 262"/>
                <a:gd name="T15" fmla="*/ 98425 h 264"/>
                <a:gd name="T16" fmla="*/ 49588 w 262"/>
                <a:gd name="T17" fmla="*/ 103188 h 264"/>
                <a:gd name="T18" fmla="*/ 54387 w 262"/>
                <a:gd name="T19" fmla="*/ 105833 h 264"/>
                <a:gd name="T20" fmla="*/ 60252 w 262"/>
                <a:gd name="T21" fmla="*/ 108479 h 264"/>
                <a:gd name="T22" fmla="*/ 63985 w 262"/>
                <a:gd name="T23" fmla="*/ 111125 h 264"/>
                <a:gd name="T24" fmla="*/ 63452 w 262"/>
                <a:gd name="T25" fmla="*/ 113771 h 264"/>
                <a:gd name="T26" fmla="*/ 59186 w 262"/>
                <a:gd name="T27" fmla="*/ 115358 h 264"/>
                <a:gd name="T28" fmla="*/ 55453 w 262"/>
                <a:gd name="T29" fmla="*/ 119063 h 264"/>
                <a:gd name="T30" fmla="*/ 49055 w 262"/>
                <a:gd name="T31" fmla="*/ 121708 h 264"/>
                <a:gd name="T32" fmla="*/ 42123 w 262"/>
                <a:gd name="T33" fmla="*/ 121179 h 264"/>
                <a:gd name="T34" fmla="*/ 40524 w 262"/>
                <a:gd name="T35" fmla="*/ 122767 h 264"/>
                <a:gd name="T36" fmla="*/ 38924 w 262"/>
                <a:gd name="T37" fmla="*/ 126471 h 264"/>
                <a:gd name="T38" fmla="*/ 38924 w 262"/>
                <a:gd name="T39" fmla="*/ 132821 h 264"/>
                <a:gd name="T40" fmla="*/ 38391 w 262"/>
                <a:gd name="T41" fmla="*/ 137054 h 264"/>
                <a:gd name="T42" fmla="*/ 37324 w 262"/>
                <a:gd name="T43" fmla="*/ 139171 h 264"/>
                <a:gd name="T44" fmla="*/ 32526 w 262"/>
                <a:gd name="T45" fmla="*/ 139700 h 264"/>
                <a:gd name="T46" fmla="*/ 26127 w 262"/>
                <a:gd name="T47" fmla="*/ 139171 h 264"/>
                <a:gd name="T48" fmla="*/ 17596 w 262"/>
                <a:gd name="T49" fmla="*/ 135467 h 264"/>
                <a:gd name="T50" fmla="*/ 12797 w 262"/>
                <a:gd name="T51" fmla="*/ 129646 h 264"/>
                <a:gd name="T52" fmla="*/ 11731 w 262"/>
                <a:gd name="T53" fmla="*/ 122238 h 264"/>
                <a:gd name="T54" fmla="*/ 12264 w 262"/>
                <a:gd name="T55" fmla="*/ 115888 h 264"/>
                <a:gd name="T56" fmla="*/ 11731 w 262"/>
                <a:gd name="T57" fmla="*/ 112713 h 264"/>
                <a:gd name="T58" fmla="*/ 11197 w 262"/>
                <a:gd name="T59" fmla="*/ 108479 h 264"/>
                <a:gd name="T60" fmla="*/ 9065 w 262"/>
                <a:gd name="T61" fmla="*/ 104246 h 264"/>
                <a:gd name="T62" fmla="*/ 5865 w 262"/>
                <a:gd name="T63" fmla="*/ 102129 h 264"/>
                <a:gd name="T64" fmla="*/ 3732 w 262"/>
                <a:gd name="T65" fmla="*/ 98425 h 264"/>
                <a:gd name="T66" fmla="*/ 3732 w 262"/>
                <a:gd name="T67" fmla="*/ 86783 h 264"/>
                <a:gd name="T68" fmla="*/ 4266 w 262"/>
                <a:gd name="T69" fmla="*/ 72496 h 264"/>
                <a:gd name="T70" fmla="*/ 3199 w 262"/>
                <a:gd name="T71" fmla="*/ 64029 h 264"/>
                <a:gd name="T72" fmla="*/ 1600 w 262"/>
                <a:gd name="T73" fmla="*/ 57150 h 264"/>
                <a:gd name="T74" fmla="*/ 1066 w 262"/>
                <a:gd name="T75" fmla="*/ 50271 h 264"/>
                <a:gd name="T76" fmla="*/ 4266 w 262"/>
                <a:gd name="T77" fmla="*/ 46038 h 264"/>
                <a:gd name="T78" fmla="*/ 10664 w 262"/>
                <a:gd name="T79" fmla="*/ 41275 h 264"/>
                <a:gd name="T80" fmla="*/ 15996 w 262"/>
                <a:gd name="T81" fmla="*/ 36513 h 264"/>
                <a:gd name="T82" fmla="*/ 20795 w 262"/>
                <a:gd name="T83" fmla="*/ 31750 h 264"/>
                <a:gd name="T84" fmla="*/ 27194 w 262"/>
                <a:gd name="T85" fmla="*/ 30692 h 264"/>
                <a:gd name="T86" fmla="*/ 34125 w 262"/>
                <a:gd name="T87" fmla="*/ 31221 h 264"/>
                <a:gd name="T88" fmla="*/ 41057 w 262"/>
                <a:gd name="T89" fmla="*/ 31221 h 264"/>
                <a:gd name="T90" fmla="*/ 51721 w 262"/>
                <a:gd name="T91" fmla="*/ 25929 h 264"/>
                <a:gd name="T92" fmla="*/ 57586 w 262"/>
                <a:gd name="T93" fmla="*/ 16404 h 264"/>
                <a:gd name="T94" fmla="*/ 56520 w 262"/>
                <a:gd name="T95" fmla="*/ 8996 h 264"/>
                <a:gd name="T96" fmla="*/ 57586 w 262"/>
                <a:gd name="T97" fmla="*/ 5821 h 264"/>
                <a:gd name="T98" fmla="*/ 63985 w 262"/>
                <a:gd name="T99" fmla="*/ 1588 h 264"/>
                <a:gd name="T100" fmla="*/ 79981 w 262"/>
                <a:gd name="T101" fmla="*/ 3704 h 264"/>
                <a:gd name="T102" fmla="*/ 101842 w 262"/>
                <a:gd name="T103" fmla="*/ 11113 h 264"/>
                <a:gd name="T104" fmla="*/ 117305 w 262"/>
                <a:gd name="T105" fmla="*/ 20638 h 264"/>
                <a:gd name="T106" fmla="*/ 121038 w 262"/>
                <a:gd name="T107" fmla="*/ 32808 h 264"/>
                <a:gd name="T108" fmla="*/ 119438 w 262"/>
                <a:gd name="T109" fmla="*/ 40746 h 264"/>
                <a:gd name="T110" fmla="*/ 119438 w 262"/>
                <a:gd name="T111" fmla="*/ 46038 h 264"/>
                <a:gd name="T112" fmla="*/ 122637 w 262"/>
                <a:gd name="T113" fmla="*/ 53446 h 264"/>
                <a:gd name="T114" fmla="*/ 125837 w 262"/>
                <a:gd name="T115" fmla="*/ 62442 h 264"/>
                <a:gd name="T116" fmla="*/ 129036 w 262"/>
                <a:gd name="T117" fmla="*/ 67733 h 264"/>
                <a:gd name="T118" fmla="*/ 133302 w 262"/>
                <a:gd name="T119" fmla="*/ 71967 h 264"/>
                <a:gd name="T120" fmla="*/ 137567 w 262"/>
                <a:gd name="T121" fmla="*/ 76729 h 264"/>
                <a:gd name="T122" fmla="*/ 139700 w 262"/>
                <a:gd name="T123" fmla="*/ 82021 h 264"/>
                <a:gd name="T124" fmla="*/ 139167 w 262"/>
                <a:gd name="T125" fmla="*/ 86783 h 264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262" h="264">
                  <a:moveTo>
                    <a:pt x="259" y="168"/>
                  </a:moveTo>
                  <a:lnTo>
                    <a:pt x="232" y="169"/>
                  </a:lnTo>
                  <a:lnTo>
                    <a:pt x="207" y="171"/>
                  </a:lnTo>
                  <a:lnTo>
                    <a:pt x="183" y="175"/>
                  </a:lnTo>
                  <a:lnTo>
                    <a:pt x="160" y="180"/>
                  </a:lnTo>
                  <a:lnTo>
                    <a:pt x="152" y="180"/>
                  </a:lnTo>
                  <a:lnTo>
                    <a:pt x="145" y="179"/>
                  </a:lnTo>
                  <a:lnTo>
                    <a:pt x="142" y="178"/>
                  </a:lnTo>
                  <a:lnTo>
                    <a:pt x="137" y="177"/>
                  </a:lnTo>
                  <a:lnTo>
                    <a:pt x="131" y="177"/>
                  </a:lnTo>
                  <a:lnTo>
                    <a:pt x="125" y="177"/>
                  </a:lnTo>
                  <a:lnTo>
                    <a:pt x="112" y="178"/>
                  </a:lnTo>
                  <a:lnTo>
                    <a:pt x="104" y="180"/>
                  </a:lnTo>
                  <a:lnTo>
                    <a:pt x="95" y="180"/>
                  </a:lnTo>
                  <a:lnTo>
                    <a:pt x="86" y="180"/>
                  </a:lnTo>
                  <a:lnTo>
                    <a:pt x="87" y="186"/>
                  </a:lnTo>
                  <a:lnTo>
                    <a:pt x="90" y="191"/>
                  </a:lnTo>
                  <a:lnTo>
                    <a:pt x="93" y="195"/>
                  </a:lnTo>
                  <a:lnTo>
                    <a:pt x="98" y="198"/>
                  </a:lnTo>
                  <a:lnTo>
                    <a:pt x="102" y="200"/>
                  </a:lnTo>
                  <a:lnTo>
                    <a:pt x="107" y="203"/>
                  </a:lnTo>
                  <a:lnTo>
                    <a:pt x="113" y="205"/>
                  </a:lnTo>
                  <a:lnTo>
                    <a:pt x="119" y="206"/>
                  </a:lnTo>
                  <a:lnTo>
                    <a:pt x="120" y="210"/>
                  </a:lnTo>
                  <a:lnTo>
                    <a:pt x="120" y="213"/>
                  </a:lnTo>
                  <a:lnTo>
                    <a:pt x="119" y="215"/>
                  </a:lnTo>
                  <a:lnTo>
                    <a:pt x="117" y="216"/>
                  </a:lnTo>
                  <a:lnTo>
                    <a:pt x="111" y="218"/>
                  </a:lnTo>
                  <a:lnTo>
                    <a:pt x="106" y="220"/>
                  </a:lnTo>
                  <a:lnTo>
                    <a:pt x="104" y="225"/>
                  </a:lnTo>
                  <a:lnTo>
                    <a:pt x="104" y="231"/>
                  </a:lnTo>
                  <a:lnTo>
                    <a:pt x="92" y="230"/>
                  </a:lnTo>
                  <a:lnTo>
                    <a:pt x="81" y="229"/>
                  </a:lnTo>
                  <a:lnTo>
                    <a:pt x="79" y="229"/>
                  </a:lnTo>
                  <a:lnTo>
                    <a:pt x="77" y="230"/>
                  </a:lnTo>
                  <a:lnTo>
                    <a:pt x="76" y="232"/>
                  </a:lnTo>
                  <a:lnTo>
                    <a:pt x="75" y="234"/>
                  </a:lnTo>
                  <a:lnTo>
                    <a:pt x="73" y="239"/>
                  </a:lnTo>
                  <a:lnTo>
                    <a:pt x="73" y="245"/>
                  </a:lnTo>
                  <a:lnTo>
                    <a:pt x="73" y="251"/>
                  </a:lnTo>
                  <a:lnTo>
                    <a:pt x="72" y="256"/>
                  </a:lnTo>
                  <a:lnTo>
                    <a:pt x="72" y="259"/>
                  </a:lnTo>
                  <a:lnTo>
                    <a:pt x="71" y="261"/>
                  </a:lnTo>
                  <a:lnTo>
                    <a:pt x="70" y="263"/>
                  </a:lnTo>
                  <a:lnTo>
                    <a:pt x="68" y="264"/>
                  </a:lnTo>
                  <a:lnTo>
                    <a:pt x="61" y="264"/>
                  </a:lnTo>
                  <a:lnTo>
                    <a:pt x="55" y="264"/>
                  </a:lnTo>
                  <a:lnTo>
                    <a:pt x="49" y="263"/>
                  </a:lnTo>
                  <a:lnTo>
                    <a:pt x="44" y="260"/>
                  </a:lnTo>
                  <a:lnTo>
                    <a:pt x="33" y="256"/>
                  </a:lnTo>
                  <a:lnTo>
                    <a:pt x="25" y="251"/>
                  </a:lnTo>
                  <a:lnTo>
                    <a:pt x="24" y="245"/>
                  </a:lnTo>
                  <a:lnTo>
                    <a:pt x="23" y="238"/>
                  </a:lnTo>
                  <a:lnTo>
                    <a:pt x="22" y="231"/>
                  </a:lnTo>
                  <a:lnTo>
                    <a:pt x="23" y="224"/>
                  </a:lnTo>
                  <a:lnTo>
                    <a:pt x="23" y="219"/>
                  </a:lnTo>
                  <a:lnTo>
                    <a:pt x="23" y="216"/>
                  </a:lnTo>
                  <a:lnTo>
                    <a:pt x="22" y="213"/>
                  </a:lnTo>
                  <a:lnTo>
                    <a:pt x="20" y="211"/>
                  </a:lnTo>
                  <a:lnTo>
                    <a:pt x="21" y="205"/>
                  </a:lnTo>
                  <a:lnTo>
                    <a:pt x="19" y="200"/>
                  </a:lnTo>
                  <a:lnTo>
                    <a:pt x="17" y="197"/>
                  </a:lnTo>
                  <a:lnTo>
                    <a:pt x="13" y="195"/>
                  </a:lnTo>
                  <a:lnTo>
                    <a:pt x="11" y="193"/>
                  </a:lnTo>
                  <a:lnTo>
                    <a:pt x="8" y="190"/>
                  </a:lnTo>
                  <a:lnTo>
                    <a:pt x="7" y="186"/>
                  </a:lnTo>
                  <a:lnTo>
                    <a:pt x="7" y="180"/>
                  </a:lnTo>
                  <a:lnTo>
                    <a:pt x="7" y="164"/>
                  </a:lnTo>
                  <a:lnTo>
                    <a:pt x="8" y="146"/>
                  </a:lnTo>
                  <a:lnTo>
                    <a:pt x="8" y="137"/>
                  </a:lnTo>
                  <a:lnTo>
                    <a:pt x="7" y="129"/>
                  </a:lnTo>
                  <a:lnTo>
                    <a:pt x="6" y="121"/>
                  </a:lnTo>
                  <a:lnTo>
                    <a:pt x="5" y="114"/>
                  </a:lnTo>
                  <a:lnTo>
                    <a:pt x="3" y="108"/>
                  </a:lnTo>
                  <a:lnTo>
                    <a:pt x="0" y="101"/>
                  </a:lnTo>
                  <a:lnTo>
                    <a:pt x="2" y="95"/>
                  </a:lnTo>
                  <a:lnTo>
                    <a:pt x="5" y="90"/>
                  </a:lnTo>
                  <a:lnTo>
                    <a:pt x="8" y="87"/>
                  </a:lnTo>
                  <a:lnTo>
                    <a:pt x="11" y="84"/>
                  </a:lnTo>
                  <a:lnTo>
                    <a:pt x="20" y="78"/>
                  </a:lnTo>
                  <a:lnTo>
                    <a:pt x="28" y="74"/>
                  </a:lnTo>
                  <a:lnTo>
                    <a:pt x="30" y="69"/>
                  </a:lnTo>
                  <a:lnTo>
                    <a:pt x="32" y="64"/>
                  </a:lnTo>
                  <a:lnTo>
                    <a:pt x="39" y="60"/>
                  </a:lnTo>
                  <a:lnTo>
                    <a:pt x="45" y="58"/>
                  </a:lnTo>
                  <a:lnTo>
                    <a:pt x="51" y="58"/>
                  </a:lnTo>
                  <a:lnTo>
                    <a:pt x="58" y="58"/>
                  </a:lnTo>
                  <a:lnTo>
                    <a:pt x="64" y="59"/>
                  </a:lnTo>
                  <a:lnTo>
                    <a:pt x="70" y="60"/>
                  </a:lnTo>
                  <a:lnTo>
                    <a:pt x="77" y="59"/>
                  </a:lnTo>
                  <a:lnTo>
                    <a:pt x="84" y="58"/>
                  </a:lnTo>
                  <a:lnTo>
                    <a:pt x="97" y="49"/>
                  </a:lnTo>
                  <a:lnTo>
                    <a:pt x="109" y="40"/>
                  </a:lnTo>
                  <a:lnTo>
                    <a:pt x="108" y="31"/>
                  </a:lnTo>
                  <a:lnTo>
                    <a:pt x="107" y="22"/>
                  </a:lnTo>
                  <a:lnTo>
                    <a:pt x="106" y="17"/>
                  </a:lnTo>
                  <a:lnTo>
                    <a:pt x="107" y="14"/>
                  </a:lnTo>
                  <a:lnTo>
                    <a:pt x="108" y="11"/>
                  </a:lnTo>
                  <a:lnTo>
                    <a:pt x="111" y="8"/>
                  </a:lnTo>
                  <a:lnTo>
                    <a:pt x="120" y="3"/>
                  </a:lnTo>
                  <a:lnTo>
                    <a:pt x="129" y="0"/>
                  </a:lnTo>
                  <a:lnTo>
                    <a:pt x="150" y="7"/>
                  </a:lnTo>
                  <a:lnTo>
                    <a:pt x="170" y="14"/>
                  </a:lnTo>
                  <a:lnTo>
                    <a:pt x="191" y="21"/>
                  </a:lnTo>
                  <a:lnTo>
                    <a:pt x="214" y="28"/>
                  </a:lnTo>
                  <a:lnTo>
                    <a:pt x="220" y="39"/>
                  </a:lnTo>
                  <a:lnTo>
                    <a:pt x="226" y="53"/>
                  </a:lnTo>
                  <a:lnTo>
                    <a:pt x="227" y="62"/>
                  </a:lnTo>
                  <a:lnTo>
                    <a:pt x="227" y="72"/>
                  </a:lnTo>
                  <a:lnTo>
                    <a:pt x="224" y="77"/>
                  </a:lnTo>
                  <a:lnTo>
                    <a:pt x="224" y="81"/>
                  </a:lnTo>
                  <a:lnTo>
                    <a:pt x="224" y="87"/>
                  </a:lnTo>
                  <a:lnTo>
                    <a:pt x="226" y="91"/>
                  </a:lnTo>
                  <a:lnTo>
                    <a:pt x="230" y="101"/>
                  </a:lnTo>
                  <a:lnTo>
                    <a:pt x="234" y="112"/>
                  </a:lnTo>
                  <a:lnTo>
                    <a:pt x="236" y="118"/>
                  </a:lnTo>
                  <a:lnTo>
                    <a:pt x="238" y="124"/>
                  </a:lnTo>
                  <a:lnTo>
                    <a:pt x="242" y="128"/>
                  </a:lnTo>
                  <a:lnTo>
                    <a:pt x="246" y="132"/>
                  </a:lnTo>
                  <a:lnTo>
                    <a:pt x="250" y="136"/>
                  </a:lnTo>
                  <a:lnTo>
                    <a:pt x="255" y="140"/>
                  </a:lnTo>
                  <a:lnTo>
                    <a:pt x="258" y="145"/>
                  </a:lnTo>
                  <a:lnTo>
                    <a:pt x="261" y="150"/>
                  </a:lnTo>
                  <a:lnTo>
                    <a:pt x="262" y="155"/>
                  </a:lnTo>
                  <a:lnTo>
                    <a:pt x="262" y="159"/>
                  </a:lnTo>
                  <a:lnTo>
                    <a:pt x="261" y="164"/>
                  </a:lnTo>
                  <a:lnTo>
                    <a:pt x="259" y="168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42" name="Høje-Taastrup kant"/>
            <p:cNvSpPr>
              <a:spLocks/>
            </p:cNvSpPr>
            <p:nvPr/>
          </p:nvSpPr>
          <p:spPr bwMode="auto">
            <a:xfrm>
              <a:off x="3692525" y="4914900"/>
              <a:ext cx="139700" cy="139700"/>
            </a:xfrm>
            <a:custGeom>
              <a:avLst/>
              <a:gdLst>
                <a:gd name="T0" fmla="*/ 123704 w 262"/>
                <a:gd name="T1" fmla="*/ 89429 h 264"/>
                <a:gd name="T2" fmla="*/ 97577 w 262"/>
                <a:gd name="T3" fmla="*/ 92604 h 264"/>
                <a:gd name="T4" fmla="*/ 81047 w 262"/>
                <a:gd name="T5" fmla="*/ 95250 h 264"/>
                <a:gd name="T6" fmla="*/ 75715 w 262"/>
                <a:gd name="T7" fmla="*/ 94192 h 264"/>
                <a:gd name="T8" fmla="*/ 69850 w 262"/>
                <a:gd name="T9" fmla="*/ 93663 h 264"/>
                <a:gd name="T10" fmla="*/ 59719 w 262"/>
                <a:gd name="T11" fmla="*/ 94192 h 264"/>
                <a:gd name="T12" fmla="*/ 50655 w 262"/>
                <a:gd name="T13" fmla="*/ 95250 h 264"/>
                <a:gd name="T14" fmla="*/ 46389 w 262"/>
                <a:gd name="T15" fmla="*/ 98425 h 264"/>
                <a:gd name="T16" fmla="*/ 49588 w 262"/>
                <a:gd name="T17" fmla="*/ 103188 h 264"/>
                <a:gd name="T18" fmla="*/ 54387 w 262"/>
                <a:gd name="T19" fmla="*/ 105833 h 264"/>
                <a:gd name="T20" fmla="*/ 60252 w 262"/>
                <a:gd name="T21" fmla="*/ 108479 h 264"/>
                <a:gd name="T22" fmla="*/ 63985 w 262"/>
                <a:gd name="T23" fmla="*/ 111125 h 264"/>
                <a:gd name="T24" fmla="*/ 63452 w 262"/>
                <a:gd name="T25" fmla="*/ 113771 h 264"/>
                <a:gd name="T26" fmla="*/ 59186 w 262"/>
                <a:gd name="T27" fmla="*/ 115358 h 264"/>
                <a:gd name="T28" fmla="*/ 55453 w 262"/>
                <a:gd name="T29" fmla="*/ 119063 h 264"/>
                <a:gd name="T30" fmla="*/ 49055 w 262"/>
                <a:gd name="T31" fmla="*/ 121708 h 264"/>
                <a:gd name="T32" fmla="*/ 42123 w 262"/>
                <a:gd name="T33" fmla="*/ 121179 h 264"/>
                <a:gd name="T34" fmla="*/ 40524 w 262"/>
                <a:gd name="T35" fmla="*/ 122767 h 264"/>
                <a:gd name="T36" fmla="*/ 38924 w 262"/>
                <a:gd name="T37" fmla="*/ 126471 h 264"/>
                <a:gd name="T38" fmla="*/ 38924 w 262"/>
                <a:gd name="T39" fmla="*/ 132821 h 264"/>
                <a:gd name="T40" fmla="*/ 38391 w 262"/>
                <a:gd name="T41" fmla="*/ 137054 h 264"/>
                <a:gd name="T42" fmla="*/ 37324 w 262"/>
                <a:gd name="T43" fmla="*/ 139171 h 264"/>
                <a:gd name="T44" fmla="*/ 32526 w 262"/>
                <a:gd name="T45" fmla="*/ 139700 h 264"/>
                <a:gd name="T46" fmla="*/ 26127 w 262"/>
                <a:gd name="T47" fmla="*/ 139171 h 264"/>
                <a:gd name="T48" fmla="*/ 17596 w 262"/>
                <a:gd name="T49" fmla="*/ 135467 h 264"/>
                <a:gd name="T50" fmla="*/ 12797 w 262"/>
                <a:gd name="T51" fmla="*/ 129646 h 264"/>
                <a:gd name="T52" fmla="*/ 11731 w 262"/>
                <a:gd name="T53" fmla="*/ 122238 h 264"/>
                <a:gd name="T54" fmla="*/ 12264 w 262"/>
                <a:gd name="T55" fmla="*/ 115888 h 264"/>
                <a:gd name="T56" fmla="*/ 11731 w 262"/>
                <a:gd name="T57" fmla="*/ 112713 h 264"/>
                <a:gd name="T58" fmla="*/ 11197 w 262"/>
                <a:gd name="T59" fmla="*/ 108479 h 264"/>
                <a:gd name="T60" fmla="*/ 9065 w 262"/>
                <a:gd name="T61" fmla="*/ 104246 h 264"/>
                <a:gd name="T62" fmla="*/ 5865 w 262"/>
                <a:gd name="T63" fmla="*/ 102129 h 264"/>
                <a:gd name="T64" fmla="*/ 3732 w 262"/>
                <a:gd name="T65" fmla="*/ 98425 h 264"/>
                <a:gd name="T66" fmla="*/ 3732 w 262"/>
                <a:gd name="T67" fmla="*/ 86783 h 264"/>
                <a:gd name="T68" fmla="*/ 4266 w 262"/>
                <a:gd name="T69" fmla="*/ 72496 h 264"/>
                <a:gd name="T70" fmla="*/ 3199 w 262"/>
                <a:gd name="T71" fmla="*/ 64029 h 264"/>
                <a:gd name="T72" fmla="*/ 1600 w 262"/>
                <a:gd name="T73" fmla="*/ 57150 h 264"/>
                <a:gd name="T74" fmla="*/ 1066 w 262"/>
                <a:gd name="T75" fmla="*/ 50271 h 264"/>
                <a:gd name="T76" fmla="*/ 4266 w 262"/>
                <a:gd name="T77" fmla="*/ 46038 h 264"/>
                <a:gd name="T78" fmla="*/ 10664 w 262"/>
                <a:gd name="T79" fmla="*/ 41275 h 264"/>
                <a:gd name="T80" fmla="*/ 15996 w 262"/>
                <a:gd name="T81" fmla="*/ 36513 h 264"/>
                <a:gd name="T82" fmla="*/ 20795 w 262"/>
                <a:gd name="T83" fmla="*/ 31750 h 264"/>
                <a:gd name="T84" fmla="*/ 27194 w 262"/>
                <a:gd name="T85" fmla="*/ 30692 h 264"/>
                <a:gd name="T86" fmla="*/ 34125 w 262"/>
                <a:gd name="T87" fmla="*/ 31221 h 264"/>
                <a:gd name="T88" fmla="*/ 41057 w 262"/>
                <a:gd name="T89" fmla="*/ 31221 h 264"/>
                <a:gd name="T90" fmla="*/ 51721 w 262"/>
                <a:gd name="T91" fmla="*/ 25929 h 264"/>
                <a:gd name="T92" fmla="*/ 57586 w 262"/>
                <a:gd name="T93" fmla="*/ 16404 h 264"/>
                <a:gd name="T94" fmla="*/ 56520 w 262"/>
                <a:gd name="T95" fmla="*/ 8996 h 264"/>
                <a:gd name="T96" fmla="*/ 57586 w 262"/>
                <a:gd name="T97" fmla="*/ 5821 h 264"/>
                <a:gd name="T98" fmla="*/ 63985 w 262"/>
                <a:gd name="T99" fmla="*/ 1588 h 264"/>
                <a:gd name="T100" fmla="*/ 79981 w 262"/>
                <a:gd name="T101" fmla="*/ 3704 h 264"/>
                <a:gd name="T102" fmla="*/ 101842 w 262"/>
                <a:gd name="T103" fmla="*/ 11113 h 264"/>
                <a:gd name="T104" fmla="*/ 117305 w 262"/>
                <a:gd name="T105" fmla="*/ 20638 h 264"/>
                <a:gd name="T106" fmla="*/ 121038 w 262"/>
                <a:gd name="T107" fmla="*/ 32808 h 264"/>
                <a:gd name="T108" fmla="*/ 119438 w 262"/>
                <a:gd name="T109" fmla="*/ 40746 h 264"/>
                <a:gd name="T110" fmla="*/ 119438 w 262"/>
                <a:gd name="T111" fmla="*/ 46038 h 264"/>
                <a:gd name="T112" fmla="*/ 122637 w 262"/>
                <a:gd name="T113" fmla="*/ 53446 h 264"/>
                <a:gd name="T114" fmla="*/ 125837 w 262"/>
                <a:gd name="T115" fmla="*/ 62442 h 264"/>
                <a:gd name="T116" fmla="*/ 129036 w 262"/>
                <a:gd name="T117" fmla="*/ 67733 h 264"/>
                <a:gd name="T118" fmla="*/ 133302 w 262"/>
                <a:gd name="T119" fmla="*/ 71967 h 264"/>
                <a:gd name="T120" fmla="*/ 137567 w 262"/>
                <a:gd name="T121" fmla="*/ 76729 h 264"/>
                <a:gd name="T122" fmla="*/ 139700 w 262"/>
                <a:gd name="T123" fmla="*/ 82021 h 264"/>
                <a:gd name="T124" fmla="*/ 139167 w 262"/>
                <a:gd name="T125" fmla="*/ 86783 h 264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262" h="264">
                  <a:moveTo>
                    <a:pt x="259" y="168"/>
                  </a:moveTo>
                  <a:lnTo>
                    <a:pt x="232" y="169"/>
                  </a:lnTo>
                  <a:lnTo>
                    <a:pt x="207" y="171"/>
                  </a:lnTo>
                  <a:lnTo>
                    <a:pt x="183" y="175"/>
                  </a:lnTo>
                  <a:lnTo>
                    <a:pt x="160" y="180"/>
                  </a:lnTo>
                  <a:lnTo>
                    <a:pt x="152" y="180"/>
                  </a:lnTo>
                  <a:lnTo>
                    <a:pt x="145" y="179"/>
                  </a:lnTo>
                  <a:lnTo>
                    <a:pt x="142" y="178"/>
                  </a:lnTo>
                  <a:lnTo>
                    <a:pt x="137" y="177"/>
                  </a:lnTo>
                  <a:lnTo>
                    <a:pt x="131" y="177"/>
                  </a:lnTo>
                  <a:lnTo>
                    <a:pt x="125" y="177"/>
                  </a:lnTo>
                  <a:lnTo>
                    <a:pt x="112" y="178"/>
                  </a:lnTo>
                  <a:lnTo>
                    <a:pt x="104" y="180"/>
                  </a:lnTo>
                  <a:lnTo>
                    <a:pt x="95" y="180"/>
                  </a:lnTo>
                  <a:lnTo>
                    <a:pt x="86" y="180"/>
                  </a:lnTo>
                  <a:lnTo>
                    <a:pt x="87" y="186"/>
                  </a:lnTo>
                  <a:lnTo>
                    <a:pt x="90" y="191"/>
                  </a:lnTo>
                  <a:lnTo>
                    <a:pt x="93" y="195"/>
                  </a:lnTo>
                  <a:lnTo>
                    <a:pt x="98" y="198"/>
                  </a:lnTo>
                  <a:lnTo>
                    <a:pt x="102" y="200"/>
                  </a:lnTo>
                  <a:lnTo>
                    <a:pt x="107" y="203"/>
                  </a:lnTo>
                  <a:lnTo>
                    <a:pt x="113" y="205"/>
                  </a:lnTo>
                  <a:lnTo>
                    <a:pt x="119" y="206"/>
                  </a:lnTo>
                  <a:lnTo>
                    <a:pt x="120" y="210"/>
                  </a:lnTo>
                  <a:lnTo>
                    <a:pt x="120" y="213"/>
                  </a:lnTo>
                  <a:lnTo>
                    <a:pt x="119" y="215"/>
                  </a:lnTo>
                  <a:lnTo>
                    <a:pt x="117" y="216"/>
                  </a:lnTo>
                  <a:lnTo>
                    <a:pt x="111" y="218"/>
                  </a:lnTo>
                  <a:lnTo>
                    <a:pt x="106" y="220"/>
                  </a:lnTo>
                  <a:lnTo>
                    <a:pt x="104" y="225"/>
                  </a:lnTo>
                  <a:lnTo>
                    <a:pt x="104" y="231"/>
                  </a:lnTo>
                  <a:lnTo>
                    <a:pt x="92" y="230"/>
                  </a:lnTo>
                  <a:lnTo>
                    <a:pt x="81" y="229"/>
                  </a:lnTo>
                  <a:lnTo>
                    <a:pt x="79" y="229"/>
                  </a:lnTo>
                  <a:lnTo>
                    <a:pt x="77" y="230"/>
                  </a:lnTo>
                  <a:lnTo>
                    <a:pt x="76" y="232"/>
                  </a:lnTo>
                  <a:lnTo>
                    <a:pt x="75" y="234"/>
                  </a:lnTo>
                  <a:lnTo>
                    <a:pt x="73" y="239"/>
                  </a:lnTo>
                  <a:lnTo>
                    <a:pt x="73" y="245"/>
                  </a:lnTo>
                  <a:lnTo>
                    <a:pt x="73" y="251"/>
                  </a:lnTo>
                  <a:lnTo>
                    <a:pt x="72" y="256"/>
                  </a:lnTo>
                  <a:lnTo>
                    <a:pt x="72" y="259"/>
                  </a:lnTo>
                  <a:lnTo>
                    <a:pt x="71" y="261"/>
                  </a:lnTo>
                  <a:lnTo>
                    <a:pt x="70" y="263"/>
                  </a:lnTo>
                  <a:lnTo>
                    <a:pt x="68" y="264"/>
                  </a:lnTo>
                  <a:lnTo>
                    <a:pt x="61" y="264"/>
                  </a:lnTo>
                  <a:lnTo>
                    <a:pt x="55" y="264"/>
                  </a:lnTo>
                  <a:lnTo>
                    <a:pt x="49" y="263"/>
                  </a:lnTo>
                  <a:lnTo>
                    <a:pt x="44" y="260"/>
                  </a:lnTo>
                  <a:lnTo>
                    <a:pt x="33" y="256"/>
                  </a:lnTo>
                  <a:lnTo>
                    <a:pt x="25" y="251"/>
                  </a:lnTo>
                  <a:lnTo>
                    <a:pt x="24" y="245"/>
                  </a:lnTo>
                  <a:lnTo>
                    <a:pt x="23" y="238"/>
                  </a:lnTo>
                  <a:lnTo>
                    <a:pt x="22" y="231"/>
                  </a:lnTo>
                  <a:lnTo>
                    <a:pt x="23" y="224"/>
                  </a:lnTo>
                  <a:lnTo>
                    <a:pt x="23" y="219"/>
                  </a:lnTo>
                  <a:lnTo>
                    <a:pt x="23" y="216"/>
                  </a:lnTo>
                  <a:lnTo>
                    <a:pt x="22" y="213"/>
                  </a:lnTo>
                  <a:lnTo>
                    <a:pt x="20" y="211"/>
                  </a:lnTo>
                  <a:lnTo>
                    <a:pt x="21" y="205"/>
                  </a:lnTo>
                  <a:lnTo>
                    <a:pt x="19" y="200"/>
                  </a:lnTo>
                  <a:lnTo>
                    <a:pt x="17" y="197"/>
                  </a:lnTo>
                  <a:lnTo>
                    <a:pt x="13" y="195"/>
                  </a:lnTo>
                  <a:lnTo>
                    <a:pt x="11" y="193"/>
                  </a:lnTo>
                  <a:lnTo>
                    <a:pt x="8" y="190"/>
                  </a:lnTo>
                  <a:lnTo>
                    <a:pt x="7" y="186"/>
                  </a:lnTo>
                  <a:lnTo>
                    <a:pt x="7" y="180"/>
                  </a:lnTo>
                  <a:lnTo>
                    <a:pt x="7" y="164"/>
                  </a:lnTo>
                  <a:lnTo>
                    <a:pt x="8" y="146"/>
                  </a:lnTo>
                  <a:lnTo>
                    <a:pt x="8" y="137"/>
                  </a:lnTo>
                  <a:lnTo>
                    <a:pt x="7" y="129"/>
                  </a:lnTo>
                  <a:lnTo>
                    <a:pt x="6" y="121"/>
                  </a:lnTo>
                  <a:lnTo>
                    <a:pt x="5" y="114"/>
                  </a:lnTo>
                  <a:lnTo>
                    <a:pt x="3" y="108"/>
                  </a:lnTo>
                  <a:lnTo>
                    <a:pt x="0" y="101"/>
                  </a:lnTo>
                  <a:lnTo>
                    <a:pt x="2" y="95"/>
                  </a:lnTo>
                  <a:lnTo>
                    <a:pt x="5" y="90"/>
                  </a:lnTo>
                  <a:lnTo>
                    <a:pt x="8" y="87"/>
                  </a:lnTo>
                  <a:lnTo>
                    <a:pt x="11" y="84"/>
                  </a:lnTo>
                  <a:lnTo>
                    <a:pt x="20" y="78"/>
                  </a:lnTo>
                  <a:lnTo>
                    <a:pt x="28" y="74"/>
                  </a:lnTo>
                  <a:lnTo>
                    <a:pt x="30" y="69"/>
                  </a:lnTo>
                  <a:lnTo>
                    <a:pt x="32" y="64"/>
                  </a:lnTo>
                  <a:lnTo>
                    <a:pt x="39" y="60"/>
                  </a:lnTo>
                  <a:lnTo>
                    <a:pt x="45" y="58"/>
                  </a:lnTo>
                  <a:lnTo>
                    <a:pt x="51" y="58"/>
                  </a:lnTo>
                  <a:lnTo>
                    <a:pt x="58" y="58"/>
                  </a:lnTo>
                  <a:lnTo>
                    <a:pt x="64" y="59"/>
                  </a:lnTo>
                  <a:lnTo>
                    <a:pt x="70" y="60"/>
                  </a:lnTo>
                  <a:lnTo>
                    <a:pt x="77" y="59"/>
                  </a:lnTo>
                  <a:lnTo>
                    <a:pt x="84" y="58"/>
                  </a:lnTo>
                  <a:lnTo>
                    <a:pt x="97" y="49"/>
                  </a:lnTo>
                  <a:lnTo>
                    <a:pt x="109" y="40"/>
                  </a:lnTo>
                  <a:lnTo>
                    <a:pt x="108" y="31"/>
                  </a:lnTo>
                  <a:lnTo>
                    <a:pt x="107" y="22"/>
                  </a:lnTo>
                  <a:lnTo>
                    <a:pt x="106" y="17"/>
                  </a:lnTo>
                  <a:lnTo>
                    <a:pt x="107" y="14"/>
                  </a:lnTo>
                  <a:lnTo>
                    <a:pt x="108" y="11"/>
                  </a:lnTo>
                  <a:lnTo>
                    <a:pt x="111" y="8"/>
                  </a:lnTo>
                  <a:lnTo>
                    <a:pt x="120" y="3"/>
                  </a:lnTo>
                  <a:lnTo>
                    <a:pt x="129" y="0"/>
                  </a:lnTo>
                  <a:lnTo>
                    <a:pt x="150" y="7"/>
                  </a:lnTo>
                  <a:lnTo>
                    <a:pt x="170" y="14"/>
                  </a:lnTo>
                  <a:lnTo>
                    <a:pt x="191" y="21"/>
                  </a:lnTo>
                  <a:lnTo>
                    <a:pt x="214" y="28"/>
                  </a:lnTo>
                  <a:lnTo>
                    <a:pt x="220" y="39"/>
                  </a:lnTo>
                  <a:lnTo>
                    <a:pt x="226" y="53"/>
                  </a:lnTo>
                  <a:lnTo>
                    <a:pt x="227" y="62"/>
                  </a:lnTo>
                  <a:lnTo>
                    <a:pt x="227" y="72"/>
                  </a:lnTo>
                  <a:lnTo>
                    <a:pt x="224" y="77"/>
                  </a:lnTo>
                  <a:lnTo>
                    <a:pt x="224" y="81"/>
                  </a:lnTo>
                  <a:lnTo>
                    <a:pt x="224" y="87"/>
                  </a:lnTo>
                  <a:lnTo>
                    <a:pt x="226" y="91"/>
                  </a:lnTo>
                  <a:lnTo>
                    <a:pt x="230" y="101"/>
                  </a:lnTo>
                  <a:lnTo>
                    <a:pt x="234" y="112"/>
                  </a:lnTo>
                  <a:lnTo>
                    <a:pt x="236" y="118"/>
                  </a:lnTo>
                  <a:lnTo>
                    <a:pt x="238" y="124"/>
                  </a:lnTo>
                  <a:lnTo>
                    <a:pt x="242" y="128"/>
                  </a:lnTo>
                  <a:lnTo>
                    <a:pt x="246" y="132"/>
                  </a:lnTo>
                  <a:lnTo>
                    <a:pt x="250" y="136"/>
                  </a:lnTo>
                  <a:lnTo>
                    <a:pt x="255" y="140"/>
                  </a:lnTo>
                  <a:lnTo>
                    <a:pt x="258" y="145"/>
                  </a:lnTo>
                  <a:lnTo>
                    <a:pt x="261" y="150"/>
                  </a:lnTo>
                  <a:lnTo>
                    <a:pt x="262" y="155"/>
                  </a:lnTo>
                  <a:lnTo>
                    <a:pt x="262" y="159"/>
                  </a:lnTo>
                  <a:lnTo>
                    <a:pt x="261" y="164"/>
                  </a:lnTo>
                  <a:lnTo>
                    <a:pt x="259" y="168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43" name="Dragør"/>
            <p:cNvSpPr>
              <a:spLocks/>
            </p:cNvSpPr>
            <p:nvPr/>
          </p:nvSpPr>
          <p:spPr bwMode="auto">
            <a:xfrm>
              <a:off x="3995738" y="5029200"/>
              <a:ext cx="95250" cy="66675"/>
            </a:xfrm>
            <a:custGeom>
              <a:avLst/>
              <a:gdLst>
                <a:gd name="T0" fmla="*/ 92075 w 180"/>
                <a:gd name="T1" fmla="*/ 4688 h 128"/>
                <a:gd name="T2" fmla="*/ 93133 w 180"/>
                <a:gd name="T3" fmla="*/ 7813 h 128"/>
                <a:gd name="T4" fmla="*/ 94192 w 180"/>
                <a:gd name="T5" fmla="*/ 10939 h 128"/>
                <a:gd name="T6" fmla="*/ 95250 w 180"/>
                <a:gd name="T7" fmla="*/ 15106 h 128"/>
                <a:gd name="T8" fmla="*/ 95250 w 180"/>
                <a:gd name="T9" fmla="*/ 18752 h 128"/>
                <a:gd name="T10" fmla="*/ 86783 w 180"/>
                <a:gd name="T11" fmla="*/ 23961 h 128"/>
                <a:gd name="T12" fmla="*/ 78846 w 180"/>
                <a:gd name="T13" fmla="*/ 29170 h 128"/>
                <a:gd name="T14" fmla="*/ 71438 w 180"/>
                <a:gd name="T15" fmla="*/ 35421 h 128"/>
                <a:gd name="T16" fmla="*/ 64029 w 180"/>
                <a:gd name="T17" fmla="*/ 40630 h 128"/>
                <a:gd name="T18" fmla="*/ 57150 w 180"/>
                <a:gd name="T19" fmla="*/ 46881 h 128"/>
                <a:gd name="T20" fmla="*/ 49742 w 180"/>
                <a:gd name="T21" fmla="*/ 53132 h 128"/>
                <a:gd name="T22" fmla="*/ 43921 w 180"/>
                <a:gd name="T23" fmla="*/ 59903 h 128"/>
                <a:gd name="T24" fmla="*/ 37042 w 180"/>
                <a:gd name="T25" fmla="*/ 66675 h 128"/>
                <a:gd name="T26" fmla="*/ 31750 w 180"/>
                <a:gd name="T27" fmla="*/ 66154 h 128"/>
                <a:gd name="T28" fmla="*/ 25929 w 180"/>
                <a:gd name="T29" fmla="*/ 64071 h 128"/>
                <a:gd name="T30" fmla="*/ 21167 w 180"/>
                <a:gd name="T31" fmla="*/ 63029 h 128"/>
                <a:gd name="T32" fmla="*/ 15875 w 180"/>
                <a:gd name="T33" fmla="*/ 61466 h 128"/>
                <a:gd name="T34" fmla="*/ 11642 w 180"/>
                <a:gd name="T35" fmla="*/ 59382 h 128"/>
                <a:gd name="T36" fmla="*/ 7408 w 180"/>
                <a:gd name="T37" fmla="*/ 57299 h 128"/>
                <a:gd name="T38" fmla="*/ 3175 w 180"/>
                <a:gd name="T39" fmla="*/ 54694 h 128"/>
                <a:gd name="T40" fmla="*/ 0 w 180"/>
                <a:gd name="T41" fmla="*/ 52090 h 128"/>
                <a:gd name="T42" fmla="*/ 1588 w 180"/>
                <a:gd name="T43" fmla="*/ 50006 h 128"/>
                <a:gd name="T44" fmla="*/ 3175 w 180"/>
                <a:gd name="T45" fmla="*/ 47923 h 128"/>
                <a:gd name="T46" fmla="*/ 5292 w 180"/>
                <a:gd name="T47" fmla="*/ 46360 h 128"/>
                <a:gd name="T48" fmla="*/ 7408 w 180"/>
                <a:gd name="T49" fmla="*/ 44797 h 128"/>
                <a:gd name="T50" fmla="*/ 12700 w 180"/>
                <a:gd name="T51" fmla="*/ 42714 h 128"/>
                <a:gd name="T52" fmla="*/ 17992 w 180"/>
                <a:gd name="T53" fmla="*/ 42193 h 128"/>
                <a:gd name="T54" fmla="*/ 29633 w 180"/>
                <a:gd name="T55" fmla="*/ 41672 h 128"/>
                <a:gd name="T56" fmla="*/ 42863 w 180"/>
                <a:gd name="T57" fmla="*/ 41151 h 128"/>
                <a:gd name="T58" fmla="*/ 44979 w 180"/>
                <a:gd name="T59" fmla="*/ 34379 h 128"/>
                <a:gd name="T60" fmla="*/ 46567 w 180"/>
                <a:gd name="T61" fmla="*/ 27608 h 128"/>
                <a:gd name="T62" fmla="*/ 48154 w 180"/>
                <a:gd name="T63" fmla="*/ 20315 h 128"/>
                <a:gd name="T64" fmla="*/ 49213 w 180"/>
                <a:gd name="T65" fmla="*/ 11981 h 128"/>
                <a:gd name="T66" fmla="*/ 49213 w 180"/>
                <a:gd name="T67" fmla="*/ 10418 h 128"/>
                <a:gd name="T68" fmla="*/ 49213 w 180"/>
                <a:gd name="T69" fmla="*/ 8334 h 128"/>
                <a:gd name="T70" fmla="*/ 51329 w 180"/>
                <a:gd name="T71" fmla="*/ 8855 h 128"/>
                <a:gd name="T72" fmla="*/ 52917 w 180"/>
                <a:gd name="T73" fmla="*/ 8855 h 128"/>
                <a:gd name="T74" fmla="*/ 53975 w 180"/>
                <a:gd name="T75" fmla="*/ 7813 h 128"/>
                <a:gd name="T76" fmla="*/ 54504 w 180"/>
                <a:gd name="T77" fmla="*/ 6772 h 128"/>
                <a:gd name="T78" fmla="*/ 55033 w 180"/>
                <a:gd name="T79" fmla="*/ 4167 h 128"/>
                <a:gd name="T80" fmla="*/ 55033 w 180"/>
                <a:gd name="T81" fmla="*/ 521 h 128"/>
                <a:gd name="T82" fmla="*/ 64029 w 180"/>
                <a:gd name="T83" fmla="*/ 0 h 128"/>
                <a:gd name="T84" fmla="*/ 71967 w 180"/>
                <a:gd name="T85" fmla="*/ 521 h 128"/>
                <a:gd name="T86" fmla="*/ 80963 w 180"/>
                <a:gd name="T87" fmla="*/ 521 h 128"/>
                <a:gd name="T88" fmla="*/ 91017 w 180"/>
                <a:gd name="T89" fmla="*/ 521 h 128"/>
                <a:gd name="T90" fmla="*/ 91017 w 180"/>
                <a:gd name="T91" fmla="*/ 1563 h 128"/>
                <a:gd name="T92" fmla="*/ 91017 w 180"/>
                <a:gd name="T93" fmla="*/ 2604 h 128"/>
                <a:gd name="T94" fmla="*/ 91017 w 180"/>
                <a:gd name="T95" fmla="*/ 4167 h 128"/>
                <a:gd name="T96" fmla="*/ 92075 w 180"/>
                <a:gd name="T97" fmla="*/ 4688 h 128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180" h="128">
                  <a:moveTo>
                    <a:pt x="174" y="9"/>
                  </a:moveTo>
                  <a:lnTo>
                    <a:pt x="176" y="15"/>
                  </a:lnTo>
                  <a:lnTo>
                    <a:pt x="178" y="21"/>
                  </a:lnTo>
                  <a:lnTo>
                    <a:pt x="180" y="29"/>
                  </a:lnTo>
                  <a:lnTo>
                    <a:pt x="180" y="36"/>
                  </a:lnTo>
                  <a:lnTo>
                    <a:pt x="164" y="46"/>
                  </a:lnTo>
                  <a:lnTo>
                    <a:pt x="149" y="56"/>
                  </a:lnTo>
                  <a:lnTo>
                    <a:pt x="135" y="68"/>
                  </a:lnTo>
                  <a:lnTo>
                    <a:pt x="121" y="78"/>
                  </a:lnTo>
                  <a:lnTo>
                    <a:pt x="108" y="90"/>
                  </a:lnTo>
                  <a:lnTo>
                    <a:pt x="94" y="102"/>
                  </a:lnTo>
                  <a:lnTo>
                    <a:pt x="83" y="115"/>
                  </a:lnTo>
                  <a:lnTo>
                    <a:pt x="70" y="128"/>
                  </a:lnTo>
                  <a:lnTo>
                    <a:pt x="60" y="127"/>
                  </a:lnTo>
                  <a:lnTo>
                    <a:pt x="49" y="123"/>
                  </a:lnTo>
                  <a:lnTo>
                    <a:pt x="40" y="121"/>
                  </a:lnTo>
                  <a:lnTo>
                    <a:pt x="30" y="118"/>
                  </a:lnTo>
                  <a:lnTo>
                    <a:pt x="22" y="114"/>
                  </a:lnTo>
                  <a:lnTo>
                    <a:pt x="14" y="110"/>
                  </a:lnTo>
                  <a:lnTo>
                    <a:pt x="6" y="105"/>
                  </a:lnTo>
                  <a:lnTo>
                    <a:pt x="0" y="100"/>
                  </a:lnTo>
                  <a:lnTo>
                    <a:pt x="3" y="96"/>
                  </a:lnTo>
                  <a:lnTo>
                    <a:pt x="6" y="92"/>
                  </a:lnTo>
                  <a:lnTo>
                    <a:pt x="10" y="89"/>
                  </a:lnTo>
                  <a:lnTo>
                    <a:pt x="14" y="86"/>
                  </a:lnTo>
                  <a:lnTo>
                    <a:pt x="24" y="82"/>
                  </a:lnTo>
                  <a:lnTo>
                    <a:pt x="34" y="81"/>
                  </a:lnTo>
                  <a:lnTo>
                    <a:pt x="56" y="80"/>
                  </a:lnTo>
                  <a:lnTo>
                    <a:pt x="81" y="79"/>
                  </a:lnTo>
                  <a:lnTo>
                    <a:pt x="85" y="66"/>
                  </a:lnTo>
                  <a:lnTo>
                    <a:pt x="88" y="53"/>
                  </a:lnTo>
                  <a:lnTo>
                    <a:pt x="91" y="39"/>
                  </a:lnTo>
                  <a:lnTo>
                    <a:pt x="93" y="23"/>
                  </a:lnTo>
                  <a:lnTo>
                    <a:pt x="93" y="20"/>
                  </a:lnTo>
                  <a:lnTo>
                    <a:pt x="93" y="16"/>
                  </a:lnTo>
                  <a:lnTo>
                    <a:pt x="97" y="17"/>
                  </a:lnTo>
                  <a:lnTo>
                    <a:pt x="100" y="17"/>
                  </a:lnTo>
                  <a:lnTo>
                    <a:pt x="102" y="15"/>
                  </a:lnTo>
                  <a:lnTo>
                    <a:pt x="103" y="13"/>
                  </a:lnTo>
                  <a:lnTo>
                    <a:pt x="104" y="8"/>
                  </a:lnTo>
                  <a:lnTo>
                    <a:pt x="104" y="1"/>
                  </a:lnTo>
                  <a:lnTo>
                    <a:pt x="121" y="0"/>
                  </a:lnTo>
                  <a:lnTo>
                    <a:pt x="136" y="1"/>
                  </a:lnTo>
                  <a:lnTo>
                    <a:pt x="153" y="1"/>
                  </a:lnTo>
                  <a:lnTo>
                    <a:pt x="172" y="1"/>
                  </a:lnTo>
                  <a:lnTo>
                    <a:pt x="172" y="3"/>
                  </a:lnTo>
                  <a:lnTo>
                    <a:pt x="172" y="5"/>
                  </a:lnTo>
                  <a:lnTo>
                    <a:pt x="172" y="8"/>
                  </a:lnTo>
                  <a:lnTo>
                    <a:pt x="174" y="9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44" name="Dragør kant"/>
            <p:cNvSpPr>
              <a:spLocks/>
            </p:cNvSpPr>
            <p:nvPr/>
          </p:nvSpPr>
          <p:spPr bwMode="auto">
            <a:xfrm>
              <a:off x="3995738" y="5029200"/>
              <a:ext cx="95250" cy="66675"/>
            </a:xfrm>
            <a:custGeom>
              <a:avLst/>
              <a:gdLst>
                <a:gd name="T0" fmla="*/ 92075 w 180"/>
                <a:gd name="T1" fmla="*/ 4688 h 128"/>
                <a:gd name="T2" fmla="*/ 93133 w 180"/>
                <a:gd name="T3" fmla="*/ 7813 h 128"/>
                <a:gd name="T4" fmla="*/ 94192 w 180"/>
                <a:gd name="T5" fmla="*/ 10939 h 128"/>
                <a:gd name="T6" fmla="*/ 94721 w 180"/>
                <a:gd name="T7" fmla="*/ 15106 h 128"/>
                <a:gd name="T8" fmla="*/ 95250 w 180"/>
                <a:gd name="T9" fmla="*/ 18752 h 128"/>
                <a:gd name="T10" fmla="*/ 86783 w 180"/>
                <a:gd name="T11" fmla="*/ 23961 h 128"/>
                <a:gd name="T12" fmla="*/ 78846 w 180"/>
                <a:gd name="T13" fmla="*/ 29170 h 128"/>
                <a:gd name="T14" fmla="*/ 71438 w 180"/>
                <a:gd name="T15" fmla="*/ 35421 h 128"/>
                <a:gd name="T16" fmla="*/ 64029 w 180"/>
                <a:gd name="T17" fmla="*/ 40630 h 128"/>
                <a:gd name="T18" fmla="*/ 57150 w 180"/>
                <a:gd name="T19" fmla="*/ 46881 h 128"/>
                <a:gd name="T20" fmla="*/ 49742 w 180"/>
                <a:gd name="T21" fmla="*/ 53132 h 128"/>
                <a:gd name="T22" fmla="*/ 43921 w 180"/>
                <a:gd name="T23" fmla="*/ 59903 h 128"/>
                <a:gd name="T24" fmla="*/ 37042 w 180"/>
                <a:gd name="T25" fmla="*/ 66675 h 128"/>
                <a:gd name="T26" fmla="*/ 31750 w 180"/>
                <a:gd name="T27" fmla="*/ 66154 h 128"/>
                <a:gd name="T28" fmla="*/ 25929 w 180"/>
                <a:gd name="T29" fmla="*/ 64071 h 128"/>
                <a:gd name="T30" fmla="*/ 21167 w 180"/>
                <a:gd name="T31" fmla="*/ 63029 h 128"/>
                <a:gd name="T32" fmla="*/ 15875 w 180"/>
                <a:gd name="T33" fmla="*/ 61466 h 128"/>
                <a:gd name="T34" fmla="*/ 11642 w 180"/>
                <a:gd name="T35" fmla="*/ 59382 h 128"/>
                <a:gd name="T36" fmla="*/ 7408 w 180"/>
                <a:gd name="T37" fmla="*/ 57299 h 128"/>
                <a:gd name="T38" fmla="*/ 3175 w 180"/>
                <a:gd name="T39" fmla="*/ 54694 h 128"/>
                <a:gd name="T40" fmla="*/ 0 w 180"/>
                <a:gd name="T41" fmla="*/ 52090 h 128"/>
                <a:gd name="T42" fmla="*/ 1588 w 180"/>
                <a:gd name="T43" fmla="*/ 50006 h 128"/>
                <a:gd name="T44" fmla="*/ 3175 w 180"/>
                <a:gd name="T45" fmla="*/ 47923 h 128"/>
                <a:gd name="T46" fmla="*/ 5292 w 180"/>
                <a:gd name="T47" fmla="*/ 46360 h 128"/>
                <a:gd name="T48" fmla="*/ 7408 w 180"/>
                <a:gd name="T49" fmla="*/ 44797 h 128"/>
                <a:gd name="T50" fmla="*/ 12700 w 180"/>
                <a:gd name="T51" fmla="*/ 42714 h 128"/>
                <a:gd name="T52" fmla="*/ 17992 w 180"/>
                <a:gd name="T53" fmla="*/ 42193 h 128"/>
                <a:gd name="T54" fmla="*/ 29633 w 180"/>
                <a:gd name="T55" fmla="*/ 41672 h 128"/>
                <a:gd name="T56" fmla="*/ 42863 w 180"/>
                <a:gd name="T57" fmla="*/ 41151 h 128"/>
                <a:gd name="T58" fmla="*/ 44979 w 180"/>
                <a:gd name="T59" fmla="*/ 34379 h 128"/>
                <a:gd name="T60" fmla="*/ 46567 w 180"/>
                <a:gd name="T61" fmla="*/ 27608 h 128"/>
                <a:gd name="T62" fmla="*/ 48154 w 180"/>
                <a:gd name="T63" fmla="*/ 20315 h 128"/>
                <a:gd name="T64" fmla="*/ 49213 w 180"/>
                <a:gd name="T65" fmla="*/ 11981 h 128"/>
                <a:gd name="T66" fmla="*/ 49213 w 180"/>
                <a:gd name="T67" fmla="*/ 10418 h 128"/>
                <a:gd name="T68" fmla="*/ 49213 w 180"/>
                <a:gd name="T69" fmla="*/ 8334 h 128"/>
                <a:gd name="T70" fmla="*/ 51329 w 180"/>
                <a:gd name="T71" fmla="*/ 8855 h 128"/>
                <a:gd name="T72" fmla="*/ 52917 w 180"/>
                <a:gd name="T73" fmla="*/ 8855 h 128"/>
                <a:gd name="T74" fmla="*/ 53975 w 180"/>
                <a:gd name="T75" fmla="*/ 7813 h 128"/>
                <a:gd name="T76" fmla="*/ 54504 w 180"/>
                <a:gd name="T77" fmla="*/ 6772 h 128"/>
                <a:gd name="T78" fmla="*/ 55033 w 180"/>
                <a:gd name="T79" fmla="*/ 4167 h 128"/>
                <a:gd name="T80" fmla="*/ 55033 w 180"/>
                <a:gd name="T81" fmla="*/ 521 h 128"/>
                <a:gd name="T82" fmla="*/ 64029 w 180"/>
                <a:gd name="T83" fmla="*/ 0 h 128"/>
                <a:gd name="T84" fmla="*/ 71967 w 180"/>
                <a:gd name="T85" fmla="*/ 521 h 128"/>
                <a:gd name="T86" fmla="*/ 80963 w 180"/>
                <a:gd name="T87" fmla="*/ 521 h 128"/>
                <a:gd name="T88" fmla="*/ 91017 w 180"/>
                <a:gd name="T89" fmla="*/ 521 h 128"/>
                <a:gd name="T90" fmla="*/ 91017 w 180"/>
                <a:gd name="T91" fmla="*/ 1563 h 128"/>
                <a:gd name="T92" fmla="*/ 91017 w 180"/>
                <a:gd name="T93" fmla="*/ 2604 h 128"/>
                <a:gd name="T94" fmla="*/ 91017 w 180"/>
                <a:gd name="T95" fmla="*/ 4167 h 128"/>
                <a:gd name="T96" fmla="*/ 92075 w 180"/>
                <a:gd name="T97" fmla="*/ 4688 h 128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180" h="128">
                  <a:moveTo>
                    <a:pt x="174" y="9"/>
                  </a:moveTo>
                  <a:lnTo>
                    <a:pt x="176" y="15"/>
                  </a:lnTo>
                  <a:lnTo>
                    <a:pt x="178" y="21"/>
                  </a:lnTo>
                  <a:lnTo>
                    <a:pt x="179" y="29"/>
                  </a:lnTo>
                  <a:lnTo>
                    <a:pt x="180" y="36"/>
                  </a:lnTo>
                  <a:lnTo>
                    <a:pt x="164" y="46"/>
                  </a:lnTo>
                  <a:lnTo>
                    <a:pt x="149" y="56"/>
                  </a:lnTo>
                  <a:lnTo>
                    <a:pt x="135" y="68"/>
                  </a:lnTo>
                  <a:lnTo>
                    <a:pt x="121" y="78"/>
                  </a:lnTo>
                  <a:lnTo>
                    <a:pt x="108" y="90"/>
                  </a:lnTo>
                  <a:lnTo>
                    <a:pt x="94" y="102"/>
                  </a:lnTo>
                  <a:lnTo>
                    <a:pt x="83" y="115"/>
                  </a:lnTo>
                  <a:lnTo>
                    <a:pt x="70" y="128"/>
                  </a:lnTo>
                  <a:lnTo>
                    <a:pt x="60" y="127"/>
                  </a:lnTo>
                  <a:lnTo>
                    <a:pt x="49" y="123"/>
                  </a:lnTo>
                  <a:lnTo>
                    <a:pt x="40" y="121"/>
                  </a:lnTo>
                  <a:lnTo>
                    <a:pt x="30" y="118"/>
                  </a:lnTo>
                  <a:lnTo>
                    <a:pt x="22" y="114"/>
                  </a:lnTo>
                  <a:lnTo>
                    <a:pt x="14" y="110"/>
                  </a:lnTo>
                  <a:lnTo>
                    <a:pt x="6" y="105"/>
                  </a:lnTo>
                  <a:lnTo>
                    <a:pt x="0" y="100"/>
                  </a:lnTo>
                  <a:lnTo>
                    <a:pt x="3" y="96"/>
                  </a:lnTo>
                  <a:lnTo>
                    <a:pt x="6" y="92"/>
                  </a:lnTo>
                  <a:lnTo>
                    <a:pt x="10" y="89"/>
                  </a:lnTo>
                  <a:lnTo>
                    <a:pt x="14" y="86"/>
                  </a:lnTo>
                  <a:lnTo>
                    <a:pt x="24" y="82"/>
                  </a:lnTo>
                  <a:lnTo>
                    <a:pt x="34" y="81"/>
                  </a:lnTo>
                  <a:lnTo>
                    <a:pt x="56" y="80"/>
                  </a:lnTo>
                  <a:lnTo>
                    <a:pt x="81" y="79"/>
                  </a:lnTo>
                  <a:lnTo>
                    <a:pt x="85" y="66"/>
                  </a:lnTo>
                  <a:lnTo>
                    <a:pt x="88" y="53"/>
                  </a:lnTo>
                  <a:lnTo>
                    <a:pt x="91" y="39"/>
                  </a:lnTo>
                  <a:lnTo>
                    <a:pt x="93" y="23"/>
                  </a:lnTo>
                  <a:lnTo>
                    <a:pt x="93" y="20"/>
                  </a:lnTo>
                  <a:lnTo>
                    <a:pt x="93" y="16"/>
                  </a:lnTo>
                  <a:lnTo>
                    <a:pt x="97" y="17"/>
                  </a:lnTo>
                  <a:lnTo>
                    <a:pt x="100" y="17"/>
                  </a:lnTo>
                  <a:lnTo>
                    <a:pt x="102" y="15"/>
                  </a:lnTo>
                  <a:lnTo>
                    <a:pt x="103" y="13"/>
                  </a:lnTo>
                  <a:lnTo>
                    <a:pt x="104" y="8"/>
                  </a:lnTo>
                  <a:lnTo>
                    <a:pt x="104" y="1"/>
                  </a:lnTo>
                  <a:lnTo>
                    <a:pt x="121" y="0"/>
                  </a:lnTo>
                  <a:lnTo>
                    <a:pt x="136" y="1"/>
                  </a:lnTo>
                  <a:lnTo>
                    <a:pt x="153" y="1"/>
                  </a:lnTo>
                  <a:lnTo>
                    <a:pt x="172" y="1"/>
                  </a:lnTo>
                  <a:lnTo>
                    <a:pt x="172" y="3"/>
                  </a:lnTo>
                  <a:lnTo>
                    <a:pt x="172" y="5"/>
                  </a:lnTo>
                  <a:lnTo>
                    <a:pt x="172" y="8"/>
                  </a:lnTo>
                  <a:lnTo>
                    <a:pt x="174" y="9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45" name="Tårnby"/>
            <p:cNvSpPr>
              <a:spLocks/>
            </p:cNvSpPr>
            <p:nvPr/>
          </p:nvSpPr>
          <p:spPr bwMode="auto">
            <a:xfrm>
              <a:off x="3967163" y="4976813"/>
              <a:ext cx="122237" cy="103187"/>
            </a:xfrm>
            <a:custGeom>
              <a:avLst/>
              <a:gdLst>
                <a:gd name="T0" fmla="*/ 89710 w 233"/>
                <a:gd name="T1" fmla="*/ 4212 h 196"/>
                <a:gd name="T2" fmla="*/ 93907 w 233"/>
                <a:gd name="T3" fmla="*/ 2106 h 196"/>
                <a:gd name="T4" fmla="*/ 97055 w 233"/>
                <a:gd name="T5" fmla="*/ 526 h 196"/>
                <a:gd name="T6" fmla="*/ 100203 w 233"/>
                <a:gd name="T7" fmla="*/ 0 h 196"/>
                <a:gd name="T8" fmla="*/ 105449 w 233"/>
                <a:gd name="T9" fmla="*/ 8950 h 196"/>
                <a:gd name="T10" fmla="*/ 111745 w 233"/>
                <a:gd name="T11" fmla="*/ 16847 h 196"/>
                <a:gd name="T12" fmla="*/ 116466 w 233"/>
                <a:gd name="T13" fmla="*/ 18426 h 196"/>
                <a:gd name="T14" fmla="*/ 119614 w 233"/>
                <a:gd name="T15" fmla="*/ 27376 h 196"/>
                <a:gd name="T16" fmla="*/ 122237 w 233"/>
                <a:gd name="T17" fmla="*/ 40011 h 196"/>
                <a:gd name="T18" fmla="*/ 120663 w 233"/>
                <a:gd name="T19" fmla="*/ 47908 h 196"/>
                <a:gd name="T20" fmla="*/ 109121 w 233"/>
                <a:gd name="T21" fmla="*/ 51594 h 196"/>
                <a:gd name="T22" fmla="*/ 95481 w 233"/>
                <a:gd name="T23" fmla="*/ 50541 h 196"/>
                <a:gd name="T24" fmla="*/ 87087 w 233"/>
                <a:gd name="T25" fmla="*/ 50541 h 196"/>
                <a:gd name="T26" fmla="*/ 82366 w 233"/>
                <a:gd name="T27" fmla="*/ 51594 h 196"/>
                <a:gd name="T28" fmla="*/ 81841 w 233"/>
                <a:gd name="T29" fmla="*/ 53173 h 196"/>
                <a:gd name="T30" fmla="*/ 81841 w 233"/>
                <a:gd name="T31" fmla="*/ 57385 h 196"/>
                <a:gd name="T32" fmla="*/ 79743 w 233"/>
                <a:gd name="T33" fmla="*/ 58964 h 196"/>
                <a:gd name="T34" fmla="*/ 77644 w 233"/>
                <a:gd name="T35" fmla="*/ 58438 h 196"/>
                <a:gd name="T36" fmla="*/ 76070 w 233"/>
                <a:gd name="T37" fmla="*/ 61070 h 196"/>
                <a:gd name="T38" fmla="*/ 75021 w 233"/>
                <a:gd name="T39" fmla="*/ 72126 h 196"/>
                <a:gd name="T40" fmla="*/ 71873 w 233"/>
                <a:gd name="T41" fmla="*/ 85814 h 196"/>
                <a:gd name="T42" fmla="*/ 62955 w 233"/>
                <a:gd name="T43" fmla="*/ 92131 h 196"/>
                <a:gd name="T44" fmla="*/ 50364 w 233"/>
                <a:gd name="T45" fmla="*/ 92131 h 196"/>
                <a:gd name="T46" fmla="*/ 39871 w 233"/>
                <a:gd name="T47" fmla="*/ 94237 h 196"/>
                <a:gd name="T48" fmla="*/ 30953 w 233"/>
                <a:gd name="T49" fmla="*/ 100028 h 196"/>
                <a:gd name="T50" fmla="*/ 25706 w 233"/>
                <a:gd name="T51" fmla="*/ 103187 h 196"/>
                <a:gd name="T52" fmla="*/ 19411 w 233"/>
                <a:gd name="T53" fmla="*/ 98975 h 196"/>
                <a:gd name="T54" fmla="*/ 8919 w 233"/>
                <a:gd name="T55" fmla="*/ 86867 h 196"/>
                <a:gd name="T56" fmla="*/ 3148 w 233"/>
                <a:gd name="T57" fmla="*/ 76337 h 196"/>
                <a:gd name="T58" fmla="*/ 525 w 233"/>
                <a:gd name="T59" fmla="*/ 68967 h 196"/>
                <a:gd name="T60" fmla="*/ 0 w 233"/>
                <a:gd name="T61" fmla="*/ 61070 h 196"/>
                <a:gd name="T62" fmla="*/ 525 w 233"/>
                <a:gd name="T63" fmla="*/ 53699 h 196"/>
                <a:gd name="T64" fmla="*/ 2623 w 233"/>
                <a:gd name="T65" fmla="*/ 48435 h 196"/>
                <a:gd name="T66" fmla="*/ 5771 w 233"/>
                <a:gd name="T67" fmla="*/ 47382 h 196"/>
                <a:gd name="T68" fmla="*/ 13116 w 233"/>
                <a:gd name="T69" fmla="*/ 47382 h 196"/>
                <a:gd name="T70" fmla="*/ 25706 w 233"/>
                <a:gd name="T71" fmla="*/ 47382 h 196"/>
                <a:gd name="T72" fmla="*/ 36724 w 233"/>
                <a:gd name="T73" fmla="*/ 45802 h 196"/>
                <a:gd name="T74" fmla="*/ 43544 w 233"/>
                <a:gd name="T75" fmla="*/ 42644 h 196"/>
                <a:gd name="T76" fmla="*/ 48265 w 233"/>
                <a:gd name="T77" fmla="*/ 39485 h 196"/>
                <a:gd name="T78" fmla="*/ 52462 w 233"/>
                <a:gd name="T79" fmla="*/ 34747 h 196"/>
                <a:gd name="T80" fmla="*/ 54561 w 233"/>
                <a:gd name="T81" fmla="*/ 28956 h 196"/>
                <a:gd name="T82" fmla="*/ 55085 w 233"/>
                <a:gd name="T83" fmla="*/ 21059 h 196"/>
                <a:gd name="T84" fmla="*/ 59807 w 233"/>
                <a:gd name="T85" fmla="*/ 15794 h 196"/>
                <a:gd name="T86" fmla="*/ 68201 w 233"/>
                <a:gd name="T87" fmla="*/ 13162 h 196"/>
                <a:gd name="T88" fmla="*/ 79743 w 233"/>
                <a:gd name="T89" fmla="*/ 8423 h 196"/>
                <a:gd name="T90" fmla="*/ 87087 w 233"/>
                <a:gd name="T91" fmla="*/ 4738 h 19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0" t="0" r="r" b="b"/>
              <a:pathLst>
                <a:path w="233" h="196">
                  <a:moveTo>
                    <a:pt x="166" y="9"/>
                  </a:moveTo>
                  <a:lnTo>
                    <a:pt x="171" y="8"/>
                  </a:lnTo>
                  <a:lnTo>
                    <a:pt x="175" y="6"/>
                  </a:lnTo>
                  <a:lnTo>
                    <a:pt x="179" y="4"/>
                  </a:lnTo>
                  <a:lnTo>
                    <a:pt x="182" y="2"/>
                  </a:lnTo>
                  <a:lnTo>
                    <a:pt x="185" y="1"/>
                  </a:lnTo>
                  <a:lnTo>
                    <a:pt x="188" y="0"/>
                  </a:lnTo>
                  <a:lnTo>
                    <a:pt x="191" y="0"/>
                  </a:lnTo>
                  <a:lnTo>
                    <a:pt x="194" y="3"/>
                  </a:lnTo>
                  <a:lnTo>
                    <a:pt x="201" y="17"/>
                  </a:lnTo>
                  <a:lnTo>
                    <a:pt x="206" y="31"/>
                  </a:lnTo>
                  <a:lnTo>
                    <a:pt x="213" y="32"/>
                  </a:lnTo>
                  <a:lnTo>
                    <a:pt x="218" y="33"/>
                  </a:lnTo>
                  <a:lnTo>
                    <a:pt x="222" y="35"/>
                  </a:lnTo>
                  <a:lnTo>
                    <a:pt x="227" y="36"/>
                  </a:lnTo>
                  <a:lnTo>
                    <a:pt x="228" y="52"/>
                  </a:lnTo>
                  <a:lnTo>
                    <a:pt x="231" y="68"/>
                  </a:lnTo>
                  <a:lnTo>
                    <a:pt x="233" y="76"/>
                  </a:lnTo>
                  <a:lnTo>
                    <a:pt x="231" y="83"/>
                  </a:lnTo>
                  <a:lnTo>
                    <a:pt x="230" y="91"/>
                  </a:lnTo>
                  <a:lnTo>
                    <a:pt x="227" y="97"/>
                  </a:lnTo>
                  <a:lnTo>
                    <a:pt x="208" y="98"/>
                  </a:lnTo>
                  <a:lnTo>
                    <a:pt x="190" y="96"/>
                  </a:lnTo>
                  <a:lnTo>
                    <a:pt x="182" y="96"/>
                  </a:lnTo>
                  <a:lnTo>
                    <a:pt x="174" y="96"/>
                  </a:lnTo>
                  <a:lnTo>
                    <a:pt x="166" y="96"/>
                  </a:lnTo>
                  <a:lnTo>
                    <a:pt x="159" y="97"/>
                  </a:lnTo>
                  <a:lnTo>
                    <a:pt x="157" y="98"/>
                  </a:lnTo>
                  <a:lnTo>
                    <a:pt x="156" y="99"/>
                  </a:lnTo>
                  <a:lnTo>
                    <a:pt x="156" y="101"/>
                  </a:lnTo>
                  <a:lnTo>
                    <a:pt x="156" y="103"/>
                  </a:lnTo>
                  <a:lnTo>
                    <a:pt x="156" y="109"/>
                  </a:lnTo>
                  <a:lnTo>
                    <a:pt x="156" y="113"/>
                  </a:lnTo>
                  <a:lnTo>
                    <a:pt x="152" y="112"/>
                  </a:lnTo>
                  <a:lnTo>
                    <a:pt x="150" y="111"/>
                  </a:lnTo>
                  <a:lnTo>
                    <a:pt x="148" y="111"/>
                  </a:lnTo>
                  <a:lnTo>
                    <a:pt x="147" y="112"/>
                  </a:lnTo>
                  <a:lnTo>
                    <a:pt x="145" y="116"/>
                  </a:lnTo>
                  <a:lnTo>
                    <a:pt x="145" y="122"/>
                  </a:lnTo>
                  <a:lnTo>
                    <a:pt x="143" y="137"/>
                  </a:lnTo>
                  <a:lnTo>
                    <a:pt x="140" y="151"/>
                  </a:lnTo>
                  <a:lnTo>
                    <a:pt x="137" y="163"/>
                  </a:lnTo>
                  <a:lnTo>
                    <a:pt x="132" y="176"/>
                  </a:lnTo>
                  <a:lnTo>
                    <a:pt x="120" y="175"/>
                  </a:lnTo>
                  <a:lnTo>
                    <a:pt x="107" y="175"/>
                  </a:lnTo>
                  <a:lnTo>
                    <a:pt x="96" y="175"/>
                  </a:lnTo>
                  <a:lnTo>
                    <a:pt x="85" y="177"/>
                  </a:lnTo>
                  <a:lnTo>
                    <a:pt x="76" y="179"/>
                  </a:lnTo>
                  <a:lnTo>
                    <a:pt x="66" y="183"/>
                  </a:lnTo>
                  <a:lnTo>
                    <a:pt x="59" y="190"/>
                  </a:lnTo>
                  <a:lnTo>
                    <a:pt x="51" y="196"/>
                  </a:lnTo>
                  <a:lnTo>
                    <a:pt x="49" y="196"/>
                  </a:lnTo>
                  <a:lnTo>
                    <a:pt x="46" y="196"/>
                  </a:lnTo>
                  <a:lnTo>
                    <a:pt x="37" y="188"/>
                  </a:lnTo>
                  <a:lnTo>
                    <a:pt x="26" y="177"/>
                  </a:lnTo>
                  <a:lnTo>
                    <a:pt x="17" y="165"/>
                  </a:lnTo>
                  <a:lnTo>
                    <a:pt x="9" y="152"/>
                  </a:lnTo>
                  <a:lnTo>
                    <a:pt x="6" y="145"/>
                  </a:lnTo>
                  <a:lnTo>
                    <a:pt x="3" y="138"/>
                  </a:lnTo>
                  <a:lnTo>
                    <a:pt x="1" y="131"/>
                  </a:lnTo>
                  <a:lnTo>
                    <a:pt x="0" y="123"/>
                  </a:lnTo>
                  <a:lnTo>
                    <a:pt x="0" y="116"/>
                  </a:lnTo>
                  <a:lnTo>
                    <a:pt x="0" y="110"/>
                  </a:lnTo>
                  <a:lnTo>
                    <a:pt x="1" y="102"/>
                  </a:lnTo>
                  <a:lnTo>
                    <a:pt x="3" y="95"/>
                  </a:lnTo>
                  <a:lnTo>
                    <a:pt x="5" y="92"/>
                  </a:lnTo>
                  <a:lnTo>
                    <a:pt x="8" y="91"/>
                  </a:lnTo>
                  <a:lnTo>
                    <a:pt x="11" y="90"/>
                  </a:lnTo>
                  <a:lnTo>
                    <a:pt x="16" y="90"/>
                  </a:lnTo>
                  <a:lnTo>
                    <a:pt x="25" y="90"/>
                  </a:lnTo>
                  <a:lnTo>
                    <a:pt x="33" y="90"/>
                  </a:lnTo>
                  <a:lnTo>
                    <a:pt x="49" y="90"/>
                  </a:lnTo>
                  <a:lnTo>
                    <a:pt x="64" y="88"/>
                  </a:lnTo>
                  <a:lnTo>
                    <a:pt x="70" y="87"/>
                  </a:lnTo>
                  <a:lnTo>
                    <a:pt x="77" y="84"/>
                  </a:lnTo>
                  <a:lnTo>
                    <a:pt x="83" y="81"/>
                  </a:lnTo>
                  <a:lnTo>
                    <a:pt x="88" y="79"/>
                  </a:lnTo>
                  <a:lnTo>
                    <a:pt x="92" y="75"/>
                  </a:lnTo>
                  <a:lnTo>
                    <a:pt x="97" y="72"/>
                  </a:lnTo>
                  <a:lnTo>
                    <a:pt x="100" y="66"/>
                  </a:lnTo>
                  <a:lnTo>
                    <a:pt x="102" y="61"/>
                  </a:lnTo>
                  <a:lnTo>
                    <a:pt x="104" y="55"/>
                  </a:lnTo>
                  <a:lnTo>
                    <a:pt x="105" y="48"/>
                  </a:lnTo>
                  <a:lnTo>
                    <a:pt x="105" y="40"/>
                  </a:lnTo>
                  <a:lnTo>
                    <a:pt x="105" y="31"/>
                  </a:lnTo>
                  <a:lnTo>
                    <a:pt x="114" y="30"/>
                  </a:lnTo>
                  <a:lnTo>
                    <a:pt x="122" y="28"/>
                  </a:lnTo>
                  <a:lnTo>
                    <a:pt x="130" y="25"/>
                  </a:lnTo>
                  <a:lnTo>
                    <a:pt x="138" y="22"/>
                  </a:lnTo>
                  <a:lnTo>
                    <a:pt x="152" y="16"/>
                  </a:lnTo>
                  <a:lnTo>
                    <a:pt x="166" y="9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46" name="Tårnby kant"/>
            <p:cNvSpPr>
              <a:spLocks/>
            </p:cNvSpPr>
            <p:nvPr/>
          </p:nvSpPr>
          <p:spPr bwMode="auto">
            <a:xfrm>
              <a:off x="3967163" y="4976813"/>
              <a:ext cx="122237" cy="103187"/>
            </a:xfrm>
            <a:custGeom>
              <a:avLst/>
              <a:gdLst>
                <a:gd name="T0" fmla="*/ 89710 w 233"/>
                <a:gd name="T1" fmla="*/ 4212 h 196"/>
                <a:gd name="T2" fmla="*/ 93907 w 233"/>
                <a:gd name="T3" fmla="*/ 2106 h 196"/>
                <a:gd name="T4" fmla="*/ 97055 w 233"/>
                <a:gd name="T5" fmla="*/ 526 h 196"/>
                <a:gd name="T6" fmla="*/ 100203 w 233"/>
                <a:gd name="T7" fmla="*/ 0 h 196"/>
                <a:gd name="T8" fmla="*/ 105449 w 233"/>
                <a:gd name="T9" fmla="*/ 8950 h 196"/>
                <a:gd name="T10" fmla="*/ 111745 w 233"/>
                <a:gd name="T11" fmla="*/ 16847 h 196"/>
                <a:gd name="T12" fmla="*/ 116466 w 233"/>
                <a:gd name="T13" fmla="*/ 18426 h 196"/>
                <a:gd name="T14" fmla="*/ 119614 w 233"/>
                <a:gd name="T15" fmla="*/ 27376 h 196"/>
                <a:gd name="T16" fmla="*/ 122237 w 233"/>
                <a:gd name="T17" fmla="*/ 40011 h 196"/>
                <a:gd name="T18" fmla="*/ 120663 w 233"/>
                <a:gd name="T19" fmla="*/ 47908 h 196"/>
                <a:gd name="T20" fmla="*/ 109121 w 233"/>
                <a:gd name="T21" fmla="*/ 51594 h 196"/>
                <a:gd name="T22" fmla="*/ 95481 w 233"/>
                <a:gd name="T23" fmla="*/ 50541 h 196"/>
                <a:gd name="T24" fmla="*/ 87087 w 233"/>
                <a:gd name="T25" fmla="*/ 50541 h 196"/>
                <a:gd name="T26" fmla="*/ 82366 w 233"/>
                <a:gd name="T27" fmla="*/ 51594 h 196"/>
                <a:gd name="T28" fmla="*/ 81841 w 233"/>
                <a:gd name="T29" fmla="*/ 53173 h 196"/>
                <a:gd name="T30" fmla="*/ 81841 w 233"/>
                <a:gd name="T31" fmla="*/ 57385 h 196"/>
                <a:gd name="T32" fmla="*/ 79743 w 233"/>
                <a:gd name="T33" fmla="*/ 58964 h 196"/>
                <a:gd name="T34" fmla="*/ 77644 w 233"/>
                <a:gd name="T35" fmla="*/ 58438 h 196"/>
                <a:gd name="T36" fmla="*/ 76070 w 233"/>
                <a:gd name="T37" fmla="*/ 61070 h 196"/>
                <a:gd name="T38" fmla="*/ 75021 w 233"/>
                <a:gd name="T39" fmla="*/ 72126 h 196"/>
                <a:gd name="T40" fmla="*/ 71873 w 233"/>
                <a:gd name="T41" fmla="*/ 85814 h 196"/>
                <a:gd name="T42" fmla="*/ 62955 w 233"/>
                <a:gd name="T43" fmla="*/ 92131 h 196"/>
                <a:gd name="T44" fmla="*/ 50364 w 233"/>
                <a:gd name="T45" fmla="*/ 92131 h 196"/>
                <a:gd name="T46" fmla="*/ 39871 w 233"/>
                <a:gd name="T47" fmla="*/ 94237 h 196"/>
                <a:gd name="T48" fmla="*/ 30953 w 233"/>
                <a:gd name="T49" fmla="*/ 100028 h 196"/>
                <a:gd name="T50" fmla="*/ 25706 w 233"/>
                <a:gd name="T51" fmla="*/ 103187 h 196"/>
                <a:gd name="T52" fmla="*/ 19411 w 233"/>
                <a:gd name="T53" fmla="*/ 98975 h 196"/>
                <a:gd name="T54" fmla="*/ 8919 w 233"/>
                <a:gd name="T55" fmla="*/ 86867 h 196"/>
                <a:gd name="T56" fmla="*/ 3148 w 233"/>
                <a:gd name="T57" fmla="*/ 76337 h 196"/>
                <a:gd name="T58" fmla="*/ 525 w 233"/>
                <a:gd name="T59" fmla="*/ 68967 h 196"/>
                <a:gd name="T60" fmla="*/ 0 w 233"/>
                <a:gd name="T61" fmla="*/ 61070 h 196"/>
                <a:gd name="T62" fmla="*/ 525 w 233"/>
                <a:gd name="T63" fmla="*/ 53699 h 196"/>
                <a:gd name="T64" fmla="*/ 2623 w 233"/>
                <a:gd name="T65" fmla="*/ 48435 h 196"/>
                <a:gd name="T66" fmla="*/ 5771 w 233"/>
                <a:gd name="T67" fmla="*/ 47382 h 196"/>
                <a:gd name="T68" fmla="*/ 13116 w 233"/>
                <a:gd name="T69" fmla="*/ 47382 h 196"/>
                <a:gd name="T70" fmla="*/ 25706 w 233"/>
                <a:gd name="T71" fmla="*/ 47382 h 196"/>
                <a:gd name="T72" fmla="*/ 36724 w 233"/>
                <a:gd name="T73" fmla="*/ 45802 h 196"/>
                <a:gd name="T74" fmla="*/ 43544 w 233"/>
                <a:gd name="T75" fmla="*/ 42644 h 196"/>
                <a:gd name="T76" fmla="*/ 48265 w 233"/>
                <a:gd name="T77" fmla="*/ 39485 h 196"/>
                <a:gd name="T78" fmla="*/ 52462 w 233"/>
                <a:gd name="T79" fmla="*/ 34747 h 196"/>
                <a:gd name="T80" fmla="*/ 54561 w 233"/>
                <a:gd name="T81" fmla="*/ 28956 h 196"/>
                <a:gd name="T82" fmla="*/ 55085 w 233"/>
                <a:gd name="T83" fmla="*/ 21059 h 196"/>
                <a:gd name="T84" fmla="*/ 59807 w 233"/>
                <a:gd name="T85" fmla="*/ 15794 h 196"/>
                <a:gd name="T86" fmla="*/ 68201 w 233"/>
                <a:gd name="T87" fmla="*/ 13162 h 196"/>
                <a:gd name="T88" fmla="*/ 79743 w 233"/>
                <a:gd name="T89" fmla="*/ 8423 h 196"/>
                <a:gd name="T90" fmla="*/ 87087 w 233"/>
                <a:gd name="T91" fmla="*/ 4738 h 19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0" t="0" r="r" b="b"/>
              <a:pathLst>
                <a:path w="233" h="196">
                  <a:moveTo>
                    <a:pt x="166" y="9"/>
                  </a:moveTo>
                  <a:lnTo>
                    <a:pt x="171" y="8"/>
                  </a:lnTo>
                  <a:lnTo>
                    <a:pt x="175" y="6"/>
                  </a:lnTo>
                  <a:lnTo>
                    <a:pt x="179" y="4"/>
                  </a:lnTo>
                  <a:lnTo>
                    <a:pt x="182" y="2"/>
                  </a:lnTo>
                  <a:lnTo>
                    <a:pt x="185" y="1"/>
                  </a:lnTo>
                  <a:lnTo>
                    <a:pt x="188" y="0"/>
                  </a:lnTo>
                  <a:lnTo>
                    <a:pt x="191" y="0"/>
                  </a:lnTo>
                  <a:lnTo>
                    <a:pt x="194" y="3"/>
                  </a:lnTo>
                  <a:lnTo>
                    <a:pt x="201" y="17"/>
                  </a:lnTo>
                  <a:lnTo>
                    <a:pt x="206" y="31"/>
                  </a:lnTo>
                  <a:lnTo>
                    <a:pt x="213" y="32"/>
                  </a:lnTo>
                  <a:lnTo>
                    <a:pt x="218" y="33"/>
                  </a:lnTo>
                  <a:lnTo>
                    <a:pt x="222" y="35"/>
                  </a:lnTo>
                  <a:lnTo>
                    <a:pt x="227" y="36"/>
                  </a:lnTo>
                  <a:lnTo>
                    <a:pt x="228" y="52"/>
                  </a:lnTo>
                  <a:lnTo>
                    <a:pt x="231" y="68"/>
                  </a:lnTo>
                  <a:lnTo>
                    <a:pt x="233" y="76"/>
                  </a:lnTo>
                  <a:lnTo>
                    <a:pt x="231" y="83"/>
                  </a:lnTo>
                  <a:lnTo>
                    <a:pt x="230" y="91"/>
                  </a:lnTo>
                  <a:lnTo>
                    <a:pt x="227" y="97"/>
                  </a:lnTo>
                  <a:lnTo>
                    <a:pt x="208" y="98"/>
                  </a:lnTo>
                  <a:lnTo>
                    <a:pt x="190" y="96"/>
                  </a:lnTo>
                  <a:lnTo>
                    <a:pt x="182" y="96"/>
                  </a:lnTo>
                  <a:lnTo>
                    <a:pt x="174" y="96"/>
                  </a:lnTo>
                  <a:lnTo>
                    <a:pt x="166" y="96"/>
                  </a:lnTo>
                  <a:lnTo>
                    <a:pt x="159" y="97"/>
                  </a:lnTo>
                  <a:lnTo>
                    <a:pt x="157" y="98"/>
                  </a:lnTo>
                  <a:lnTo>
                    <a:pt x="156" y="99"/>
                  </a:lnTo>
                  <a:lnTo>
                    <a:pt x="156" y="101"/>
                  </a:lnTo>
                  <a:lnTo>
                    <a:pt x="156" y="103"/>
                  </a:lnTo>
                  <a:lnTo>
                    <a:pt x="156" y="109"/>
                  </a:lnTo>
                  <a:lnTo>
                    <a:pt x="156" y="113"/>
                  </a:lnTo>
                  <a:lnTo>
                    <a:pt x="152" y="112"/>
                  </a:lnTo>
                  <a:lnTo>
                    <a:pt x="150" y="111"/>
                  </a:lnTo>
                  <a:lnTo>
                    <a:pt x="148" y="111"/>
                  </a:lnTo>
                  <a:lnTo>
                    <a:pt x="147" y="112"/>
                  </a:lnTo>
                  <a:lnTo>
                    <a:pt x="145" y="116"/>
                  </a:lnTo>
                  <a:lnTo>
                    <a:pt x="145" y="122"/>
                  </a:lnTo>
                  <a:lnTo>
                    <a:pt x="143" y="137"/>
                  </a:lnTo>
                  <a:lnTo>
                    <a:pt x="140" y="151"/>
                  </a:lnTo>
                  <a:lnTo>
                    <a:pt x="137" y="163"/>
                  </a:lnTo>
                  <a:lnTo>
                    <a:pt x="132" y="176"/>
                  </a:lnTo>
                  <a:lnTo>
                    <a:pt x="120" y="175"/>
                  </a:lnTo>
                  <a:lnTo>
                    <a:pt x="107" y="175"/>
                  </a:lnTo>
                  <a:lnTo>
                    <a:pt x="96" y="175"/>
                  </a:lnTo>
                  <a:lnTo>
                    <a:pt x="85" y="177"/>
                  </a:lnTo>
                  <a:lnTo>
                    <a:pt x="76" y="179"/>
                  </a:lnTo>
                  <a:lnTo>
                    <a:pt x="66" y="183"/>
                  </a:lnTo>
                  <a:lnTo>
                    <a:pt x="59" y="190"/>
                  </a:lnTo>
                  <a:lnTo>
                    <a:pt x="51" y="196"/>
                  </a:lnTo>
                  <a:lnTo>
                    <a:pt x="49" y="196"/>
                  </a:lnTo>
                  <a:lnTo>
                    <a:pt x="46" y="196"/>
                  </a:lnTo>
                  <a:lnTo>
                    <a:pt x="37" y="188"/>
                  </a:lnTo>
                  <a:lnTo>
                    <a:pt x="26" y="177"/>
                  </a:lnTo>
                  <a:lnTo>
                    <a:pt x="17" y="165"/>
                  </a:lnTo>
                  <a:lnTo>
                    <a:pt x="9" y="152"/>
                  </a:lnTo>
                  <a:lnTo>
                    <a:pt x="6" y="145"/>
                  </a:lnTo>
                  <a:lnTo>
                    <a:pt x="3" y="138"/>
                  </a:lnTo>
                  <a:lnTo>
                    <a:pt x="1" y="131"/>
                  </a:lnTo>
                  <a:lnTo>
                    <a:pt x="0" y="123"/>
                  </a:lnTo>
                  <a:lnTo>
                    <a:pt x="0" y="116"/>
                  </a:lnTo>
                  <a:lnTo>
                    <a:pt x="0" y="110"/>
                  </a:lnTo>
                  <a:lnTo>
                    <a:pt x="1" y="102"/>
                  </a:lnTo>
                  <a:lnTo>
                    <a:pt x="3" y="95"/>
                  </a:lnTo>
                  <a:lnTo>
                    <a:pt x="5" y="92"/>
                  </a:lnTo>
                  <a:lnTo>
                    <a:pt x="8" y="91"/>
                  </a:lnTo>
                  <a:lnTo>
                    <a:pt x="11" y="90"/>
                  </a:lnTo>
                  <a:lnTo>
                    <a:pt x="16" y="90"/>
                  </a:lnTo>
                  <a:lnTo>
                    <a:pt x="25" y="90"/>
                  </a:lnTo>
                  <a:lnTo>
                    <a:pt x="33" y="90"/>
                  </a:lnTo>
                  <a:lnTo>
                    <a:pt x="49" y="90"/>
                  </a:lnTo>
                  <a:lnTo>
                    <a:pt x="64" y="88"/>
                  </a:lnTo>
                  <a:lnTo>
                    <a:pt x="70" y="87"/>
                  </a:lnTo>
                  <a:lnTo>
                    <a:pt x="77" y="84"/>
                  </a:lnTo>
                  <a:lnTo>
                    <a:pt x="83" y="81"/>
                  </a:lnTo>
                  <a:lnTo>
                    <a:pt x="88" y="79"/>
                  </a:lnTo>
                  <a:lnTo>
                    <a:pt x="92" y="75"/>
                  </a:lnTo>
                  <a:lnTo>
                    <a:pt x="97" y="72"/>
                  </a:lnTo>
                  <a:lnTo>
                    <a:pt x="100" y="66"/>
                  </a:lnTo>
                  <a:lnTo>
                    <a:pt x="102" y="61"/>
                  </a:lnTo>
                  <a:lnTo>
                    <a:pt x="104" y="55"/>
                  </a:lnTo>
                  <a:lnTo>
                    <a:pt x="105" y="48"/>
                  </a:lnTo>
                  <a:lnTo>
                    <a:pt x="105" y="40"/>
                  </a:lnTo>
                  <a:lnTo>
                    <a:pt x="105" y="31"/>
                  </a:lnTo>
                  <a:lnTo>
                    <a:pt x="114" y="30"/>
                  </a:lnTo>
                  <a:lnTo>
                    <a:pt x="122" y="28"/>
                  </a:lnTo>
                  <a:lnTo>
                    <a:pt x="130" y="25"/>
                  </a:lnTo>
                  <a:lnTo>
                    <a:pt x="138" y="22"/>
                  </a:lnTo>
                  <a:lnTo>
                    <a:pt x="152" y="16"/>
                  </a:lnTo>
                  <a:lnTo>
                    <a:pt x="166" y="9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47" name="København"/>
            <p:cNvSpPr>
              <a:spLocks/>
            </p:cNvSpPr>
            <p:nvPr/>
          </p:nvSpPr>
          <p:spPr bwMode="auto">
            <a:xfrm>
              <a:off x="3970338" y="4908550"/>
              <a:ext cx="93662" cy="114300"/>
            </a:xfrm>
            <a:custGeom>
              <a:avLst/>
              <a:gdLst>
                <a:gd name="T0" fmla="*/ 80358 w 176"/>
                <a:gd name="T1" fmla="*/ 72162 h 217"/>
                <a:gd name="T2" fmla="*/ 72375 w 176"/>
                <a:gd name="T3" fmla="*/ 75849 h 217"/>
                <a:gd name="T4" fmla="*/ 63328 w 176"/>
                <a:gd name="T5" fmla="*/ 79536 h 217"/>
                <a:gd name="T6" fmla="*/ 53749 w 176"/>
                <a:gd name="T7" fmla="*/ 82696 h 217"/>
                <a:gd name="T8" fmla="*/ 48960 w 176"/>
                <a:gd name="T9" fmla="*/ 87964 h 217"/>
                <a:gd name="T10" fmla="*/ 48960 w 176"/>
                <a:gd name="T11" fmla="*/ 96918 h 217"/>
                <a:gd name="T12" fmla="*/ 46299 w 176"/>
                <a:gd name="T13" fmla="*/ 104819 h 217"/>
                <a:gd name="T14" fmla="*/ 38848 w 176"/>
                <a:gd name="T15" fmla="*/ 109033 h 217"/>
                <a:gd name="T16" fmla="*/ 23948 w 176"/>
                <a:gd name="T17" fmla="*/ 112193 h 217"/>
                <a:gd name="T18" fmla="*/ 10111 w 176"/>
                <a:gd name="T19" fmla="*/ 113773 h 217"/>
                <a:gd name="T20" fmla="*/ 4257 w 176"/>
                <a:gd name="T21" fmla="*/ 114300 h 217"/>
                <a:gd name="T22" fmla="*/ 1064 w 176"/>
                <a:gd name="T23" fmla="*/ 113773 h 217"/>
                <a:gd name="T24" fmla="*/ 532 w 176"/>
                <a:gd name="T25" fmla="*/ 108506 h 217"/>
                <a:gd name="T26" fmla="*/ 5322 w 176"/>
                <a:gd name="T27" fmla="*/ 101132 h 217"/>
                <a:gd name="T28" fmla="*/ 11176 w 176"/>
                <a:gd name="T29" fmla="*/ 93758 h 217"/>
                <a:gd name="T30" fmla="*/ 19690 w 176"/>
                <a:gd name="T31" fmla="*/ 81116 h 217"/>
                <a:gd name="T32" fmla="*/ 26609 w 176"/>
                <a:gd name="T33" fmla="*/ 68475 h 217"/>
                <a:gd name="T34" fmla="*/ 29269 w 176"/>
                <a:gd name="T35" fmla="*/ 60047 h 217"/>
                <a:gd name="T36" fmla="*/ 35123 w 176"/>
                <a:gd name="T37" fmla="*/ 48986 h 217"/>
                <a:gd name="T38" fmla="*/ 44702 w 176"/>
                <a:gd name="T39" fmla="*/ 36344 h 217"/>
                <a:gd name="T40" fmla="*/ 51621 w 176"/>
                <a:gd name="T41" fmla="*/ 26336 h 217"/>
                <a:gd name="T42" fmla="*/ 55346 w 176"/>
                <a:gd name="T43" fmla="*/ 18962 h 217"/>
                <a:gd name="T44" fmla="*/ 59603 w 176"/>
                <a:gd name="T45" fmla="*/ 13695 h 217"/>
                <a:gd name="T46" fmla="*/ 61732 w 176"/>
                <a:gd name="T47" fmla="*/ 11061 h 217"/>
                <a:gd name="T48" fmla="*/ 61200 w 176"/>
                <a:gd name="T49" fmla="*/ 3687 h 217"/>
                <a:gd name="T50" fmla="*/ 63328 w 176"/>
                <a:gd name="T51" fmla="*/ 0 h 217"/>
                <a:gd name="T52" fmla="*/ 67053 w 176"/>
                <a:gd name="T53" fmla="*/ 527 h 217"/>
                <a:gd name="T54" fmla="*/ 70779 w 176"/>
                <a:gd name="T55" fmla="*/ 2634 h 217"/>
                <a:gd name="T56" fmla="*/ 72907 w 176"/>
                <a:gd name="T57" fmla="*/ 5794 h 217"/>
                <a:gd name="T58" fmla="*/ 71843 w 176"/>
                <a:gd name="T59" fmla="*/ 7901 h 217"/>
                <a:gd name="T60" fmla="*/ 68118 w 176"/>
                <a:gd name="T61" fmla="*/ 10008 h 217"/>
                <a:gd name="T62" fmla="*/ 65457 w 176"/>
                <a:gd name="T63" fmla="*/ 11588 h 217"/>
                <a:gd name="T64" fmla="*/ 68118 w 176"/>
                <a:gd name="T65" fmla="*/ 12641 h 217"/>
                <a:gd name="T66" fmla="*/ 72907 w 176"/>
                <a:gd name="T67" fmla="*/ 12115 h 217"/>
                <a:gd name="T68" fmla="*/ 74504 w 176"/>
                <a:gd name="T69" fmla="*/ 15275 h 217"/>
                <a:gd name="T70" fmla="*/ 73972 w 176"/>
                <a:gd name="T71" fmla="*/ 21596 h 217"/>
                <a:gd name="T72" fmla="*/ 76100 w 176"/>
                <a:gd name="T73" fmla="*/ 31077 h 217"/>
                <a:gd name="T74" fmla="*/ 86212 w 176"/>
                <a:gd name="T75" fmla="*/ 51093 h 217"/>
                <a:gd name="T76" fmla="*/ 92598 w 176"/>
                <a:gd name="T77" fmla="*/ 64261 h 217"/>
                <a:gd name="T78" fmla="*/ 92065 w 176"/>
                <a:gd name="T79" fmla="*/ 67421 h 217"/>
                <a:gd name="T80" fmla="*/ 86212 w 176"/>
                <a:gd name="T81" fmla="*/ 70055 h 217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</a:gdLst>
              <a:ahLst/>
              <a:cxnLst>
                <a:cxn ang="T82">
                  <a:pos x="T0" y="T1"/>
                </a:cxn>
                <a:cxn ang="T83">
                  <a:pos x="T2" y="T3"/>
                </a:cxn>
                <a:cxn ang="T84">
                  <a:pos x="T4" y="T5"/>
                </a:cxn>
                <a:cxn ang="T85">
                  <a:pos x="T6" y="T7"/>
                </a:cxn>
                <a:cxn ang="T86">
                  <a:pos x="T8" y="T9"/>
                </a:cxn>
                <a:cxn ang="T87">
                  <a:pos x="T10" y="T11"/>
                </a:cxn>
                <a:cxn ang="T88">
                  <a:pos x="T12" y="T13"/>
                </a:cxn>
                <a:cxn ang="T89">
                  <a:pos x="T14" y="T15"/>
                </a:cxn>
                <a:cxn ang="T90">
                  <a:pos x="T16" y="T17"/>
                </a:cxn>
                <a:cxn ang="T91">
                  <a:pos x="T18" y="T19"/>
                </a:cxn>
                <a:cxn ang="T92">
                  <a:pos x="T20" y="T21"/>
                </a:cxn>
                <a:cxn ang="T93">
                  <a:pos x="T22" y="T23"/>
                </a:cxn>
                <a:cxn ang="T94">
                  <a:pos x="T24" y="T25"/>
                </a:cxn>
                <a:cxn ang="T95">
                  <a:pos x="T26" y="T27"/>
                </a:cxn>
                <a:cxn ang="T96">
                  <a:pos x="T28" y="T29"/>
                </a:cxn>
                <a:cxn ang="T97">
                  <a:pos x="T30" y="T31"/>
                </a:cxn>
                <a:cxn ang="T98">
                  <a:pos x="T32" y="T33"/>
                </a:cxn>
                <a:cxn ang="T99">
                  <a:pos x="T34" y="T35"/>
                </a:cxn>
                <a:cxn ang="T100">
                  <a:pos x="T36" y="T37"/>
                </a:cxn>
                <a:cxn ang="T101">
                  <a:pos x="T38" y="T39"/>
                </a:cxn>
                <a:cxn ang="T102">
                  <a:pos x="T40" y="T41"/>
                </a:cxn>
                <a:cxn ang="T103">
                  <a:pos x="T42" y="T43"/>
                </a:cxn>
                <a:cxn ang="T104">
                  <a:pos x="T44" y="T45"/>
                </a:cxn>
                <a:cxn ang="T105">
                  <a:pos x="T46" y="T47"/>
                </a:cxn>
                <a:cxn ang="T106">
                  <a:pos x="T48" y="T49"/>
                </a:cxn>
                <a:cxn ang="T107">
                  <a:pos x="T50" y="T51"/>
                </a:cxn>
                <a:cxn ang="T108">
                  <a:pos x="T52" y="T53"/>
                </a:cxn>
                <a:cxn ang="T109">
                  <a:pos x="T54" y="T55"/>
                </a:cxn>
                <a:cxn ang="T110">
                  <a:pos x="T56" y="T57"/>
                </a:cxn>
                <a:cxn ang="T111">
                  <a:pos x="T58" y="T59"/>
                </a:cxn>
                <a:cxn ang="T112">
                  <a:pos x="T60" y="T61"/>
                </a:cxn>
                <a:cxn ang="T113">
                  <a:pos x="T62" y="T63"/>
                </a:cxn>
                <a:cxn ang="T114">
                  <a:pos x="T64" y="T65"/>
                </a:cxn>
                <a:cxn ang="T115">
                  <a:pos x="T66" y="T67"/>
                </a:cxn>
                <a:cxn ang="T116">
                  <a:pos x="T68" y="T69"/>
                </a:cxn>
                <a:cxn ang="T117">
                  <a:pos x="T70" y="T71"/>
                </a:cxn>
                <a:cxn ang="T118">
                  <a:pos x="T72" y="T73"/>
                </a:cxn>
                <a:cxn ang="T119">
                  <a:pos x="T74" y="T75"/>
                </a:cxn>
                <a:cxn ang="T120">
                  <a:pos x="T76" y="T77"/>
                </a:cxn>
                <a:cxn ang="T121">
                  <a:pos x="T78" y="T79"/>
                </a:cxn>
                <a:cxn ang="T122">
                  <a:pos x="T80" y="T81"/>
                </a:cxn>
              </a:cxnLst>
              <a:rect l="0" t="0" r="r" b="b"/>
              <a:pathLst>
                <a:path w="176" h="217">
                  <a:moveTo>
                    <a:pt x="158" y="135"/>
                  </a:moveTo>
                  <a:lnTo>
                    <a:pt x="151" y="137"/>
                  </a:lnTo>
                  <a:lnTo>
                    <a:pt x="143" y="140"/>
                  </a:lnTo>
                  <a:lnTo>
                    <a:pt x="136" y="144"/>
                  </a:lnTo>
                  <a:lnTo>
                    <a:pt x="128" y="147"/>
                  </a:lnTo>
                  <a:lnTo>
                    <a:pt x="119" y="151"/>
                  </a:lnTo>
                  <a:lnTo>
                    <a:pt x="111" y="154"/>
                  </a:lnTo>
                  <a:lnTo>
                    <a:pt x="101" y="157"/>
                  </a:lnTo>
                  <a:lnTo>
                    <a:pt x="92" y="158"/>
                  </a:lnTo>
                  <a:lnTo>
                    <a:pt x="92" y="167"/>
                  </a:lnTo>
                  <a:lnTo>
                    <a:pt x="92" y="175"/>
                  </a:lnTo>
                  <a:lnTo>
                    <a:pt x="92" y="184"/>
                  </a:lnTo>
                  <a:lnTo>
                    <a:pt x="92" y="193"/>
                  </a:lnTo>
                  <a:lnTo>
                    <a:pt x="87" y="199"/>
                  </a:lnTo>
                  <a:lnTo>
                    <a:pt x="80" y="204"/>
                  </a:lnTo>
                  <a:lnTo>
                    <a:pt x="73" y="207"/>
                  </a:lnTo>
                  <a:lnTo>
                    <a:pt x="64" y="210"/>
                  </a:lnTo>
                  <a:lnTo>
                    <a:pt x="45" y="213"/>
                  </a:lnTo>
                  <a:lnTo>
                    <a:pt x="25" y="217"/>
                  </a:lnTo>
                  <a:lnTo>
                    <a:pt x="19" y="216"/>
                  </a:lnTo>
                  <a:lnTo>
                    <a:pt x="12" y="217"/>
                  </a:lnTo>
                  <a:lnTo>
                    <a:pt x="8" y="217"/>
                  </a:lnTo>
                  <a:lnTo>
                    <a:pt x="4" y="217"/>
                  </a:lnTo>
                  <a:lnTo>
                    <a:pt x="2" y="216"/>
                  </a:lnTo>
                  <a:lnTo>
                    <a:pt x="0" y="213"/>
                  </a:lnTo>
                  <a:lnTo>
                    <a:pt x="1" y="206"/>
                  </a:lnTo>
                  <a:lnTo>
                    <a:pt x="3" y="199"/>
                  </a:lnTo>
                  <a:lnTo>
                    <a:pt x="10" y="192"/>
                  </a:lnTo>
                  <a:lnTo>
                    <a:pt x="16" y="185"/>
                  </a:lnTo>
                  <a:lnTo>
                    <a:pt x="21" y="178"/>
                  </a:lnTo>
                  <a:lnTo>
                    <a:pt x="27" y="170"/>
                  </a:lnTo>
                  <a:lnTo>
                    <a:pt x="37" y="154"/>
                  </a:lnTo>
                  <a:lnTo>
                    <a:pt x="49" y="140"/>
                  </a:lnTo>
                  <a:lnTo>
                    <a:pt x="50" y="130"/>
                  </a:lnTo>
                  <a:lnTo>
                    <a:pt x="52" y="122"/>
                  </a:lnTo>
                  <a:lnTo>
                    <a:pt x="55" y="114"/>
                  </a:lnTo>
                  <a:lnTo>
                    <a:pt x="58" y="107"/>
                  </a:lnTo>
                  <a:lnTo>
                    <a:pt x="66" y="93"/>
                  </a:lnTo>
                  <a:lnTo>
                    <a:pt x="75" y="81"/>
                  </a:lnTo>
                  <a:lnTo>
                    <a:pt x="84" y="69"/>
                  </a:lnTo>
                  <a:lnTo>
                    <a:pt x="93" y="57"/>
                  </a:lnTo>
                  <a:lnTo>
                    <a:pt x="97" y="50"/>
                  </a:lnTo>
                  <a:lnTo>
                    <a:pt x="101" y="43"/>
                  </a:lnTo>
                  <a:lnTo>
                    <a:pt x="104" y="36"/>
                  </a:lnTo>
                  <a:lnTo>
                    <a:pt x="108" y="28"/>
                  </a:lnTo>
                  <a:lnTo>
                    <a:pt x="112" y="26"/>
                  </a:lnTo>
                  <a:lnTo>
                    <a:pt x="117" y="26"/>
                  </a:lnTo>
                  <a:lnTo>
                    <a:pt x="116" y="21"/>
                  </a:lnTo>
                  <a:lnTo>
                    <a:pt x="115" y="14"/>
                  </a:lnTo>
                  <a:lnTo>
                    <a:pt x="115" y="7"/>
                  </a:lnTo>
                  <a:lnTo>
                    <a:pt x="115" y="1"/>
                  </a:lnTo>
                  <a:lnTo>
                    <a:pt x="119" y="0"/>
                  </a:lnTo>
                  <a:lnTo>
                    <a:pt x="122" y="0"/>
                  </a:lnTo>
                  <a:lnTo>
                    <a:pt x="126" y="1"/>
                  </a:lnTo>
                  <a:lnTo>
                    <a:pt x="129" y="2"/>
                  </a:lnTo>
                  <a:lnTo>
                    <a:pt x="133" y="5"/>
                  </a:lnTo>
                  <a:lnTo>
                    <a:pt x="137" y="8"/>
                  </a:lnTo>
                  <a:lnTo>
                    <a:pt x="137" y="11"/>
                  </a:lnTo>
                  <a:lnTo>
                    <a:pt x="136" y="13"/>
                  </a:lnTo>
                  <a:lnTo>
                    <a:pt x="135" y="15"/>
                  </a:lnTo>
                  <a:lnTo>
                    <a:pt x="132" y="16"/>
                  </a:lnTo>
                  <a:lnTo>
                    <a:pt x="128" y="19"/>
                  </a:lnTo>
                  <a:lnTo>
                    <a:pt x="122" y="21"/>
                  </a:lnTo>
                  <a:lnTo>
                    <a:pt x="123" y="22"/>
                  </a:lnTo>
                  <a:lnTo>
                    <a:pt x="126" y="23"/>
                  </a:lnTo>
                  <a:lnTo>
                    <a:pt x="128" y="24"/>
                  </a:lnTo>
                  <a:lnTo>
                    <a:pt x="131" y="24"/>
                  </a:lnTo>
                  <a:lnTo>
                    <a:pt x="137" y="23"/>
                  </a:lnTo>
                  <a:lnTo>
                    <a:pt x="142" y="23"/>
                  </a:lnTo>
                  <a:lnTo>
                    <a:pt x="140" y="29"/>
                  </a:lnTo>
                  <a:lnTo>
                    <a:pt x="139" y="34"/>
                  </a:lnTo>
                  <a:lnTo>
                    <a:pt x="139" y="41"/>
                  </a:lnTo>
                  <a:lnTo>
                    <a:pt x="140" y="47"/>
                  </a:lnTo>
                  <a:lnTo>
                    <a:pt x="143" y="59"/>
                  </a:lnTo>
                  <a:lnTo>
                    <a:pt x="149" y="71"/>
                  </a:lnTo>
                  <a:lnTo>
                    <a:pt x="162" y="97"/>
                  </a:lnTo>
                  <a:lnTo>
                    <a:pt x="173" y="120"/>
                  </a:lnTo>
                  <a:lnTo>
                    <a:pt x="174" y="122"/>
                  </a:lnTo>
                  <a:lnTo>
                    <a:pt x="176" y="125"/>
                  </a:lnTo>
                  <a:lnTo>
                    <a:pt x="173" y="128"/>
                  </a:lnTo>
                  <a:lnTo>
                    <a:pt x="168" y="130"/>
                  </a:lnTo>
                  <a:lnTo>
                    <a:pt x="162" y="133"/>
                  </a:lnTo>
                  <a:lnTo>
                    <a:pt x="158" y="135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48" name="København kant"/>
            <p:cNvSpPr>
              <a:spLocks/>
            </p:cNvSpPr>
            <p:nvPr/>
          </p:nvSpPr>
          <p:spPr bwMode="auto">
            <a:xfrm>
              <a:off x="3970338" y="4908550"/>
              <a:ext cx="93662" cy="114300"/>
            </a:xfrm>
            <a:custGeom>
              <a:avLst/>
              <a:gdLst>
                <a:gd name="T0" fmla="*/ 80358 w 176"/>
                <a:gd name="T1" fmla="*/ 72162 h 217"/>
                <a:gd name="T2" fmla="*/ 72375 w 176"/>
                <a:gd name="T3" fmla="*/ 75849 h 217"/>
                <a:gd name="T4" fmla="*/ 63328 w 176"/>
                <a:gd name="T5" fmla="*/ 79536 h 217"/>
                <a:gd name="T6" fmla="*/ 53749 w 176"/>
                <a:gd name="T7" fmla="*/ 82696 h 217"/>
                <a:gd name="T8" fmla="*/ 48960 w 176"/>
                <a:gd name="T9" fmla="*/ 87964 h 217"/>
                <a:gd name="T10" fmla="*/ 48960 w 176"/>
                <a:gd name="T11" fmla="*/ 96918 h 217"/>
                <a:gd name="T12" fmla="*/ 46299 w 176"/>
                <a:gd name="T13" fmla="*/ 104819 h 217"/>
                <a:gd name="T14" fmla="*/ 38848 w 176"/>
                <a:gd name="T15" fmla="*/ 109033 h 217"/>
                <a:gd name="T16" fmla="*/ 23948 w 176"/>
                <a:gd name="T17" fmla="*/ 112193 h 217"/>
                <a:gd name="T18" fmla="*/ 10111 w 176"/>
                <a:gd name="T19" fmla="*/ 113773 h 217"/>
                <a:gd name="T20" fmla="*/ 4257 w 176"/>
                <a:gd name="T21" fmla="*/ 114300 h 217"/>
                <a:gd name="T22" fmla="*/ 1064 w 176"/>
                <a:gd name="T23" fmla="*/ 113773 h 217"/>
                <a:gd name="T24" fmla="*/ 532 w 176"/>
                <a:gd name="T25" fmla="*/ 108506 h 217"/>
                <a:gd name="T26" fmla="*/ 5322 w 176"/>
                <a:gd name="T27" fmla="*/ 101132 h 217"/>
                <a:gd name="T28" fmla="*/ 11176 w 176"/>
                <a:gd name="T29" fmla="*/ 93758 h 217"/>
                <a:gd name="T30" fmla="*/ 19690 w 176"/>
                <a:gd name="T31" fmla="*/ 81116 h 217"/>
                <a:gd name="T32" fmla="*/ 26609 w 176"/>
                <a:gd name="T33" fmla="*/ 68475 h 217"/>
                <a:gd name="T34" fmla="*/ 29269 w 176"/>
                <a:gd name="T35" fmla="*/ 60047 h 217"/>
                <a:gd name="T36" fmla="*/ 35123 w 176"/>
                <a:gd name="T37" fmla="*/ 48986 h 217"/>
                <a:gd name="T38" fmla="*/ 44702 w 176"/>
                <a:gd name="T39" fmla="*/ 36344 h 217"/>
                <a:gd name="T40" fmla="*/ 51621 w 176"/>
                <a:gd name="T41" fmla="*/ 26336 h 217"/>
                <a:gd name="T42" fmla="*/ 55346 w 176"/>
                <a:gd name="T43" fmla="*/ 18962 h 217"/>
                <a:gd name="T44" fmla="*/ 59603 w 176"/>
                <a:gd name="T45" fmla="*/ 13695 h 217"/>
                <a:gd name="T46" fmla="*/ 61732 w 176"/>
                <a:gd name="T47" fmla="*/ 11061 h 217"/>
                <a:gd name="T48" fmla="*/ 61200 w 176"/>
                <a:gd name="T49" fmla="*/ 3687 h 217"/>
                <a:gd name="T50" fmla="*/ 63328 w 176"/>
                <a:gd name="T51" fmla="*/ 0 h 217"/>
                <a:gd name="T52" fmla="*/ 67053 w 176"/>
                <a:gd name="T53" fmla="*/ 527 h 217"/>
                <a:gd name="T54" fmla="*/ 70779 w 176"/>
                <a:gd name="T55" fmla="*/ 2634 h 217"/>
                <a:gd name="T56" fmla="*/ 72907 w 176"/>
                <a:gd name="T57" fmla="*/ 5794 h 217"/>
                <a:gd name="T58" fmla="*/ 71843 w 176"/>
                <a:gd name="T59" fmla="*/ 7901 h 217"/>
                <a:gd name="T60" fmla="*/ 68118 w 176"/>
                <a:gd name="T61" fmla="*/ 10008 h 217"/>
                <a:gd name="T62" fmla="*/ 65457 w 176"/>
                <a:gd name="T63" fmla="*/ 11588 h 217"/>
                <a:gd name="T64" fmla="*/ 68118 w 176"/>
                <a:gd name="T65" fmla="*/ 12641 h 217"/>
                <a:gd name="T66" fmla="*/ 72907 w 176"/>
                <a:gd name="T67" fmla="*/ 12115 h 217"/>
                <a:gd name="T68" fmla="*/ 74504 w 176"/>
                <a:gd name="T69" fmla="*/ 15275 h 217"/>
                <a:gd name="T70" fmla="*/ 73972 w 176"/>
                <a:gd name="T71" fmla="*/ 21596 h 217"/>
                <a:gd name="T72" fmla="*/ 76100 w 176"/>
                <a:gd name="T73" fmla="*/ 31077 h 217"/>
                <a:gd name="T74" fmla="*/ 86212 w 176"/>
                <a:gd name="T75" fmla="*/ 51093 h 217"/>
                <a:gd name="T76" fmla="*/ 92598 w 176"/>
                <a:gd name="T77" fmla="*/ 64261 h 217"/>
                <a:gd name="T78" fmla="*/ 92065 w 176"/>
                <a:gd name="T79" fmla="*/ 67421 h 217"/>
                <a:gd name="T80" fmla="*/ 86212 w 176"/>
                <a:gd name="T81" fmla="*/ 70055 h 217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</a:gdLst>
              <a:ahLst/>
              <a:cxnLst>
                <a:cxn ang="T82">
                  <a:pos x="T0" y="T1"/>
                </a:cxn>
                <a:cxn ang="T83">
                  <a:pos x="T2" y="T3"/>
                </a:cxn>
                <a:cxn ang="T84">
                  <a:pos x="T4" y="T5"/>
                </a:cxn>
                <a:cxn ang="T85">
                  <a:pos x="T6" y="T7"/>
                </a:cxn>
                <a:cxn ang="T86">
                  <a:pos x="T8" y="T9"/>
                </a:cxn>
                <a:cxn ang="T87">
                  <a:pos x="T10" y="T11"/>
                </a:cxn>
                <a:cxn ang="T88">
                  <a:pos x="T12" y="T13"/>
                </a:cxn>
                <a:cxn ang="T89">
                  <a:pos x="T14" y="T15"/>
                </a:cxn>
                <a:cxn ang="T90">
                  <a:pos x="T16" y="T17"/>
                </a:cxn>
                <a:cxn ang="T91">
                  <a:pos x="T18" y="T19"/>
                </a:cxn>
                <a:cxn ang="T92">
                  <a:pos x="T20" y="T21"/>
                </a:cxn>
                <a:cxn ang="T93">
                  <a:pos x="T22" y="T23"/>
                </a:cxn>
                <a:cxn ang="T94">
                  <a:pos x="T24" y="T25"/>
                </a:cxn>
                <a:cxn ang="T95">
                  <a:pos x="T26" y="T27"/>
                </a:cxn>
                <a:cxn ang="T96">
                  <a:pos x="T28" y="T29"/>
                </a:cxn>
                <a:cxn ang="T97">
                  <a:pos x="T30" y="T31"/>
                </a:cxn>
                <a:cxn ang="T98">
                  <a:pos x="T32" y="T33"/>
                </a:cxn>
                <a:cxn ang="T99">
                  <a:pos x="T34" y="T35"/>
                </a:cxn>
                <a:cxn ang="T100">
                  <a:pos x="T36" y="T37"/>
                </a:cxn>
                <a:cxn ang="T101">
                  <a:pos x="T38" y="T39"/>
                </a:cxn>
                <a:cxn ang="T102">
                  <a:pos x="T40" y="T41"/>
                </a:cxn>
                <a:cxn ang="T103">
                  <a:pos x="T42" y="T43"/>
                </a:cxn>
                <a:cxn ang="T104">
                  <a:pos x="T44" y="T45"/>
                </a:cxn>
                <a:cxn ang="T105">
                  <a:pos x="T46" y="T47"/>
                </a:cxn>
                <a:cxn ang="T106">
                  <a:pos x="T48" y="T49"/>
                </a:cxn>
                <a:cxn ang="T107">
                  <a:pos x="T50" y="T51"/>
                </a:cxn>
                <a:cxn ang="T108">
                  <a:pos x="T52" y="T53"/>
                </a:cxn>
                <a:cxn ang="T109">
                  <a:pos x="T54" y="T55"/>
                </a:cxn>
                <a:cxn ang="T110">
                  <a:pos x="T56" y="T57"/>
                </a:cxn>
                <a:cxn ang="T111">
                  <a:pos x="T58" y="T59"/>
                </a:cxn>
                <a:cxn ang="T112">
                  <a:pos x="T60" y="T61"/>
                </a:cxn>
                <a:cxn ang="T113">
                  <a:pos x="T62" y="T63"/>
                </a:cxn>
                <a:cxn ang="T114">
                  <a:pos x="T64" y="T65"/>
                </a:cxn>
                <a:cxn ang="T115">
                  <a:pos x="T66" y="T67"/>
                </a:cxn>
                <a:cxn ang="T116">
                  <a:pos x="T68" y="T69"/>
                </a:cxn>
                <a:cxn ang="T117">
                  <a:pos x="T70" y="T71"/>
                </a:cxn>
                <a:cxn ang="T118">
                  <a:pos x="T72" y="T73"/>
                </a:cxn>
                <a:cxn ang="T119">
                  <a:pos x="T74" y="T75"/>
                </a:cxn>
                <a:cxn ang="T120">
                  <a:pos x="T76" y="T77"/>
                </a:cxn>
                <a:cxn ang="T121">
                  <a:pos x="T78" y="T79"/>
                </a:cxn>
                <a:cxn ang="T122">
                  <a:pos x="T80" y="T81"/>
                </a:cxn>
              </a:cxnLst>
              <a:rect l="0" t="0" r="r" b="b"/>
              <a:pathLst>
                <a:path w="176" h="217">
                  <a:moveTo>
                    <a:pt x="158" y="135"/>
                  </a:moveTo>
                  <a:lnTo>
                    <a:pt x="151" y="137"/>
                  </a:lnTo>
                  <a:lnTo>
                    <a:pt x="143" y="140"/>
                  </a:lnTo>
                  <a:lnTo>
                    <a:pt x="136" y="144"/>
                  </a:lnTo>
                  <a:lnTo>
                    <a:pt x="128" y="147"/>
                  </a:lnTo>
                  <a:lnTo>
                    <a:pt x="119" y="151"/>
                  </a:lnTo>
                  <a:lnTo>
                    <a:pt x="111" y="154"/>
                  </a:lnTo>
                  <a:lnTo>
                    <a:pt x="101" y="157"/>
                  </a:lnTo>
                  <a:lnTo>
                    <a:pt x="92" y="158"/>
                  </a:lnTo>
                  <a:lnTo>
                    <a:pt x="92" y="167"/>
                  </a:lnTo>
                  <a:lnTo>
                    <a:pt x="92" y="175"/>
                  </a:lnTo>
                  <a:lnTo>
                    <a:pt x="92" y="184"/>
                  </a:lnTo>
                  <a:lnTo>
                    <a:pt x="92" y="193"/>
                  </a:lnTo>
                  <a:lnTo>
                    <a:pt x="87" y="199"/>
                  </a:lnTo>
                  <a:lnTo>
                    <a:pt x="80" y="204"/>
                  </a:lnTo>
                  <a:lnTo>
                    <a:pt x="73" y="207"/>
                  </a:lnTo>
                  <a:lnTo>
                    <a:pt x="64" y="210"/>
                  </a:lnTo>
                  <a:lnTo>
                    <a:pt x="45" y="213"/>
                  </a:lnTo>
                  <a:lnTo>
                    <a:pt x="25" y="217"/>
                  </a:lnTo>
                  <a:lnTo>
                    <a:pt x="19" y="216"/>
                  </a:lnTo>
                  <a:lnTo>
                    <a:pt x="12" y="217"/>
                  </a:lnTo>
                  <a:lnTo>
                    <a:pt x="8" y="217"/>
                  </a:lnTo>
                  <a:lnTo>
                    <a:pt x="4" y="217"/>
                  </a:lnTo>
                  <a:lnTo>
                    <a:pt x="2" y="216"/>
                  </a:lnTo>
                  <a:lnTo>
                    <a:pt x="0" y="213"/>
                  </a:lnTo>
                  <a:lnTo>
                    <a:pt x="1" y="206"/>
                  </a:lnTo>
                  <a:lnTo>
                    <a:pt x="3" y="199"/>
                  </a:lnTo>
                  <a:lnTo>
                    <a:pt x="10" y="192"/>
                  </a:lnTo>
                  <a:lnTo>
                    <a:pt x="16" y="185"/>
                  </a:lnTo>
                  <a:lnTo>
                    <a:pt x="21" y="178"/>
                  </a:lnTo>
                  <a:lnTo>
                    <a:pt x="27" y="170"/>
                  </a:lnTo>
                  <a:lnTo>
                    <a:pt x="37" y="154"/>
                  </a:lnTo>
                  <a:lnTo>
                    <a:pt x="49" y="140"/>
                  </a:lnTo>
                  <a:lnTo>
                    <a:pt x="50" y="130"/>
                  </a:lnTo>
                  <a:lnTo>
                    <a:pt x="52" y="122"/>
                  </a:lnTo>
                  <a:lnTo>
                    <a:pt x="55" y="114"/>
                  </a:lnTo>
                  <a:lnTo>
                    <a:pt x="58" y="107"/>
                  </a:lnTo>
                  <a:lnTo>
                    <a:pt x="66" y="93"/>
                  </a:lnTo>
                  <a:lnTo>
                    <a:pt x="75" y="81"/>
                  </a:lnTo>
                  <a:lnTo>
                    <a:pt x="84" y="69"/>
                  </a:lnTo>
                  <a:lnTo>
                    <a:pt x="93" y="57"/>
                  </a:lnTo>
                  <a:lnTo>
                    <a:pt x="97" y="50"/>
                  </a:lnTo>
                  <a:lnTo>
                    <a:pt x="101" y="43"/>
                  </a:lnTo>
                  <a:lnTo>
                    <a:pt x="104" y="36"/>
                  </a:lnTo>
                  <a:lnTo>
                    <a:pt x="108" y="28"/>
                  </a:lnTo>
                  <a:lnTo>
                    <a:pt x="112" y="26"/>
                  </a:lnTo>
                  <a:lnTo>
                    <a:pt x="117" y="26"/>
                  </a:lnTo>
                  <a:lnTo>
                    <a:pt x="116" y="21"/>
                  </a:lnTo>
                  <a:lnTo>
                    <a:pt x="115" y="14"/>
                  </a:lnTo>
                  <a:lnTo>
                    <a:pt x="115" y="7"/>
                  </a:lnTo>
                  <a:lnTo>
                    <a:pt x="115" y="1"/>
                  </a:lnTo>
                  <a:lnTo>
                    <a:pt x="119" y="0"/>
                  </a:lnTo>
                  <a:lnTo>
                    <a:pt x="122" y="0"/>
                  </a:lnTo>
                  <a:lnTo>
                    <a:pt x="126" y="1"/>
                  </a:lnTo>
                  <a:lnTo>
                    <a:pt x="129" y="2"/>
                  </a:lnTo>
                  <a:lnTo>
                    <a:pt x="133" y="5"/>
                  </a:lnTo>
                  <a:lnTo>
                    <a:pt x="137" y="8"/>
                  </a:lnTo>
                  <a:lnTo>
                    <a:pt x="137" y="11"/>
                  </a:lnTo>
                  <a:lnTo>
                    <a:pt x="136" y="13"/>
                  </a:lnTo>
                  <a:lnTo>
                    <a:pt x="135" y="15"/>
                  </a:lnTo>
                  <a:lnTo>
                    <a:pt x="132" y="16"/>
                  </a:lnTo>
                  <a:lnTo>
                    <a:pt x="128" y="19"/>
                  </a:lnTo>
                  <a:lnTo>
                    <a:pt x="122" y="21"/>
                  </a:lnTo>
                  <a:lnTo>
                    <a:pt x="123" y="22"/>
                  </a:lnTo>
                  <a:lnTo>
                    <a:pt x="126" y="23"/>
                  </a:lnTo>
                  <a:lnTo>
                    <a:pt x="128" y="24"/>
                  </a:lnTo>
                  <a:lnTo>
                    <a:pt x="131" y="24"/>
                  </a:lnTo>
                  <a:lnTo>
                    <a:pt x="137" y="23"/>
                  </a:lnTo>
                  <a:lnTo>
                    <a:pt x="142" y="23"/>
                  </a:lnTo>
                  <a:lnTo>
                    <a:pt x="140" y="29"/>
                  </a:lnTo>
                  <a:lnTo>
                    <a:pt x="139" y="34"/>
                  </a:lnTo>
                  <a:lnTo>
                    <a:pt x="139" y="41"/>
                  </a:lnTo>
                  <a:lnTo>
                    <a:pt x="140" y="47"/>
                  </a:lnTo>
                  <a:lnTo>
                    <a:pt x="143" y="59"/>
                  </a:lnTo>
                  <a:lnTo>
                    <a:pt x="149" y="71"/>
                  </a:lnTo>
                  <a:lnTo>
                    <a:pt x="162" y="97"/>
                  </a:lnTo>
                  <a:lnTo>
                    <a:pt x="173" y="120"/>
                  </a:lnTo>
                  <a:lnTo>
                    <a:pt x="174" y="122"/>
                  </a:lnTo>
                  <a:lnTo>
                    <a:pt x="176" y="125"/>
                  </a:lnTo>
                  <a:lnTo>
                    <a:pt x="173" y="128"/>
                  </a:lnTo>
                  <a:lnTo>
                    <a:pt x="168" y="130"/>
                  </a:lnTo>
                  <a:lnTo>
                    <a:pt x="162" y="133"/>
                  </a:lnTo>
                  <a:lnTo>
                    <a:pt x="158" y="135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49" name="København"/>
            <p:cNvSpPr>
              <a:spLocks/>
            </p:cNvSpPr>
            <p:nvPr/>
          </p:nvSpPr>
          <p:spPr bwMode="auto">
            <a:xfrm>
              <a:off x="3913188" y="4868863"/>
              <a:ext cx="123825" cy="125412"/>
            </a:xfrm>
            <a:custGeom>
              <a:avLst/>
              <a:gdLst>
                <a:gd name="T0" fmla="*/ 11642 w 234"/>
                <a:gd name="T1" fmla="*/ 55266 h 236"/>
                <a:gd name="T2" fmla="*/ 9525 w 234"/>
                <a:gd name="T3" fmla="*/ 48358 h 236"/>
                <a:gd name="T4" fmla="*/ 8996 w 234"/>
                <a:gd name="T5" fmla="*/ 39324 h 236"/>
                <a:gd name="T6" fmla="*/ 1588 w 234"/>
                <a:gd name="T7" fmla="*/ 36136 h 236"/>
                <a:gd name="T8" fmla="*/ 0 w 234"/>
                <a:gd name="T9" fmla="*/ 31884 h 236"/>
                <a:gd name="T10" fmla="*/ 1588 w 234"/>
                <a:gd name="T11" fmla="*/ 27633 h 236"/>
                <a:gd name="T12" fmla="*/ 5292 w 234"/>
                <a:gd name="T13" fmla="*/ 24976 h 236"/>
                <a:gd name="T14" fmla="*/ 10583 w 234"/>
                <a:gd name="T15" fmla="*/ 21788 h 236"/>
                <a:gd name="T16" fmla="*/ 16933 w 234"/>
                <a:gd name="T17" fmla="*/ 16474 h 236"/>
                <a:gd name="T18" fmla="*/ 26458 w 234"/>
                <a:gd name="T19" fmla="*/ 14879 h 236"/>
                <a:gd name="T20" fmla="*/ 39688 w 234"/>
                <a:gd name="T21" fmla="*/ 17536 h 236"/>
                <a:gd name="T22" fmla="*/ 43392 w 234"/>
                <a:gd name="T23" fmla="*/ 14348 h 236"/>
                <a:gd name="T24" fmla="*/ 46567 w 234"/>
                <a:gd name="T25" fmla="*/ 9565 h 236"/>
                <a:gd name="T26" fmla="*/ 53975 w 234"/>
                <a:gd name="T27" fmla="*/ 7971 h 236"/>
                <a:gd name="T28" fmla="*/ 68263 w 234"/>
                <a:gd name="T29" fmla="*/ 11160 h 236"/>
                <a:gd name="T30" fmla="*/ 77258 w 234"/>
                <a:gd name="T31" fmla="*/ 8503 h 236"/>
                <a:gd name="T32" fmla="*/ 79904 w 234"/>
                <a:gd name="T33" fmla="*/ 0 h 236"/>
                <a:gd name="T34" fmla="*/ 86783 w 234"/>
                <a:gd name="T35" fmla="*/ 2657 h 236"/>
                <a:gd name="T36" fmla="*/ 91017 w 234"/>
                <a:gd name="T37" fmla="*/ 7440 h 236"/>
                <a:gd name="T38" fmla="*/ 95250 w 234"/>
                <a:gd name="T39" fmla="*/ 10628 h 236"/>
                <a:gd name="T40" fmla="*/ 98425 w 234"/>
                <a:gd name="T41" fmla="*/ 13817 h 236"/>
                <a:gd name="T42" fmla="*/ 104246 w 234"/>
                <a:gd name="T43" fmla="*/ 17005 h 236"/>
                <a:gd name="T44" fmla="*/ 104775 w 234"/>
                <a:gd name="T45" fmla="*/ 13817 h 236"/>
                <a:gd name="T46" fmla="*/ 107421 w 234"/>
                <a:gd name="T47" fmla="*/ 9565 h 236"/>
                <a:gd name="T48" fmla="*/ 109538 w 234"/>
                <a:gd name="T49" fmla="*/ 4783 h 236"/>
                <a:gd name="T50" fmla="*/ 123825 w 234"/>
                <a:gd name="T51" fmla="*/ 9565 h 236"/>
                <a:gd name="T52" fmla="*/ 119592 w 234"/>
                <a:gd name="T53" fmla="*/ 10628 h 236"/>
                <a:gd name="T54" fmla="*/ 118004 w 234"/>
                <a:gd name="T55" fmla="*/ 12222 h 236"/>
                <a:gd name="T56" fmla="*/ 116946 w 234"/>
                <a:gd name="T57" fmla="*/ 14879 h 236"/>
                <a:gd name="T58" fmla="*/ 111125 w 234"/>
                <a:gd name="T59" fmla="*/ 13285 h 236"/>
                <a:gd name="T60" fmla="*/ 109538 w 234"/>
                <a:gd name="T61" fmla="*/ 16474 h 236"/>
                <a:gd name="T62" fmla="*/ 114300 w 234"/>
                <a:gd name="T63" fmla="*/ 17536 h 236"/>
                <a:gd name="T64" fmla="*/ 116417 w 234"/>
                <a:gd name="T65" fmla="*/ 21256 h 236"/>
                <a:gd name="T66" fmla="*/ 111125 w 234"/>
                <a:gd name="T67" fmla="*/ 21788 h 236"/>
                <a:gd name="T68" fmla="*/ 109538 w 234"/>
                <a:gd name="T69" fmla="*/ 23913 h 236"/>
                <a:gd name="T70" fmla="*/ 106892 w 234"/>
                <a:gd name="T71" fmla="*/ 24976 h 236"/>
                <a:gd name="T72" fmla="*/ 105304 w 234"/>
                <a:gd name="T73" fmla="*/ 31884 h 236"/>
                <a:gd name="T74" fmla="*/ 106892 w 234"/>
                <a:gd name="T75" fmla="*/ 39324 h 236"/>
                <a:gd name="T76" fmla="*/ 109538 w 234"/>
                <a:gd name="T77" fmla="*/ 40387 h 236"/>
                <a:gd name="T78" fmla="*/ 110596 w 234"/>
                <a:gd name="T79" fmla="*/ 34541 h 236"/>
                <a:gd name="T80" fmla="*/ 111125 w 234"/>
                <a:gd name="T81" fmla="*/ 46764 h 236"/>
                <a:gd name="T82" fmla="*/ 98954 w 234"/>
                <a:gd name="T83" fmla="*/ 69614 h 236"/>
                <a:gd name="T84" fmla="*/ 85196 w 234"/>
                <a:gd name="T85" fmla="*/ 90339 h 236"/>
                <a:gd name="T86" fmla="*/ 79904 w 234"/>
                <a:gd name="T87" fmla="*/ 102030 h 236"/>
                <a:gd name="T88" fmla="*/ 72496 w 234"/>
                <a:gd name="T89" fmla="*/ 103624 h 236"/>
                <a:gd name="T90" fmla="*/ 72496 w 234"/>
                <a:gd name="T91" fmla="*/ 108407 h 236"/>
                <a:gd name="T92" fmla="*/ 76200 w 234"/>
                <a:gd name="T93" fmla="*/ 108938 h 236"/>
                <a:gd name="T94" fmla="*/ 65617 w 234"/>
                <a:gd name="T95" fmla="*/ 124881 h 236"/>
                <a:gd name="T96" fmla="*/ 64558 w 234"/>
                <a:gd name="T97" fmla="*/ 124349 h 236"/>
                <a:gd name="T98" fmla="*/ 62442 w 234"/>
                <a:gd name="T99" fmla="*/ 119567 h 236"/>
                <a:gd name="T100" fmla="*/ 57679 w 234"/>
                <a:gd name="T101" fmla="*/ 119567 h 236"/>
                <a:gd name="T102" fmla="*/ 52917 w 234"/>
                <a:gd name="T103" fmla="*/ 123818 h 236"/>
                <a:gd name="T104" fmla="*/ 33338 w 234"/>
                <a:gd name="T105" fmla="*/ 113190 h 236"/>
                <a:gd name="T106" fmla="*/ 26988 w 234"/>
                <a:gd name="T107" fmla="*/ 103624 h 236"/>
                <a:gd name="T108" fmla="*/ 22754 w 234"/>
                <a:gd name="T109" fmla="*/ 99373 h 236"/>
                <a:gd name="T110" fmla="*/ 22225 w 234"/>
                <a:gd name="T111" fmla="*/ 88745 h 236"/>
                <a:gd name="T112" fmla="*/ 20108 w 234"/>
                <a:gd name="T113" fmla="*/ 85025 h 236"/>
                <a:gd name="T114" fmla="*/ 17463 w 234"/>
                <a:gd name="T115" fmla="*/ 75460 h 236"/>
                <a:gd name="T116" fmla="*/ 11642 w 234"/>
                <a:gd name="T117" fmla="*/ 62175 h 2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234" h="236">
                  <a:moveTo>
                    <a:pt x="22" y="117"/>
                  </a:moveTo>
                  <a:lnTo>
                    <a:pt x="23" y="109"/>
                  </a:lnTo>
                  <a:lnTo>
                    <a:pt x="22" y="104"/>
                  </a:lnTo>
                  <a:lnTo>
                    <a:pt x="21" y="99"/>
                  </a:lnTo>
                  <a:lnTo>
                    <a:pt x="20" y="95"/>
                  </a:lnTo>
                  <a:lnTo>
                    <a:pt x="18" y="91"/>
                  </a:lnTo>
                  <a:lnTo>
                    <a:pt x="17" y="85"/>
                  </a:lnTo>
                  <a:lnTo>
                    <a:pt x="17" y="80"/>
                  </a:lnTo>
                  <a:lnTo>
                    <a:pt x="17" y="74"/>
                  </a:lnTo>
                  <a:lnTo>
                    <a:pt x="11" y="71"/>
                  </a:lnTo>
                  <a:lnTo>
                    <a:pt x="6" y="69"/>
                  </a:lnTo>
                  <a:lnTo>
                    <a:pt x="3" y="68"/>
                  </a:lnTo>
                  <a:lnTo>
                    <a:pt x="1" y="66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7"/>
                  </a:lnTo>
                  <a:lnTo>
                    <a:pt x="1" y="54"/>
                  </a:lnTo>
                  <a:lnTo>
                    <a:pt x="3" y="52"/>
                  </a:lnTo>
                  <a:lnTo>
                    <a:pt x="5" y="51"/>
                  </a:lnTo>
                  <a:lnTo>
                    <a:pt x="8" y="48"/>
                  </a:lnTo>
                  <a:lnTo>
                    <a:pt x="10" y="47"/>
                  </a:lnTo>
                  <a:lnTo>
                    <a:pt x="13" y="45"/>
                  </a:lnTo>
                  <a:lnTo>
                    <a:pt x="15" y="43"/>
                  </a:lnTo>
                  <a:lnTo>
                    <a:pt x="20" y="41"/>
                  </a:lnTo>
                  <a:lnTo>
                    <a:pt x="25" y="38"/>
                  </a:lnTo>
                  <a:lnTo>
                    <a:pt x="28" y="34"/>
                  </a:lnTo>
                  <a:lnTo>
                    <a:pt x="32" y="31"/>
                  </a:lnTo>
                  <a:lnTo>
                    <a:pt x="37" y="27"/>
                  </a:lnTo>
                  <a:lnTo>
                    <a:pt x="40" y="25"/>
                  </a:lnTo>
                  <a:lnTo>
                    <a:pt x="50" y="28"/>
                  </a:lnTo>
                  <a:lnTo>
                    <a:pt x="63" y="32"/>
                  </a:lnTo>
                  <a:lnTo>
                    <a:pt x="69" y="33"/>
                  </a:lnTo>
                  <a:lnTo>
                    <a:pt x="75" y="33"/>
                  </a:lnTo>
                  <a:lnTo>
                    <a:pt x="78" y="32"/>
                  </a:lnTo>
                  <a:lnTo>
                    <a:pt x="80" y="29"/>
                  </a:lnTo>
                  <a:lnTo>
                    <a:pt x="82" y="27"/>
                  </a:lnTo>
                  <a:lnTo>
                    <a:pt x="83" y="25"/>
                  </a:lnTo>
                  <a:lnTo>
                    <a:pt x="85" y="21"/>
                  </a:lnTo>
                  <a:lnTo>
                    <a:pt x="88" y="18"/>
                  </a:lnTo>
                  <a:lnTo>
                    <a:pt x="91" y="16"/>
                  </a:lnTo>
                  <a:lnTo>
                    <a:pt x="95" y="15"/>
                  </a:lnTo>
                  <a:lnTo>
                    <a:pt x="102" y="15"/>
                  </a:lnTo>
                  <a:lnTo>
                    <a:pt x="110" y="16"/>
                  </a:lnTo>
                  <a:lnTo>
                    <a:pt x="120" y="19"/>
                  </a:lnTo>
                  <a:lnTo>
                    <a:pt x="129" y="21"/>
                  </a:lnTo>
                  <a:lnTo>
                    <a:pt x="138" y="22"/>
                  </a:lnTo>
                  <a:lnTo>
                    <a:pt x="146" y="22"/>
                  </a:lnTo>
                  <a:lnTo>
                    <a:pt x="146" y="16"/>
                  </a:lnTo>
                  <a:lnTo>
                    <a:pt x="147" y="9"/>
                  </a:lnTo>
                  <a:lnTo>
                    <a:pt x="148" y="3"/>
                  </a:lnTo>
                  <a:lnTo>
                    <a:pt x="151" y="0"/>
                  </a:lnTo>
                  <a:lnTo>
                    <a:pt x="157" y="0"/>
                  </a:lnTo>
                  <a:lnTo>
                    <a:pt x="161" y="2"/>
                  </a:lnTo>
                  <a:lnTo>
                    <a:pt x="164" y="5"/>
                  </a:lnTo>
                  <a:lnTo>
                    <a:pt x="166" y="7"/>
                  </a:lnTo>
                  <a:lnTo>
                    <a:pt x="169" y="11"/>
                  </a:lnTo>
                  <a:lnTo>
                    <a:pt x="172" y="14"/>
                  </a:lnTo>
                  <a:lnTo>
                    <a:pt x="176" y="16"/>
                  </a:lnTo>
                  <a:lnTo>
                    <a:pt x="180" y="17"/>
                  </a:lnTo>
                  <a:lnTo>
                    <a:pt x="180" y="20"/>
                  </a:lnTo>
                  <a:lnTo>
                    <a:pt x="182" y="23"/>
                  </a:lnTo>
                  <a:lnTo>
                    <a:pt x="184" y="25"/>
                  </a:lnTo>
                  <a:lnTo>
                    <a:pt x="186" y="26"/>
                  </a:lnTo>
                  <a:lnTo>
                    <a:pt x="190" y="29"/>
                  </a:lnTo>
                  <a:lnTo>
                    <a:pt x="195" y="33"/>
                  </a:lnTo>
                  <a:lnTo>
                    <a:pt x="197" y="32"/>
                  </a:lnTo>
                  <a:lnTo>
                    <a:pt x="198" y="31"/>
                  </a:lnTo>
                  <a:lnTo>
                    <a:pt x="198" y="28"/>
                  </a:lnTo>
                  <a:lnTo>
                    <a:pt x="198" y="26"/>
                  </a:lnTo>
                  <a:lnTo>
                    <a:pt x="197" y="21"/>
                  </a:lnTo>
                  <a:lnTo>
                    <a:pt x="198" y="17"/>
                  </a:lnTo>
                  <a:lnTo>
                    <a:pt x="203" y="18"/>
                  </a:lnTo>
                  <a:lnTo>
                    <a:pt x="206" y="19"/>
                  </a:lnTo>
                  <a:lnTo>
                    <a:pt x="207" y="17"/>
                  </a:lnTo>
                  <a:lnTo>
                    <a:pt x="207" y="9"/>
                  </a:lnTo>
                  <a:lnTo>
                    <a:pt x="220" y="13"/>
                  </a:lnTo>
                  <a:lnTo>
                    <a:pt x="232" y="15"/>
                  </a:lnTo>
                  <a:lnTo>
                    <a:pt x="234" y="18"/>
                  </a:lnTo>
                  <a:lnTo>
                    <a:pt x="232" y="19"/>
                  </a:lnTo>
                  <a:lnTo>
                    <a:pt x="229" y="20"/>
                  </a:lnTo>
                  <a:lnTo>
                    <a:pt x="226" y="20"/>
                  </a:lnTo>
                  <a:lnTo>
                    <a:pt x="224" y="21"/>
                  </a:lnTo>
                  <a:lnTo>
                    <a:pt x="222" y="21"/>
                  </a:lnTo>
                  <a:lnTo>
                    <a:pt x="223" y="23"/>
                  </a:lnTo>
                  <a:lnTo>
                    <a:pt x="225" y="25"/>
                  </a:lnTo>
                  <a:lnTo>
                    <a:pt x="223" y="27"/>
                  </a:lnTo>
                  <a:lnTo>
                    <a:pt x="221" y="28"/>
                  </a:lnTo>
                  <a:lnTo>
                    <a:pt x="219" y="28"/>
                  </a:lnTo>
                  <a:lnTo>
                    <a:pt x="216" y="27"/>
                  </a:lnTo>
                  <a:lnTo>
                    <a:pt x="210" y="25"/>
                  </a:lnTo>
                  <a:lnTo>
                    <a:pt x="205" y="25"/>
                  </a:lnTo>
                  <a:lnTo>
                    <a:pt x="205" y="28"/>
                  </a:lnTo>
                  <a:lnTo>
                    <a:pt x="207" y="31"/>
                  </a:lnTo>
                  <a:lnTo>
                    <a:pt x="209" y="32"/>
                  </a:lnTo>
                  <a:lnTo>
                    <a:pt x="212" y="33"/>
                  </a:lnTo>
                  <a:lnTo>
                    <a:pt x="216" y="33"/>
                  </a:lnTo>
                  <a:lnTo>
                    <a:pt x="219" y="35"/>
                  </a:lnTo>
                  <a:lnTo>
                    <a:pt x="220" y="37"/>
                  </a:lnTo>
                  <a:lnTo>
                    <a:pt x="220" y="40"/>
                  </a:lnTo>
                  <a:lnTo>
                    <a:pt x="216" y="40"/>
                  </a:lnTo>
                  <a:lnTo>
                    <a:pt x="211" y="41"/>
                  </a:lnTo>
                  <a:lnTo>
                    <a:pt x="210" y="41"/>
                  </a:lnTo>
                  <a:lnTo>
                    <a:pt x="208" y="42"/>
                  </a:lnTo>
                  <a:lnTo>
                    <a:pt x="208" y="43"/>
                  </a:lnTo>
                  <a:lnTo>
                    <a:pt x="207" y="45"/>
                  </a:lnTo>
                  <a:lnTo>
                    <a:pt x="205" y="45"/>
                  </a:lnTo>
                  <a:lnTo>
                    <a:pt x="203" y="45"/>
                  </a:lnTo>
                  <a:lnTo>
                    <a:pt x="202" y="47"/>
                  </a:lnTo>
                  <a:lnTo>
                    <a:pt x="201" y="49"/>
                  </a:lnTo>
                  <a:lnTo>
                    <a:pt x="199" y="55"/>
                  </a:lnTo>
                  <a:lnTo>
                    <a:pt x="199" y="60"/>
                  </a:lnTo>
                  <a:lnTo>
                    <a:pt x="199" y="66"/>
                  </a:lnTo>
                  <a:lnTo>
                    <a:pt x="201" y="72"/>
                  </a:lnTo>
                  <a:lnTo>
                    <a:pt x="202" y="74"/>
                  </a:lnTo>
                  <a:lnTo>
                    <a:pt x="204" y="75"/>
                  </a:lnTo>
                  <a:lnTo>
                    <a:pt x="205" y="76"/>
                  </a:lnTo>
                  <a:lnTo>
                    <a:pt x="207" y="76"/>
                  </a:lnTo>
                  <a:lnTo>
                    <a:pt x="208" y="68"/>
                  </a:lnTo>
                  <a:lnTo>
                    <a:pt x="208" y="65"/>
                  </a:lnTo>
                  <a:lnTo>
                    <a:pt x="209" y="65"/>
                  </a:lnTo>
                  <a:lnTo>
                    <a:pt x="209" y="68"/>
                  </a:lnTo>
                  <a:lnTo>
                    <a:pt x="210" y="78"/>
                  </a:lnTo>
                  <a:lnTo>
                    <a:pt x="210" y="88"/>
                  </a:lnTo>
                  <a:lnTo>
                    <a:pt x="204" y="103"/>
                  </a:lnTo>
                  <a:lnTo>
                    <a:pt x="196" y="117"/>
                  </a:lnTo>
                  <a:lnTo>
                    <a:pt x="187" y="131"/>
                  </a:lnTo>
                  <a:lnTo>
                    <a:pt x="178" y="143"/>
                  </a:lnTo>
                  <a:lnTo>
                    <a:pt x="169" y="156"/>
                  </a:lnTo>
                  <a:lnTo>
                    <a:pt x="161" y="170"/>
                  </a:lnTo>
                  <a:lnTo>
                    <a:pt x="158" y="176"/>
                  </a:lnTo>
                  <a:lnTo>
                    <a:pt x="155" y="184"/>
                  </a:lnTo>
                  <a:lnTo>
                    <a:pt x="151" y="192"/>
                  </a:lnTo>
                  <a:lnTo>
                    <a:pt x="149" y="200"/>
                  </a:lnTo>
                  <a:lnTo>
                    <a:pt x="143" y="198"/>
                  </a:lnTo>
                  <a:lnTo>
                    <a:pt x="137" y="195"/>
                  </a:lnTo>
                  <a:lnTo>
                    <a:pt x="135" y="200"/>
                  </a:lnTo>
                  <a:lnTo>
                    <a:pt x="136" y="203"/>
                  </a:lnTo>
                  <a:lnTo>
                    <a:pt x="137" y="204"/>
                  </a:lnTo>
                  <a:lnTo>
                    <a:pt x="138" y="205"/>
                  </a:lnTo>
                  <a:lnTo>
                    <a:pt x="141" y="205"/>
                  </a:lnTo>
                  <a:lnTo>
                    <a:pt x="144" y="205"/>
                  </a:lnTo>
                  <a:lnTo>
                    <a:pt x="136" y="220"/>
                  </a:lnTo>
                  <a:lnTo>
                    <a:pt x="126" y="233"/>
                  </a:lnTo>
                  <a:lnTo>
                    <a:pt x="124" y="235"/>
                  </a:lnTo>
                  <a:lnTo>
                    <a:pt x="123" y="235"/>
                  </a:lnTo>
                  <a:lnTo>
                    <a:pt x="122" y="235"/>
                  </a:lnTo>
                  <a:lnTo>
                    <a:pt x="122" y="234"/>
                  </a:lnTo>
                  <a:lnTo>
                    <a:pt x="121" y="231"/>
                  </a:lnTo>
                  <a:lnTo>
                    <a:pt x="121" y="225"/>
                  </a:lnTo>
                  <a:lnTo>
                    <a:pt x="118" y="225"/>
                  </a:lnTo>
                  <a:lnTo>
                    <a:pt x="113" y="225"/>
                  </a:lnTo>
                  <a:lnTo>
                    <a:pt x="111" y="225"/>
                  </a:lnTo>
                  <a:lnTo>
                    <a:pt x="109" y="225"/>
                  </a:lnTo>
                  <a:lnTo>
                    <a:pt x="108" y="226"/>
                  </a:lnTo>
                  <a:lnTo>
                    <a:pt x="108" y="228"/>
                  </a:lnTo>
                  <a:lnTo>
                    <a:pt x="100" y="233"/>
                  </a:lnTo>
                  <a:lnTo>
                    <a:pt x="90" y="236"/>
                  </a:lnTo>
                  <a:lnTo>
                    <a:pt x="76" y="225"/>
                  </a:lnTo>
                  <a:lnTo>
                    <a:pt x="63" y="213"/>
                  </a:lnTo>
                  <a:lnTo>
                    <a:pt x="59" y="205"/>
                  </a:lnTo>
                  <a:lnTo>
                    <a:pt x="55" y="199"/>
                  </a:lnTo>
                  <a:lnTo>
                    <a:pt x="51" y="195"/>
                  </a:lnTo>
                  <a:lnTo>
                    <a:pt x="49" y="193"/>
                  </a:lnTo>
                  <a:lnTo>
                    <a:pt x="46" y="190"/>
                  </a:lnTo>
                  <a:lnTo>
                    <a:pt x="43" y="187"/>
                  </a:lnTo>
                  <a:lnTo>
                    <a:pt x="43" y="179"/>
                  </a:lnTo>
                  <a:lnTo>
                    <a:pt x="42" y="172"/>
                  </a:lnTo>
                  <a:lnTo>
                    <a:pt x="42" y="167"/>
                  </a:lnTo>
                  <a:lnTo>
                    <a:pt x="41" y="164"/>
                  </a:lnTo>
                  <a:lnTo>
                    <a:pt x="40" y="162"/>
                  </a:lnTo>
                  <a:lnTo>
                    <a:pt x="38" y="160"/>
                  </a:lnTo>
                  <a:lnTo>
                    <a:pt x="38" y="154"/>
                  </a:lnTo>
                  <a:lnTo>
                    <a:pt x="37" y="148"/>
                  </a:lnTo>
                  <a:lnTo>
                    <a:pt x="33" y="142"/>
                  </a:lnTo>
                  <a:lnTo>
                    <a:pt x="31" y="137"/>
                  </a:lnTo>
                  <a:lnTo>
                    <a:pt x="26" y="126"/>
                  </a:lnTo>
                  <a:lnTo>
                    <a:pt x="22" y="117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50" name="København kant"/>
            <p:cNvSpPr>
              <a:spLocks/>
            </p:cNvSpPr>
            <p:nvPr/>
          </p:nvSpPr>
          <p:spPr bwMode="auto">
            <a:xfrm>
              <a:off x="3913188" y="4868863"/>
              <a:ext cx="123825" cy="125412"/>
            </a:xfrm>
            <a:custGeom>
              <a:avLst/>
              <a:gdLst>
                <a:gd name="T0" fmla="*/ 11642 w 234"/>
                <a:gd name="T1" fmla="*/ 55266 h 236"/>
                <a:gd name="T2" fmla="*/ 9525 w 234"/>
                <a:gd name="T3" fmla="*/ 48358 h 236"/>
                <a:gd name="T4" fmla="*/ 8996 w 234"/>
                <a:gd name="T5" fmla="*/ 39324 h 236"/>
                <a:gd name="T6" fmla="*/ 1588 w 234"/>
                <a:gd name="T7" fmla="*/ 36136 h 236"/>
                <a:gd name="T8" fmla="*/ 0 w 234"/>
                <a:gd name="T9" fmla="*/ 31884 h 236"/>
                <a:gd name="T10" fmla="*/ 1588 w 234"/>
                <a:gd name="T11" fmla="*/ 27633 h 236"/>
                <a:gd name="T12" fmla="*/ 5292 w 234"/>
                <a:gd name="T13" fmla="*/ 24976 h 236"/>
                <a:gd name="T14" fmla="*/ 10583 w 234"/>
                <a:gd name="T15" fmla="*/ 21788 h 236"/>
                <a:gd name="T16" fmla="*/ 16933 w 234"/>
                <a:gd name="T17" fmla="*/ 16474 h 236"/>
                <a:gd name="T18" fmla="*/ 26458 w 234"/>
                <a:gd name="T19" fmla="*/ 14879 h 236"/>
                <a:gd name="T20" fmla="*/ 39688 w 234"/>
                <a:gd name="T21" fmla="*/ 17536 h 236"/>
                <a:gd name="T22" fmla="*/ 43392 w 234"/>
                <a:gd name="T23" fmla="*/ 14348 h 236"/>
                <a:gd name="T24" fmla="*/ 46567 w 234"/>
                <a:gd name="T25" fmla="*/ 9565 h 236"/>
                <a:gd name="T26" fmla="*/ 53975 w 234"/>
                <a:gd name="T27" fmla="*/ 7971 h 236"/>
                <a:gd name="T28" fmla="*/ 68263 w 234"/>
                <a:gd name="T29" fmla="*/ 11160 h 236"/>
                <a:gd name="T30" fmla="*/ 77258 w 234"/>
                <a:gd name="T31" fmla="*/ 8503 h 236"/>
                <a:gd name="T32" fmla="*/ 79904 w 234"/>
                <a:gd name="T33" fmla="*/ 0 h 236"/>
                <a:gd name="T34" fmla="*/ 86783 w 234"/>
                <a:gd name="T35" fmla="*/ 2657 h 236"/>
                <a:gd name="T36" fmla="*/ 91017 w 234"/>
                <a:gd name="T37" fmla="*/ 7440 h 236"/>
                <a:gd name="T38" fmla="*/ 95250 w 234"/>
                <a:gd name="T39" fmla="*/ 10628 h 236"/>
                <a:gd name="T40" fmla="*/ 98425 w 234"/>
                <a:gd name="T41" fmla="*/ 13817 h 236"/>
                <a:gd name="T42" fmla="*/ 104246 w 234"/>
                <a:gd name="T43" fmla="*/ 17005 h 236"/>
                <a:gd name="T44" fmla="*/ 104775 w 234"/>
                <a:gd name="T45" fmla="*/ 13817 h 236"/>
                <a:gd name="T46" fmla="*/ 107421 w 234"/>
                <a:gd name="T47" fmla="*/ 9565 h 236"/>
                <a:gd name="T48" fmla="*/ 109538 w 234"/>
                <a:gd name="T49" fmla="*/ 4783 h 236"/>
                <a:gd name="T50" fmla="*/ 123825 w 234"/>
                <a:gd name="T51" fmla="*/ 9565 h 236"/>
                <a:gd name="T52" fmla="*/ 119592 w 234"/>
                <a:gd name="T53" fmla="*/ 10628 h 236"/>
                <a:gd name="T54" fmla="*/ 118004 w 234"/>
                <a:gd name="T55" fmla="*/ 12222 h 236"/>
                <a:gd name="T56" fmla="*/ 116946 w 234"/>
                <a:gd name="T57" fmla="*/ 14879 h 236"/>
                <a:gd name="T58" fmla="*/ 111125 w 234"/>
                <a:gd name="T59" fmla="*/ 13285 h 236"/>
                <a:gd name="T60" fmla="*/ 109538 w 234"/>
                <a:gd name="T61" fmla="*/ 16474 h 236"/>
                <a:gd name="T62" fmla="*/ 114300 w 234"/>
                <a:gd name="T63" fmla="*/ 17536 h 236"/>
                <a:gd name="T64" fmla="*/ 116417 w 234"/>
                <a:gd name="T65" fmla="*/ 21256 h 236"/>
                <a:gd name="T66" fmla="*/ 111125 w 234"/>
                <a:gd name="T67" fmla="*/ 21788 h 236"/>
                <a:gd name="T68" fmla="*/ 109538 w 234"/>
                <a:gd name="T69" fmla="*/ 23913 h 236"/>
                <a:gd name="T70" fmla="*/ 106892 w 234"/>
                <a:gd name="T71" fmla="*/ 24976 h 236"/>
                <a:gd name="T72" fmla="*/ 105304 w 234"/>
                <a:gd name="T73" fmla="*/ 31884 h 236"/>
                <a:gd name="T74" fmla="*/ 106892 w 234"/>
                <a:gd name="T75" fmla="*/ 39324 h 236"/>
                <a:gd name="T76" fmla="*/ 109538 w 234"/>
                <a:gd name="T77" fmla="*/ 40387 h 236"/>
                <a:gd name="T78" fmla="*/ 110596 w 234"/>
                <a:gd name="T79" fmla="*/ 34541 h 236"/>
                <a:gd name="T80" fmla="*/ 111125 w 234"/>
                <a:gd name="T81" fmla="*/ 46764 h 236"/>
                <a:gd name="T82" fmla="*/ 98954 w 234"/>
                <a:gd name="T83" fmla="*/ 69614 h 236"/>
                <a:gd name="T84" fmla="*/ 85196 w 234"/>
                <a:gd name="T85" fmla="*/ 90339 h 236"/>
                <a:gd name="T86" fmla="*/ 79904 w 234"/>
                <a:gd name="T87" fmla="*/ 102030 h 236"/>
                <a:gd name="T88" fmla="*/ 72496 w 234"/>
                <a:gd name="T89" fmla="*/ 103624 h 236"/>
                <a:gd name="T90" fmla="*/ 72496 w 234"/>
                <a:gd name="T91" fmla="*/ 108407 h 236"/>
                <a:gd name="T92" fmla="*/ 76200 w 234"/>
                <a:gd name="T93" fmla="*/ 108938 h 236"/>
                <a:gd name="T94" fmla="*/ 65617 w 234"/>
                <a:gd name="T95" fmla="*/ 124881 h 236"/>
                <a:gd name="T96" fmla="*/ 64558 w 234"/>
                <a:gd name="T97" fmla="*/ 124349 h 236"/>
                <a:gd name="T98" fmla="*/ 62442 w 234"/>
                <a:gd name="T99" fmla="*/ 119567 h 236"/>
                <a:gd name="T100" fmla="*/ 57679 w 234"/>
                <a:gd name="T101" fmla="*/ 119567 h 236"/>
                <a:gd name="T102" fmla="*/ 52917 w 234"/>
                <a:gd name="T103" fmla="*/ 123818 h 236"/>
                <a:gd name="T104" fmla="*/ 33338 w 234"/>
                <a:gd name="T105" fmla="*/ 113190 h 236"/>
                <a:gd name="T106" fmla="*/ 26988 w 234"/>
                <a:gd name="T107" fmla="*/ 103624 h 236"/>
                <a:gd name="T108" fmla="*/ 22754 w 234"/>
                <a:gd name="T109" fmla="*/ 99373 h 236"/>
                <a:gd name="T110" fmla="*/ 22225 w 234"/>
                <a:gd name="T111" fmla="*/ 88745 h 236"/>
                <a:gd name="T112" fmla="*/ 20108 w 234"/>
                <a:gd name="T113" fmla="*/ 85025 h 236"/>
                <a:gd name="T114" fmla="*/ 17463 w 234"/>
                <a:gd name="T115" fmla="*/ 75460 h 236"/>
                <a:gd name="T116" fmla="*/ 11642 w 234"/>
                <a:gd name="T117" fmla="*/ 62175 h 2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234" h="236">
                  <a:moveTo>
                    <a:pt x="22" y="117"/>
                  </a:moveTo>
                  <a:lnTo>
                    <a:pt x="23" y="109"/>
                  </a:lnTo>
                  <a:lnTo>
                    <a:pt x="22" y="104"/>
                  </a:lnTo>
                  <a:lnTo>
                    <a:pt x="21" y="99"/>
                  </a:lnTo>
                  <a:lnTo>
                    <a:pt x="20" y="95"/>
                  </a:lnTo>
                  <a:lnTo>
                    <a:pt x="18" y="91"/>
                  </a:lnTo>
                  <a:lnTo>
                    <a:pt x="17" y="85"/>
                  </a:lnTo>
                  <a:lnTo>
                    <a:pt x="17" y="80"/>
                  </a:lnTo>
                  <a:lnTo>
                    <a:pt x="17" y="74"/>
                  </a:lnTo>
                  <a:lnTo>
                    <a:pt x="11" y="71"/>
                  </a:lnTo>
                  <a:lnTo>
                    <a:pt x="6" y="69"/>
                  </a:lnTo>
                  <a:lnTo>
                    <a:pt x="3" y="68"/>
                  </a:lnTo>
                  <a:lnTo>
                    <a:pt x="1" y="66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7"/>
                  </a:lnTo>
                  <a:lnTo>
                    <a:pt x="1" y="54"/>
                  </a:lnTo>
                  <a:lnTo>
                    <a:pt x="3" y="52"/>
                  </a:lnTo>
                  <a:lnTo>
                    <a:pt x="5" y="51"/>
                  </a:lnTo>
                  <a:lnTo>
                    <a:pt x="8" y="48"/>
                  </a:lnTo>
                  <a:lnTo>
                    <a:pt x="10" y="47"/>
                  </a:lnTo>
                  <a:lnTo>
                    <a:pt x="13" y="45"/>
                  </a:lnTo>
                  <a:lnTo>
                    <a:pt x="15" y="43"/>
                  </a:lnTo>
                  <a:lnTo>
                    <a:pt x="20" y="41"/>
                  </a:lnTo>
                  <a:lnTo>
                    <a:pt x="25" y="38"/>
                  </a:lnTo>
                  <a:lnTo>
                    <a:pt x="28" y="34"/>
                  </a:lnTo>
                  <a:lnTo>
                    <a:pt x="32" y="31"/>
                  </a:lnTo>
                  <a:lnTo>
                    <a:pt x="37" y="27"/>
                  </a:lnTo>
                  <a:lnTo>
                    <a:pt x="40" y="25"/>
                  </a:lnTo>
                  <a:lnTo>
                    <a:pt x="50" y="28"/>
                  </a:lnTo>
                  <a:lnTo>
                    <a:pt x="63" y="32"/>
                  </a:lnTo>
                  <a:lnTo>
                    <a:pt x="69" y="33"/>
                  </a:lnTo>
                  <a:lnTo>
                    <a:pt x="75" y="33"/>
                  </a:lnTo>
                  <a:lnTo>
                    <a:pt x="78" y="32"/>
                  </a:lnTo>
                  <a:lnTo>
                    <a:pt x="80" y="29"/>
                  </a:lnTo>
                  <a:lnTo>
                    <a:pt x="82" y="27"/>
                  </a:lnTo>
                  <a:lnTo>
                    <a:pt x="83" y="25"/>
                  </a:lnTo>
                  <a:lnTo>
                    <a:pt x="85" y="21"/>
                  </a:lnTo>
                  <a:lnTo>
                    <a:pt x="88" y="18"/>
                  </a:lnTo>
                  <a:lnTo>
                    <a:pt x="91" y="16"/>
                  </a:lnTo>
                  <a:lnTo>
                    <a:pt x="95" y="15"/>
                  </a:lnTo>
                  <a:lnTo>
                    <a:pt x="102" y="15"/>
                  </a:lnTo>
                  <a:lnTo>
                    <a:pt x="110" y="16"/>
                  </a:lnTo>
                  <a:lnTo>
                    <a:pt x="120" y="19"/>
                  </a:lnTo>
                  <a:lnTo>
                    <a:pt x="129" y="21"/>
                  </a:lnTo>
                  <a:lnTo>
                    <a:pt x="138" y="22"/>
                  </a:lnTo>
                  <a:lnTo>
                    <a:pt x="146" y="22"/>
                  </a:lnTo>
                  <a:lnTo>
                    <a:pt x="146" y="16"/>
                  </a:lnTo>
                  <a:lnTo>
                    <a:pt x="147" y="9"/>
                  </a:lnTo>
                  <a:lnTo>
                    <a:pt x="148" y="3"/>
                  </a:lnTo>
                  <a:lnTo>
                    <a:pt x="151" y="0"/>
                  </a:lnTo>
                  <a:lnTo>
                    <a:pt x="157" y="0"/>
                  </a:lnTo>
                  <a:lnTo>
                    <a:pt x="161" y="2"/>
                  </a:lnTo>
                  <a:lnTo>
                    <a:pt x="164" y="5"/>
                  </a:lnTo>
                  <a:lnTo>
                    <a:pt x="166" y="7"/>
                  </a:lnTo>
                  <a:lnTo>
                    <a:pt x="169" y="11"/>
                  </a:lnTo>
                  <a:lnTo>
                    <a:pt x="172" y="14"/>
                  </a:lnTo>
                  <a:lnTo>
                    <a:pt x="176" y="16"/>
                  </a:lnTo>
                  <a:lnTo>
                    <a:pt x="180" y="17"/>
                  </a:lnTo>
                  <a:lnTo>
                    <a:pt x="180" y="20"/>
                  </a:lnTo>
                  <a:lnTo>
                    <a:pt x="182" y="23"/>
                  </a:lnTo>
                  <a:lnTo>
                    <a:pt x="184" y="25"/>
                  </a:lnTo>
                  <a:lnTo>
                    <a:pt x="186" y="26"/>
                  </a:lnTo>
                  <a:lnTo>
                    <a:pt x="190" y="29"/>
                  </a:lnTo>
                  <a:lnTo>
                    <a:pt x="195" y="33"/>
                  </a:lnTo>
                  <a:lnTo>
                    <a:pt x="197" y="32"/>
                  </a:lnTo>
                  <a:lnTo>
                    <a:pt x="198" y="31"/>
                  </a:lnTo>
                  <a:lnTo>
                    <a:pt x="198" y="28"/>
                  </a:lnTo>
                  <a:lnTo>
                    <a:pt x="198" y="26"/>
                  </a:lnTo>
                  <a:lnTo>
                    <a:pt x="197" y="21"/>
                  </a:lnTo>
                  <a:lnTo>
                    <a:pt x="198" y="17"/>
                  </a:lnTo>
                  <a:lnTo>
                    <a:pt x="203" y="18"/>
                  </a:lnTo>
                  <a:lnTo>
                    <a:pt x="206" y="19"/>
                  </a:lnTo>
                  <a:lnTo>
                    <a:pt x="207" y="17"/>
                  </a:lnTo>
                  <a:lnTo>
                    <a:pt x="207" y="9"/>
                  </a:lnTo>
                  <a:lnTo>
                    <a:pt x="220" y="13"/>
                  </a:lnTo>
                  <a:lnTo>
                    <a:pt x="232" y="15"/>
                  </a:lnTo>
                  <a:lnTo>
                    <a:pt x="234" y="18"/>
                  </a:lnTo>
                  <a:lnTo>
                    <a:pt x="232" y="19"/>
                  </a:lnTo>
                  <a:lnTo>
                    <a:pt x="229" y="20"/>
                  </a:lnTo>
                  <a:lnTo>
                    <a:pt x="226" y="20"/>
                  </a:lnTo>
                  <a:lnTo>
                    <a:pt x="224" y="21"/>
                  </a:lnTo>
                  <a:lnTo>
                    <a:pt x="222" y="21"/>
                  </a:lnTo>
                  <a:lnTo>
                    <a:pt x="223" y="23"/>
                  </a:lnTo>
                  <a:lnTo>
                    <a:pt x="225" y="25"/>
                  </a:lnTo>
                  <a:lnTo>
                    <a:pt x="223" y="27"/>
                  </a:lnTo>
                  <a:lnTo>
                    <a:pt x="221" y="28"/>
                  </a:lnTo>
                  <a:lnTo>
                    <a:pt x="219" y="28"/>
                  </a:lnTo>
                  <a:lnTo>
                    <a:pt x="216" y="27"/>
                  </a:lnTo>
                  <a:lnTo>
                    <a:pt x="210" y="25"/>
                  </a:lnTo>
                  <a:lnTo>
                    <a:pt x="205" y="25"/>
                  </a:lnTo>
                  <a:lnTo>
                    <a:pt x="205" y="28"/>
                  </a:lnTo>
                  <a:lnTo>
                    <a:pt x="207" y="31"/>
                  </a:lnTo>
                  <a:lnTo>
                    <a:pt x="209" y="32"/>
                  </a:lnTo>
                  <a:lnTo>
                    <a:pt x="212" y="33"/>
                  </a:lnTo>
                  <a:lnTo>
                    <a:pt x="216" y="33"/>
                  </a:lnTo>
                  <a:lnTo>
                    <a:pt x="219" y="35"/>
                  </a:lnTo>
                  <a:lnTo>
                    <a:pt x="220" y="37"/>
                  </a:lnTo>
                  <a:lnTo>
                    <a:pt x="220" y="40"/>
                  </a:lnTo>
                  <a:lnTo>
                    <a:pt x="216" y="40"/>
                  </a:lnTo>
                  <a:lnTo>
                    <a:pt x="211" y="41"/>
                  </a:lnTo>
                  <a:lnTo>
                    <a:pt x="210" y="41"/>
                  </a:lnTo>
                  <a:lnTo>
                    <a:pt x="208" y="42"/>
                  </a:lnTo>
                  <a:lnTo>
                    <a:pt x="208" y="43"/>
                  </a:lnTo>
                  <a:lnTo>
                    <a:pt x="207" y="45"/>
                  </a:lnTo>
                  <a:lnTo>
                    <a:pt x="205" y="45"/>
                  </a:lnTo>
                  <a:lnTo>
                    <a:pt x="203" y="45"/>
                  </a:lnTo>
                  <a:lnTo>
                    <a:pt x="202" y="47"/>
                  </a:lnTo>
                  <a:lnTo>
                    <a:pt x="201" y="49"/>
                  </a:lnTo>
                  <a:lnTo>
                    <a:pt x="199" y="55"/>
                  </a:lnTo>
                  <a:lnTo>
                    <a:pt x="199" y="60"/>
                  </a:lnTo>
                  <a:lnTo>
                    <a:pt x="199" y="66"/>
                  </a:lnTo>
                  <a:lnTo>
                    <a:pt x="201" y="72"/>
                  </a:lnTo>
                  <a:lnTo>
                    <a:pt x="202" y="74"/>
                  </a:lnTo>
                  <a:lnTo>
                    <a:pt x="204" y="75"/>
                  </a:lnTo>
                  <a:lnTo>
                    <a:pt x="205" y="76"/>
                  </a:lnTo>
                  <a:lnTo>
                    <a:pt x="207" y="76"/>
                  </a:lnTo>
                  <a:lnTo>
                    <a:pt x="208" y="68"/>
                  </a:lnTo>
                  <a:lnTo>
                    <a:pt x="208" y="65"/>
                  </a:lnTo>
                  <a:lnTo>
                    <a:pt x="209" y="65"/>
                  </a:lnTo>
                  <a:lnTo>
                    <a:pt x="209" y="68"/>
                  </a:lnTo>
                  <a:lnTo>
                    <a:pt x="210" y="78"/>
                  </a:lnTo>
                  <a:lnTo>
                    <a:pt x="210" y="88"/>
                  </a:lnTo>
                  <a:lnTo>
                    <a:pt x="204" y="103"/>
                  </a:lnTo>
                  <a:lnTo>
                    <a:pt x="196" y="117"/>
                  </a:lnTo>
                  <a:lnTo>
                    <a:pt x="187" y="131"/>
                  </a:lnTo>
                  <a:lnTo>
                    <a:pt x="178" y="143"/>
                  </a:lnTo>
                  <a:lnTo>
                    <a:pt x="169" y="156"/>
                  </a:lnTo>
                  <a:lnTo>
                    <a:pt x="161" y="170"/>
                  </a:lnTo>
                  <a:lnTo>
                    <a:pt x="158" y="176"/>
                  </a:lnTo>
                  <a:lnTo>
                    <a:pt x="155" y="184"/>
                  </a:lnTo>
                  <a:lnTo>
                    <a:pt x="151" y="192"/>
                  </a:lnTo>
                  <a:lnTo>
                    <a:pt x="149" y="200"/>
                  </a:lnTo>
                  <a:lnTo>
                    <a:pt x="143" y="198"/>
                  </a:lnTo>
                  <a:lnTo>
                    <a:pt x="137" y="195"/>
                  </a:lnTo>
                  <a:lnTo>
                    <a:pt x="135" y="200"/>
                  </a:lnTo>
                  <a:lnTo>
                    <a:pt x="136" y="203"/>
                  </a:lnTo>
                  <a:lnTo>
                    <a:pt x="137" y="204"/>
                  </a:lnTo>
                  <a:lnTo>
                    <a:pt x="138" y="205"/>
                  </a:lnTo>
                  <a:lnTo>
                    <a:pt x="141" y="205"/>
                  </a:lnTo>
                  <a:lnTo>
                    <a:pt x="144" y="205"/>
                  </a:lnTo>
                  <a:lnTo>
                    <a:pt x="136" y="220"/>
                  </a:lnTo>
                  <a:lnTo>
                    <a:pt x="126" y="233"/>
                  </a:lnTo>
                  <a:lnTo>
                    <a:pt x="124" y="235"/>
                  </a:lnTo>
                  <a:lnTo>
                    <a:pt x="123" y="235"/>
                  </a:lnTo>
                  <a:lnTo>
                    <a:pt x="122" y="235"/>
                  </a:lnTo>
                  <a:lnTo>
                    <a:pt x="122" y="234"/>
                  </a:lnTo>
                  <a:lnTo>
                    <a:pt x="121" y="231"/>
                  </a:lnTo>
                  <a:lnTo>
                    <a:pt x="121" y="225"/>
                  </a:lnTo>
                  <a:lnTo>
                    <a:pt x="118" y="225"/>
                  </a:lnTo>
                  <a:lnTo>
                    <a:pt x="113" y="225"/>
                  </a:lnTo>
                  <a:lnTo>
                    <a:pt x="111" y="225"/>
                  </a:lnTo>
                  <a:lnTo>
                    <a:pt x="109" y="225"/>
                  </a:lnTo>
                  <a:lnTo>
                    <a:pt x="108" y="226"/>
                  </a:lnTo>
                  <a:lnTo>
                    <a:pt x="108" y="228"/>
                  </a:lnTo>
                  <a:lnTo>
                    <a:pt x="100" y="233"/>
                  </a:lnTo>
                  <a:lnTo>
                    <a:pt x="90" y="236"/>
                  </a:lnTo>
                  <a:lnTo>
                    <a:pt x="76" y="225"/>
                  </a:lnTo>
                  <a:lnTo>
                    <a:pt x="63" y="213"/>
                  </a:lnTo>
                  <a:lnTo>
                    <a:pt x="59" y="205"/>
                  </a:lnTo>
                  <a:lnTo>
                    <a:pt x="55" y="199"/>
                  </a:lnTo>
                  <a:lnTo>
                    <a:pt x="51" y="195"/>
                  </a:lnTo>
                  <a:lnTo>
                    <a:pt x="49" y="193"/>
                  </a:lnTo>
                  <a:lnTo>
                    <a:pt x="46" y="190"/>
                  </a:lnTo>
                  <a:lnTo>
                    <a:pt x="43" y="187"/>
                  </a:lnTo>
                  <a:lnTo>
                    <a:pt x="43" y="179"/>
                  </a:lnTo>
                  <a:lnTo>
                    <a:pt x="42" y="172"/>
                  </a:lnTo>
                  <a:lnTo>
                    <a:pt x="42" y="167"/>
                  </a:lnTo>
                  <a:lnTo>
                    <a:pt x="41" y="164"/>
                  </a:lnTo>
                  <a:lnTo>
                    <a:pt x="40" y="162"/>
                  </a:lnTo>
                  <a:lnTo>
                    <a:pt x="38" y="160"/>
                  </a:lnTo>
                  <a:lnTo>
                    <a:pt x="38" y="154"/>
                  </a:lnTo>
                  <a:lnTo>
                    <a:pt x="37" y="148"/>
                  </a:lnTo>
                  <a:lnTo>
                    <a:pt x="33" y="142"/>
                  </a:lnTo>
                  <a:lnTo>
                    <a:pt x="31" y="137"/>
                  </a:lnTo>
                  <a:lnTo>
                    <a:pt x="26" y="126"/>
                  </a:lnTo>
                  <a:lnTo>
                    <a:pt x="22" y="117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51" name="København kant"/>
            <p:cNvSpPr>
              <a:spLocks/>
            </p:cNvSpPr>
            <p:nvPr/>
          </p:nvSpPr>
          <p:spPr bwMode="auto">
            <a:xfrm>
              <a:off x="4048125" y="4926013"/>
              <a:ext cx="9525" cy="14287"/>
            </a:xfrm>
            <a:custGeom>
              <a:avLst/>
              <a:gdLst>
                <a:gd name="T0" fmla="*/ 3922 w 17"/>
                <a:gd name="T1" fmla="*/ 14287 h 28"/>
                <a:gd name="T2" fmla="*/ 1681 w 17"/>
                <a:gd name="T3" fmla="*/ 8164 h 28"/>
                <a:gd name="T4" fmla="*/ 0 w 17"/>
                <a:gd name="T5" fmla="*/ 1021 h 28"/>
                <a:gd name="T6" fmla="*/ 2241 w 17"/>
                <a:gd name="T7" fmla="*/ 510 h 28"/>
                <a:gd name="T8" fmla="*/ 5043 w 17"/>
                <a:gd name="T9" fmla="*/ 0 h 28"/>
                <a:gd name="T10" fmla="*/ 4482 w 17"/>
                <a:gd name="T11" fmla="*/ 4082 h 28"/>
                <a:gd name="T12" fmla="*/ 3362 w 17"/>
                <a:gd name="T13" fmla="*/ 6633 h 28"/>
                <a:gd name="T14" fmla="*/ 3922 w 17"/>
                <a:gd name="T15" fmla="*/ 7144 h 28"/>
                <a:gd name="T16" fmla="*/ 4482 w 17"/>
                <a:gd name="T17" fmla="*/ 7654 h 28"/>
                <a:gd name="T18" fmla="*/ 6163 w 17"/>
                <a:gd name="T19" fmla="*/ 7654 h 28"/>
                <a:gd name="T20" fmla="*/ 9525 w 17"/>
                <a:gd name="T21" fmla="*/ 7654 h 28"/>
                <a:gd name="T22" fmla="*/ 9525 w 17"/>
                <a:gd name="T23" fmla="*/ 10715 h 28"/>
                <a:gd name="T24" fmla="*/ 9525 w 17"/>
                <a:gd name="T25" fmla="*/ 14287 h 28"/>
                <a:gd name="T26" fmla="*/ 6724 w 17"/>
                <a:gd name="T27" fmla="*/ 14287 h 28"/>
                <a:gd name="T28" fmla="*/ 3922 w 17"/>
                <a:gd name="T29" fmla="*/ 14287 h 28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0" t="0" r="r" b="b"/>
              <a:pathLst>
                <a:path w="17" h="28">
                  <a:moveTo>
                    <a:pt x="7" y="28"/>
                  </a:moveTo>
                  <a:lnTo>
                    <a:pt x="3" y="16"/>
                  </a:lnTo>
                  <a:lnTo>
                    <a:pt x="0" y="2"/>
                  </a:lnTo>
                  <a:lnTo>
                    <a:pt x="4" y="1"/>
                  </a:lnTo>
                  <a:lnTo>
                    <a:pt x="9" y="0"/>
                  </a:lnTo>
                  <a:lnTo>
                    <a:pt x="8" y="8"/>
                  </a:lnTo>
                  <a:lnTo>
                    <a:pt x="6" y="13"/>
                  </a:lnTo>
                  <a:lnTo>
                    <a:pt x="7" y="14"/>
                  </a:lnTo>
                  <a:lnTo>
                    <a:pt x="8" y="15"/>
                  </a:lnTo>
                  <a:lnTo>
                    <a:pt x="11" y="15"/>
                  </a:lnTo>
                  <a:lnTo>
                    <a:pt x="17" y="15"/>
                  </a:lnTo>
                  <a:lnTo>
                    <a:pt x="17" y="21"/>
                  </a:lnTo>
                  <a:lnTo>
                    <a:pt x="17" y="28"/>
                  </a:lnTo>
                  <a:lnTo>
                    <a:pt x="12" y="28"/>
                  </a:lnTo>
                  <a:lnTo>
                    <a:pt x="7" y="28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52" name="Hvidovre"/>
            <p:cNvSpPr>
              <a:spLocks/>
            </p:cNvSpPr>
            <p:nvPr/>
          </p:nvSpPr>
          <p:spPr bwMode="auto">
            <a:xfrm>
              <a:off x="3898900" y="4959350"/>
              <a:ext cx="58738" cy="82550"/>
            </a:xfrm>
            <a:custGeom>
              <a:avLst/>
              <a:gdLst>
                <a:gd name="T0" fmla="*/ 19929 w 112"/>
                <a:gd name="T1" fmla="*/ 4261 h 155"/>
                <a:gd name="T2" fmla="*/ 20453 w 112"/>
                <a:gd name="T3" fmla="*/ 2130 h 155"/>
                <a:gd name="T4" fmla="*/ 23600 w 112"/>
                <a:gd name="T5" fmla="*/ 1065 h 155"/>
                <a:gd name="T6" fmla="*/ 28320 w 112"/>
                <a:gd name="T7" fmla="*/ 1065 h 155"/>
                <a:gd name="T8" fmla="*/ 33565 w 112"/>
                <a:gd name="T9" fmla="*/ 1065 h 155"/>
                <a:gd name="T10" fmla="*/ 36187 w 112"/>
                <a:gd name="T11" fmla="*/ 4261 h 155"/>
                <a:gd name="T12" fmla="*/ 37236 w 112"/>
                <a:gd name="T13" fmla="*/ 11184 h 155"/>
                <a:gd name="T14" fmla="*/ 39333 w 112"/>
                <a:gd name="T15" fmla="*/ 13847 h 155"/>
                <a:gd name="T16" fmla="*/ 43005 w 112"/>
                <a:gd name="T17" fmla="*/ 17043 h 155"/>
                <a:gd name="T18" fmla="*/ 45102 w 112"/>
                <a:gd name="T19" fmla="*/ 21836 h 155"/>
                <a:gd name="T20" fmla="*/ 46676 w 112"/>
                <a:gd name="T21" fmla="*/ 23966 h 155"/>
                <a:gd name="T22" fmla="*/ 53494 w 112"/>
                <a:gd name="T23" fmla="*/ 29825 h 155"/>
                <a:gd name="T24" fmla="*/ 56640 w 112"/>
                <a:gd name="T25" fmla="*/ 41541 h 155"/>
                <a:gd name="T26" fmla="*/ 53494 w 112"/>
                <a:gd name="T27" fmla="*/ 51660 h 155"/>
                <a:gd name="T28" fmla="*/ 53494 w 112"/>
                <a:gd name="T29" fmla="*/ 68170 h 155"/>
                <a:gd name="T30" fmla="*/ 50871 w 112"/>
                <a:gd name="T31" fmla="*/ 81485 h 155"/>
                <a:gd name="T32" fmla="*/ 45102 w 112"/>
                <a:gd name="T33" fmla="*/ 82550 h 155"/>
                <a:gd name="T34" fmla="*/ 40382 w 112"/>
                <a:gd name="T35" fmla="*/ 81485 h 155"/>
                <a:gd name="T36" fmla="*/ 37760 w 112"/>
                <a:gd name="T37" fmla="*/ 80952 h 155"/>
                <a:gd name="T38" fmla="*/ 31467 w 112"/>
                <a:gd name="T39" fmla="*/ 80952 h 155"/>
                <a:gd name="T40" fmla="*/ 25698 w 112"/>
                <a:gd name="T41" fmla="*/ 80420 h 155"/>
                <a:gd name="T42" fmla="*/ 19405 w 112"/>
                <a:gd name="T43" fmla="*/ 79355 h 155"/>
                <a:gd name="T44" fmla="*/ 15209 w 112"/>
                <a:gd name="T45" fmla="*/ 77224 h 155"/>
                <a:gd name="T46" fmla="*/ 13636 w 112"/>
                <a:gd name="T47" fmla="*/ 68170 h 155"/>
                <a:gd name="T48" fmla="*/ 11013 w 112"/>
                <a:gd name="T49" fmla="*/ 59116 h 155"/>
                <a:gd name="T50" fmla="*/ 4720 w 112"/>
                <a:gd name="T51" fmla="*/ 47400 h 155"/>
                <a:gd name="T52" fmla="*/ 1573 w 112"/>
                <a:gd name="T53" fmla="*/ 36215 h 155"/>
                <a:gd name="T54" fmla="*/ 6293 w 112"/>
                <a:gd name="T55" fmla="*/ 32487 h 155"/>
                <a:gd name="T56" fmla="*/ 11538 w 112"/>
                <a:gd name="T57" fmla="*/ 28759 h 155"/>
                <a:gd name="T58" fmla="*/ 18880 w 112"/>
                <a:gd name="T59" fmla="*/ 27162 h 155"/>
                <a:gd name="T60" fmla="*/ 23600 w 112"/>
                <a:gd name="T61" fmla="*/ 24499 h 155"/>
                <a:gd name="T62" fmla="*/ 22027 w 112"/>
                <a:gd name="T63" fmla="*/ 18640 h 155"/>
                <a:gd name="T64" fmla="*/ 19929 w 112"/>
                <a:gd name="T65" fmla="*/ 13847 h 155"/>
                <a:gd name="T66" fmla="*/ 19405 w 112"/>
                <a:gd name="T67" fmla="*/ 7989 h 155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0" t="0" r="r" b="b"/>
              <a:pathLst>
                <a:path w="112" h="155">
                  <a:moveTo>
                    <a:pt x="38" y="10"/>
                  </a:moveTo>
                  <a:lnTo>
                    <a:pt x="38" y="8"/>
                  </a:lnTo>
                  <a:lnTo>
                    <a:pt x="39" y="6"/>
                  </a:lnTo>
                  <a:lnTo>
                    <a:pt x="39" y="4"/>
                  </a:lnTo>
                  <a:lnTo>
                    <a:pt x="41" y="3"/>
                  </a:lnTo>
                  <a:lnTo>
                    <a:pt x="45" y="2"/>
                  </a:lnTo>
                  <a:lnTo>
                    <a:pt x="49" y="2"/>
                  </a:lnTo>
                  <a:lnTo>
                    <a:pt x="54" y="2"/>
                  </a:lnTo>
                  <a:lnTo>
                    <a:pt x="58" y="2"/>
                  </a:lnTo>
                  <a:lnTo>
                    <a:pt x="64" y="2"/>
                  </a:lnTo>
                  <a:lnTo>
                    <a:pt x="67" y="0"/>
                  </a:lnTo>
                  <a:lnTo>
                    <a:pt x="69" y="8"/>
                  </a:lnTo>
                  <a:lnTo>
                    <a:pt x="70" y="16"/>
                  </a:lnTo>
                  <a:lnTo>
                    <a:pt x="71" y="21"/>
                  </a:lnTo>
                  <a:lnTo>
                    <a:pt x="73" y="24"/>
                  </a:lnTo>
                  <a:lnTo>
                    <a:pt x="75" y="26"/>
                  </a:lnTo>
                  <a:lnTo>
                    <a:pt x="79" y="28"/>
                  </a:lnTo>
                  <a:lnTo>
                    <a:pt x="82" y="32"/>
                  </a:lnTo>
                  <a:lnTo>
                    <a:pt x="85" y="37"/>
                  </a:lnTo>
                  <a:lnTo>
                    <a:pt x="86" y="41"/>
                  </a:lnTo>
                  <a:lnTo>
                    <a:pt x="87" y="43"/>
                  </a:lnTo>
                  <a:lnTo>
                    <a:pt x="89" y="45"/>
                  </a:lnTo>
                  <a:lnTo>
                    <a:pt x="92" y="46"/>
                  </a:lnTo>
                  <a:lnTo>
                    <a:pt x="102" y="56"/>
                  </a:lnTo>
                  <a:lnTo>
                    <a:pt x="112" y="68"/>
                  </a:lnTo>
                  <a:lnTo>
                    <a:pt x="108" y="78"/>
                  </a:lnTo>
                  <a:lnTo>
                    <a:pt x="105" y="88"/>
                  </a:lnTo>
                  <a:lnTo>
                    <a:pt x="102" y="97"/>
                  </a:lnTo>
                  <a:lnTo>
                    <a:pt x="102" y="107"/>
                  </a:lnTo>
                  <a:lnTo>
                    <a:pt x="102" y="128"/>
                  </a:lnTo>
                  <a:lnTo>
                    <a:pt x="101" y="152"/>
                  </a:lnTo>
                  <a:lnTo>
                    <a:pt x="97" y="153"/>
                  </a:lnTo>
                  <a:lnTo>
                    <a:pt x="92" y="154"/>
                  </a:lnTo>
                  <a:lnTo>
                    <a:pt x="86" y="155"/>
                  </a:lnTo>
                  <a:lnTo>
                    <a:pt x="79" y="154"/>
                  </a:lnTo>
                  <a:lnTo>
                    <a:pt x="77" y="153"/>
                  </a:lnTo>
                  <a:lnTo>
                    <a:pt x="75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0" y="152"/>
                  </a:lnTo>
                  <a:lnTo>
                    <a:pt x="54" y="152"/>
                  </a:lnTo>
                  <a:lnTo>
                    <a:pt x="49" y="151"/>
                  </a:lnTo>
                  <a:lnTo>
                    <a:pt x="44" y="150"/>
                  </a:lnTo>
                  <a:lnTo>
                    <a:pt x="37" y="149"/>
                  </a:lnTo>
                  <a:lnTo>
                    <a:pt x="31" y="149"/>
                  </a:lnTo>
                  <a:lnTo>
                    <a:pt x="29" y="145"/>
                  </a:lnTo>
                  <a:lnTo>
                    <a:pt x="26" y="140"/>
                  </a:lnTo>
                  <a:lnTo>
                    <a:pt x="26" y="128"/>
                  </a:lnTo>
                  <a:lnTo>
                    <a:pt x="23" y="119"/>
                  </a:lnTo>
                  <a:lnTo>
                    <a:pt x="21" y="111"/>
                  </a:lnTo>
                  <a:lnTo>
                    <a:pt x="17" y="104"/>
                  </a:lnTo>
                  <a:lnTo>
                    <a:pt x="9" y="89"/>
                  </a:lnTo>
                  <a:lnTo>
                    <a:pt x="0" y="73"/>
                  </a:lnTo>
                  <a:lnTo>
                    <a:pt x="3" y="68"/>
                  </a:lnTo>
                  <a:lnTo>
                    <a:pt x="8" y="64"/>
                  </a:lnTo>
                  <a:lnTo>
                    <a:pt x="12" y="61"/>
                  </a:lnTo>
                  <a:lnTo>
                    <a:pt x="17" y="57"/>
                  </a:lnTo>
                  <a:lnTo>
                    <a:pt x="22" y="54"/>
                  </a:lnTo>
                  <a:lnTo>
                    <a:pt x="29" y="53"/>
                  </a:lnTo>
                  <a:lnTo>
                    <a:pt x="36" y="51"/>
                  </a:lnTo>
                  <a:lnTo>
                    <a:pt x="44" y="50"/>
                  </a:lnTo>
                  <a:lnTo>
                    <a:pt x="45" y="46"/>
                  </a:lnTo>
                  <a:lnTo>
                    <a:pt x="45" y="41"/>
                  </a:lnTo>
                  <a:lnTo>
                    <a:pt x="42" y="35"/>
                  </a:lnTo>
                  <a:lnTo>
                    <a:pt x="40" y="31"/>
                  </a:lnTo>
                  <a:lnTo>
                    <a:pt x="38" y="26"/>
                  </a:lnTo>
                  <a:lnTo>
                    <a:pt x="37" y="21"/>
                  </a:lnTo>
                  <a:lnTo>
                    <a:pt x="37" y="15"/>
                  </a:lnTo>
                  <a:lnTo>
                    <a:pt x="38" y="10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53" name="Hvidovre kant"/>
            <p:cNvSpPr>
              <a:spLocks/>
            </p:cNvSpPr>
            <p:nvPr/>
          </p:nvSpPr>
          <p:spPr bwMode="auto">
            <a:xfrm>
              <a:off x="3898900" y="4959350"/>
              <a:ext cx="58738" cy="82550"/>
            </a:xfrm>
            <a:custGeom>
              <a:avLst/>
              <a:gdLst>
                <a:gd name="T0" fmla="*/ 19929 w 112"/>
                <a:gd name="T1" fmla="*/ 4261 h 155"/>
                <a:gd name="T2" fmla="*/ 20453 w 112"/>
                <a:gd name="T3" fmla="*/ 2130 h 155"/>
                <a:gd name="T4" fmla="*/ 23600 w 112"/>
                <a:gd name="T5" fmla="*/ 1065 h 155"/>
                <a:gd name="T6" fmla="*/ 28320 w 112"/>
                <a:gd name="T7" fmla="*/ 1065 h 155"/>
                <a:gd name="T8" fmla="*/ 33565 w 112"/>
                <a:gd name="T9" fmla="*/ 1065 h 155"/>
                <a:gd name="T10" fmla="*/ 36187 w 112"/>
                <a:gd name="T11" fmla="*/ 4261 h 155"/>
                <a:gd name="T12" fmla="*/ 37236 w 112"/>
                <a:gd name="T13" fmla="*/ 11184 h 155"/>
                <a:gd name="T14" fmla="*/ 39333 w 112"/>
                <a:gd name="T15" fmla="*/ 13847 h 155"/>
                <a:gd name="T16" fmla="*/ 43005 w 112"/>
                <a:gd name="T17" fmla="*/ 17043 h 155"/>
                <a:gd name="T18" fmla="*/ 45102 w 112"/>
                <a:gd name="T19" fmla="*/ 21836 h 155"/>
                <a:gd name="T20" fmla="*/ 46676 w 112"/>
                <a:gd name="T21" fmla="*/ 23966 h 155"/>
                <a:gd name="T22" fmla="*/ 53494 w 112"/>
                <a:gd name="T23" fmla="*/ 29825 h 155"/>
                <a:gd name="T24" fmla="*/ 56640 w 112"/>
                <a:gd name="T25" fmla="*/ 41541 h 155"/>
                <a:gd name="T26" fmla="*/ 53494 w 112"/>
                <a:gd name="T27" fmla="*/ 51660 h 155"/>
                <a:gd name="T28" fmla="*/ 53494 w 112"/>
                <a:gd name="T29" fmla="*/ 68170 h 155"/>
                <a:gd name="T30" fmla="*/ 50871 w 112"/>
                <a:gd name="T31" fmla="*/ 81485 h 155"/>
                <a:gd name="T32" fmla="*/ 45102 w 112"/>
                <a:gd name="T33" fmla="*/ 82550 h 155"/>
                <a:gd name="T34" fmla="*/ 40382 w 112"/>
                <a:gd name="T35" fmla="*/ 81485 h 155"/>
                <a:gd name="T36" fmla="*/ 37760 w 112"/>
                <a:gd name="T37" fmla="*/ 80952 h 155"/>
                <a:gd name="T38" fmla="*/ 31467 w 112"/>
                <a:gd name="T39" fmla="*/ 80952 h 155"/>
                <a:gd name="T40" fmla="*/ 25698 w 112"/>
                <a:gd name="T41" fmla="*/ 80420 h 155"/>
                <a:gd name="T42" fmla="*/ 19405 w 112"/>
                <a:gd name="T43" fmla="*/ 79355 h 155"/>
                <a:gd name="T44" fmla="*/ 15209 w 112"/>
                <a:gd name="T45" fmla="*/ 77224 h 155"/>
                <a:gd name="T46" fmla="*/ 13636 w 112"/>
                <a:gd name="T47" fmla="*/ 68170 h 155"/>
                <a:gd name="T48" fmla="*/ 11013 w 112"/>
                <a:gd name="T49" fmla="*/ 59116 h 155"/>
                <a:gd name="T50" fmla="*/ 4720 w 112"/>
                <a:gd name="T51" fmla="*/ 47400 h 155"/>
                <a:gd name="T52" fmla="*/ 1573 w 112"/>
                <a:gd name="T53" fmla="*/ 36215 h 155"/>
                <a:gd name="T54" fmla="*/ 6293 w 112"/>
                <a:gd name="T55" fmla="*/ 32487 h 155"/>
                <a:gd name="T56" fmla="*/ 11538 w 112"/>
                <a:gd name="T57" fmla="*/ 28759 h 155"/>
                <a:gd name="T58" fmla="*/ 18880 w 112"/>
                <a:gd name="T59" fmla="*/ 27162 h 155"/>
                <a:gd name="T60" fmla="*/ 23600 w 112"/>
                <a:gd name="T61" fmla="*/ 24499 h 155"/>
                <a:gd name="T62" fmla="*/ 22027 w 112"/>
                <a:gd name="T63" fmla="*/ 18640 h 155"/>
                <a:gd name="T64" fmla="*/ 19929 w 112"/>
                <a:gd name="T65" fmla="*/ 13847 h 155"/>
                <a:gd name="T66" fmla="*/ 19405 w 112"/>
                <a:gd name="T67" fmla="*/ 7989 h 155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0" t="0" r="r" b="b"/>
              <a:pathLst>
                <a:path w="112" h="155">
                  <a:moveTo>
                    <a:pt x="38" y="10"/>
                  </a:moveTo>
                  <a:lnTo>
                    <a:pt x="38" y="8"/>
                  </a:lnTo>
                  <a:lnTo>
                    <a:pt x="39" y="6"/>
                  </a:lnTo>
                  <a:lnTo>
                    <a:pt x="39" y="4"/>
                  </a:lnTo>
                  <a:lnTo>
                    <a:pt x="41" y="3"/>
                  </a:lnTo>
                  <a:lnTo>
                    <a:pt x="45" y="2"/>
                  </a:lnTo>
                  <a:lnTo>
                    <a:pt x="49" y="2"/>
                  </a:lnTo>
                  <a:lnTo>
                    <a:pt x="54" y="2"/>
                  </a:lnTo>
                  <a:lnTo>
                    <a:pt x="58" y="2"/>
                  </a:lnTo>
                  <a:lnTo>
                    <a:pt x="64" y="2"/>
                  </a:lnTo>
                  <a:lnTo>
                    <a:pt x="67" y="0"/>
                  </a:lnTo>
                  <a:lnTo>
                    <a:pt x="69" y="8"/>
                  </a:lnTo>
                  <a:lnTo>
                    <a:pt x="70" y="16"/>
                  </a:lnTo>
                  <a:lnTo>
                    <a:pt x="71" y="21"/>
                  </a:lnTo>
                  <a:lnTo>
                    <a:pt x="73" y="24"/>
                  </a:lnTo>
                  <a:lnTo>
                    <a:pt x="75" y="26"/>
                  </a:lnTo>
                  <a:lnTo>
                    <a:pt x="79" y="28"/>
                  </a:lnTo>
                  <a:lnTo>
                    <a:pt x="82" y="32"/>
                  </a:lnTo>
                  <a:lnTo>
                    <a:pt x="85" y="37"/>
                  </a:lnTo>
                  <a:lnTo>
                    <a:pt x="86" y="41"/>
                  </a:lnTo>
                  <a:lnTo>
                    <a:pt x="87" y="43"/>
                  </a:lnTo>
                  <a:lnTo>
                    <a:pt x="89" y="45"/>
                  </a:lnTo>
                  <a:lnTo>
                    <a:pt x="92" y="46"/>
                  </a:lnTo>
                  <a:lnTo>
                    <a:pt x="102" y="56"/>
                  </a:lnTo>
                  <a:lnTo>
                    <a:pt x="112" y="68"/>
                  </a:lnTo>
                  <a:lnTo>
                    <a:pt x="108" y="78"/>
                  </a:lnTo>
                  <a:lnTo>
                    <a:pt x="105" y="88"/>
                  </a:lnTo>
                  <a:lnTo>
                    <a:pt x="102" y="97"/>
                  </a:lnTo>
                  <a:lnTo>
                    <a:pt x="102" y="107"/>
                  </a:lnTo>
                  <a:lnTo>
                    <a:pt x="102" y="128"/>
                  </a:lnTo>
                  <a:lnTo>
                    <a:pt x="101" y="152"/>
                  </a:lnTo>
                  <a:lnTo>
                    <a:pt x="97" y="153"/>
                  </a:lnTo>
                  <a:lnTo>
                    <a:pt x="92" y="154"/>
                  </a:lnTo>
                  <a:lnTo>
                    <a:pt x="86" y="155"/>
                  </a:lnTo>
                  <a:lnTo>
                    <a:pt x="79" y="154"/>
                  </a:lnTo>
                  <a:lnTo>
                    <a:pt x="77" y="153"/>
                  </a:lnTo>
                  <a:lnTo>
                    <a:pt x="75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0" y="152"/>
                  </a:lnTo>
                  <a:lnTo>
                    <a:pt x="54" y="152"/>
                  </a:lnTo>
                  <a:lnTo>
                    <a:pt x="49" y="151"/>
                  </a:lnTo>
                  <a:lnTo>
                    <a:pt x="44" y="150"/>
                  </a:lnTo>
                  <a:lnTo>
                    <a:pt x="37" y="149"/>
                  </a:lnTo>
                  <a:lnTo>
                    <a:pt x="31" y="149"/>
                  </a:lnTo>
                  <a:lnTo>
                    <a:pt x="29" y="145"/>
                  </a:lnTo>
                  <a:lnTo>
                    <a:pt x="26" y="140"/>
                  </a:lnTo>
                  <a:lnTo>
                    <a:pt x="26" y="128"/>
                  </a:lnTo>
                  <a:lnTo>
                    <a:pt x="23" y="119"/>
                  </a:lnTo>
                  <a:lnTo>
                    <a:pt x="21" y="111"/>
                  </a:lnTo>
                  <a:lnTo>
                    <a:pt x="17" y="104"/>
                  </a:lnTo>
                  <a:lnTo>
                    <a:pt x="9" y="89"/>
                  </a:lnTo>
                  <a:lnTo>
                    <a:pt x="0" y="73"/>
                  </a:lnTo>
                  <a:lnTo>
                    <a:pt x="3" y="68"/>
                  </a:lnTo>
                  <a:lnTo>
                    <a:pt x="8" y="64"/>
                  </a:lnTo>
                  <a:lnTo>
                    <a:pt x="12" y="61"/>
                  </a:lnTo>
                  <a:lnTo>
                    <a:pt x="17" y="57"/>
                  </a:lnTo>
                  <a:lnTo>
                    <a:pt x="22" y="54"/>
                  </a:lnTo>
                  <a:lnTo>
                    <a:pt x="29" y="53"/>
                  </a:lnTo>
                  <a:lnTo>
                    <a:pt x="36" y="51"/>
                  </a:lnTo>
                  <a:lnTo>
                    <a:pt x="44" y="50"/>
                  </a:lnTo>
                  <a:lnTo>
                    <a:pt x="45" y="46"/>
                  </a:lnTo>
                  <a:lnTo>
                    <a:pt x="45" y="41"/>
                  </a:lnTo>
                  <a:lnTo>
                    <a:pt x="42" y="35"/>
                  </a:lnTo>
                  <a:lnTo>
                    <a:pt x="40" y="31"/>
                  </a:lnTo>
                  <a:lnTo>
                    <a:pt x="38" y="26"/>
                  </a:lnTo>
                  <a:lnTo>
                    <a:pt x="37" y="21"/>
                  </a:lnTo>
                  <a:lnTo>
                    <a:pt x="37" y="15"/>
                  </a:lnTo>
                  <a:lnTo>
                    <a:pt x="38" y="10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54" name="Hillerød"/>
            <p:cNvSpPr>
              <a:spLocks/>
            </p:cNvSpPr>
            <p:nvPr/>
          </p:nvSpPr>
          <p:spPr bwMode="auto">
            <a:xfrm>
              <a:off x="3621088" y="4514850"/>
              <a:ext cx="234950" cy="222250"/>
            </a:xfrm>
            <a:custGeom>
              <a:avLst/>
              <a:gdLst>
                <a:gd name="T0" fmla="*/ 198438 w 444"/>
                <a:gd name="T1" fmla="*/ 9548 h 419"/>
                <a:gd name="T2" fmla="*/ 192617 w 444"/>
                <a:gd name="T3" fmla="*/ 19626 h 419"/>
                <a:gd name="T4" fmla="*/ 201613 w 444"/>
                <a:gd name="T5" fmla="*/ 37130 h 419"/>
                <a:gd name="T6" fmla="*/ 198438 w 444"/>
                <a:gd name="T7" fmla="*/ 41374 h 419"/>
                <a:gd name="T8" fmla="*/ 200554 w 444"/>
                <a:gd name="T9" fmla="*/ 44556 h 419"/>
                <a:gd name="T10" fmla="*/ 205317 w 444"/>
                <a:gd name="T11" fmla="*/ 48269 h 419"/>
                <a:gd name="T12" fmla="*/ 209550 w 444"/>
                <a:gd name="T13" fmla="*/ 59408 h 419"/>
                <a:gd name="T14" fmla="*/ 207963 w 444"/>
                <a:gd name="T15" fmla="*/ 71608 h 419"/>
                <a:gd name="T16" fmla="*/ 202142 w 444"/>
                <a:gd name="T17" fmla="*/ 75321 h 419"/>
                <a:gd name="T18" fmla="*/ 208492 w 444"/>
                <a:gd name="T19" fmla="*/ 83277 h 419"/>
                <a:gd name="T20" fmla="*/ 217488 w 444"/>
                <a:gd name="T21" fmla="*/ 94947 h 419"/>
                <a:gd name="T22" fmla="*/ 222250 w 444"/>
                <a:gd name="T23" fmla="*/ 108208 h 419"/>
                <a:gd name="T24" fmla="*/ 233363 w 444"/>
                <a:gd name="T25" fmla="*/ 118816 h 419"/>
                <a:gd name="T26" fmla="*/ 225425 w 444"/>
                <a:gd name="T27" fmla="*/ 135260 h 419"/>
                <a:gd name="T28" fmla="*/ 221721 w 444"/>
                <a:gd name="T29" fmla="*/ 137381 h 419"/>
                <a:gd name="T30" fmla="*/ 203200 w 444"/>
                <a:gd name="T31" fmla="*/ 144807 h 419"/>
                <a:gd name="T32" fmla="*/ 172508 w 444"/>
                <a:gd name="T33" fmla="*/ 155416 h 419"/>
                <a:gd name="T34" fmla="*/ 178329 w 444"/>
                <a:gd name="T35" fmla="*/ 162311 h 419"/>
                <a:gd name="T36" fmla="*/ 178329 w 444"/>
                <a:gd name="T37" fmla="*/ 167085 h 419"/>
                <a:gd name="T38" fmla="*/ 165100 w 444"/>
                <a:gd name="T39" fmla="*/ 160720 h 419"/>
                <a:gd name="T40" fmla="*/ 150283 w 444"/>
                <a:gd name="T41" fmla="*/ 159129 h 419"/>
                <a:gd name="T42" fmla="*/ 149225 w 444"/>
                <a:gd name="T43" fmla="*/ 166555 h 419"/>
                <a:gd name="T44" fmla="*/ 151342 w 444"/>
                <a:gd name="T45" fmla="*/ 181407 h 419"/>
                <a:gd name="T46" fmla="*/ 146050 w 444"/>
                <a:gd name="T47" fmla="*/ 193607 h 419"/>
                <a:gd name="T48" fmla="*/ 134938 w 444"/>
                <a:gd name="T49" fmla="*/ 201033 h 419"/>
                <a:gd name="T50" fmla="*/ 121179 w 444"/>
                <a:gd name="T51" fmla="*/ 205276 h 419"/>
                <a:gd name="T52" fmla="*/ 115888 w 444"/>
                <a:gd name="T53" fmla="*/ 216946 h 419"/>
                <a:gd name="T54" fmla="*/ 110067 w 444"/>
                <a:gd name="T55" fmla="*/ 222250 h 419"/>
                <a:gd name="T56" fmla="*/ 103188 w 444"/>
                <a:gd name="T57" fmla="*/ 212172 h 419"/>
                <a:gd name="T58" fmla="*/ 95779 w 444"/>
                <a:gd name="T59" fmla="*/ 188303 h 419"/>
                <a:gd name="T60" fmla="*/ 87313 w 444"/>
                <a:gd name="T61" fmla="*/ 176103 h 419"/>
                <a:gd name="T62" fmla="*/ 76200 w 444"/>
                <a:gd name="T63" fmla="*/ 170268 h 419"/>
                <a:gd name="T64" fmla="*/ 61913 w 444"/>
                <a:gd name="T65" fmla="*/ 175572 h 419"/>
                <a:gd name="T66" fmla="*/ 42333 w 444"/>
                <a:gd name="T67" fmla="*/ 182998 h 419"/>
                <a:gd name="T68" fmla="*/ 25929 w 444"/>
                <a:gd name="T69" fmla="*/ 170268 h 419"/>
                <a:gd name="T70" fmla="*/ 13758 w 444"/>
                <a:gd name="T71" fmla="*/ 156477 h 419"/>
                <a:gd name="T72" fmla="*/ 9525 w 444"/>
                <a:gd name="T73" fmla="*/ 151172 h 419"/>
                <a:gd name="T74" fmla="*/ 24871 w 444"/>
                <a:gd name="T75" fmla="*/ 140033 h 419"/>
                <a:gd name="T76" fmla="*/ 28046 w 444"/>
                <a:gd name="T77" fmla="*/ 126242 h 419"/>
                <a:gd name="T78" fmla="*/ 12171 w 444"/>
                <a:gd name="T79" fmla="*/ 113512 h 419"/>
                <a:gd name="T80" fmla="*/ 4763 w 444"/>
                <a:gd name="T81" fmla="*/ 109268 h 419"/>
                <a:gd name="T82" fmla="*/ 3175 w 444"/>
                <a:gd name="T83" fmla="*/ 97599 h 419"/>
                <a:gd name="T84" fmla="*/ 10054 w 444"/>
                <a:gd name="T85" fmla="*/ 89643 h 419"/>
                <a:gd name="T86" fmla="*/ 22225 w 444"/>
                <a:gd name="T87" fmla="*/ 87521 h 419"/>
                <a:gd name="T88" fmla="*/ 36513 w 444"/>
                <a:gd name="T89" fmla="*/ 80095 h 419"/>
                <a:gd name="T90" fmla="*/ 50271 w 444"/>
                <a:gd name="T91" fmla="*/ 65773 h 419"/>
                <a:gd name="T92" fmla="*/ 55563 w 444"/>
                <a:gd name="T93" fmla="*/ 62060 h 419"/>
                <a:gd name="T94" fmla="*/ 65617 w 444"/>
                <a:gd name="T95" fmla="*/ 67895 h 419"/>
                <a:gd name="T96" fmla="*/ 70379 w 444"/>
                <a:gd name="T97" fmla="*/ 62591 h 419"/>
                <a:gd name="T98" fmla="*/ 77788 w 444"/>
                <a:gd name="T99" fmla="*/ 46147 h 419"/>
                <a:gd name="T100" fmla="*/ 88371 w 444"/>
                <a:gd name="T101" fmla="*/ 39782 h 419"/>
                <a:gd name="T102" fmla="*/ 94721 w 444"/>
                <a:gd name="T103" fmla="*/ 32356 h 419"/>
                <a:gd name="T104" fmla="*/ 100013 w 444"/>
                <a:gd name="T105" fmla="*/ 25991 h 419"/>
                <a:gd name="T106" fmla="*/ 119592 w 444"/>
                <a:gd name="T107" fmla="*/ 23339 h 419"/>
                <a:gd name="T108" fmla="*/ 125413 w 444"/>
                <a:gd name="T109" fmla="*/ 19095 h 419"/>
                <a:gd name="T110" fmla="*/ 138642 w 444"/>
                <a:gd name="T111" fmla="*/ 21748 h 419"/>
                <a:gd name="T112" fmla="*/ 147638 w 444"/>
                <a:gd name="T113" fmla="*/ 18035 h 419"/>
                <a:gd name="T114" fmla="*/ 151871 w 444"/>
                <a:gd name="T115" fmla="*/ 5835 h 419"/>
                <a:gd name="T116" fmla="*/ 189442 w 444"/>
                <a:gd name="T117" fmla="*/ 1061 h 419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444" h="419">
                  <a:moveTo>
                    <a:pt x="381" y="0"/>
                  </a:moveTo>
                  <a:lnTo>
                    <a:pt x="380" y="8"/>
                  </a:lnTo>
                  <a:lnTo>
                    <a:pt x="378" y="13"/>
                  </a:lnTo>
                  <a:lnTo>
                    <a:pt x="375" y="18"/>
                  </a:lnTo>
                  <a:lnTo>
                    <a:pt x="372" y="22"/>
                  </a:lnTo>
                  <a:lnTo>
                    <a:pt x="368" y="27"/>
                  </a:lnTo>
                  <a:lnTo>
                    <a:pt x="366" y="32"/>
                  </a:lnTo>
                  <a:lnTo>
                    <a:pt x="364" y="37"/>
                  </a:lnTo>
                  <a:lnTo>
                    <a:pt x="363" y="44"/>
                  </a:lnTo>
                  <a:lnTo>
                    <a:pt x="373" y="55"/>
                  </a:lnTo>
                  <a:lnTo>
                    <a:pt x="383" y="67"/>
                  </a:lnTo>
                  <a:lnTo>
                    <a:pt x="381" y="70"/>
                  </a:lnTo>
                  <a:lnTo>
                    <a:pt x="378" y="73"/>
                  </a:lnTo>
                  <a:lnTo>
                    <a:pt x="377" y="74"/>
                  </a:lnTo>
                  <a:lnTo>
                    <a:pt x="376" y="76"/>
                  </a:lnTo>
                  <a:lnTo>
                    <a:pt x="375" y="78"/>
                  </a:lnTo>
                  <a:lnTo>
                    <a:pt x="376" y="82"/>
                  </a:lnTo>
                  <a:lnTo>
                    <a:pt x="377" y="82"/>
                  </a:lnTo>
                  <a:lnTo>
                    <a:pt x="378" y="82"/>
                  </a:lnTo>
                  <a:lnTo>
                    <a:pt x="379" y="84"/>
                  </a:lnTo>
                  <a:lnTo>
                    <a:pt x="382" y="85"/>
                  </a:lnTo>
                  <a:lnTo>
                    <a:pt x="385" y="85"/>
                  </a:lnTo>
                  <a:lnTo>
                    <a:pt x="388" y="85"/>
                  </a:lnTo>
                  <a:lnTo>
                    <a:pt x="388" y="91"/>
                  </a:lnTo>
                  <a:lnTo>
                    <a:pt x="389" y="97"/>
                  </a:lnTo>
                  <a:lnTo>
                    <a:pt x="392" y="102"/>
                  </a:lnTo>
                  <a:lnTo>
                    <a:pt x="394" y="107"/>
                  </a:lnTo>
                  <a:lnTo>
                    <a:pt x="396" y="112"/>
                  </a:lnTo>
                  <a:lnTo>
                    <a:pt x="397" y="118"/>
                  </a:lnTo>
                  <a:lnTo>
                    <a:pt x="397" y="125"/>
                  </a:lnTo>
                  <a:lnTo>
                    <a:pt x="396" y="133"/>
                  </a:lnTo>
                  <a:lnTo>
                    <a:pt x="393" y="135"/>
                  </a:lnTo>
                  <a:lnTo>
                    <a:pt x="389" y="137"/>
                  </a:lnTo>
                  <a:lnTo>
                    <a:pt x="386" y="138"/>
                  </a:lnTo>
                  <a:lnTo>
                    <a:pt x="381" y="138"/>
                  </a:lnTo>
                  <a:lnTo>
                    <a:pt x="382" y="142"/>
                  </a:lnTo>
                  <a:lnTo>
                    <a:pt x="383" y="146"/>
                  </a:lnTo>
                  <a:lnTo>
                    <a:pt x="385" y="149"/>
                  </a:lnTo>
                  <a:lnTo>
                    <a:pt x="388" y="152"/>
                  </a:lnTo>
                  <a:lnTo>
                    <a:pt x="394" y="157"/>
                  </a:lnTo>
                  <a:lnTo>
                    <a:pt x="400" y="162"/>
                  </a:lnTo>
                  <a:lnTo>
                    <a:pt x="405" y="169"/>
                  </a:lnTo>
                  <a:lnTo>
                    <a:pt x="409" y="175"/>
                  </a:lnTo>
                  <a:lnTo>
                    <a:pt x="411" y="179"/>
                  </a:lnTo>
                  <a:lnTo>
                    <a:pt x="412" y="185"/>
                  </a:lnTo>
                  <a:lnTo>
                    <a:pt x="412" y="190"/>
                  </a:lnTo>
                  <a:lnTo>
                    <a:pt x="411" y="196"/>
                  </a:lnTo>
                  <a:lnTo>
                    <a:pt x="420" y="204"/>
                  </a:lnTo>
                  <a:lnTo>
                    <a:pt x="430" y="211"/>
                  </a:lnTo>
                  <a:lnTo>
                    <a:pt x="434" y="215"/>
                  </a:lnTo>
                  <a:lnTo>
                    <a:pt x="438" y="219"/>
                  </a:lnTo>
                  <a:lnTo>
                    <a:pt x="441" y="224"/>
                  </a:lnTo>
                  <a:lnTo>
                    <a:pt x="444" y="229"/>
                  </a:lnTo>
                  <a:lnTo>
                    <a:pt x="438" y="238"/>
                  </a:lnTo>
                  <a:lnTo>
                    <a:pt x="432" y="247"/>
                  </a:lnTo>
                  <a:lnTo>
                    <a:pt x="426" y="255"/>
                  </a:lnTo>
                  <a:lnTo>
                    <a:pt x="421" y="265"/>
                  </a:lnTo>
                  <a:lnTo>
                    <a:pt x="421" y="263"/>
                  </a:lnTo>
                  <a:lnTo>
                    <a:pt x="420" y="260"/>
                  </a:lnTo>
                  <a:lnTo>
                    <a:pt x="419" y="259"/>
                  </a:lnTo>
                  <a:lnTo>
                    <a:pt x="416" y="259"/>
                  </a:lnTo>
                  <a:lnTo>
                    <a:pt x="406" y="265"/>
                  </a:lnTo>
                  <a:lnTo>
                    <a:pt x="396" y="270"/>
                  </a:lnTo>
                  <a:lnTo>
                    <a:pt x="384" y="273"/>
                  </a:lnTo>
                  <a:lnTo>
                    <a:pt x="373" y="276"/>
                  </a:lnTo>
                  <a:lnTo>
                    <a:pt x="348" y="281"/>
                  </a:lnTo>
                  <a:lnTo>
                    <a:pt x="324" y="288"/>
                  </a:lnTo>
                  <a:lnTo>
                    <a:pt x="326" y="293"/>
                  </a:lnTo>
                  <a:lnTo>
                    <a:pt x="328" y="297"/>
                  </a:lnTo>
                  <a:lnTo>
                    <a:pt x="331" y="300"/>
                  </a:lnTo>
                  <a:lnTo>
                    <a:pt x="335" y="303"/>
                  </a:lnTo>
                  <a:lnTo>
                    <a:pt x="337" y="306"/>
                  </a:lnTo>
                  <a:lnTo>
                    <a:pt x="338" y="310"/>
                  </a:lnTo>
                  <a:lnTo>
                    <a:pt x="338" y="312"/>
                  </a:lnTo>
                  <a:lnTo>
                    <a:pt x="338" y="313"/>
                  </a:lnTo>
                  <a:lnTo>
                    <a:pt x="337" y="315"/>
                  </a:lnTo>
                  <a:lnTo>
                    <a:pt x="335" y="315"/>
                  </a:lnTo>
                  <a:lnTo>
                    <a:pt x="328" y="311"/>
                  </a:lnTo>
                  <a:lnTo>
                    <a:pt x="322" y="308"/>
                  </a:lnTo>
                  <a:lnTo>
                    <a:pt x="312" y="303"/>
                  </a:lnTo>
                  <a:lnTo>
                    <a:pt x="299" y="299"/>
                  </a:lnTo>
                  <a:lnTo>
                    <a:pt x="293" y="298"/>
                  </a:lnTo>
                  <a:lnTo>
                    <a:pt x="286" y="299"/>
                  </a:lnTo>
                  <a:lnTo>
                    <a:pt x="284" y="300"/>
                  </a:lnTo>
                  <a:lnTo>
                    <a:pt x="282" y="303"/>
                  </a:lnTo>
                  <a:lnTo>
                    <a:pt x="280" y="305"/>
                  </a:lnTo>
                  <a:lnTo>
                    <a:pt x="279" y="308"/>
                  </a:lnTo>
                  <a:lnTo>
                    <a:pt x="282" y="314"/>
                  </a:lnTo>
                  <a:lnTo>
                    <a:pt x="285" y="321"/>
                  </a:lnTo>
                  <a:lnTo>
                    <a:pt x="286" y="328"/>
                  </a:lnTo>
                  <a:lnTo>
                    <a:pt x="286" y="334"/>
                  </a:lnTo>
                  <a:lnTo>
                    <a:pt x="286" y="342"/>
                  </a:lnTo>
                  <a:lnTo>
                    <a:pt x="285" y="348"/>
                  </a:lnTo>
                  <a:lnTo>
                    <a:pt x="283" y="353"/>
                  </a:lnTo>
                  <a:lnTo>
                    <a:pt x="280" y="359"/>
                  </a:lnTo>
                  <a:lnTo>
                    <a:pt x="276" y="365"/>
                  </a:lnTo>
                  <a:lnTo>
                    <a:pt x="272" y="369"/>
                  </a:lnTo>
                  <a:lnTo>
                    <a:pt x="266" y="373"/>
                  </a:lnTo>
                  <a:lnTo>
                    <a:pt x="261" y="376"/>
                  </a:lnTo>
                  <a:lnTo>
                    <a:pt x="255" y="379"/>
                  </a:lnTo>
                  <a:lnTo>
                    <a:pt x="248" y="382"/>
                  </a:lnTo>
                  <a:lnTo>
                    <a:pt x="241" y="382"/>
                  </a:lnTo>
                  <a:lnTo>
                    <a:pt x="234" y="382"/>
                  </a:lnTo>
                  <a:lnTo>
                    <a:pt x="229" y="387"/>
                  </a:lnTo>
                  <a:lnTo>
                    <a:pt x="226" y="391"/>
                  </a:lnTo>
                  <a:lnTo>
                    <a:pt x="224" y="397"/>
                  </a:lnTo>
                  <a:lnTo>
                    <a:pt x="223" y="405"/>
                  </a:lnTo>
                  <a:lnTo>
                    <a:pt x="219" y="409"/>
                  </a:lnTo>
                  <a:lnTo>
                    <a:pt x="216" y="413"/>
                  </a:lnTo>
                  <a:lnTo>
                    <a:pt x="214" y="416"/>
                  </a:lnTo>
                  <a:lnTo>
                    <a:pt x="212" y="417"/>
                  </a:lnTo>
                  <a:lnTo>
                    <a:pt x="208" y="419"/>
                  </a:lnTo>
                  <a:lnTo>
                    <a:pt x="205" y="419"/>
                  </a:lnTo>
                  <a:lnTo>
                    <a:pt x="201" y="414"/>
                  </a:lnTo>
                  <a:lnTo>
                    <a:pt x="198" y="408"/>
                  </a:lnTo>
                  <a:lnTo>
                    <a:pt x="195" y="400"/>
                  </a:lnTo>
                  <a:lnTo>
                    <a:pt x="193" y="393"/>
                  </a:lnTo>
                  <a:lnTo>
                    <a:pt x="188" y="378"/>
                  </a:lnTo>
                  <a:lnTo>
                    <a:pt x="183" y="363"/>
                  </a:lnTo>
                  <a:lnTo>
                    <a:pt x="181" y="355"/>
                  </a:lnTo>
                  <a:lnTo>
                    <a:pt x="178" y="349"/>
                  </a:lnTo>
                  <a:lnTo>
                    <a:pt x="175" y="343"/>
                  </a:lnTo>
                  <a:lnTo>
                    <a:pt x="170" y="337"/>
                  </a:lnTo>
                  <a:lnTo>
                    <a:pt x="165" y="332"/>
                  </a:lnTo>
                  <a:lnTo>
                    <a:pt x="159" y="328"/>
                  </a:lnTo>
                  <a:lnTo>
                    <a:pt x="153" y="325"/>
                  </a:lnTo>
                  <a:lnTo>
                    <a:pt x="144" y="324"/>
                  </a:lnTo>
                  <a:lnTo>
                    <a:pt x="144" y="321"/>
                  </a:lnTo>
                  <a:lnTo>
                    <a:pt x="144" y="320"/>
                  </a:lnTo>
                  <a:lnTo>
                    <a:pt x="135" y="324"/>
                  </a:lnTo>
                  <a:lnTo>
                    <a:pt x="125" y="327"/>
                  </a:lnTo>
                  <a:lnTo>
                    <a:pt x="117" y="331"/>
                  </a:lnTo>
                  <a:lnTo>
                    <a:pt x="108" y="335"/>
                  </a:lnTo>
                  <a:lnTo>
                    <a:pt x="99" y="339"/>
                  </a:lnTo>
                  <a:lnTo>
                    <a:pt x="89" y="343"/>
                  </a:lnTo>
                  <a:lnTo>
                    <a:pt x="80" y="345"/>
                  </a:lnTo>
                  <a:lnTo>
                    <a:pt x="68" y="346"/>
                  </a:lnTo>
                  <a:lnTo>
                    <a:pt x="61" y="338"/>
                  </a:lnTo>
                  <a:lnTo>
                    <a:pt x="56" y="331"/>
                  </a:lnTo>
                  <a:lnTo>
                    <a:pt x="49" y="321"/>
                  </a:lnTo>
                  <a:lnTo>
                    <a:pt x="44" y="313"/>
                  </a:lnTo>
                  <a:lnTo>
                    <a:pt x="38" y="306"/>
                  </a:lnTo>
                  <a:lnTo>
                    <a:pt x="30" y="298"/>
                  </a:lnTo>
                  <a:lnTo>
                    <a:pt x="26" y="295"/>
                  </a:lnTo>
                  <a:lnTo>
                    <a:pt x="22" y="292"/>
                  </a:lnTo>
                  <a:lnTo>
                    <a:pt x="18" y="290"/>
                  </a:lnTo>
                  <a:lnTo>
                    <a:pt x="13" y="288"/>
                  </a:lnTo>
                  <a:lnTo>
                    <a:pt x="18" y="285"/>
                  </a:lnTo>
                  <a:lnTo>
                    <a:pt x="24" y="281"/>
                  </a:lnTo>
                  <a:lnTo>
                    <a:pt x="28" y="277"/>
                  </a:lnTo>
                  <a:lnTo>
                    <a:pt x="33" y="272"/>
                  </a:lnTo>
                  <a:lnTo>
                    <a:pt x="47" y="264"/>
                  </a:lnTo>
                  <a:lnTo>
                    <a:pt x="61" y="254"/>
                  </a:lnTo>
                  <a:lnTo>
                    <a:pt x="59" y="249"/>
                  </a:lnTo>
                  <a:lnTo>
                    <a:pt x="56" y="244"/>
                  </a:lnTo>
                  <a:lnTo>
                    <a:pt x="53" y="238"/>
                  </a:lnTo>
                  <a:lnTo>
                    <a:pt x="48" y="234"/>
                  </a:lnTo>
                  <a:lnTo>
                    <a:pt x="41" y="225"/>
                  </a:lnTo>
                  <a:lnTo>
                    <a:pt x="36" y="214"/>
                  </a:lnTo>
                  <a:lnTo>
                    <a:pt x="23" y="214"/>
                  </a:lnTo>
                  <a:lnTo>
                    <a:pt x="13" y="216"/>
                  </a:lnTo>
                  <a:lnTo>
                    <a:pt x="13" y="212"/>
                  </a:lnTo>
                  <a:lnTo>
                    <a:pt x="11" y="208"/>
                  </a:lnTo>
                  <a:lnTo>
                    <a:pt x="9" y="206"/>
                  </a:lnTo>
                  <a:lnTo>
                    <a:pt x="7" y="203"/>
                  </a:lnTo>
                  <a:lnTo>
                    <a:pt x="3" y="197"/>
                  </a:lnTo>
                  <a:lnTo>
                    <a:pt x="0" y="191"/>
                  </a:lnTo>
                  <a:lnTo>
                    <a:pt x="6" y="184"/>
                  </a:lnTo>
                  <a:lnTo>
                    <a:pt x="13" y="176"/>
                  </a:lnTo>
                  <a:lnTo>
                    <a:pt x="15" y="173"/>
                  </a:lnTo>
                  <a:lnTo>
                    <a:pt x="17" y="171"/>
                  </a:lnTo>
                  <a:lnTo>
                    <a:pt x="19" y="169"/>
                  </a:lnTo>
                  <a:lnTo>
                    <a:pt x="22" y="168"/>
                  </a:lnTo>
                  <a:lnTo>
                    <a:pt x="28" y="166"/>
                  </a:lnTo>
                  <a:lnTo>
                    <a:pt x="36" y="165"/>
                  </a:lnTo>
                  <a:lnTo>
                    <a:pt x="42" y="165"/>
                  </a:lnTo>
                  <a:lnTo>
                    <a:pt x="48" y="164"/>
                  </a:lnTo>
                  <a:lnTo>
                    <a:pt x="55" y="161"/>
                  </a:lnTo>
                  <a:lnTo>
                    <a:pt x="61" y="158"/>
                  </a:lnTo>
                  <a:lnTo>
                    <a:pt x="69" y="151"/>
                  </a:lnTo>
                  <a:lnTo>
                    <a:pt x="78" y="144"/>
                  </a:lnTo>
                  <a:lnTo>
                    <a:pt x="86" y="136"/>
                  </a:lnTo>
                  <a:lnTo>
                    <a:pt x="94" y="128"/>
                  </a:lnTo>
                  <a:lnTo>
                    <a:pt x="95" y="124"/>
                  </a:lnTo>
                  <a:lnTo>
                    <a:pt x="97" y="120"/>
                  </a:lnTo>
                  <a:lnTo>
                    <a:pt x="98" y="118"/>
                  </a:lnTo>
                  <a:lnTo>
                    <a:pt x="100" y="117"/>
                  </a:lnTo>
                  <a:lnTo>
                    <a:pt x="105" y="117"/>
                  </a:lnTo>
                  <a:lnTo>
                    <a:pt x="109" y="119"/>
                  </a:lnTo>
                  <a:lnTo>
                    <a:pt x="118" y="125"/>
                  </a:lnTo>
                  <a:lnTo>
                    <a:pt x="122" y="128"/>
                  </a:lnTo>
                  <a:lnTo>
                    <a:pt x="124" y="128"/>
                  </a:lnTo>
                  <a:lnTo>
                    <a:pt x="127" y="127"/>
                  </a:lnTo>
                  <a:lnTo>
                    <a:pt x="128" y="125"/>
                  </a:lnTo>
                  <a:lnTo>
                    <a:pt x="130" y="124"/>
                  </a:lnTo>
                  <a:lnTo>
                    <a:pt x="133" y="118"/>
                  </a:lnTo>
                  <a:lnTo>
                    <a:pt x="134" y="113"/>
                  </a:lnTo>
                  <a:lnTo>
                    <a:pt x="135" y="100"/>
                  </a:lnTo>
                  <a:lnTo>
                    <a:pt x="137" y="90"/>
                  </a:lnTo>
                  <a:lnTo>
                    <a:pt x="147" y="87"/>
                  </a:lnTo>
                  <a:lnTo>
                    <a:pt x="157" y="85"/>
                  </a:lnTo>
                  <a:lnTo>
                    <a:pt x="160" y="81"/>
                  </a:lnTo>
                  <a:lnTo>
                    <a:pt x="164" y="78"/>
                  </a:lnTo>
                  <a:lnTo>
                    <a:pt x="167" y="75"/>
                  </a:lnTo>
                  <a:lnTo>
                    <a:pt x="169" y="69"/>
                  </a:lnTo>
                  <a:lnTo>
                    <a:pt x="173" y="66"/>
                  </a:lnTo>
                  <a:lnTo>
                    <a:pt x="176" y="64"/>
                  </a:lnTo>
                  <a:lnTo>
                    <a:pt x="179" y="61"/>
                  </a:lnTo>
                  <a:lnTo>
                    <a:pt x="182" y="59"/>
                  </a:lnTo>
                  <a:lnTo>
                    <a:pt x="185" y="56"/>
                  </a:lnTo>
                  <a:lnTo>
                    <a:pt x="188" y="53"/>
                  </a:lnTo>
                  <a:lnTo>
                    <a:pt x="189" y="49"/>
                  </a:lnTo>
                  <a:lnTo>
                    <a:pt x="190" y="44"/>
                  </a:lnTo>
                  <a:lnTo>
                    <a:pt x="206" y="44"/>
                  </a:lnTo>
                  <a:lnTo>
                    <a:pt x="220" y="44"/>
                  </a:lnTo>
                  <a:lnTo>
                    <a:pt x="226" y="44"/>
                  </a:lnTo>
                  <a:lnTo>
                    <a:pt x="232" y="41"/>
                  </a:lnTo>
                  <a:lnTo>
                    <a:pt x="234" y="40"/>
                  </a:lnTo>
                  <a:lnTo>
                    <a:pt x="236" y="38"/>
                  </a:lnTo>
                  <a:lnTo>
                    <a:pt x="237" y="36"/>
                  </a:lnTo>
                  <a:lnTo>
                    <a:pt x="238" y="34"/>
                  </a:lnTo>
                  <a:lnTo>
                    <a:pt x="247" y="38"/>
                  </a:lnTo>
                  <a:lnTo>
                    <a:pt x="256" y="41"/>
                  </a:lnTo>
                  <a:lnTo>
                    <a:pt x="262" y="41"/>
                  </a:lnTo>
                  <a:lnTo>
                    <a:pt x="266" y="41"/>
                  </a:lnTo>
                  <a:lnTo>
                    <a:pt x="271" y="40"/>
                  </a:lnTo>
                  <a:lnTo>
                    <a:pt x="274" y="38"/>
                  </a:lnTo>
                  <a:lnTo>
                    <a:pt x="279" y="34"/>
                  </a:lnTo>
                  <a:lnTo>
                    <a:pt x="286" y="31"/>
                  </a:lnTo>
                  <a:lnTo>
                    <a:pt x="286" y="25"/>
                  </a:lnTo>
                  <a:lnTo>
                    <a:pt x="286" y="17"/>
                  </a:lnTo>
                  <a:lnTo>
                    <a:pt x="287" y="11"/>
                  </a:lnTo>
                  <a:lnTo>
                    <a:pt x="289" y="6"/>
                  </a:lnTo>
                  <a:lnTo>
                    <a:pt x="313" y="5"/>
                  </a:lnTo>
                  <a:lnTo>
                    <a:pt x="336" y="5"/>
                  </a:lnTo>
                  <a:lnTo>
                    <a:pt x="358" y="2"/>
                  </a:lnTo>
                  <a:lnTo>
                    <a:pt x="381" y="0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55" name="Hillerød kant"/>
            <p:cNvSpPr>
              <a:spLocks/>
            </p:cNvSpPr>
            <p:nvPr/>
          </p:nvSpPr>
          <p:spPr bwMode="auto">
            <a:xfrm>
              <a:off x="3621088" y="4514850"/>
              <a:ext cx="234950" cy="222250"/>
            </a:xfrm>
            <a:custGeom>
              <a:avLst/>
              <a:gdLst>
                <a:gd name="T0" fmla="*/ 198438 w 444"/>
                <a:gd name="T1" fmla="*/ 9548 h 419"/>
                <a:gd name="T2" fmla="*/ 192617 w 444"/>
                <a:gd name="T3" fmla="*/ 19626 h 419"/>
                <a:gd name="T4" fmla="*/ 201613 w 444"/>
                <a:gd name="T5" fmla="*/ 37130 h 419"/>
                <a:gd name="T6" fmla="*/ 198438 w 444"/>
                <a:gd name="T7" fmla="*/ 41374 h 419"/>
                <a:gd name="T8" fmla="*/ 200554 w 444"/>
                <a:gd name="T9" fmla="*/ 44556 h 419"/>
                <a:gd name="T10" fmla="*/ 205317 w 444"/>
                <a:gd name="T11" fmla="*/ 48269 h 419"/>
                <a:gd name="T12" fmla="*/ 209550 w 444"/>
                <a:gd name="T13" fmla="*/ 59408 h 419"/>
                <a:gd name="T14" fmla="*/ 207963 w 444"/>
                <a:gd name="T15" fmla="*/ 71608 h 419"/>
                <a:gd name="T16" fmla="*/ 202142 w 444"/>
                <a:gd name="T17" fmla="*/ 75321 h 419"/>
                <a:gd name="T18" fmla="*/ 208492 w 444"/>
                <a:gd name="T19" fmla="*/ 83277 h 419"/>
                <a:gd name="T20" fmla="*/ 217488 w 444"/>
                <a:gd name="T21" fmla="*/ 94947 h 419"/>
                <a:gd name="T22" fmla="*/ 222250 w 444"/>
                <a:gd name="T23" fmla="*/ 108208 h 419"/>
                <a:gd name="T24" fmla="*/ 233363 w 444"/>
                <a:gd name="T25" fmla="*/ 118816 h 419"/>
                <a:gd name="T26" fmla="*/ 225425 w 444"/>
                <a:gd name="T27" fmla="*/ 135260 h 419"/>
                <a:gd name="T28" fmla="*/ 221721 w 444"/>
                <a:gd name="T29" fmla="*/ 137381 h 419"/>
                <a:gd name="T30" fmla="*/ 203200 w 444"/>
                <a:gd name="T31" fmla="*/ 144807 h 419"/>
                <a:gd name="T32" fmla="*/ 172508 w 444"/>
                <a:gd name="T33" fmla="*/ 155416 h 419"/>
                <a:gd name="T34" fmla="*/ 178329 w 444"/>
                <a:gd name="T35" fmla="*/ 162311 h 419"/>
                <a:gd name="T36" fmla="*/ 178329 w 444"/>
                <a:gd name="T37" fmla="*/ 167085 h 419"/>
                <a:gd name="T38" fmla="*/ 165100 w 444"/>
                <a:gd name="T39" fmla="*/ 160720 h 419"/>
                <a:gd name="T40" fmla="*/ 150283 w 444"/>
                <a:gd name="T41" fmla="*/ 159129 h 419"/>
                <a:gd name="T42" fmla="*/ 149225 w 444"/>
                <a:gd name="T43" fmla="*/ 166555 h 419"/>
                <a:gd name="T44" fmla="*/ 151342 w 444"/>
                <a:gd name="T45" fmla="*/ 181407 h 419"/>
                <a:gd name="T46" fmla="*/ 146050 w 444"/>
                <a:gd name="T47" fmla="*/ 193607 h 419"/>
                <a:gd name="T48" fmla="*/ 134938 w 444"/>
                <a:gd name="T49" fmla="*/ 201033 h 419"/>
                <a:gd name="T50" fmla="*/ 121179 w 444"/>
                <a:gd name="T51" fmla="*/ 205276 h 419"/>
                <a:gd name="T52" fmla="*/ 115888 w 444"/>
                <a:gd name="T53" fmla="*/ 216946 h 419"/>
                <a:gd name="T54" fmla="*/ 110067 w 444"/>
                <a:gd name="T55" fmla="*/ 222250 h 419"/>
                <a:gd name="T56" fmla="*/ 103188 w 444"/>
                <a:gd name="T57" fmla="*/ 212172 h 419"/>
                <a:gd name="T58" fmla="*/ 95779 w 444"/>
                <a:gd name="T59" fmla="*/ 188303 h 419"/>
                <a:gd name="T60" fmla="*/ 87313 w 444"/>
                <a:gd name="T61" fmla="*/ 176103 h 419"/>
                <a:gd name="T62" fmla="*/ 76200 w 444"/>
                <a:gd name="T63" fmla="*/ 170268 h 419"/>
                <a:gd name="T64" fmla="*/ 61913 w 444"/>
                <a:gd name="T65" fmla="*/ 175572 h 419"/>
                <a:gd name="T66" fmla="*/ 42333 w 444"/>
                <a:gd name="T67" fmla="*/ 182998 h 419"/>
                <a:gd name="T68" fmla="*/ 25929 w 444"/>
                <a:gd name="T69" fmla="*/ 170268 h 419"/>
                <a:gd name="T70" fmla="*/ 13758 w 444"/>
                <a:gd name="T71" fmla="*/ 156477 h 419"/>
                <a:gd name="T72" fmla="*/ 9525 w 444"/>
                <a:gd name="T73" fmla="*/ 151172 h 419"/>
                <a:gd name="T74" fmla="*/ 24871 w 444"/>
                <a:gd name="T75" fmla="*/ 140033 h 419"/>
                <a:gd name="T76" fmla="*/ 28046 w 444"/>
                <a:gd name="T77" fmla="*/ 126242 h 419"/>
                <a:gd name="T78" fmla="*/ 12171 w 444"/>
                <a:gd name="T79" fmla="*/ 113512 h 419"/>
                <a:gd name="T80" fmla="*/ 4763 w 444"/>
                <a:gd name="T81" fmla="*/ 109268 h 419"/>
                <a:gd name="T82" fmla="*/ 3175 w 444"/>
                <a:gd name="T83" fmla="*/ 97599 h 419"/>
                <a:gd name="T84" fmla="*/ 10054 w 444"/>
                <a:gd name="T85" fmla="*/ 89643 h 419"/>
                <a:gd name="T86" fmla="*/ 22225 w 444"/>
                <a:gd name="T87" fmla="*/ 87521 h 419"/>
                <a:gd name="T88" fmla="*/ 36513 w 444"/>
                <a:gd name="T89" fmla="*/ 80095 h 419"/>
                <a:gd name="T90" fmla="*/ 50271 w 444"/>
                <a:gd name="T91" fmla="*/ 65773 h 419"/>
                <a:gd name="T92" fmla="*/ 55563 w 444"/>
                <a:gd name="T93" fmla="*/ 62060 h 419"/>
                <a:gd name="T94" fmla="*/ 65617 w 444"/>
                <a:gd name="T95" fmla="*/ 67895 h 419"/>
                <a:gd name="T96" fmla="*/ 70379 w 444"/>
                <a:gd name="T97" fmla="*/ 62591 h 419"/>
                <a:gd name="T98" fmla="*/ 77788 w 444"/>
                <a:gd name="T99" fmla="*/ 46147 h 419"/>
                <a:gd name="T100" fmla="*/ 88371 w 444"/>
                <a:gd name="T101" fmla="*/ 39782 h 419"/>
                <a:gd name="T102" fmla="*/ 94721 w 444"/>
                <a:gd name="T103" fmla="*/ 32356 h 419"/>
                <a:gd name="T104" fmla="*/ 100013 w 444"/>
                <a:gd name="T105" fmla="*/ 25991 h 419"/>
                <a:gd name="T106" fmla="*/ 119592 w 444"/>
                <a:gd name="T107" fmla="*/ 23339 h 419"/>
                <a:gd name="T108" fmla="*/ 125413 w 444"/>
                <a:gd name="T109" fmla="*/ 19095 h 419"/>
                <a:gd name="T110" fmla="*/ 138642 w 444"/>
                <a:gd name="T111" fmla="*/ 21748 h 419"/>
                <a:gd name="T112" fmla="*/ 147638 w 444"/>
                <a:gd name="T113" fmla="*/ 18035 h 419"/>
                <a:gd name="T114" fmla="*/ 151871 w 444"/>
                <a:gd name="T115" fmla="*/ 5835 h 419"/>
                <a:gd name="T116" fmla="*/ 189442 w 444"/>
                <a:gd name="T117" fmla="*/ 1061 h 419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444" h="419">
                  <a:moveTo>
                    <a:pt x="381" y="0"/>
                  </a:moveTo>
                  <a:lnTo>
                    <a:pt x="380" y="8"/>
                  </a:lnTo>
                  <a:lnTo>
                    <a:pt x="378" y="13"/>
                  </a:lnTo>
                  <a:lnTo>
                    <a:pt x="375" y="18"/>
                  </a:lnTo>
                  <a:lnTo>
                    <a:pt x="372" y="22"/>
                  </a:lnTo>
                  <a:lnTo>
                    <a:pt x="368" y="27"/>
                  </a:lnTo>
                  <a:lnTo>
                    <a:pt x="366" y="32"/>
                  </a:lnTo>
                  <a:lnTo>
                    <a:pt x="364" y="37"/>
                  </a:lnTo>
                  <a:lnTo>
                    <a:pt x="363" y="44"/>
                  </a:lnTo>
                  <a:lnTo>
                    <a:pt x="373" y="55"/>
                  </a:lnTo>
                  <a:lnTo>
                    <a:pt x="383" y="67"/>
                  </a:lnTo>
                  <a:lnTo>
                    <a:pt x="381" y="70"/>
                  </a:lnTo>
                  <a:lnTo>
                    <a:pt x="378" y="73"/>
                  </a:lnTo>
                  <a:lnTo>
                    <a:pt x="377" y="74"/>
                  </a:lnTo>
                  <a:lnTo>
                    <a:pt x="376" y="76"/>
                  </a:lnTo>
                  <a:lnTo>
                    <a:pt x="375" y="78"/>
                  </a:lnTo>
                  <a:lnTo>
                    <a:pt x="376" y="82"/>
                  </a:lnTo>
                  <a:lnTo>
                    <a:pt x="377" y="82"/>
                  </a:lnTo>
                  <a:lnTo>
                    <a:pt x="378" y="82"/>
                  </a:lnTo>
                  <a:lnTo>
                    <a:pt x="379" y="84"/>
                  </a:lnTo>
                  <a:lnTo>
                    <a:pt x="382" y="85"/>
                  </a:lnTo>
                  <a:lnTo>
                    <a:pt x="385" y="85"/>
                  </a:lnTo>
                  <a:lnTo>
                    <a:pt x="388" y="85"/>
                  </a:lnTo>
                  <a:lnTo>
                    <a:pt x="388" y="91"/>
                  </a:lnTo>
                  <a:lnTo>
                    <a:pt x="389" y="97"/>
                  </a:lnTo>
                  <a:lnTo>
                    <a:pt x="392" y="102"/>
                  </a:lnTo>
                  <a:lnTo>
                    <a:pt x="394" y="107"/>
                  </a:lnTo>
                  <a:lnTo>
                    <a:pt x="396" y="112"/>
                  </a:lnTo>
                  <a:lnTo>
                    <a:pt x="397" y="118"/>
                  </a:lnTo>
                  <a:lnTo>
                    <a:pt x="397" y="125"/>
                  </a:lnTo>
                  <a:lnTo>
                    <a:pt x="396" y="133"/>
                  </a:lnTo>
                  <a:lnTo>
                    <a:pt x="393" y="135"/>
                  </a:lnTo>
                  <a:lnTo>
                    <a:pt x="389" y="137"/>
                  </a:lnTo>
                  <a:lnTo>
                    <a:pt x="386" y="138"/>
                  </a:lnTo>
                  <a:lnTo>
                    <a:pt x="381" y="138"/>
                  </a:lnTo>
                  <a:lnTo>
                    <a:pt x="382" y="142"/>
                  </a:lnTo>
                  <a:lnTo>
                    <a:pt x="383" y="146"/>
                  </a:lnTo>
                  <a:lnTo>
                    <a:pt x="385" y="149"/>
                  </a:lnTo>
                  <a:lnTo>
                    <a:pt x="388" y="152"/>
                  </a:lnTo>
                  <a:lnTo>
                    <a:pt x="394" y="157"/>
                  </a:lnTo>
                  <a:lnTo>
                    <a:pt x="400" y="162"/>
                  </a:lnTo>
                  <a:lnTo>
                    <a:pt x="405" y="169"/>
                  </a:lnTo>
                  <a:lnTo>
                    <a:pt x="409" y="175"/>
                  </a:lnTo>
                  <a:lnTo>
                    <a:pt x="411" y="179"/>
                  </a:lnTo>
                  <a:lnTo>
                    <a:pt x="412" y="185"/>
                  </a:lnTo>
                  <a:lnTo>
                    <a:pt x="412" y="190"/>
                  </a:lnTo>
                  <a:lnTo>
                    <a:pt x="411" y="196"/>
                  </a:lnTo>
                  <a:lnTo>
                    <a:pt x="420" y="204"/>
                  </a:lnTo>
                  <a:lnTo>
                    <a:pt x="430" y="211"/>
                  </a:lnTo>
                  <a:lnTo>
                    <a:pt x="434" y="215"/>
                  </a:lnTo>
                  <a:lnTo>
                    <a:pt x="438" y="219"/>
                  </a:lnTo>
                  <a:lnTo>
                    <a:pt x="441" y="224"/>
                  </a:lnTo>
                  <a:lnTo>
                    <a:pt x="444" y="229"/>
                  </a:lnTo>
                  <a:lnTo>
                    <a:pt x="438" y="238"/>
                  </a:lnTo>
                  <a:lnTo>
                    <a:pt x="432" y="247"/>
                  </a:lnTo>
                  <a:lnTo>
                    <a:pt x="426" y="255"/>
                  </a:lnTo>
                  <a:lnTo>
                    <a:pt x="421" y="265"/>
                  </a:lnTo>
                  <a:lnTo>
                    <a:pt x="421" y="263"/>
                  </a:lnTo>
                  <a:lnTo>
                    <a:pt x="420" y="260"/>
                  </a:lnTo>
                  <a:lnTo>
                    <a:pt x="419" y="259"/>
                  </a:lnTo>
                  <a:lnTo>
                    <a:pt x="416" y="259"/>
                  </a:lnTo>
                  <a:lnTo>
                    <a:pt x="406" y="265"/>
                  </a:lnTo>
                  <a:lnTo>
                    <a:pt x="396" y="270"/>
                  </a:lnTo>
                  <a:lnTo>
                    <a:pt x="384" y="273"/>
                  </a:lnTo>
                  <a:lnTo>
                    <a:pt x="373" y="276"/>
                  </a:lnTo>
                  <a:lnTo>
                    <a:pt x="348" y="281"/>
                  </a:lnTo>
                  <a:lnTo>
                    <a:pt x="324" y="288"/>
                  </a:lnTo>
                  <a:lnTo>
                    <a:pt x="326" y="293"/>
                  </a:lnTo>
                  <a:lnTo>
                    <a:pt x="328" y="297"/>
                  </a:lnTo>
                  <a:lnTo>
                    <a:pt x="331" y="300"/>
                  </a:lnTo>
                  <a:lnTo>
                    <a:pt x="335" y="303"/>
                  </a:lnTo>
                  <a:lnTo>
                    <a:pt x="337" y="306"/>
                  </a:lnTo>
                  <a:lnTo>
                    <a:pt x="338" y="310"/>
                  </a:lnTo>
                  <a:lnTo>
                    <a:pt x="338" y="312"/>
                  </a:lnTo>
                  <a:lnTo>
                    <a:pt x="338" y="313"/>
                  </a:lnTo>
                  <a:lnTo>
                    <a:pt x="337" y="315"/>
                  </a:lnTo>
                  <a:lnTo>
                    <a:pt x="335" y="315"/>
                  </a:lnTo>
                  <a:lnTo>
                    <a:pt x="328" y="311"/>
                  </a:lnTo>
                  <a:lnTo>
                    <a:pt x="322" y="308"/>
                  </a:lnTo>
                  <a:lnTo>
                    <a:pt x="312" y="303"/>
                  </a:lnTo>
                  <a:lnTo>
                    <a:pt x="299" y="299"/>
                  </a:lnTo>
                  <a:lnTo>
                    <a:pt x="293" y="298"/>
                  </a:lnTo>
                  <a:lnTo>
                    <a:pt x="286" y="299"/>
                  </a:lnTo>
                  <a:lnTo>
                    <a:pt x="284" y="300"/>
                  </a:lnTo>
                  <a:lnTo>
                    <a:pt x="282" y="303"/>
                  </a:lnTo>
                  <a:lnTo>
                    <a:pt x="280" y="305"/>
                  </a:lnTo>
                  <a:lnTo>
                    <a:pt x="279" y="308"/>
                  </a:lnTo>
                  <a:lnTo>
                    <a:pt x="282" y="314"/>
                  </a:lnTo>
                  <a:lnTo>
                    <a:pt x="285" y="321"/>
                  </a:lnTo>
                  <a:lnTo>
                    <a:pt x="286" y="328"/>
                  </a:lnTo>
                  <a:lnTo>
                    <a:pt x="286" y="334"/>
                  </a:lnTo>
                  <a:lnTo>
                    <a:pt x="286" y="342"/>
                  </a:lnTo>
                  <a:lnTo>
                    <a:pt x="285" y="348"/>
                  </a:lnTo>
                  <a:lnTo>
                    <a:pt x="283" y="353"/>
                  </a:lnTo>
                  <a:lnTo>
                    <a:pt x="280" y="359"/>
                  </a:lnTo>
                  <a:lnTo>
                    <a:pt x="276" y="365"/>
                  </a:lnTo>
                  <a:lnTo>
                    <a:pt x="272" y="369"/>
                  </a:lnTo>
                  <a:lnTo>
                    <a:pt x="266" y="373"/>
                  </a:lnTo>
                  <a:lnTo>
                    <a:pt x="261" y="376"/>
                  </a:lnTo>
                  <a:lnTo>
                    <a:pt x="255" y="379"/>
                  </a:lnTo>
                  <a:lnTo>
                    <a:pt x="248" y="382"/>
                  </a:lnTo>
                  <a:lnTo>
                    <a:pt x="241" y="382"/>
                  </a:lnTo>
                  <a:lnTo>
                    <a:pt x="234" y="382"/>
                  </a:lnTo>
                  <a:lnTo>
                    <a:pt x="229" y="387"/>
                  </a:lnTo>
                  <a:lnTo>
                    <a:pt x="226" y="391"/>
                  </a:lnTo>
                  <a:lnTo>
                    <a:pt x="224" y="397"/>
                  </a:lnTo>
                  <a:lnTo>
                    <a:pt x="223" y="405"/>
                  </a:lnTo>
                  <a:lnTo>
                    <a:pt x="219" y="409"/>
                  </a:lnTo>
                  <a:lnTo>
                    <a:pt x="216" y="413"/>
                  </a:lnTo>
                  <a:lnTo>
                    <a:pt x="214" y="416"/>
                  </a:lnTo>
                  <a:lnTo>
                    <a:pt x="212" y="417"/>
                  </a:lnTo>
                  <a:lnTo>
                    <a:pt x="208" y="419"/>
                  </a:lnTo>
                  <a:lnTo>
                    <a:pt x="205" y="419"/>
                  </a:lnTo>
                  <a:lnTo>
                    <a:pt x="201" y="414"/>
                  </a:lnTo>
                  <a:lnTo>
                    <a:pt x="198" y="408"/>
                  </a:lnTo>
                  <a:lnTo>
                    <a:pt x="195" y="400"/>
                  </a:lnTo>
                  <a:lnTo>
                    <a:pt x="193" y="393"/>
                  </a:lnTo>
                  <a:lnTo>
                    <a:pt x="188" y="378"/>
                  </a:lnTo>
                  <a:lnTo>
                    <a:pt x="183" y="363"/>
                  </a:lnTo>
                  <a:lnTo>
                    <a:pt x="181" y="355"/>
                  </a:lnTo>
                  <a:lnTo>
                    <a:pt x="178" y="349"/>
                  </a:lnTo>
                  <a:lnTo>
                    <a:pt x="175" y="343"/>
                  </a:lnTo>
                  <a:lnTo>
                    <a:pt x="170" y="337"/>
                  </a:lnTo>
                  <a:lnTo>
                    <a:pt x="165" y="332"/>
                  </a:lnTo>
                  <a:lnTo>
                    <a:pt x="159" y="328"/>
                  </a:lnTo>
                  <a:lnTo>
                    <a:pt x="153" y="325"/>
                  </a:lnTo>
                  <a:lnTo>
                    <a:pt x="144" y="324"/>
                  </a:lnTo>
                  <a:lnTo>
                    <a:pt x="144" y="321"/>
                  </a:lnTo>
                  <a:lnTo>
                    <a:pt x="144" y="320"/>
                  </a:lnTo>
                  <a:lnTo>
                    <a:pt x="135" y="324"/>
                  </a:lnTo>
                  <a:lnTo>
                    <a:pt x="125" y="327"/>
                  </a:lnTo>
                  <a:lnTo>
                    <a:pt x="117" y="331"/>
                  </a:lnTo>
                  <a:lnTo>
                    <a:pt x="108" y="335"/>
                  </a:lnTo>
                  <a:lnTo>
                    <a:pt x="99" y="339"/>
                  </a:lnTo>
                  <a:lnTo>
                    <a:pt x="89" y="343"/>
                  </a:lnTo>
                  <a:lnTo>
                    <a:pt x="80" y="345"/>
                  </a:lnTo>
                  <a:lnTo>
                    <a:pt x="68" y="346"/>
                  </a:lnTo>
                  <a:lnTo>
                    <a:pt x="61" y="338"/>
                  </a:lnTo>
                  <a:lnTo>
                    <a:pt x="56" y="331"/>
                  </a:lnTo>
                  <a:lnTo>
                    <a:pt x="49" y="321"/>
                  </a:lnTo>
                  <a:lnTo>
                    <a:pt x="44" y="313"/>
                  </a:lnTo>
                  <a:lnTo>
                    <a:pt x="38" y="306"/>
                  </a:lnTo>
                  <a:lnTo>
                    <a:pt x="30" y="298"/>
                  </a:lnTo>
                  <a:lnTo>
                    <a:pt x="26" y="295"/>
                  </a:lnTo>
                  <a:lnTo>
                    <a:pt x="22" y="292"/>
                  </a:lnTo>
                  <a:lnTo>
                    <a:pt x="18" y="290"/>
                  </a:lnTo>
                  <a:lnTo>
                    <a:pt x="13" y="288"/>
                  </a:lnTo>
                  <a:lnTo>
                    <a:pt x="18" y="285"/>
                  </a:lnTo>
                  <a:lnTo>
                    <a:pt x="24" y="281"/>
                  </a:lnTo>
                  <a:lnTo>
                    <a:pt x="28" y="277"/>
                  </a:lnTo>
                  <a:lnTo>
                    <a:pt x="33" y="272"/>
                  </a:lnTo>
                  <a:lnTo>
                    <a:pt x="47" y="264"/>
                  </a:lnTo>
                  <a:lnTo>
                    <a:pt x="61" y="254"/>
                  </a:lnTo>
                  <a:lnTo>
                    <a:pt x="59" y="249"/>
                  </a:lnTo>
                  <a:lnTo>
                    <a:pt x="56" y="244"/>
                  </a:lnTo>
                  <a:lnTo>
                    <a:pt x="53" y="238"/>
                  </a:lnTo>
                  <a:lnTo>
                    <a:pt x="48" y="234"/>
                  </a:lnTo>
                  <a:lnTo>
                    <a:pt x="41" y="225"/>
                  </a:lnTo>
                  <a:lnTo>
                    <a:pt x="36" y="214"/>
                  </a:lnTo>
                  <a:lnTo>
                    <a:pt x="23" y="214"/>
                  </a:lnTo>
                  <a:lnTo>
                    <a:pt x="13" y="216"/>
                  </a:lnTo>
                  <a:lnTo>
                    <a:pt x="13" y="212"/>
                  </a:lnTo>
                  <a:lnTo>
                    <a:pt x="11" y="208"/>
                  </a:lnTo>
                  <a:lnTo>
                    <a:pt x="9" y="206"/>
                  </a:lnTo>
                  <a:lnTo>
                    <a:pt x="7" y="203"/>
                  </a:lnTo>
                  <a:lnTo>
                    <a:pt x="3" y="197"/>
                  </a:lnTo>
                  <a:lnTo>
                    <a:pt x="0" y="191"/>
                  </a:lnTo>
                  <a:lnTo>
                    <a:pt x="6" y="184"/>
                  </a:lnTo>
                  <a:lnTo>
                    <a:pt x="13" y="176"/>
                  </a:lnTo>
                  <a:lnTo>
                    <a:pt x="15" y="173"/>
                  </a:lnTo>
                  <a:lnTo>
                    <a:pt x="17" y="171"/>
                  </a:lnTo>
                  <a:lnTo>
                    <a:pt x="19" y="169"/>
                  </a:lnTo>
                  <a:lnTo>
                    <a:pt x="22" y="168"/>
                  </a:lnTo>
                  <a:lnTo>
                    <a:pt x="28" y="166"/>
                  </a:lnTo>
                  <a:lnTo>
                    <a:pt x="36" y="165"/>
                  </a:lnTo>
                  <a:lnTo>
                    <a:pt x="42" y="165"/>
                  </a:lnTo>
                  <a:lnTo>
                    <a:pt x="48" y="164"/>
                  </a:lnTo>
                  <a:lnTo>
                    <a:pt x="55" y="161"/>
                  </a:lnTo>
                  <a:lnTo>
                    <a:pt x="61" y="158"/>
                  </a:lnTo>
                  <a:lnTo>
                    <a:pt x="69" y="151"/>
                  </a:lnTo>
                  <a:lnTo>
                    <a:pt x="78" y="144"/>
                  </a:lnTo>
                  <a:lnTo>
                    <a:pt x="86" y="136"/>
                  </a:lnTo>
                  <a:lnTo>
                    <a:pt x="94" y="128"/>
                  </a:lnTo>
                  <a:lnTo>
                    <a:pt x="95" y="124"/>
                  </a:lnTo>
                  <a:lnTo>
                    <a:pt x="97" y="120"/>
                  </a:lnTo>
                  <a:lnTo>
                    <a:pt x="98" y="118"/>
                  </a:lnTo>
                  <a:lnTo>
                    <a:pt x="100" y="117"/>
                  </a:lnTo>
                  <a:lnTo>
                    <a:pt x="105" y="117"/>
                  </a:lnTo>
                  <a:lnTo>
                    <a:pt x="109" y="119"/>
                  </a:lnTo>
                  <a:lnTo>
                    <a:pt x="118" y="125"/>
                  </a:lnTo>
                  <a:lnTo>
                    <a:pt x="122" y="128"/>
                  </a:lnTo>
                  <a:lnTo>
                    <a:pt x="124" y="128"/>
                  </a:lnTo>
                  <a:lnTo>
                    <a:pt x="127" y="127"/>
                  </a:lnTo>
                  <a:lnTo>
                    <a:pt x="128" y="125"/>
                  </a:lnTo>
                  <a:lnTo>
                    <a:pt x="130" y="124"/>
                  </a:lnTo>
                  <a:lnTo>
                    <a:pt x="133" y="118"/>
                  </a:lnTo>
                  <a:lnTo>
                    <a:pt x="134" y="113"/>
                  </a:lnTo>
                  <a:lnTo>
                    <a:pt x="135" y="100"/>
                  </a:lnTo>
                  <a:lnTo>
                    <a:pt x="137" y="90"/>
                  </a:lnTo>
                  <a:lnTo>
                    <a:pt x="147" y="87"/>
                  </a:lnTo>
                  <a:lnTo>
                    <a:pt x="157" y="85"/>
                  </a:lnTo>
                  <a:lnTo>
                    <a:pt x="160" y="81"/>
                  </a:lnTo>
                  <a:lnTo>
                    <a:pt x="164" y="78"/>
                  </a:lnTo>
                  <a:lnTo>
                    <a:pt x="167" y="75"/>
                  </a:lnTo>
                  <a:lnTo>
                    <a:pt x="169" y="69"/>
                  </a:lnTo>
                  <a:lnTo>
                    <a:pt x="173" y="66"/>
                  </a:lnTo>
                  <a:lnTo>
                    <a:pt x="176" y="64"/>
                  </a:lnTo>
                  <a:lnTo>
                    <a:pt x="179" y="61"/>
                  </a:lnTo>
                  <a:lnTo>
                    <a:pt x="182" y="59"/>
                  </a:lnTo>
                  <a:lnTo>
                    <a:pt x="185" y="56"/>
                  </a:lnTo>
                  <a:lnTo>
                    <a:pt x="188" y="53"/>
                  </a:lnTo>
                  <a:lnTo>
                    <a:pt x="189" y="49"/>
                  </a:lnTo>
                  <a:lnTo>
                    <a:pt x="190" y="44"/>
                  </a:lnTo>
                  <a:lnTo>
                    <a:pt x="206" y="44"/>
                  </a:lnTo>
                  <a:lnTo>
                    <a:pt x="220" y="44"/>
                  </a:lnTo>
                  <a:lnTo>
                    <a:pt x="226" y="44"/>
                  </a:lnTo>
                  <a:lnTo>
                    <a:pt x="232" y="41"/>
                  </a:lnTo>
                  <a:lnTo>
                    <a:pt x="234" y="40"/>
                  </a:lnTo>
                  <a:lnTo>
                    <a:pt x="236" y="38"/>
                  </a:lnTo>
                  <a:lnTo>
                    <a:pt x="237" y="36"/>
                  </a:lnTo>
                  <a:lnTo>
                    <a:pt x="238" y="34"/>
                  </a:lnTo>
                  <a:lnTo>
                    <a:pt x="247" y="38"/>
                  </a:lnTo>
                  <a:lnTo>
                    <a:pt x="256" y="41"/>
                  </a:lnTo>
                  <a:lnTo>
                    <a:pt x="262" y="41"/>
                  </a:lnTo>
                  <a:lnTo>
                    <a:pt x="266" y="41"/>
                  </a:lnTo>
                  <a:lnTo>
                    <a:pt x="271" y="40"/>
                  </a:lnTo>
                  <a:lnTo>
                    <a:pt x="274" y="38"/>
                  </a:lnTo>
                  <a:lnTo>
                    <a:pt x="279" y="34"/>
                  </a:lnTo>
                  <a:lnTo>
                    <a:pt x="286" y="31"/>
                  </a:lnTo>
                  <a:lnTo>
                    <a:pt x="286" y="25"/>
                  </a:lnTo>
                  <a:lnTo>
                    <a:pt x="286" y="17"/>
                  </a:lnTo>
                  <a:lnTo>
                    <a:pt x="287" y="11"/>
                  </a:lnTo>
                  <a:lnTo>
                    <a:pt x="289" y="6"/>
                  </a:lnTo>
                  <a:lnTo>
                    <a:pt x="313" y="5"/>
                  </a:lnTo>
                  <a:lnTo>
                    <a:pt x="336" y="5"/>
                  </a:lnTo>
                  <a:lnTo>
                    <a:pt x="358" y="2"/>
                  </a:lnTo>
                  <a:lnTo>
                    <a:pt x="381" y="0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56" name="Hørsholm"/>
            <p:cNvSpPr>
              <a:spLocks/>
            </p:cNvSpPr>
            <p:nvPr/>
          </p:nvSpPr>
          <p:spPr bwMode="auto">
            <a:xfrm>
              <a:off x="3868738" y="4633914"/>
              <a:ext cx="119062" cy="78576"/>
            </a:xfrm>
            <a:custGeom>
              <a:avLst/>
              <a:gdLst>
                <a:gd name="T0" fmla="*/ 92075 w 225"/>
                <a:gd name="T1" fmla="*/ 5821 h 126"/>
                <a:gd name="T2" fmla="*/ 100541 w 225"/>
                <a:gd name="T3" fmla="*/ 21167 h 126"/>
                <a:gd name="T4" fmla="*/ 111654 w 225"/>
                <a:gd name="T5" fmla="*/ 45508 h 126"/>
                <a:gd name="T6" fmla="*/ 118533 w 225"/>
                <a:gd name="T7" fmla="*/ 62971 h 126"/>
                <a:gd name="T8" fmla="*/ 115887 w 225"/>
                <a:gd name="T9" fmla="*/ 64558 h 126"/>
                <a:gd name="T10" fmla="*/ 111125 w 225"/>
                <a:gd name="T11" fmla="*/ 65617 h 126"/>
                <a:gd name="T12" fmla="*/ 101070 w 225"/>
                <a:gd name="T13" fmla="*/ 65088 h 126"/>
                <a:gd name="T14" fmla="*/ 91016 w 225"/>
                <a:gd name="T15" fmla="*/ 61913 h 126"/>
                <a:gd name="T16" fmla="*/ 83079 w 225"/>
                <a:gd name="T17" fmla="*/ 59796 h 126"/>
                <a:gd name="T18" fmla="*/ 77258 w 225"/>
                <a:gd name="T19" fmla="*/ 56621 h 126"/>
                <a:gd name="T20" fmla="*/ 75141 w 225"/>
                <a:gd name="T21" fmla="*/ 52917 h 126"/>
                <a:gd name="T22" fmla="*/ 73025 w 225"/>
                <a:gd name="T23" fmla="*/ 51858 h 126"/>
                <a:gd name="T24" fmla="*/ 70908 w 225"/>
                <a:gd name="T25" fmla="*/ 49742 h 126"/>
                <a:gd name="T26" fmla="*/ 68791 w 225"/>
                <a:gd name="T27" fmla="*/ 46567 h 126"/>
                <a:gd name="T28" fmla="*/ 62971 w 225"/>
                <a:gd name="T29" fmla="*/ 43921 h 126"/>
                <a:gd name="T30" fmla="*/ 53975 w 225"/>
                <a:gd name="T31" fmla="*/ 43921 h 126"/>
                <a:gd name="T32" fmla="*/ 49212 w 225"/>
                <a:gd name="T33" fmla="*/ 46567 h 126"/>
                <a:gd name="T34" fmla="*/ 49212 w 225"/>
                <a:gd name="T35" fmla="*/ 51858 h 126"/>
                <a:gd name="T36" fmla="*/ 48683 w 225"/>
                <a:gd name="T37" fmla="*/ 53975 h 126"/>
                <a:gd name="T38" fmla="*/ 46037 w 225"/>
                <a:gd name="T39" fmla="*/ 55033 h 126"/>
                <a:gd name="T40" fmla="*/ 44979 w 225"/>
                <a:gd name="T41" fmla="*/ 56621 h 126"/>
                <a:gd name="T42" fmla="*/ 42333 w 225"/>
                <a:gd name="T43" fmla="*/ 57150 h 126"/>
                <a:gd name="T44" fmla="*/ 33867 w 225"/>
                <a:gd name="T45" fmla="*/ 57150 h 126"/>
                <a:gd name="T46" fmla="*/ 24871 w 225"/>
                <a:gd name="T47" fmla="*/ 57150 h 126"/>
                <a:gd name="T48" fmla="*/ 16933 w 225"/>
                <a:gd name="T49" fmla="*/ 56092 h 126"/>
                <a:gd name="T50" fmla="*/ 7408 w 225"/>
                <a:gd name="T51" fmla="*/ 54504 h 126"/>
                <a:gd name="T52" fmla="*/ 2646 w 225"/>
                <a:gd name="T53" fmla="*/ 51858 h 126"/>
                <a:gd name="T54" fmla="*/ 1058 w 225"/>
                <a:gd name="T55" fmla="*/ 42333 h 126"/>
                <a:gd name="T56" fmla="*/ 0 w 225"/>
                <a:gd name="T57" fmla="*/ 33338 h 126"/>
                <a:gd name="T58" fmla="*/ 2646 w 225"/>
                <a:gd name="T59" fmla="*/ 29104 h 126"/>
                <a:gd name="T60" fmla="*/ 8467 w 225"/>
                <a:gd name="T61" fmla="*/ 28575 h 126"/>
                <a:gd name="T62" fmla="*/ 15346 w 225"/>
                <a:gd name="T63" fmla="*/ 30692 h 126"/>
                <a:gd name="T64" fmla="*/ 22754 w 225"/>
                <a:gd name="T65" fmla="*/ 28046 h 126"/>
                <a:gd name="T66" fmla="*/ 25400 w 225"/>
                <a:gd name="T67" fmla="*/ 23813 h 126"/>
                <a:gd name="T68" fmla="*/ 28046 w 225"/>
                <a:gd name="T69" fmla="*/ 21696 h 126"/>
                <a:gd name="T70" fmla="*/ 32808 w 225"/>
                <a:gd name="T71" fmla="*/ 21696 h 126"/>
                <a:gd name="T72" fmla="*/ 38100 w 225"/>
                <a:gd name="T73" fmla="*/ 22754 h 126"/>
                <a:gd name="T74" fmla="*/ 40746 w 225"/>
                <a:gd name="T75" fmla="*/ 21696 h 126"/>
                <a:gd name="T76" fmla="*/ 46566 w 225"/>
                <a:gd name="T77" fmla="*/ 18521 h 126"/>
                <a:gd name="T78" fmla="*/ 53975 w 225"/>
                <a:gd name="T79" fmla="*/ 14288 h 126"/>
                <a:gd name="T80" fmla="*/ 59266 w 225"/>
                <a:gd name="T81" fmla="*/ 12171 h 126"/>
                <a:gd name="T82" fmla="*/ 66675 w 225"/>
                <a:gd name="T83" fmla="*/ 11113 h 126"/>
                <a:gd name="T84" fmla="*/ 72496 w 225"/>
                <a:gd name="T85" fmla="*/ 7938 h 126"/>
                <a:gd name="T86" fmla="*/ 78316 w 225"/>
                <a:gd name="T87" fmla="*/ 4233 h 126"/>
                <a:gd name="T88" fmla="*/ 83079 w 225"/>
                <a:gd name="T89" fmla="*/ 1058 h 12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connsiteX0" fmla="*/ 7289 w 10000"/>
                <a:gd name="connsiteY0" fmla="*/ 0 h 10000"/>
                <a:gd name="connsiteX1" fmla="*/ 7733 w 10000"/>
                <a:gd name="connsiteY1" fmla="*/ 873 h 10000"/>
                <a:gd name="connsiteX2" fmla="*/ 8133 w 10000"/>
                <a:gd name="connsiteY2" fmla="*/ 1984 h 10000"/>
                <a:gd name="connsiteX3" fmla="*/ 8444 w 10000"/>
                <a:gd name="connsiteY3" fmla="*/ 3175 h 10000"/>
                <a:gd name="connsiteX4" fmla="*/ 8756 w 10000"/>
                <a:gd name="connsiteY4" fmla="*/ 4286 h 10000"/>
                <a:gd name="connsiteX5" fmla="*/ 9378 w 10000"/>
                <a:gd name="connsiteY5" fmla="*/ 6825 h 10000"/>
                <a:gd name="connsiteX6" fmla="*/ 10000 w 10000"/>
                <a:gd name="connsiteY6" fmla="*/ 9286 h 10000"/>
                <a:gd name="connsiteX7" fmla="*/ 9956 w 10000"/>
                <a:gd name="connsiteY7" fmla="*/ 9444 h 10000"/>
                <a:gd name="connsiteX8" fmla="*/ 9911 w 10000"/>
                <a:gd name="connsiteY8" fmla="*/ 9603 h 10000"/>
                <a:gd name="connsiteX9" fmla="*/ 9733 w 10000"/>
                <a:gd name="connsiteY9" fmla="*/ 9683 h 10000"/>
                <a:gd name="connsiteX10" fmla="*/ 9600 w 10000"/>
                <a:gd name="connsiteY10" fmla="*/ 9762 h 10000"/>
                <a:gd name="connsiteX11" fmla="*/ 9333 w 10000"/>
                <a:gd name="connsiteY11" fmla="*/ 9841 h 10000"/>
                <a:gd name="connsiteX12" fmla="*/ 9111 w 10000"/>
                <a:gd name="connsiteY12" fmla="*/ 10000 h 10000"/>
                <a:gd name="connsiteX13" fmla="*/ 8489 w 10000"/>
                <a:gd name="connsiteY13" fmla="*/ 9762 h 10000"/>
                <a:gd name="connsiteX14" fmla="*/ 7911 w 10000"/>
                <a:gd name="connsiteY14" fmla="*/ 9444 h 10000"/>
                <a:gd name="connsiteX15" fmla="*/ 7644 w 10000"/>
                <a:gd name="connsiteY15" fmla="*/ 9286 h 10000"/>
                <a:gd name="connsiteX16" fmla="*/ 7333 w 10000"/>
                <a:gd name="connsiteY16" fmla="*/ 9048 h 10000"/>
                <a:gd name="connsiteX17" fmla="*/ 6978 w 10000"/>
                <a:gd name="connsiteY17" fmla="*/ 8968 h 10000"/>
                <a:gd name="connsiteX18" fmla="*/ 6622 w 10000"/>
                <a:gd name="connsiteY18" fmla="*/ 8968 h 10000"/>
                <a:gd name="connsiteX19" fmla="*/ 6489 w 10000"/>
                <a:gd name="connsiteY19" fmla="*/ 8492 h 10000"/>
                <a:gd name="connsiteX20" fmla="*/ 6311 w 10000"/>
                <a:gd name="connsiteY20" fmla="*/ 8016 h 10000"/>
                <a:gd name="connsiteX21" fmla="*/ 6311 w 10000"/>
                <a:gd name="connsiteY21" fmla="*/ 7937 h 10000"/>
                <a:gd name="connsiteX22" fmla="*/ 6311 w 10000"/>
                <a:gd name="connsiteY22" fmla="*/ 7857 h 10000"/>
                <a:gd name="connsiteX23" fmla="*/ 6133 w 10000"/>
                <a:gd name="connsiteY23" fmla="*/ 7778 h 10000"/>
                <a:gd name="connsiteX24" fmla="*/ 6044 w 10000"/>
                <a:gd name="connsiteY24" fmla="*/ 7619 h 10000"/>
                <a:gd name="connsiteX25" fmla="*/ 5956 w 10000"/>
                <a:gd name="connsiteY25" fmla="*/ 7460 h 10000"/>
                <a:gd name="connsiteX26" fmla="*/ 5911 w 10000"/>
                <a:gd name="connsiteY26" fmla="*/ 7302 h 10000"/>
                <a:gd name="connsiteX27" fmla="*/ 5778 w 10000"/>
                <a:gd name="connsiteY27" fmla="*/ 6984 h 10000"/>
                <a:gd name="connsiteX28" fmla="*/ 5733 w 10000"/>
                <a:gd name="connsiteY28" fmla="*/ 6587 h 10000"/>
                <a:gd name="connsiteX29" fmla="*/ 5289 w 10000"/>
                <a:gd name="connsiteY29" fmla="*/ 6587 h 10000"/>
                <a:gd name="connsiteX30" fmla="*/ 4933 w 10000"/>
                <a:gd name="connsiteY30" fmla="*/ 6587 h 10000"/>
                <a:gd name="connsiteX31" fmla="*/ 4533 w 10000"/>
                <a:gd name="connsiteY31" fmla="*/ 6587 h 10000"/>
                <a:gd name="connsiteX32" fmla="*/ 4133 w 10000"/>
                <a:gd name="connsiteY32" fmla="*/ 6587 h 10000"/>
                <a:gd name="connsiteX33" fmla="*/ 4133 w 10000"/>
                <a:gd name="connsiteY33" fmla="*/ 6984 h 10000"/>
                <a:gd name="connsiteX34" fmla="*/ 4133 w 10000"/>
                <a:gd name="connsiteY34" fmla="*/ 7460 h 10000"/>
                <a:gd name="connsiteX35" fmla="*/ 4133 w 10000"/>
                <a:gd name="connsiteY35" fmla="*/ 7778 h 10000"/>
                <a:gd name="connsiteX36" fmla="*/ 4133 w 10000"/>
                <a:gd name="connsiteY36" fmla="*/ 7937 h 10000"/>
                <a:gd name="connsiteX37" fmla="*/ 4089 w 10000"/>
                <a:gd name="connsiteY37" fmla="*/ 8095 h 10000"/>
                <a:gd name="connsiteX38" fmla="*/ 4000 w 10000"/>
                <a:gd name="connsiteY38" fmla="*/ 8175 h 10000"/>
                <a:gd name="connsiteX39" fmla="*/ 3867 w 10000"/>
                <a:gd name="connsiteY39" fmla="*/ 8254 h 10000"/>
                <a:gd name="connsiteX40" fmla="*/ 3822 w 10000"/>
                <a:gd name="connsiteY40" fmla="*/ 8413 h 10000"/>
                <a:gd name="connsiteX41" fmla="*/ 3778 w 10000"/>
                <a:gd name="connsiteY41" fmla="*/ 8492 h 10000"/>
                <a:gd name="connsiteX42" fmla="*/ 3689 w 10000"/>
                <a:gd name="connsiteY42" fmla="*/ 8571 h 10000"/>
                <a:gd name="connsiteX43" fmla="*/ 3556 w 10000"/>
                <a:gd name="connsiteY43" fmla="*/ 8571 h 10000"/>
                <a:gd name="connsiteX44" fmla="*/ 3422 w 10000"/>
                <a:gd name="connsiteY44" fmla="*/ 8571 h 10000"/>
                <a:gd name="connsiteX45" fmla="*/ 2844 w 10000"/>
                <a:gd name="connsiteY45" fmla="*/ 8571 h 10000"/>
                <a:gd name="connsiteX46" fmla="*/ 2222 w 10000"/>
                <a:gd name="connsiteY46" fmla="*/ 8571 h 10000"/>
                <a:gd name="connsiteX47" fmla="*/ 2089 w 10000"/>
                <a:gd name="connsiteY47" fmla="*/ 8571 h 10000"/>
                <a:gd name="connsiteX48" fmla="*/ 2000 w 10000"/>
                <a:gd name="connsiteY48" fmla="*/ 8571 h 10000"/>
                <a:gd name="connsiteX49" fmla="*/ 2022 w 10000"/>
                <a:gd name="connsiteY49" fmla="*/ 9842 h 10000"/>
                <a:gd name="connsiteX50" fmla="*/ 844 w 10000"/>
                <a:gd name="connsiteY50" fmla="*/ 8254 h 10000"/>
                <a:gd name="connsiteX51" fmla="*/ 622 w 10000"/>
                <a:gd name="connsiteY51" fmla="*/ 8175 h 10000"/>
                <a:gd name="connsiteX52" fmla="*/ 400 w 10000"/>
                <a:gd name="connsiteY52" fmla="*/ 8016 h 10000"/>
                <a:gd name="connsiteX53" fmla="*/ 222 w 10000"/>
                <a:gd name="connsiteY53" fmla="*/ 7778 h 10000"/>
                <a:gd name="connsiteX54" fmla="*/ 89 w 10000"/>
                <a:gd name="connsiteY54" fmla="*/ 7381 h 10000"/>
                <a:gd name="connsiteX55" fmla="*/ 89 w 10000"/>
                <a:gd name="connsiteY55" fmla="*/ 6349 h 10000"/>
                <a:gd name="connsiteX56" fmla="*/ 0 w 10000"/>
                <a:gd name="connsiteY56" fmla="*/ 5397 h 10000"/>
                <a:gd name="connsiteX57" fmla="*/ 0 w 10000"/>
                <a:gd name="connsiteY57" fmla="*/ 5000 h 10000"/>
                <a:gd name="connsiteX58" fmla="*/ 89 w 10000"/>
                <a:gd name="connsiteY58" fmla="*/ 4683 h 10000"/>
                <a:gd name="connsiteX59" fmla="*/ 222 w 10000"/>
                <a:gd name="connsiteY59" fmla="*/ 4365 h 10000"/>
                <a:gd name="connsiteX60" fmla="*/ 400 w 10000"/>
                <a:gd name="connsiteY60" fmla="*/ 4127 h 10000"/>
                <a:gd name="connsiteX61" fmla="*/ 711 w 10000"/>
                <a:gd name="connsiteY61" fmla="*/ 4286 h 10000"/>
                <a:gd name="connsiteX62" fmla="*/ 1022 w 10000"/>
                <a:gd name="connsiteY62" fmla="*/ 4365 h 10000"/>
                <a:gd name="connsiteX63" fmla="*/ 1289 w 10000"/>
                <a:gd name="connsiteY63" fmla="*/ 4603 h 10000"/>
                <a:gd name="connsiteX64" fmla="*/ 1644 w 10000"/>
                <a:gd name="connsiteY64" fmla="*/ 4603 h 10000"/>
                <a:gd name="connsiteX65" fmla="*/ 1911 w 10000"/>
                <a:gd name="connsiteY65" fmla="*/ 4206 h 10000"/>
                <a:gd name="connsiteX66" fmla="*/ 2044 w 10000"/>
                <a:gd name="connsiteY66" fmla="*/ 3810 h 10000"/>
                <a:gd name="connsiteX67" fmla="*/ 2133 w 10000"/>
                <a:gd name="connsiteY67" fmla="*/ 3571 h 10000"/>
                <a:gd name="connsiteX68" fmla="*/ 2222 w 10000"/>
                <a:gd name="connsiteY68" fmla="*/ 3413 h 10000"/>
                <a:gd name="connsiteX69" fmla="*/ 2356 w 10000"/>
                <a:gd name="connsiteY69" fmla="*/ 3254 h 10000"/>
                <a:gd name="connsiteX70" fmla="*/ 2533 w 10000"/>
                <a:gd name="connsiteY70" fmla="*/ 3175 h 10000"/>
                <a:gd name="connsiteX71" fmla="*/ 2756 w 10000"/>
                <a:gd name="connsiteY71" fmla="*/ 3254 h 10000"/>
                <a:gd name="connsiteX72" fmla="*/ 2978 w 10000"/>
                <a:gd name="connsiteY72" fmla="*/ 3333 h 10000"/>
                <a:gd name="connsiteX73" fmla="*/ 3200 w 10000"/>
                <a:gd name="connsiteY73" fmla="*/ 3413 h 10000"/>
                <a:gd name="connsiteX74" fmla="*/ 3422 w 10000"/>
                <a:gd name="connsiteY74" fmla="*/ 3413 h 10000"/>
                <a:gd name="connsiteX75" fmla="*/ 3422 w 10000"/>
                <a:gd name="connsiteY75" fmla="*/ 3254 h 10000"/>
                <a:gd name="connsiteX76" fmla="*/ 3422 w 10000"/>
                <a:gd name="connsiteY76" fmla="*/ 3175 h 10000"/>
                <a:gd name="connsiteX77" fmla="*/ 3911 w 10000"/>
                <a:gd name="connsiteY77" fmla="*/ 2778 h 10000"/>
                <a:gd name="connsiteX78" fmla="*/ 4311 w 10000"/>
                <a:gd name="connsiteY78" fmla="*/ 2381 h 10000"/>
                <a:gd name="connsiteX79" fmla="*/ 4533 w 10000"/>
                <a:gd name="connsiteY79" fmla="*/ 2143 h 10000"/>
                <a:gd name="connsiteX80" fmla="*/ 4756 w 10000"/>
                <a:gd name="connsiteY80" fmla="*/ 1984 h 10000"/>
                <a:gd name="connsiteX81" fmla="*/ 4978 w 10000"/>
                <a:gd name="connsiteY81" fmla="*/ 1825 h 10000"/>
                <a:gd name="connsiteX82" fmla="*/ 5244 w 10000"/>
                <a:gd name="connsiteY82" fmla="*/ 1746 h 10000"/>
                <a:gd name="connsiteX83" fmla="*/ 5600 w 10000"/>
                <a:gd name="connsiteY83" fmla="*/ 1667 h 10000"/>
                <a:gd name="connsiteX84" fmla="*/ 5867 w 10000"/>
                <a:gd name="connsiteY84" fmla="*/ 1508 h 10000"/>
                <a:gd name="connsiteX85" fmla="*/ 6089 w 10000"/>
                <a:gd name="connsiteY85" fmla="*/ 1190 h 10000"/>
                <a:gd name="connsiteX86" fmla="*/ 6356 w 10000"/>
                <a:gd name="connsiteY86" fmla="*/ 952 h 10000"/>
                <a:gd name="connsiteX87" fmla="*/ 6578 w 10000"/>
                <a:gd name="connsiteY87" fmla="*/ 635 h 10000"/>
                <a:gd name="connsiteX88" fmla="*/ 6756 w 10000"/>
                <a:gd name="connsiteY88" fmla="*/ 397 h 10000"/>
                <a:gd name="connsiteX89" fmla="*/ 6978 w 10000"/>
                <a:gd name="connsiteY89" fmla="*/ 159 h 10000"/>
                <a:gd name="connsiteX90" fmla="*/ 7289 w 10000"/>
                <a:gd name="connsiteY90" fmla="*/ 0 h 10000"/>
                <a:gd name="connsiteX0" fmla="*/ 7289 w 10000"/>
                <a:gd name="connsiteY0" fmla="*/ 0 h 11785"/>
                <a:gd name="connsiteX1" fmla="*/ 7733 w 10000"/>
                <a:gd name="connsiteY1" fmla="*/ 873 h 11785"/>
                <a:gd name="connsiteX2" fmla="*/ 8133 w 10000"/>
                <a:gd name="connsiteY2" fmla="*/ 1984 h 11785"/>
                <a:gd name="connsiteX3" fmla="*/ 8444 w 10000"/>
                <a:gd name="connsiteY3" fmla="*/ 3175 h 11785"/>
                <a:gd name="connsiteX4" fmla="*/ 8756 w 10000"/>
                <a:gd name="connsiteY4" fmla="*/ 4286 h 11785"/>
                <a:gd name="connsiteX5" fmla="*/ 9378 w 10000"/>
                <a:gd name="connsiteY5" fmla="*/ 6825 h 11785"/>
                <a:gd name="connsiteX6" fmla="*/ 10000 w 10000"/>
                <a:gd name="connsiteY6" fmla="*/ 9286 h 11785"/>
                <a:gd name="connsiteX7" fmla="*/ 9956 w 10000"/>
                <a:gd name="connsiteY7" fmla="*/ 9444 h 11785"/>
                <a:gd name="connsiteX8" fmla="*/ 9911 w 10000"/>
                <a:gd name="connsiteY8" fmla="*/ 9603 h 11785"/>
                <a:gd name="connsiteX9" fmla="*/ 9733 w 10000"/>
                <a:gd name="connsiteY9" fmla="*/ 9683 h 11785"/>
                <a:gd name="connsiteX10" fmla="*/ 9600 w 10000"/>
                <a:gd name="connsiteY10" fmla="*/ 9762 h 11785"/>
                <a:gd name="connsiteX11" fmla="*/ 9333 w 10000"/>
                <a:gd name="connsiteY11" fmla="*/ 9841 h 11785"/>
                <a:gd name="connsiteX12" fmla="*/ 9111 w 10000"/>
                <a:gd name="connsiteY12" fmla="*/ 10000 h 11785"/>
                <a:gd name="connsiteX13" fmla="*/ 8489 w 10000"/>
                <a:gd name="connsiteY13" fmla="*/ 9762 h 11785"/>
                <a:gd name="connsiteX14" fmla="*/ 7911 w 10000"/>
                <a:gd name="connsiteY14" fmla="*/ 9444 h 11785"/>
                <a:gd name="connsiteX15" fmla="*/ 7644 w 10000"/>
                <a:gd name="connsiteY15" fmla="*/ 9286 h 11785"/>
                <a:gd name="connsiteX16" fmla="*/ 7333 w 10000"/>
                <a:gd name="connsiteY16" fmla="*/ 9048 h 11785"/>
                <a:gd name="connsiteX17" fmla="*/ 6978 w 10000"/>
                <a:gd name="connsiteY17" fmla="*/ 8968 h 11785"/>
                <a:gd name="connsiteX18" fmla="*/ 6622 w 10000"/>
                <a:gd name="connsiteY18" fmla="*/ 8968 h 11785"/>
                <a:gd name="connsiteX19" fmla="*/ 6489 w 10000"/>
                <a:gd name="connsiteY19" fmla="*/ 8492 h 11785"/>
                <a:gd name="connsiteX20" fmla="*/ 6311 w 10000"/>
                <a:gd name="connsiteY20" fmla="*/ 8016 h 11785"/>
                <a:gd name="connsiteX21" fmla="*/ 6311 w 10000"/>
                <a:gd name="connsiteY21" fmla="*/ 7937 h 11785"/>
                <a:gd name="connsiteX22" fmla="*/ 6311 w 10000"/>
                <a:gd name="connsiteY22" fmla="*/ 7857 h 11785"/>
                <a:gd name="connsiteX23" fmla="*/ 6133 w 10000"/>
                <a:gd name="connsiteY23" fmla="*/ 7778 h 11785"/>
                <a:gd name="connsiteX24" fmla="*/ 6044 w 10000"/>
                <a:gd name="connsiteY24" fmla="*/ 7619 h 11785"/>
                <a:gd name="connsiteX25" fmla="*/ 5956 w 10000"/>
                <a:gd name="connsiteY25" fmla="*/ 7460 h 11785"/>
                <a:gd name="connsiteX26" fmla="*/ 5911 w 10000"/>
                <a:gd name="connsiteY26" fmla="*/ 7302 h 11785"/>
                <a:gd name="connsiteX27" fmla="*/ 5778 w 10000"/>
                <a:gd name="connsiteY27" fmla="*/ 6984 h 11785"/>
                <a:gd name="connsiteX28" fmla="*/ 5733 w 10000"/>
                <a:gd name="connsiteY28" fmla="*/ 6587 h 11785"/>
                <a:gd name="connsiteX29" fmla="*/ 5289 w 10000"/>
                <a:gd name="connsiteY29" fmla="*/ 6587 h 11785"/>
                <a:gd name="connsiteX30" fmla="*/ 4933 w 10000"/>
                <a:gd name="connsiteY30" fmla="*/ 6587 h 11785"/>
                <a:gd name="connsiteX31" fmla="*/ 4533 w 10000"/>
                <a:gd name="connsiteY31" fmla="*/ 6587 h 11785"/>
                <a:gd name="connsiteX32" fmla="*/ 4133 w 10000"/>
                <a:gd name="connsiteY32" fmla="*/ 6587 h 11785"/>
                <a:gd name="connsiteX33" fmla="*/ 4133 w 10000"/>
                <a:gd name="connsiteY33" fmla="*/ 6984 h 11785"/>
                <a:gd name="connsiteX34" fmla="*/ 4133 w 10000"/>
                <a:gd name="connsiteY34" fmla="*/ 7460 h 11785"/>
                <a:gd name="connsiteX35" fmla="*/ 4133 w 10000"/>
                <a:gd name="connsiteY35" fmla="*/ 7778 h 11785"/>
                <a:gd name="connsiteX36" fmla="*/ 4133 w 10000"/>
                <a:gd name="connsiteY36" fmla="*/ 7937 h 11785"/>
                <a:gd name="connsiteX37" fmla="*/ 4089 w 10000"/>
                <a:gd name="connsiteY37" fmla="*/ 8095 h 11785"/>
                <a:gd name="connsiteX38" fmla="*/ 4000 w 10000"/>
                <a:gd name="connsiteY38" fmla="*/ 8175 h 11785"/>
                <a:gd name="connsiteX39" fmla="*/ 3867 w 10000"/>
                <a:gd name="connsiteY39" fmla="*/ 8254 h 11785"/>
                <a:gd name="connsiteX40" fmla="*/ 3822 w 10000"/>
                <a:gd name="connsiteY40" fmla="*/ 8413 h 11785"/>
                <a:gd name="connsiteX41" fmla="*/ 3778 w 10000"/>
                <a:gd name="connsiteY41" fmla="*/ 8492 h 11785"/>
                <a:gd name="connsiteX42" fmla="*/ 3689 w 10000"/>
                <a:gd name="connsiteY42" fmla="*/ 8571 h 11785"/>
                <a:gd name="connsiteX43" fmla="*/ 3556 w 10000"/>
                <a:gd name="connsiteY43" fmla="*/ 8571 h 11785"/>
                <a:gd name="connsiteX44" fmla="*/ 3422 w 10000"/>
                <a:gd name="connsiteY44" fmla="*/ 8571 h 11785"/>
                <a:gd name="connsiteX45" fmla="*/ 3044 w 10000"/>
                <a:gd name="connsiteY45" fmla="*/ 11785 h 11785"/>
                <a:gd name="connsiteX46" fmla="*/ 2222 w 10000"/>
                <a:gd name="connsiteY46" fmla="*/ 8571 h 11785"/>
                <a:gd name="connsiteX47" fmla="*/ 2089 w 10000"/>
                <a:gd name="connsiteY47" fmla="*/ 8571 h 11785"/>
                <a:gd name="connsiteX48" fmla="*/ 2000 w 10000"/>
                <a:gd name="connsiteY48" fmla="*/ 8571 h 11785"/>
                <a:gd name="connsiteX49" fmla="*/ 2022 w 10000"/>
                <a:gd name="connsiteY49" fmla="*/ 9842 h 11785"/>
                <a:gd name="connsiteX50" fmla="*/ 844 w 10000"/>
                <a:gd name="connsiteY50" fmla="*/ 8254 h 11785"/>
                <a:gd name="connsiteX51" fmla="*/ 622 w 10000"/>
                <a:gd name="connsiteY51" fmla="*/ 8175 h 11785"/>
                <a:gd name="connsiteX52" fmla="*/ 400 w 10000"/>
                <a:gd name="connsiteY52" fmla="*/ 8016 h 11785"/>
                <a:gd name="connsiteX53" fmla="*/ 222 w 10000"/>
                <a:gd name="connsiteY53" fmla="*/ 7778 h 11785"/>
                <a:gd name="connsiteX54" fmla="*/ 89 w 10000"/>
                <a:gd name="connsiteY54" fmla="*/ 7381 h 11785"/>
                <a:gd name="connsiteX55" fmla="*/ 89 w 10000"/>
                <a:gd name="connsiteY55" fmla="*/ 6349 h 11785"/>
                <a:gd name="connsiteX56" fmla="*/ 0 w 10000"/>
                <a:gd name="connsiteY56" fmla="*/ 5397 h 11785"/>
                <a:gd name="connsiteX57" fmla="*/ 0 w 10000"/>
                <a:gd name="connsiteY57" fmla="*/ 5000 h 11785"/>
                <a:gd name="connsiteX58" fmla="*/ 89 w 10000"/>
                <a:gd name="connsiteY58" fmla="*/ 4683 h 11785"/>
                <a:gd name="connsiteX59" fmla="*/ 222 w 10000"/>
                <a:gd name="connsiteY59" fmla="*/ 4365 h 11785"/>
                <a:gd name="connsiteX60" fmla="*/ 400 w 10000"/>
                <a:gd name="connsiteY60" fmla="*/ 4127 h 11785"/>
                <a:gd name="connsiteX61" fmla="*/ 711 w 10000"/>
                <a:gd name="connsiteY61" fmla="*/ 4286 h 11785"/>
                <a:gd name="connsiteX62" fmla="*/ 1022 w 10000"/>
                <a:gd name="connsiteY62" fmla="*/ 4365 h 11785"/>
                <a:gd name="connsiteX63" fmla="*/ 1289 w 10000"/>
                <a:gd name="connsiteY63" fmla="*/ 4603 h 11785"/>
                <a:gd name="connsiteX64" fmla="*/ 1644 w 10000"/>
                <a:gd name="connsiteY64" fmla="*/ 4603 h 11785"/>
                <a:gd name="connsiteX65" fmla="*/ 1911 w 10000"/>
                <a:gd name="connsiteY65" fmla="*/ 4206 h 11785"/>
                <a:gd name="connsiteX66" fmla="*/ 2044 w 10000"/>
                <a:gd name="connsiteY66" fmla="*/ 3810 h 11785"/>
                <a:gd name="connsiteX67" fmla="*/ 2133 w 10000"/>
                <a:gd name="connsiteY67" fmla="*/ 3571 h 11785"/>
                <a:gd name="connsiteX68" fmla="*/ 2222 w 10000"/>
                <a:gd name="connsiteY68" fmla="*/ 3413 h 11785"/>
                <a:gd name="connsiteX69" fmla="*/ 2356 w 10000"/>
                <a:gd name="connsiteY69" fmla="*/ 3254 h 11785"/>
                <a:gd name="connsiteX70" fmla="*/ 2533 w 10000"/>
                <a:gd name="connsiteY70" fmla="*/ 3175 h 11785"/>
                <a:gd name="connsiteX71" fmla="*/ 2756 w 10000"/>
                <a:gd name="connsiteY71" fmla="*/ 3254 h 11785"/>
                <a:gd name="connsiteX72" fmla="*/ 2978 w 10000"/>
                <a:gd name="connsiteY72" fmla="*/ 3333 h 11785"/>
                <a:gd name="connsiteX73" fmla="*/ 3200 w 10000"/>
                <a:gd name="connsiteY73" fmla="*/ 3413 h 11785"/>
                <a:gd name="connsiteX74" fmla="*/ 3422 w 10000"/>
                <a:gd name="connsiteY74" fmla="*/ 3413 h 11785"/>
                <a:gd name="connsiteX75" fmla="*/ 3422 w 10000"/>
                <a:gd name="connsiteY75" fmla="*/ 3254 h 11785"/>
                <a:gd name="connsiteX76" fmla="*/ 3422 w 10000"/>
                <a:gd name="connsiteY76" fmla="*/ 3175 h 11785"/>
                <a:gd name="connsiteX77" fmla="*/ 3911 w 10000"/>
                <a:gd name="connsiteY77" fmla="*/ 2778 h 11785"/>
                <a:gd name="connsiteX78" fmla="*/ 4311 w 10000"/>
                <a:gd name="connsiteY78" fmla="*/ 2381 h 11785"/>
                <a:gd name="connsiteX79" fmla="*/ 4533 w 10000"/>
                <a:gd name="connsiteY79" fmla="*/ 2143 h 11785"/>
                <a:gd name="connsiteX80" fmla="*/ 4756 w 10000"/>
                <a:gd name="connsiteY80" fmla="*/ 1984 h 11785"/>
                <a:gd name="connsiteX81" fmla="*/ 4978 w 10000"/>
                <a:gd name="connsiteY81" fmla="*/ 1825 h 11785"/>
                <a:gd name="connsiteX82" fmla="*/ 5244 w 10000"/>
                <a:gd name="connsiteY82" fmla="*/ 1746 h 11785"/>
                <a:gd name="connsiteX83" fmla="*/ 5600 w 10000"/>
                <a:gd name="connsiteY83" fmla="*/ 1667 h 11785"/>
                <a:gd name="connsiteX84" fmla="*/ 5867 w 10000"/>
                <a:gd name="connsiteY84" fmla="*/ 1508 h 11785"/>
                <a:gd name="connsiteX85" fmla="*/ 6089 w 10000"/>
                <a:gd name="connsiteY85" fmla="*/ 1190 h 11785"/>
                <a:gd name="connsiteX86" fmla="*/ 6356 w 10000"/>
                <a:gd name="connsiteY86" fmla="*/ 952 h 11785"/>
                <a:gd name="connsiteX87" fmla="*/ 6578 w 10000"/>
                <a:gd name="connsiteY87" fmla="*/ 635 h 11785"/>
                <a:gd name="connsiteX88" fmla="*/ 6756 w 10000"/>
                <a:gd name="connsiteY88" fmla="*/ 397 h 11785"/>
                <a:gd name="connsiteX89" fmla="*/ 6978 w 10000"/>
                <a:gd name="connsiteY89" fmla="*/ 159 h 11785"/>
                <a:gd name="connsiteX90" fmla="*/ 7289 w 10000"/>
                <a:gd name="connsiteY90" fmla="*/ 0 h 117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</a:cxnLst>
              <a:rect l="l" t="t" r="r" b="b"/>
              <a:pathLst>
                <a:path w="10000" h="11785">
                  <a:moveTo>
                    <a:pt x="7289" y="0"/>
                  </a:moveTo>
                  <a:lnTo>
                    <a:pt x="7733" y="873"/>
                  </a:lnTo>
                  <a:lnTo>
                    <a:pt x="8133" y="1984"/>
                  </a:lnTo>
                  <a:cubicBezTo>
                    <a:pt x="8237" y="2381"/>
                    <a:pt x="8340" y="2778"/>
                    <a:pt x="8444" y="3175"/>
                  </a:cubicBezTo>
                  <a:lnTo>
                    <a:pt x="8756" y="4286"/>
                  </a:lnTo>
                  <a:lnTo>
                    <a:pt x="9378" y="6825"/>
                  </a:lnTo>
                  <a:lnTo>
                    <a:pt x="10000" y="9286"/>
                  </a:lnTo>
                  <a:cubicBezTo>
                    <a:pt x="9985" y="9339"/>
                    <a:pt x="9971" y="9391"/>
                    <a:pt x="9956" y="9444"/>
                  </a:cubicBezTo>
                  <a:lnTo>
                    <a:pt x="9911" y="9603"/>
                  </a:lnTo>
                  <a:lnTo>
                    <a:pt x="9733" y="9683"/>
                  </a:lnTo>
                  <a:lnTo>
                    <a:pt x="9600" y="9762"/>
                  </a:lnTo>
                  <a:lnTo>
                    <a:pt x="9333" y="9841"/>
                  </a:lnTo>
                  <a:lnTo>
                    <a:pt x="9111" y="10000"/>
                  </a:lnTo>
                  <a:lnTo>
                    <a:pt x="8489" y="9762"/>
                  </a:lnTo>
                  <a:lnTo>
                    <a:pt x="7911" y="9444"/>
                  </a:lnTo>
                  <a:lnTo>
                    <a:pt x="7644" y="9286"/>
                  </a:lnTo>
                  <a:lnTo>
                    <a:pt x="7333" y="9048"/>
                  </a:lnTo>
                  <a:lnTo>
                    <a:pt x="6978" y="8968"/>
                  </a:lnTo>
                  <a:lnTo>
                    <a:pt x="6622" y="8968"/>
                  </a:lnTo>
                  <a:cubicBezTo>
                    <a:pt x="6578" y="8809"/>
                    <a:pt x="6533" y="8651"/>
                    <a:pt x="6489" y="8492"/>
                  </a:cubicBezTo>
                  <a:cubicBezTo>
                    <a:pt x="6430" y="8333"/>
                    <a:pt x="6370" y="8175"/>
                    <a:pt x="6311" y="8016"/>
                  </a:cubicBezTo>
                  <a:lnTo>
                    <a:pt x="6311" y="7937"/>
                  </a:lnTo>
                  <a:lnTo>
                    <a:pt x="6311" y="7857"/>
                  </a:lnTo>
                  <a:lnTo>
                    <a:pt x="6133" y="7778"/>
                  </a:lnTo>
                  <a:cubicBezTo>
                    <a:pt x="6103" y="7725"/>
                    <a:pt x="6074" y="7672"/>
                    <a:pt x="6044" y="7619"/>
                  </a:cubicBezTo>
                  <a:cubicBezTo>
                    <a:pt x="6015" y="7566"/>
                    <a:pt x="5985" y="7513"/>
                    <a:pt x="5956" y="7460"/>
                  </a:cubicBezTo>
                  <a:cubicBezTo>
                    <a:pt x="5941" y="7407"/>
                    <a:pt x="5926" y="7355"/>
                    <a:pt x="5911" y="7302"/>
                  </a:cubicBezTo>
                  <a:cubicBezTo>
                    <a:pt x="5867" y="7196"/>
                    <a:pt x="5822" y="7090"/>
                    <a:pt x="5778" y="6984"/>
                  </a:cubicBezTo>
                  <a:cubicBezTo>
                    <a:pt x="5763" y="6852"/>
                    <a:pt x="5748" y="6719"/>
                    <a:pt x="5733" y="6587"/>
                  </a:cubicBezTo>
                  <a:lnTo>
                    <a:pt x="5289" y="6587"/>
                  </a:lnTo>
                  <a:lnTo>
                    <a:pt x="4933" y="6587"/>
                  </a:lnTo>
                  <a:lnTo>
                    <a:pt x="4533" y="6587"/>
                  </a:lnTo>
                  <a:lnTo>
                    <a:pt x="4133" y="6587"/>
                  </a:lnTo>
                  <a:lnTo>
                    <a:pt x="4133" y="6984"/>
                  </a:lnTo>
                  <a:lnTo>
                    <a:pt x="4133" y="7460"/>
                  </a:lnTo>
                  <a:lnTo>
                    <a:pt x="4133" y="7778"/>
                  </a:lnTo>
                  <a:lnTo>
                    <a:pt x="4133" y="7937"/>
                  </a:lnTo>
                  <a:cubicBezTo>
                    <a:pt x="4118" y="7990"/>
                    <a:pt x="4104" y="8042"/>
                    <a:pt x="4089" y="8095"/>
                  </a:cubicBezTo>
                  <a:lnTo>
                    <a:pt x="4000" y="8175"/>
                  </a:lnTo>
                  <a:lnTo>
                    <a:pt x="3867" y="8254"/>
                  </a:lnTo>
                  <a:lnTo>
                    <a:pt x="3822" y="8413"/>
                  </a:lnTo>
                  <a:cubicBezTo>
                    <a:pt x="3807" y="8439"/>
                    <a:pt x="3793" y="8466"/>
                    <a:pt x="3778" y="8492"/>
                  </a:cubicBezTo>
                  <a:cubicBezTo>
                    <a:pt x="3748" y="8518"/>
                    <a:pt x="3719" y="8545"/>
                    <a:pt x="3689" y="8571"/>
                  </a:cubicBezTo>
                  <a:lnTo>
                    <a:pt x="3556" y="8571"/>
                  </a:lnTo>
                  <a:lnTo>
                    <a:pt x="3422" y="8571"/>
                  </a:lnTo>
                  <a:lnTo>
                    <a:pt x="3044" y="11785"/>
                  </a:lnTo>
                  <a:lnTo>
                    <a:pt x="2222" y="8571"/>
                  </a:lnTo>
                  <a:lnTo>
                    <a:pt x="2089" y="8571"/>
                  </a:lnTo>
                  <a:lnTo>
                    <a:pt x="2000" y="8571"/>
                  </a:lnTo>
                  <a:cubicBezTo>
                    <a:pt x="2007" y="8995"/>
                    <a:pt x="2015" y="9418"/>
                    <a:pt x="2022" y="9842"/>
                  </a:cubicBezTo>
                  <a:lnTo>
                    <a:pt x="844" y="8254"/>
                  </a:lnTo>
                  <a:lnTo>
                    <a:pt x="622" y="8175"/>
                  </a:lnTo>
                  <a:lnTo>
                    <a:pt x="400" y="8016"/>
                  </a:lnTo>
                  <a:lnTo>
                    <a:pt x="222" y="7778"/>
                  </a:lnTo>
                  <a:cubicBezTo>
                    <a:pt x="178" y="7646"/>
                    <a:pt x="133" y="7513"/>
                    <a:pt x="89" y="7381"/>
                  </a:cubicBezTo>
                  <a:lnTo>
                    <a:pt x="89" y="6349"/>
                  </a:lnTo>
                  <a:cubicBezTo>
                    <a:pt x="59" y="6032"/>
                    <a:pt x="30" y="5714"/>
                    <a:pt x="0" y="5397"/>
                  </a:cubicBezTo>
                  <a:lnTo>
                    <a:pt x="0" y="5000"/>
                  </a:lnTo>
                  <a:cubicBezTo>
                    <a:pt x="30" y="4894"/>
                    <a:pt x="59" y="4789"/>
                    <a:pt x="89" y="4683"/>
                  </a:cubicBezTo>
                  <a:cubicBezTo>
                    <a:pt x="133" y="4577"/>
                    <a:pt x="178" y="4471"/>
                    <a:pt x="222" y="4365"/>
                  </a:cubicBezTo>
                  <a:lnTo>
                    <a:pt x="400" y="4127"/>
                  </a:lnTo>
                  <a:lnTo>
                    <a:pt x="711" y="4286"/>
                  </a:lnTo>
                  <a:lnTo>
                    <a:pt x="1022" y="4365"/>
                  </a:lnTo>
                  <a:lnTo>
                    <a:pt x="1289" y="4603"/>
                  </a:lnTo>
                  <a:lnTo>
                    <a:pt x="1644" y="4603"/>
                  </a:lnTo>
                  <a:lnTo>
                    <a:pt x="1911" y="4206"/>
                  </a:lnTo>
                  <a:cubicBezTo>
                    <a:pt x="1955" y="4074"/>
                    <a:pt x="2000" y="3942"/>
                    <a:pt x="2044" y="3810"/>
                  </a:cubicBezTo>
                  <a:cubicBezTo>
                    <a:pt x="2074" y="3730"/>
                    <a:pt x="2103" y="3651"/>
                    <a:pt x="2133" y="3571"/>
                  </a:cubicBezTo>
                  <a:lnTo>
                    <a:pt x="2222" y="3413"/>
                  </a:lnTo>
                  <a:lnTo>
                    <a:pt x="2356" y="3254"/>
                  </a:lnTo>
                  <a:lnTo>
                    <a:pt x="2533" y="3175"/>
                  </a:lnTo>
                  <a:lnTo>
                    <a:pt x="2756" y="3254"/>
                  </a:lnTo>
                  <a:lnTo>
                    <a:pt x="2978" y="3333"/>
                  </a:lnTo>
                  <a:lnTo>
                    <a:pt x="3200" y="3413"/>
                  </a:lnTo>
                  <a:lnTo>
                    <a:pt x="3422" y="3413"/>
                  </a:lnTo>
                  <a:lnTo>
                    <a:pt x="3422" y="3254"/>
                  </a:lnTo>
                  <a:lnTo>
                    <a:pt x="3422" y="3175"/>
                  </a:lnTo>
                  <a:lnTo>
                    <a:pt x="3911" y="2778"/>
                  </a:lnTo>
                  <a:lnTo>
                    <a:pt x="4311" y="2381"/>
                  </a:lnTo>
                  <a:lnTo>
                    <a:pt x="4533" y="2143"/>
                  </a:lnTo>
                  <a:lnTo>
                    <a:pt x="4756" y="1984"/>
                  </a:lnTo>
                  <a:lnTo>
                    <a:pt x="4978" y="1825"/>
                  </a:lnTo>
                  <a:lnTo>
                    <a:pt x="5244" y="1746"/>
                  </a:lnTo>
                  <a:lnTo>
                    <a:pt x="5600" y="1667"/>
                  </a:lnTo>
                  <a:lnTo>
                    <a:pt x="5867" y="1508"/>
                  </a:lnTo>
                  <a:lnTo>
                    <a:pt x="6089" y="1190"/>
                  </a:lnTo>
                  <a:lnTo>
                    <a:pt x="6356" y="952"/>
                  </a:lnTo>
                  <a:lnTo>
                    <a:pt x="6578" y="635"/>
                  </a:lnTo>
                  <a:lnTo>
                    <a:pt x="6756" y="397"/>
                  </a:lnTo>
                  <a:lnTo>
                    <a:pt x="6978" y="159"/>
                  </a:lnTo>
                  <a:lnTo>
                    <a:pt x="7289" y="0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57" name="Hørsholm kant"/>
            <p:cNvSpPr>
              <a:spLocks/>
            </p:cNvSpPr>
            <p:nvPr/>
          </p:nvSpPr>
          <p:spPr bwMode="auto">
            <a:xfrm>
              <a:off x="3868738" y="4633914"/>
              <a:ext cx="119062" cy="76196"/>
            </a:xfrm>
            <a:custGeom>
              <a:avLst/>
              <a:gdLst>
                <a:gd name="T0" fmla="*/ 92075 w 225"/>
                <a:gd name="T1" fmla="*/ 5821 h 126"/>
                <a:gd name="T2" fmla="*/ 100541 w 225"/>
                <a:gd name="T3" fmla="*/ 21167 h 126"/>
                <a:gd name="T4" fmla="*/ 111654 w 225"/>
                <a:gd name="T5" fmla="*/ 45508 h 126"/>
                <a:gd name="T6" fmla="*/ 118533 w 225"/>
                <a:gd name="T7" fmla="*/ 62971 h 126"/>
                <a:gd name="T8" fmla="*/ 115887 w 225"/>
                <a:gd name="T9" fmla="*/ 64558 h 126"/>
                <a:gd name="T10" fmla="*/ 111125 w 225"/>
                <a:gd name="T11" fmla="*/ 65617 h 126"/>
                <a:gd name="T12" fmla="*/ 101070 w 225"/>
                <a:gd name="T13" fmla="*/ 65088 h 126"/>
                <a:gd name="T14" fmla="*/ 91016 w 225"/>
                <a:gd name="T15" fmla="*/ 61913 h 126"/>
                <a:gd name="T16" fmla="*/ 83079 w 225"/>
                <a:gd name="T17" fmla="*/ 59796 h 126"/>
                <a:gd name="T18" fmla="*/ 77258 w 225"/>
                <a:gd name="T19" fmla="*/ 56621 h 126"/>
                <a:gd name="T20" fmla="*/ 75141 w 225"/>
                <a:gd name="T21" fmla="*/ 52917 h 126"/>
                <a:gd name="T22" fmla="*/ 73025 w 225"/>
                <a:gd name="T23" fmla="*/ 51858 h 126"/>
                <a:gd name="T24" fmla="*/ 70908 w 225"/>
                <a:gd name="T25" fmla="*/ 49742 h 126"/>
                <a:gd name="T26" fmla="*/ 68791 w 225"/>
                <a:gd name="T27" fmla="*/ 46567 h 126"/>
                <a:gd name="T28" fmla="*/ 62971 w 225"/>
                <a:gd name="T29" fmla="*/ 43921 h 126"/>
                <a:gd name="T30" fmla="*/ 53975 w 225"/>
                <a:gd name="T31" fmla="*/ 43921 h 126"/>
                <a:gd name="T32" fmla="*/ 49212 w 225"/>
                <a:gd name="T33" fmla="*/ 46567 h 126"/>
                <a:gd name="T34" fmla="*/ 49212 w 225"/>
                <a:gd name="T35" fmla="*/ 51858 h 126"/>
                <a:gd name="T36" fmla="*/ 48683 w 225"/>
                <a:gd name="T37" fmla="*/ 53975 h 126"/>
                <a:gd name="T38" fmla="*/ 46037 w 225"/>
                <a:gd name="T39" fmla="*/ 55033 h 126"/>
                <a:gd name="T40" fmla="*/ 44979 w 225"/>
                <a:gd name="T41" fmla="*/ 56621 h 126"/>
                <a:gd name="T42" fmla="*/ 42333 w 225"/>
                <a:gd name="T43" fmla="*/ 57150 h 126"/>
                <a:gd name="T44" fmla="*/ 33867 w 225"/>
                <a:gd name="T45" fmla="*/ 57150 h 126"/>
                <a:gd name="T46" fmla="*/ 24871 w 225"/>
                <a:gd name="T47" fmla="*/ 57150 h 126"/>
                <a:gd name="T48" fmla="*/ 16933 w 225"/>
                <a:gd name="T49" fmla="*/ 56092 h 126"/>
                <a:gd name="T50" fmla="*/ 7408 w 225"/>
                <a:gd name="T51" fmla="*/ 54504 h 126"/>
                <a:gd name="T52" fmla="*/ 2646 w 225"/>
                <a:gd name="T53" fmla="*/ 51858 h 126"/>
                <a:gd name="T54" fmla="*/ 1058 w 225"/>
                <a:gd name="T55" fmla="*/ 42333 h 126"/>
                <a:gd name="T56" fmla="*/ 0 w 225"/>
                <a:gd name="T57" fmla="*/ 33338 h 126"/>
                <a:gd name="T58" fmla="*/ 2646 w 225"/>
                <a:gd name="T59" fmla="*/ 29104 h 126"/>
                <a:gd name="T60" fmla="*/ 8467 w 225"/>
                <a:gd name="T61" fmla="*/ 28575 h 126"/>
                <a:gd name="T62" fmla="*/ 15346 w 225"/>
                <a:gd name="T63" fmla="*/ 30692 h 126"/>
                <a:gd name="T64" fmla="*/ 22754 w 225"/>
                <a:gd name="T65" fmla="*/ 28046 h 126"/>
                <a:gd name="T66" fmla="*/ 25400 w 225"/>
                <a:gd name="T67" fmla="*/ 23813 h 126"/>
                <a:gd name="T68" fmla="*/ 28046 w 225"/>
                <a:gd name="T69" fmla="*/ 21696 h 126"/>
                <a:gd name="T70" fmla="*/ 32808 w 225"/>
                <a:gd name="T71" fmla="*/ 21696 h 126"/>
                <a:gd name="T72" fmla="*/ 38100 w 225"/>
                <a:gd name="T73" fmla="*/ 22754 h 126"/>
                <a:gd name="T74" fmla="*/ 40746 w 225"/>
                <a:gd name="T75" fmla="*/ 21696 h 126"/>
                <a:gd name="T76" fmla="*/ 46566 w 225"/>
                <a:gd name="T77" fmla="*/ 18521 h 126"/>
                <a:gd name="T78" fmla="*/ 53975 w 225"/>
                <a:gd name="T79" fmla="*/ 14288 h 126"/>
                <a:gd name="T80" fmla="*/ 59266 w 225"/>
                <a:gd name="T81" fmla="*/ 12171 h 126"/>
                <a:gd name="T82" fmla="*/ 66675 w 225"/>
                <a:gd name="T83" fmla="*/ 11113 h 126"/>
                <a:gd name="T84" fmla="*/ 72496 w 225"/>
                <a:gd name="T85" fmla="*/ 7938 h 126"/>
                <a:gd name="T86" fmla="*/ 78316 w 225"/>
                <a:gd name="T87" fmla="*/ 4233 h 126"/>
                <a:gd name="T88" fmla="*/ 83079 w 225"/>
                <a:gd name="T89" fmla="*/ 1058 h 12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connsiteX0" fmla="*/ 7289 w 10000"/>
                <a:gd name="connsiteY0" fmla="*/ 0 h 10000"/>
                <a:gd name="connsiteX1" fmla="*/ 7733 w 10000"/>
                <a:gd name="connsiteY1" fmla="*/ 873 h 10000"/>
                <a:gd name="connsiteX2" fmla="*/ 8133 w 10000"/>
                <a:gd name="connsiteY2" fmla="*/ 1984 h 10000"/>
                <a:gd name="connsiteX3" fmla="*/ 8444 w 10000"/>
                <a:gd name="connsiteY3" fmla="*/ 3175 h 10000"/>
                <a:gd name="connsiteX4" fmla="*/ 8756 w 10000"/>
                <a:gd name="connsiteY4" fmla="*/ 4286 h 10000"/>
                <a:gd name="connsiteX5" fmla="*/ 9378 w 10000"/>
                <a:gd name="connsiteY5" fmla="*/ 6825 h 10000"/>
                <a:gd name="connsiteX6" fmla="*/ 10000 w 10000"/>
                <a:gd name="connsiteY6" fmla="*/ 9286 h 10000"/>
                <a:gd name="connsiteX7" fmla="*/ 9956 w 10000"/>
                <a:gd name="connsiteY7" fmla="*/ 9444 h 10000"/>
                <a:gd name="connsiteX8" fmla="*/ 9911 w 10000"/>
                <a:gd name="connsiteY8" fmla="*/ 9603 h 10000"/>
                <a:gd name="connsiteX9" fmla="*/ 9733 w 10000"/>
                <a:gd name="connsiteY9" fmla="*/ 9683 h 10000"/>
                <a:gd name="connsiteX10" fmla="*/ 9600 w 10000"/>
                <a:gd name="connsiteY10" fmla="*/ 9762 h 10000"/>
                <a:gd name="connsiteX11" fmla="*/ 9333 w 10000"/>
                <a:gd name="connsiteY11" fmla="*/ 9841 h 10000"/>
                <a:gd name="connsiteX12" fmla="*/ 9111 w 10000"/>
                <a:gd name="connsiteY12" fmla="*/ 10000 h 10000"/>
                <a:gd name="connsiteX13" fmla="*/ 8489 w 10000"/>
                <a:gd name="connsiteY13" fmla="*/ 9762 h 10000"/>
                <a:gd name="connsiteX14" fmla="*/ 7911 w 10000"/>
                <a:gd name="connsiteY14" fmla="*/ 9444 h 10000"/>
                <a:gd name="connsiteX15" fmla="*/ 7644 w 10000"/>
                <a:gd name="connsiteY15" fmla="*/ 9286 h 10000"/>
                <a:gd name="connsiteX16" fmla="*/ 7333 w 10000"/>
                <a:gd name="connsiteY16" fmla="*/ 9048 h 10000"/>
                <a:gd name="connsiteX17" fmla="*/ 6978 w 10000"/>
                <a:gd name="connsiteY17" fmla="*/ 8968 h 10000"/>
                <a:gd name="connsiteX18" fmla="*/ 6622 w 10000"/>
                <a:gd name="connsiteY18" fmla="*/ 8968 h 10000"/>
                <a:gd name="connsiteX19" fmla="*/ 6489 w 10000"/>
                <a:gd name="connsiteY19" fmla="*/ 8492 h 10000"/>
                <a:gd name="connsiteX20" fmla="*/ 6311 w 10000"/>
                <a:gd name="connsiteY20" fmla="*/ 8016 h 10000"/>
                <a:gd name="connsiteX21" fmla="*/ 6311 w 10000"/>
                <a:gd name="connsiteY21" fmla="*/ 7937 h 10000"/>
                <a:gd name="connsiteX22" fmla="*/ 6311 w 10000"/>
                <a:gd name="connsiteY22" fmla="*/ 7857 h 10000"/>
                <a:gd name="connsiteX23" fmla="*/ 6133 w 10000"/>
                <a:gd name="connsiteY23" fmla="*/ 7778 h 10000"/>
                <a:gd name="connsiteX24" fmla="*/ 6044 w 10000"/>
                <a:gd name="connsiteY24" fmla="*/ 7619 h 10000"/>
                <a:gd name="connsiteX25" fmla="*/ 5956 w 10000"/>
                <a:gd name="connsiteY25" fmla="*/ 7460 h 10000"/>
                <a:gd name="connsiteX26" fmla="*/ 5911 w 10000"/>
                <a:gd name="connsiteY26" fmla="*/ 7302 h 10000"/>
                <a:gd name="connsiteX27" fmla="*/ 5778 w 10000"/>
                <a:gd name="connsiteY27" fmla="*/ 6984 h 10000"/>
                <a:gd name="connsiteX28" fmla="*/ 5733 w 10000"/>
                <a:gd name="connsiteY28" fmla="*/ 6587 h 10000"/>
                <a:gd name="connsiteX29" fmla="*/ 5289 w 10000"/>
                <a:gd name="connsiteY29" fmla="*/ 6587 h 10000"/>
                <a:gd name="connsiteX30" fmla="*/ 4933 w 10000"/>
                <a:gd name="connsiteY30" fmla="*/ 6587 h 10000"/>
                <a:gd name="connsiteX31" fmla="*/ 4533 w 10000"/>
                <a:gd name="connsiteY31" fmla="*/ 6587 h 10000"/>
                <a:gd name="connsiteX32" fmla="*/ 4133 w 10000"/>
                <a:gd name="connsiteY32" fmla="*/ 6587 h 10000"/>
                <a:gd name="connsiteX33" fmla="*/ 4133 w 10000"/>
                <a:gd name="connsiteY33" fmla="*/ 6984 h 10000"/>
                <a:gd name="connsiteX34" fmla="*/ 4133 w 10000"/>
                <a:gd name="connsiteY34" fmla="*/ 7460 h 10000"/>
                <a:gd name="connsiteX35" fmla="*/ 4133 w 10000"/>
                <a:gd name="connsiteY35" fmla="*/ 7778 h 10000"/>
                <a:gd name="connsiteX36" fmla="*/ 4133 w 10000"/>
                <a:gd name="connsiteY36" fmla="*/ 7937 h 10000"/>
                <a:gd name="connsiteX37" fmla="*/ 4089 w 10000"/>
                <a:gd name="connsiteY37" fmla="*/ 8095 h 10000"/>
                <a:gd name="connsiteX38" fmla="*/ 4000 w 10000"/>
                <a:gd name="connsiteY38" fmla="*/ 8175 h 10000"/>
                <a:gd name="connsiteX39" fmla="*/ 3867 w 10000"/>
                <a:gd name="connsiteY39" fmla="*/ 8254 h 10000"/>
                <a:gd name="connsiteX40" fmla="*/ 3822 w 10000"/>
                <a:gd name="connsiteY40" fmla="*/ 8413 h 10000"/>
                <a:gd name="connsiteX41" fmla="*/ 3778 w 10000"/>
                <a:gd name="connsiteY41" fmla="*/ 8492 h 10000"/>
                <a:gd name="connsiteX42" fmla="*/ 3689 w 10000"/>
                <a:gd name="connsiteY42" fmla="*/ 8571 h 10000"/>
                <a:gd name="connsiteX43" fmla="*/ 3556 w 10000"/>
                <a:gd name="connsiteY43" fmla="*/ 8571 h 10000"/>
                <a:gd name="connsiteX44" fmla="*/ 3422 w 10000"/>
                <a:gd name="connsiteY44" fmla="*/ 8571 h 10000"/>
                <a:gd name="connsiteX45" fmla="*/ 2844 w 10000"/>
                <a:gd name="connsiteY45" fmla="*/ 8571 h 10000"/>
                <a:gd name="connsiteX46" fmla="*/ 2222 w 10000"/>
                <a:gd name="connsiteY46" fmla="*/ 8571 h 10000"/>
                <a:gd name="connsiteX47" fmla="*/ 2089 w 10000"/>
                <a:gd name="connsiteY47" fmla="*/ 8571 h 10000"/>
                <a:gd name="connsiteX48" fmla="*/ 2000 w 10000"/>
                <a:gd name="connsiteY48" fmla="*/ 8571 h 10000"/>
                <a:gd name="connsiteX49" fmla="*/ 2022 w 10000"/>
                <a:gd name="connsiteY49" fmla="*/ 9842 h 10000"/>
                <a:gd name="connsiteX50" fmla="*/ 844 w 10000"/>
                <a:gd name="connsiteY50" fmla="*/ 8254 h 10000"/>
                <a:gd name="connsiteX51" fmla="*/ 622 w 10000"/>
                <a:gd name="connsiteY51" fmla="*/ 8175 h 10000"/>
                <a:gd name="connsiteX52" fmla="*/ 400 w 10000"/>
                <a:gd name="connsiteY52" fmla="*/ 8016 h 10000"/>
                <a:gd name="connsiteX53" fmla="*/ 222 w 10000"/>
                <a:gd name="connsiteY53" fmla="*/ 7778 h 10000"/>
                <a:gd name="connsiteX54" fmla="*/ 89 w 10000"/>
                <a:gd name="connsiteY54" fmla="*/ 7381 h 10000"/>
                <a:gd name="connsiteX55" fmla="*/ 89 w 10000"/>
                <a:gd name="connsiteY55" fmla="*/ 6349 h 10000"/>
                <a:gd name="connsiteX56" fmla="*/ 0 w 10000"/>
                <a:gd name="connsiteY56" fmla="*/ 5397 h 10000"/>
                <a:gd name="connsiteX57" fmla="*/ 0 w 10000"/>
                <a:gd name="connsiteY57" fmla="*/ 5000 h 10000"/>
                <a:gd name="connsiteX58" fmla="*/ 89 w 10000"/>
                <a:gd name="connsiteY58" fmla="*/ 4683 h 10000"/>
                <a:gd name="connsiteX59" fmla="*/ 222 w 10000"/>
                <a:gd name="connsiteY59" fmla="*/ 4365 h 10000"/>
                <a:gd name="connsiteX60" fmla="*/ 400 w 10000"/>
                <a:gd name="connsiteY60" fmla="*/ 4127 h 10000"/>
                <a:gd name="connsiteX61" fmla="*/ 711 w 10000"/>
                <a:gd name="connsiteY61" fmla="*/ 4286 h 10000"/>
                <a:gd name="connsiteX62" fmla="*/ 1022 w 10000"/>
                <a:gd name="connsiteY62" fmla="*/ 4365 h 10000"/>
                <a:gd name="connsiteX63" fmla="*/ 1289 w 10000"/>
                <a:gd name="connsiteY63" fmla="*/ 4603 h 10000"/>
                <a:gd name="connsiteX64" fmla="*/ 1644 w 10000"/>
                <a:gd name="connsiteY64" fmla="*/ 4603 h 10000"/>
                <a:gd name="connsiteX65" fmla="*/ 1911 w 10000"/>
                <a:gd name="connsiteY65" fmla="*/ 4206 h 10000"/>
                <a:gd name="connsiteX66" fmla="*/ 2044 w 10000"/>
                <a:gd name="connsiteY66" fmla="*/ 3810 h 10000"/>
                <a:gd name="connsiteX67" fmla="*/ 2133 w 10000"/>
                <a:gd name="connsiteY67" fmla="*/ 3571 h 10000"/>
                <a:gd name="connsiteX68" fmla="*/ 2222 w 10000"/>
                <a:gd name="connsiteY68" fmla="*/ 3413 h 10000"/>
                <a:gd name="connsiteX69" fmla="*/ 2356 w 10000"/>
                <a:gd name="connsiteY69" fmla="*/ 3254 h 10000"/>
                <a:gd name="connsiteX70" fmla="*/ 2533 w 10000"/>
                <a:gd name="connsiteY70" fmla="*/ 3175 h 10000"/>
                <a:gd name="connsiteX71" fmla="*/ 2756 w 10000"/>
                <a:gd name="connsiteY71" fmla="*/ 3254 h 10000"/>
                <a:gd name="connsiteX72" fmla="*/ 2978 w 10000"/>
                <a:gd name="connsiteY72" fmla="*/ 3333 h 10000"/>
                <a:gd name="connsiteX73" fmla="*/ 3200 w 10000"/>
                <a:gd name="connsiteY73" fmla="*/ 3413 h 10000"/>
                <a:gd name="connsiteX74" fmla="*/ 3422 w 10000"/>
                <a:gd name="connsiteY74" fmla="*/ 3413 h 10000"/>
                <a:gd name="connsiteX75" fmla="*/ 3422 w 10000"/>
                <a:gd name="connsiteY75" fmla="*/ 3254 h 10000"/>
                <a:gd name="connsiteX76" fmla="*/ 3422 w 10000"/>
                <a:gd name="connsiteY76" fmla="*/ 3175 h 10000"/>
                <a:gd name="connsiteX77" fmla="*/ 3911 w 10000"/>
                <a:gd name="connsiteY77" fmla="*/ 2778 h 10000"/>
                <a:gd name="connsiteX78" fmla="*/ 4311 w 10000"/>
                <a:gd name="connsiteY78" fmla="*/ 2381 h 10000"/>
                <a:gd name="connsiteX79" fmla="*/ 4533 w 10000"/>
                <a:gd name="connsiteY79" fmla="*/ 2143 h 10000"/>
                <a:gd name="connsiteX80" fmla="*/ 4756 w 10000"/>
                <a:gd name="connsiteY80" fmla="*/ 1984 h 10000"/>
                <a:gd name="connsiteX81" fmla="*/ 4978 w 10000"/>
                <a:gd name="connsiteY81" fmla="*/ 1825 h 10000"/>
                <a:gd name="connsiteX82" fmla="*/ 5244 w 10000"/>
                <a:gd name="connsiteY82" fmla="*/ 1746 h 10000"/>
                <a:gd name="connsiteX83" fmla="*/ 5600 w 10000"/>
                <a:gd name="connsiteY83" fmla="*/ 1667 h 10000"/>
                <a:gd name="connsiteX84" fmla="*/ 5867 w 10000"/>
                <a:gd name="connsiteY84" fmla="*/ 1508 h 10000"/>
                <a:gd name="connsiteX85" fmla="*/ 6089 w 10000"/>
                <a:gd name="connsiteY85" fmla="*/ 1190 h 10000"/>
                <a:gd name="connsiteX86" fmla="*/ 6356 w 10000"/>
                <a:gd name="connsiteY86" fmla="*/ 952 h 10000"/>
                <a:gd name="connsiteX87" fmla="*/ 6578 w 10000"/>
                <a:gd name="connsiteY87" fmla="*/ 635 h 10000"/>
                <a:gd name="connsiteX88" fmla="*/ 6756 w 10000"/>
                <a:gd name="connsiteY88" fmla="*/ 397 h 10000"/>
                <a:gd name="connsiteX89" fmla="*/ 6978 w 10000"/>
                <a:gd name="connsiteY89" fmla="*/ 159 h 10000"/>
                <a:gd name="connsiteX90" fmla="*/ 7289 w 10000"/>
                <a:gd name="connsiteY90" fmla="*/ 0 h 10000"/>
                <a:gd name="connsiteX0" fmla="*/ 7289 w 10000"/>
                <a:gd name="connsiteY0" fmla="*/ 0 h 11428"/>
                <a:gd name="connsiteX1" fmla="*/ 7733 w 10000"/>
                <a:gd name="connsiteY1" fmla="*/ 873 h 11428"/>
                <a:gd name="connsiteX2" fmla="*/ 8133 w 10000"/>
                <a:gd name="connsiteY2" fmla="*/ 1984 h 11428"/>
                <a:gd name="connsiteX3" fmla="*/ 8444 w 10000"/>
                <a:gd name="connsiteY3" fmla="*/ 3175 h 11428"/>
                <a:gd name="connsiteX4" fmla="*/ 8756 w 10000"/>
                <a:gd name="connsiteY4" fmla="*/ 4286 h 11428"/>
                <a:gd name="connsiteX5" fmla="*/ 9378 w 10000"/>
                <a:gd name="connsiteY5" fmla="*/ 6825 h 11428"/>
                <a:gd name="connsiteX6" fmla="*/ 10000 w 10000"/>
                <a:gd name="connsiteY6" fmla="*/ 9286 h 11428"/>
                <a:gd name="connsiteX7" fmla="*/ 9956 w 10000"/>
                <a:gd name="connsiteY7" fmla="*/ 9444 h 11428"/>
                <a:gd name="connsiteX8" fmla="*/ 9911 w 10000"/>
                <a:gd name="connsiteY8" fmla="*/ 9603 h 11428"/>
                <a:gd name="connsiteX9" fmla="*/ 9733 w 10000"/>
                <a:gd name="connsiteY9" fmla="*/ 9683 h 11428"/>
                <a:gd name="connsiteX10" fmla="*/ 9600 w 10000"/>
                <a:gd name="connsiteY10" fmla="*/ 9762 h 11428"/>
                <a:gd name="connsiteX11" fmla="*/ 9333 w 10000"/>
                <a:gd name="connsiteY11" fmla="*/ 9841 h 11428"/>
                <a:gd name="connsiteX12" fmla="*/ 9111 w 10000"/>
                <a:gd name="connsiteY12" fmla="*/ 10000 h 11428"/>
                <a:gd name="connsiteX13" fmla="*/ 8489 w 10000"/>
                <a:gd name="connsiteY13" fmla="*/ 9762 h 11428"/>
                <a:gd name="connsiteX14" fmla="*/ 7911 w 10000"/>
                <a:gd name="connsiteY14" fmla="*/ 9444 h 11428"/>
                <a:gd name="connsiteX15" fmla="*/ 7644 w 10000"/>
                <a:gd name="connsiteY15" fmla="*/ 9286 h 11428"/>
                <a:gd name="connsiteX16" fmla="*/ 7333 w 10000"/>
                <a:gd name="connsiteY16" fmla="*/ 9048 h 11428"/>
                <a:gd name="connsiteX17" fmla="*/ 6978 w 10000"/>
                <a:gd name="connsiteY17" fmla="*/ 8968 h 11428"/>
                <a:gd name="connsiteX18" fmla="*/ 6622 w 10000"/>
                <a:gd name="connsiteY18" fmla="*/ 8968 h 11428"/>
                <a:gd name="connsiteX19" fmla="*/ 6489 w 10000"/>
                <a:gd name="connsiteY19" fmla="*/ 8492 h 11428"/>
                <a:gd name="connsiteX20" fmla="*/ 6311 w 10000"/>
                <a:gd name="connsiteY20" fmla="*/ 8016 h 11428"/>
                <a:gd name="connsiteX21" fmla="*/ 6311 w 10000"/>
                <a:gd name="connsiteY21" fmla="*/ 7937 h 11428"/>
                <a:gd name="connsiteX22" fmla="*/ 6311 w 10000"/>
                <a:gd name="connsiteY22" fmla="*/ 7857 h 11428"/>
                <a:gd name="connsiteX23" fmla="*/ 6133 w 10000"/>
                <a:gd name="connsiteY23" fmla="*/ 7778 h 11428"/>
                <a:gd name="connsiteX24" fmla="*/ 6044 w 10000"/>
                <a:gd name="connsiteY24" fmla="*/ 7619 h 11428"/>
                <a:gd name="connsiteX25" fmla="*/ 5956 w 10000"/>
                <a:gd name="connsiteY25" fmla="*/ 7460 h 11428"/>
                <a:gd name="connsiteX26" fmla="*/ 5911 w 10000"/>
                <a:gd name="connsiteY26" fmla="*/ 7302 h 11428"/>
                <a:gd name="connsiteX27" fmla="*/ 5778 w 10000"/>
                <a:gd name="connsiteY27" fmla="*/ 6984 h 11428"/>
                <a:gd name="connsiteX28" fmla="*/ 5733 w 10000"/>
                <a:gd name="connsiteY28" fmla="*/ 6587 h 11428"/>
                <a:gd name="connsiteX29" fmla="*/ 5289 w 10000"/>
                <a:gd name="connsiteY29" fmla="*/ 6587 h 11428"/>
                <a:gd name="connsiteX30" fmla="*/ 4933 w 10000"/>
                <a:gd name="connsiteY30" fmla="*/ 6587 h 11428"/>
                <a:gd name="connsiteX31" fmla="*/ 4533 w 10000"/>
                <a:gd name="connsiteY31" fmla="*/ 6587 h 11428"/>
                <a:gd name="connsiteX32" fmla="*/ 4133 w 10000"/>
                <a:gd name="connsiteY32" fmla="*/ 6587 h 11428"/>
                <a:gd name="connsiteX33" fmla="*/ 4133 w 10000"/>
                <a:gd name="connsiteY33" fmla="*/ 6984 h 11428"/>
                <a:gd name="connsiteX34" fmla="*/ 4133 w 10000"/>
                <a:gd name="connsiteY34" fmla="*/ 7460 h 11428"/>
                <a:gd name="connsiteX35" fmla="*/ 4133 w 10000"/>
                <a:gd name="connsiteY35" fmla="*/ 7778 h 11428"/>
                <a:gd name="connsiteX36" fmla="*/ 4133 w 10000"/>
                <a:gd name="connsiteY36" fmla="*/ 7937 h 11428"/>
                <a:gd name="connsiteX37" fmla="*/ 4089 w 10000"/>
                <a:gd name="connsiteY37" fmla="*/ 8095 h 11428"/>
                <a:gd name="connsiteX38" fmla="*/ 4000 w 10000"/>
                <a:gd name="connsiteY38" fmla="*/ 8175 h 11428"/>
                <a:gd name="connsiteX39" fmla="*/ 3867 w 10000"/>
                <a:gd name="connsiteY39" fmla="*/ 8254 h 11428"/>
                <a:gd name="connsiteX40" fmla="*/ 3822 w 10000"/>
                <a:gd name="connsiteY40" fmla="*/ 8413 h 11428"/>
                <a:gd name="connsiteX41" fmla="*/ 3778 w 10000"/>
                <a:gd name="connsiteY41" fmla="*/ 8492 h 11428"/>
                <a:gd name="connsiteX42" fmla="*/ 3689 w 10000"/>
                <a:gd name="connsiteY42" fmla="*/ 8571 h 11428"/>
                <a:gd name="connsiteX43" fmla="*/ 3556 w 10000"/>
                <a:gd name="connsiteY43" fmla="*/ 8571 h 11428"/>
                <a:gd name="connsiteX44" fmla="*/ 3422 w 10000"/>
                <a:gd name="connsiteY44" fmla="*/ 8571 h 11428"/>
                <a:gd name="connsiteX45" fmla="*/ 2844 w 10000"/>
                <a:gd name="connsiteY45" fmla="*/ 8571 h 11428"/>
                <a:gd name="connsiteX46" fmla="*/ 2222 w 10000"/>
                <a:gd name="connsiteY46" fmla="*/ 8571 h 11428"/>
                <a:gd name="connsiteX47" fmla="*/ 2689 w 10000"/>
                <a:gd name="connsiteY47" fmla="*/ 11428 h 11428"/>
                <a:gd name="connsiteX48" fmla="*/ 2000 w 10000"/>
                <a:gd name="connsiteY48" fmla="*/ 8571 h 11428"/>
                <a:gd name="connsiteX49" fmla="*/ 2022 w 10000"/>
                <a:gd name="connsiteY49" fmla="*/ 9842 h 11428"/>
                <a:gd name="connsiteX50" fmla="*/ 844 w 10000"/>
                <a:gd name="connsiteY50" fmla="*/ 8254 h 11428"/>
                <a:gd name="connsiteX51" fmla="*/ 622 w 10000"/>
                <a:gd name="connsiteY51" fmla="*/ 8175 h 11428"/>
                <a:gd name="connsiteX52" fmla="*/ 400 w 10000"/>
                <a:gd name="connsiteY52" fmla="*/ 8016 h 11428"/>
                <a:gd name="connsiteX53" fmla="*/ 222 w 10000"/>
                <a:gd name="connsiteY53" fmla="*/ 7778 h 11428"/>
                <a:gd name="connsiteX54" fmla="*/ 89 w 10000"/>
                <a:gd name="connsiteY54" fmla="*/ 7381 h 11428"/>
                <a:gd name="connsiteX55" fmla="*/ 89 w 10000"/>
                <a:gd name="connsiteY55" fmla="*/ 6349 h 11428"/>
                <a:gd name="connsiteX56" fmla="*/ 0 w 10000"/>
                <a:gd name="connsiteY56" fmla="*/ 5397 h 11428"/>
                <a:gd name="connsiteX57" fmla="*/ 0 w 10000"/>
                <a:gd name="connsiteY57" fmla="*/ 5000 h 11428"/>
                <a:gd name="connsiteX58" fmla="*/ 89 w 10000"/>
                <a:gd name="connsiteY58" fmla="*/ 4683 h 11428"/>
                <a:gd name="connsiteX59" fmla="*/ 222 w 10000"/>
                <a:gd name="connsiteY59" fmla="*/ 4365 h 11428"/>
                <a:gd name="connsiteX60" fmla="*/ 400 w 10000"/>
                <a:gd name="connsiteY60" fmla="*/ 4127 h 11428"/>
                <a:gd name="connsiteX61" fmla="*/ 711 w 10000"/>
                <a:gd name="connsiteY61" fmla="*/ 4286 h 11428"/>
                <a:gd name="connsiteX62" fmla="*/ 1022 w 10000"/>
                <a:gd name="connsiteY62" fmla="*/ 4365 h 11428"/>
                <a:gd name="connsiteX63" fmla="*/ 1289 w 10000"/>
                <a:gd name="connsiteY63" fmla="*/ 4603 h 11428"/>
                <a:gd name="connsiteX64" fmla="*/ 1644 w 10000"/>
                <a:gd name="connsiteY64" fmla="*/ 4603 h 11428"/>
                <a:gd name="connsiteX65" fmla="*/ 1911 w 10000"/>
                <a:gd name="connsiteY65" fmla="*/ 4206 h 11428"/>
                <a:gd name="connsiteX66" fmla="*/ 2044 w 10000"/>
                <a:gd name="connsiteY66" fmla="*/ 3810 h 11428"/>
                <a:gd name="connsiteX67" fmla="*/ 2133 w 10000"/>
                <a:gd name="connsiteY67" fmla="*/ 3571 h 11428"/>
                <a:gd name="connsiteX68" fmla="*/ 2222 w 10000"/>
                <a:gd name="connsiteY68" fmla="*/ 3413 h 11428"/>
                <a:gd name="connsiteX69" fmla="*/ 2356 w 10000"/>
                <a:gd name="connsiteY69" fmla="*/ 3254 h 11428"/>
                <a:gd name="connsiteX70" fmla="*/ 2533 w 10000"/>
                <a:gd name="connsiteY70" fmla="*/ 3175 h 11428"/>
                <a:gd name="connsiteX71" fmla="*/ 2756 w 10000"/>
                <a:gd name="connsiteY71" fmla="*/ 3254 h 11428"/>
                <a:gd name="connsiteX72" fmla="*/ 2978 w 10000"/>
                <a:gd name="connsiteY72" fmla="*/ 3333 h 11428"/>
                <a:gd name="connsiteX73" fmla="*/ 3200 w 10000"/>
                <a:gd name="connsiteY73" fmla="*/ 3413 h 11428"/>
                <a:gd name="connsiteX74" fmla="*/ 3422 w 10000"/>
                <a:gd name="connsiteY74" fmla="*/ 3413 h 11428"/>
                <a:gd name="connsiteX75" fmla="*/ 3422 w 10000"/>
                <a:gd name="connsiteY75" fmla="*/ 3254 h 11428"/>
                <a:gd name="connsiteX76" fmla="*/ 3422 w 10000"/>
                <a:gd name="connsiteY76" fmla="*/ 3175 h 11428"/>
                <a:gd name="connsiteX77" fmla="*/ 3911 w 10000"/>
                <a:gd name="connsiteY77" fmla="*/ 2778 h 11428"/>
                <a:gd name="connsiteX78" fmla="*/ 4311 w 10000"/>
                <a:gd name="connsiteY78" fmla="*/ 2381 h 11428"/>
                <a:gd name="connsiteX79" fmla="*/ 4533 w 10000"/>
                <a:gd name="connsiteY79" fmla="*/ 2143 h 11428"/>
                <a:gd name="connsiteX80" fmla="*/ 4756 w 10000"/>
                <a:gd name="connsiteY80" fmla="*/ 1984 h 11428"/>
                <a:gd name="connsiteX81" fmla="*/ 4978 w 10000"/>
                <a:gd name="connsiteY81" fmla="*/ 1825 h 11428"/>
                <a:gd name="connsiteX82" fmla="*/ 5244 w 10000"/>
                <a:gd name="connsiteY82" fmla="*/ 1746 h 11428"/>
                <a:gd name="connsiteX83" fmla="*/ 5600 w 10000"/>
                <a:gd name="connsiteY83" fmla="*/ 1667 h 11428"/>
                <a:gd name="connsiteX84" fmla="*/ 5867 w 10000"/>
                <a:gd name="connsiteY84" fmla="*/ 1508 h 11428"/>
                <a:gd name="connsiteX85" fmla="*/ 6089 w 10000"/>
                <a:gd name="connsiteY85" fmla="*/ 1190 h 11428"/>
                <a:gd name="connsiteX86" fmla="*/ 6356 w 10000"/>
                <a:gd name="connsiteY86" fmla="*/ 952 h 11428"/>
                <a:gd name="connsiteX87" fmla="*/ 6578 w 10000"/>
                <a:gd name="connsiteY87" fmla="*/ 635 h 11428"/>
                <a:gd name="connsiteX88" fmla="*/ 6756 w 10000"/>
                <a:gd name="connsiteY88" fmla="*/ 397 h 11428"/>
                <a:gd name="connsiteX89" fmla="*/ 6978 w 10000"/>
                <a:gd name="connsiteY89" fmla="*/ 159 h 11428"/>
                <a:gd name="connsiteX90" fmla="*/ 7289 w 10000"/>
                <a:gd name="connsiteY90" fmla="*/ 0 h 11428"/>
                <a:gd name="connsiteX0" fmla="*/ 7289 w 10000"/>
                <a:gd name="connsiteY0" fmla="*/ 0 h 11428"/>
                <a:gd name="connsiteX1" fmla="*/ 7733 w 10000"/>
                <a:gd name="connsiteY1" fmla="*/ 873 h 11428"/>
                <a:gd name="connsiteX2" fmla="*/ 8133 w 10000"/>
                <a:gd name="connsiteY2" fmla="*/ 1984 h 11428"/>
                <a:gd name="connsiteX3" fmla="*/ 8444 w 10000"/>
                <a:gd name="connsiteY3" fmla="*/ 3175 h 11428"/>
                <a:gd name="connsiteX4" fmla="*/ 8756 w 10000"/>
                <a:gd name="connsiteY4" fmla="*/ 4286 h 11428"/>
                <a:gd name="connsiteX5" fmla="*/ 9378 w 10000"/>
                <a:gd name="connsiteY5" fmla="*/ 6825 h 11428"/>
                <a:gd name="connsiteX6" fmla="*/ 10000 w 10000"/>
                <a:gd name="connsiteY6" fmla="*/ 9286 h 11428"/>
                <a:gd name="connsiteX7" fmla="*/ 9956 w 10000"/>
                <a:gd name="connsiteY7" fmla="*/ 9444 h 11428"/>
                <a:gd name="connsiteX8" fmla="*/ 9911 w 10000"/>
                <a:gd name="connsiteY8" fmla="*/ 9603 h 11428"/>
                <a:gd name="connsiteX9" fmla="*/ 9733 w 10000"/>
                <a:gd name="connsiteY9" fmla="*/ 9683 h 11428"/>
                <a:gd name="connsiteX10" fmla="*/ 9600 w 10000"/>
                <a:gd name="connsiteY10" fmla="*/ 9762 h 11428"/>
                <a:gd name="connsiteX11" fmla="*/ 9333 w 10000"/>
                <a:gd name="connsiteY11" fmla="*/ 9841 h 11428"/>
                <a:gd name="connsiteX12" fmla="*/ 9111 w 10000"/>
                <a:gd name="connsiteY12" fmla="*/ 10000 h 11428"/>
                <a:gd name="connsiteX13" fmla="*/ 8489 w 10000"/>
                <a:gd name="connsiteY13" fmla="*/ 9762 h 11428"/>
                <a:gd name="connsiteX14" fmla="*/ 7911 w 10000"/>
                <a:gd name="connsiteY14" fmla="*/ 9444 h 11428"/>
                <a:gd name="connsiteX15" fmla="*/ 7644 w 10000"/>
                <a:gd name="connsiteY15" fmla="*/ 9286 h 11428"/>
                <a:gd name="connsiteX16" fmla="*/ 7333 w 10000"/>
                <a:gd name="connsiteY16" fmla="*/ 9048 h 11428"/>
                <a:gd name="connsiteX17" fmla="*/ 6978 w 10000"/>
                <a:gd name="connsiteY17" fmla="*/ 8968 h 11428"/>
                <a:gd name="connsiteX18" fmla="*/ 6622 w 10000"/>
                <a:gd name="connsiteY18" fmla="*/ 8968 h 11428"/>
                <a:gd name="connsiteX19" fmla="*/ 6489 w 10000"/>
                <a:gd name="connsiteY19" fmla="*/ 8492 h 11428"/>
                <a:gd name="connsiteX20" fmla="*/ 6311 w 10000"/>
                <a:gd name="connsiteY20" fmla="*/ 8016 h 11428"/>
                <a:gd name="connsiteX21" fmla="*/ 6311 w 10000"/>
                <a:gd name="connsiteY21" fmla="*/ 7937 h 11428"/>
                <a:gd name="connsiteX22" fmla="*/ 6311 w 10000"/>
                <a:gd name="connsiteY22" fmla="*/ 7857 h 11428"/>
                <a:gd name="connsiteX23" fmla="*/ 6133 w 10000"/>
                <a:gd name="connsiteY23" fmla="*/ 7778 h 11428"/>
                <a:gd name="connsiteX24" fmla="*/ 6044 w 10000"/>
                <a:gd name="connsiteY24" fmla="*/ 7619 h 11428"/>
                <a:gd name="connsiteX25" fmla="*/ 5956 w 10000"/>
                <a:gd name="connsiteY25" fmla="*/ 7460 h 11428"/>
                <a:gd name="connsiteX26" fmla="*/ 5911 w 10000"/>
                <a:gd name="connsiteY26" fmla="*/ 7302 h 11428"/>
                <a:gd name="connsiteX27" fmla="*/ 5778 w 10000"/>
                <a:gd name="connsiteY27" fmla="*/ 6984 h 11428"/>
                <a:gd name="connsiteX28" fmla="*/ 5733 w 10000"/>
                <a:gd name="connsiteY28" fmla="*/ 6587 h 11428"/>
                <a:gd name="connsiteX29" fmla="*/ 5289 w 10000"/>
                <a:gd name="connsiteY29" fmla="*/ 6587 h 11428"/>
                <a:gd name="connsiteX30" fmla="*/ 4933 w 10000"/>
                <a:gd name="connsiteY30" fmla="*/ 6587 h 11428"/>
                <a:gd name="connsiteX31" fmla="*/ 4533 w 10000"/>
                <a:gd name="connsiteY31" fmla="*/ 6587 h 11428"/>
                <a:gd name="connsiteX32" fmla="*/ 4133 w 10000"/>
                <a:gd name="connsiteY32" fmla="*/ 6587 h 11428"/>
                <a:gd name="connsiteX33" fmla="*/ 4133 w 10000"/>
                <a:gd name="connsiteY33" fmla="*/ 6984 h 11428"/>
                <a:gd name="connsiteX34" fmla="*/ 4133 w 10000"/>
                <a:gd name="connsiteY34" fmla="*/ 7460 h 11428"/>
                <a:gd name="connsiteX35" fmla="*/ 4133 w 10000"/>
                <a:gd name="connsiteY35" fmla="*/ 7778 h 11428"/>
                <a:gd name="connsiteX36" fmla="*/ 4133 w 10000"/>
                <a:gd name="connsiteY36" fmla="*/ 7937 h 11428"/>
                <a:gd name="connsiteX37" fmla="*/ 4089 w 10000"/>
                <a:gd name="connsiteY37" fmla="*/ 8095 h 11428"/>
                <a:gd name="connsiteX38" fmla="*/ 4000 w 10000"/>
                <a:gd name="connsiteY38" fmla="*/ 8175 h 11428"/>
                <a:gd name="connsiteX39" fmla="*/ 3867 w 10000"/>
                <a:gd name="connsiteY39" fmla="*/ 8254 h 11428"/>
                <a:gd name="connsiteX40" fmla="*/ 3822 w 10000"/>
                <a:gd name="connsiteY40" fmla="*/ 8413 h 11428"/>
                <a:gd name="connsiteX41" fmla="*/ 3778 w 10000"/>
                <a:gd name="connsiteY41" fmla="*/ 8492 h 11428"/>
                <a:gd name="connsiteX42" fmla="*/ 3689 w 10000"/>
                <a:gd name="connsiteY42" fmla="*/ 8571 h 11428"/>
                <a:gd name="connsiteX43" fmla="*/ 3556 w 10000"/>
                <a:gd name="connsiteY43" fmla="*/ 8571 h 11428"/>
                <a:gd name="connsiteX44" fmla="*/ 3422 w 10000"/>
                <a:gd name="connsiteY44" fmla="*/ 8571 h 11428"/>
                <a:gd name="connsiteX45" fmla="*/ 3044 w 10000"/>
                <a:gd name="connsiteY45" fmla="*/ 10714 h 11428"/>
                <a:gd name="connsiteX46" fmla="*/ 2222 w 10000"/>
                <a:gd name="connsiteY46" fmla="*/ 8571 h 11428"/>
                <a:gd name="connsiteX47" fmla="*/ 2689 w 10000"/>
                <a:gd name="connsiteY47" fmla="*/ 11428 h 11428"/>
                <a:gd name="connsiteX48" fmla="*/ 2000 w 10000"/>
                <a:gd name="connsiteY48" fmla="*/ 8571 h 11428"/>
                <a:gd name="connsiteX49" fmla="*/ 2022 w 10000"/>
                <a:gd name="connsiteY49" fmla="*/ 9842 h 11428"/>
                <a:gd name="connsiteX50" fmla="*/ 844 w 10000"/>
                <a:gd name="connsiteY50" fmla="*/ 8254 h 11428"/>
                <a:gd name="connsiteX51" fmla="*/ 622 w 10000"/>
                <a:gd name="connsiteY51" fmla="*/ 8175 h 11428"/>
                <a:gd name="connsiteX52" fmla="*/ 400 w 10000"/>
                <a:gd name="connsiteY52" fmla="*/ 8016 h 11428"/>
                <a:gd name="connsiteX53" fmla="*/ 222 w 10000"/>
                <a:gd name="connsiteY53" fmla="*/ 7778 h 11428"/>
                <a:gd name="connsiteX54" fmla="*/ 89 w 10000"/>
                <a:gd name="connsiteY54" fmla="*/ 7381 h 11428"/>
                <a:gd name="connsiteX55" fmla="*/ 89 w 10000"/>
                <a:gd name="connsiteY55" fmla="*/ 6349 h 11428"/>
                <a:gd name="connsiteX56" fmla="*/ 0 w 10000"/>
                <a:gd name="connsiteY56" fmla="*/ 5397 h 11428"/>
                <a:gd name="connsiteX57" fmla="*/ 0 w 10000"/>
                <a:gd name="connsiteY57" fmla="*/ 5000 h 11428"/>
                <a:gd name="connsiteX58" fmla="*/ 89 w 10000"/>
                <a:gd name="connsiteY58" fmla="*/ 4683 h 11428"/>
                <a:gd name="connsiteX59" fmla="*/ 222 w 10000"/>
                <a:gd name="connsiteY59" fmla="*/ 4365 h 11428"/>
                <a:gd name="connsiteX60" fmla="*/ 400 w 10000"/>
                <a:gd name="connsiteY60" fmla="*/ 4127 h 11428"/>
                <a:gd name="connsiteX61" fmla="*/ 711 w 10000"/>
                <a:gd name="connsiteY61" fmla="*/ 4286 h 11428"/>
                <a:gd name="connsiteX62" fmla="*/ 1022 w 10000"/>
                <a:gd name="connsiteY62" fmla="*/ 4365 h 11428"/>
                <a:gd name="connsiteX63" fmla="*/ 1289 w 10000"/>
                <a:gd name="connsiteY63" fmla="*/ 4603 h 11428"/>
                <a:gd name="connsiteX64" fmla="*/ 1644 w 10000"/>
                <a:gd name="connsiteY64" fmla="*/ 4603 h 11428"/>
                <a:gd name="connsiteX65" fmla="*/ 1911 w 10000"/>
                <a:gd name="connsiteY65" fmla="*/ 4206 h 11428"/>
                <a:gd name="connsiteX66" fmla="*/ 2044 w 10000"/>
                <a:gd name="connsiteY66" fmla="*/ 3810 h 11428"/>
                <a:gd name="connsiteX67" fmla="*/ 2133 w 10000"/>
                <a:gd name="connsiteY67" fmla="*/ 3571 h 11428"/>
                <a:gd name="connsiteX68" fmla="*/ 2222 w 10000"/>
                <a:gd name="connsiteY68" fmla="*/ 3413 h 11428"/>
                <a:gd name="connsiteX69" fmla="*/ 2356 w 10000"/>
                <a:gd name="connsiteY69" fmla="*/ 3254 h 11428"/>
                <a:gd name="connsiteX70" fmla="*/ 2533 w 10000"/>
                <a:gd name="connsiteY70" fmla="*/ 3175 h 11428"/>
                <a:gd name="connsiteX71" fmla="*/ 2756 w 10000"/>
                <a:gd name="connsiteY71" fmla="*/ 3254 h 11428"/>
                <a:gd name="connsiteX72" fmla="*/ 2978 w 10000"/>
                <a:gd name="connsiteY72" fmla="*/ 3333 h 11428"/>
                <a:gd name="connsiteX73" fmla="*/ 3200 w 10000"/>
                <a:gd name="connsiteY73" fmla="*/ 3413 h 11428"/>
                <a:gd name="connsiteX74" fmla="*/ 3422 w 10000"/>
                <a:gd name="connsiteY74" fmla="*/ 3413 h 11428"/>
                <a:gd name="connsiteX75" fmla="*/ 3422 w 10000"/>
                <a:gd name="connsiteY75" fmla="*/ 3254 h 11428"/>
                <a:gd name="connsiteX76" fmla="*/ 3422 w 10000"/>
                <a:gd name="connsiteY76" fmla="*/ 3175 h 11428"/>
                <a:gd name="connsiteX77" fmla="*/ 3911 w 10000"/>
                <a:gd name="connsiteY77" fmla="*/ 2778 h 11428"/>
                <a:gd name="connsiteX78" fmla="*/ 4311 w 10000"/>
                <a:gd name="connsiteY78" fmla="*/ 2381 h 11428"/>
                <a:gd name="connsiteX79" fmla="*/ 4533 w 10000"/>
                <a:gd name="connsiteY79" fmla="*/ 2143 h 11428"/>
                <a:gd name="connsiteX80" fmla="*/ 4756 w 10000"/>
                <a:gd name="connsiteY80" fmla="*/ 1984 h 11428"/>
                <a:gd name="connsiteX81" fmla="*/ 4978 w 10000"/>
                <a:gd name="connsiteY81" fmla="*/ 1825 h 11428"/>
                <a:gd name="connsiteX82" fmla="*/ 5244 w 10000"/>
                <a:gd name="connsiteY82" fmla="*/ 1746 h 11428"/>
                <a:gd name="connsiteX83" fmla="*/ 5600 w 10000"/>
                <a:gd name="connsiteY83" fmla="*/ 1667 h 11428"/>
                <a:gd name="connsiteX84" fmla="*/ 5867 w 10000"/>
                <a:gd name="connsiteY84" fmla="*/ 1508 h 11428"/>
                <a:gd name="connsiteX85" fmla="*/ 6089 w 10000"/>
                <a:gd name="connsiteY85" fmla="*/ 1190 h 11428"/>
                <a:gd name="connsiteX86" fmla="*/ 6356 w 10000"/>
                <a:gd name="connsiteY86" fmla="*/ 952 h 11428"/>
                <a:gd name="connsiteX87" fmla="*/ 6578 w 10000"/>
                <a:gd name="connsiteY87" fmla="*/ 635 h 11428"/>
                <a:gd name="connsiteX88" fmla="*/ 6756 w 10000"/>
                <a:gd name="connsiteY88" fmla="*/ 397 h 11428"/>
                <a:gd name="connsiteX89" fmla="*/ 6978 w 10000"/>
                <a:gd name="connsiteY89" fmla="*/ 159 h 11428"/>
                <a:gd name="connsiteX90" fmla="*/ 7289 w 10000"/>
                <a:gd name="connsiteY90" fmla="*/ 0 h 114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</a:cxnLst>
              <a:rect l="l" t="t" r="r" b="b"/>
              <a:pathLst>
                <a:path w="10000" h="11428">
                  <a:moveTo>
                    <a:pt x="7289" y="0"/>
                  </a:moveTo>
                  <a:lnTo>
                    <a:pt x="7733" y="873"/>
                  </a:lnTo>
                  <a:lnTo>
                    <a:pt x="8133" y="1984"/>
                  </a:lnTo>
                  <a:cubicBezTo>
                    <a:pt x="8237" y="2381"/>
                    <a:pt x="8340" y="2778"/>
                    <a:pt x="8444" y="3175"/>
                  </a:cubicBezTo>
                  <a:lnTo>
                    <a:pt x="8756" y="4286"/>
                  </a:lnTo>
                  <a:lnTo>
                    <a:pt x="9378" y="6825"/>
                  </a:lnTo>
                  <a:lnTo>
                    <a:pt x="10000" y="9286"/>
                  </a:lnTo>
                  <a:cubicBezTo>
                    <a:pt x="9985" y="9339"/>
                    <a:pt x="9971" y="9391"/>
                    <a:pt x="9956" y="9444"/>
                  </a:cubicBezTo>
                  <a:lnTo>
                    <a:pt x="9911" y="9603"/>
                  </a:lnTo>
                  <a:lnTo>
                    <a:pt x="9733" y="9683"/>
                  </a:lnTo>
                  <a:lnTo>
                    <a:pt x="9600" y="9762"/>
                  </a:lnTo>
                  <a:lnTo>
                    <a:pt x="9333" y="9841"/>
                  </a:lnTo>
                  <a:lnTo>
                    <a:pt x="9111" y="10000"/>
                  </a:lnTo>
                  <a:lnTo>
                    <a:pt x="8489" y="9762"/>
                  </a:lnTo>
                  <a:lnTo>
                    <a:pt x="7911" y="9444"/>
                  </a:lnTo>
                  <a:lnTo>
                    <a:pt x="7644" y="9286"/>
                  </a:lnTo>
                  <a:lnTo>
                    <a:pt x="7333" y="9048"/>
                  </a:lnTo>
                  <a:lnTo>
                    <a:pt x="6978" y="8968"/>
                  </a:lnTo>
                  <a:lnTo>
                    <a:pt x="6622" y="8968"/>
                  </a:lnTo>
                  <a:cubicBezTo>
                    <a:pt x="6578" y="8809"/>
                    <a:pt x="6533" y="8651"/>
                    <a:pt x="6489" y="8492"/>
                  </a:cubicBezTo>
                  <a:cubicBezTo>
                    <a:pt x="6430" y="8333"/>
                    <a:pt x="6370" y="8175"/>
                    <a:pt x="6311" y="8016"/>
                  </a:cubicBezTo>
                  <a:lnTo>
                    <a:pt x="6311" y="7937"/>
                  </a:lnTo>
                  <a:lnTo>
                    <a:pt x="6311" y="7857"/>
                  </a:lnTo>
                  <a:lnTo>
                    <a:pt x="6133" y="7778"/>
                  </a:lnTo>
                  <a:cubicBezTo>
                    <a:pt x="6103" y="7725"/>
                    <a:pt x="6074" y="7672"/>
                    <a:pt x="6044" y="7619"/>
                  </a:cubicBezTo>
                  <a:cubicBezTo>
                    <a:pt x="6015" y="7566"/>
                    <a:pt x="5985" y="7513"/>
                    <a:pt x="5956" y="7460"/>
                  </a:cubicBezTo>
                  <a:cubicBezTo>
                    <a:pt x="5941" y="7407"/>
                    <a:pt x="5926" y="7355"/>
                    <a:pt x="5911" y="7302"/>
                  </a:cubicBezTo>
                  <a:cubicBezTo>
                    <a:pt x="5867" y="7196"/>
                    <a:pt x="5822" y="7090"/>
                    <a:pt x="5778" y="6984"/>
                  </a:cubicBezTo>
                  <a:cubicBezTo>
                    <a:pt x="5763" y="6852"/>
                    <a:pt x="5748" y="6719"/>
                    <a:pt x="5733" y="6587"/>
                  </a:cubicBezTo>
                  <a:lnTo>
                    <a:pt x="5289" y="6587"/>
                  </a:lnTo>
                  <a:lnTo>
                    <a:pt x="4933" y="6587"/>
                  </a:lnTo>
                  <a:lnTo>
                    <a:pt x="4533" y="6587"/>
                  </a:lnTo>
                  <a:lnTo>
                    <a:pt x="4133" y="6587"/>
                  </a:lnTo>
                  <a:lnTo>
                    <a:pt x="4133" y="6984"/>
                  </a:lnTo>
                  <a:lnTo>
                    <a:pt x="4133" y="7460"/>
                  </a:lnTo>
                  <a:lnTo>
                    <a:pt x="4133" y="7778"/>
                  </a:lnTo>
                  <a:lnTo>
                    <a:pt x="4133" y="7937"/>
                  </a:lnTo>
                  <a:cubicBezTo>
                    <a:pt x="4118" y="7990"/>
                    <a:pt x="4104" y="8042"/>
                    <a:pt x="4089" y="8095"/>
                  </a:cubicBezTo>
                  <a:lnTo>
                    <a:pt x="4000" y="8175"/>
                  </a:lnTo>
                  <a:lnTo>
                    <a:pt x="3867" y="8254"/>
                  </a:lnTo>
                  <a:lnTo>
                    <a:pt x="3822" y="8413"/>
                  </a:lnTo>
                  <a:cubicBezTo>
                    <a:pt x="3807" y="8439"/>
                    <a:pt x="3793" y="8466"/>
                    <a:pt x="3778" y="8492"/>
                  </a:cubicBezTo>
                  <a:cubicBezTo>
                    <a:pt x="3748" y="8518"/>
                    <a:pt x="3719" y="8545"/>
                    <a:pt x="3689" y="8571"/>
                  </a:cubicBezTo>
                  <a:lnTo>
                    <a:pt x="3556" y="8571"/>
                  </a:lnTo>
                  <a:lnTo>
                    <a:pt x="3422" y="8571"/>
                  </a:lnTo>
                  <a:lnTo>
                    <a:pt x="3044" y="10714"/>
                  </a:lnTo>
                  <a:lnTo>
                    <a:pt x="2222" y="8571"/>
                  </a:lnTo>
                  <a:cubicBezTo>
                    <a:pt x="2378" y="9523"/>
                    <a:pt x="2533" y="10476"/>
                    <a:pt x="2689" y="11428"/>
                  </a:cubicBezTo>
                  <a:lnTo>
                    <a:pt x="2000" y="8571"/>
                  </a:lnTo>
                  <a:cubicBezTo>
                    <a:pt x="2007" y="8995"/>
                    <a:pt x="2015" y="9418"/>
                    <a:pt x="2022" y="9842"/>
                  </a:cubicBezTo>
                  <a:lnTo>
                    <a:pt x="844" y="8254"/>
                  </a:lnTo>
                  <a:lnTo>
                    <a:pt x="622" y="8175"/>
                  </a:lnTo>
                  <a:lnTo>
                    <a:pt x="400" y="8016"/>
                  </a:lnTo>
                  <a:lnTo>
                    <a:pt x="222" y="7778"/>
                  </a:lnTo>
                  <a:cubicBezTo>
                    <a:pt x="178" y="7646"/>
                    <a:pt x="133" y="7513"/>
                    <a:pt x="89" y="7381"/>
                  </a:cubicBezTo>
                  <a:lnTo>
                    <a:pt x="89" y="6349"/>
                  </a:lnTo>
                  <a:cubicBezTo>
                    <a:pt x="59" y="6032"/>
                    <a:pt x="30" y="5714"/>
                    <a:pt x="0" y="5397"/>
                  </a:cubicBezTo>
                  <a:lnTo>
                    <a:pt x="0" y="5000"/>
                  </a:lnTo>
                  <a:cubicBezTo>
                    <a:pt x="30" y="4894"/>
                    <a:pt x="59" y="4789"/>
                    <a:pt x="89" y="4683"/>
                  </a:cubicBezTo>
                  <a:cubicBezTo>
                    <a:pt x="133" y="4577"/>
                    <a:pt x="178" y="4471"/>
                    <a:pt x="222" y="4365"/>
                  </a:cubicBezTo>
                  <a:lnTo>
                    <a:pt x="400" y="4127"/>
                  </a:lnTo>
                  <a:lnTo>
                    <a:pt x="711" y="4286"/>
                  </a:lnTo>
                  <a:lnTo>
                    <a:pt x="1022" y="4365"/>
                  </a:lnTo>
                  <a:lnTo>
                    <a:pt x="1289" y="4603"/>
                  </a:lnTo>
                  <a:lnTo>
                    <a:pt x="1644" y="4603"/>
                  </a:lnTo>
                  <a:lnTo>
                    <a:pt x="1911" y="4206"/>
                  </a:lnTo>
                  <a:cubicBezTo>
                    <a:pt x="1955" y="4074"/>
                    <a:pt x="2000" y="3942"/>
                    <a:pt x="2044" y="3810"/>
                  </a:cubicBezTo>
                  <a:cubicBezTo>
                    <a:pt x="2074" y="3730"/>
                    <a:pt x="2103" y="3651"/>
                    <a:pt x="2133" y="3571"/>
                  </a:cubicBezTo>
                  <a:lnTo>
                    <a:pt x="2222" y="3413"/>
                  </a:lnTo>
                  <a:lnTo>
                    <a:pt x="2356" y="3254"/>
                  </a:lnTo>
                  <a:lnTo>
                    <a:pt x="2533" y="3175"/>
                  </a:lnTo>
                  <a:lnTo>
                    <a:pt x="2756" y="3254"/>
                  </a:lnTo>
                  <a:lnTo>
                    <a:pt x="2978" y="3333"/>
                  </a:lnTo>
                  <a:lnTo>
                    <a:pt x="3200" y="3413"/>
                  </a:lnTo>
                  <a:lnTo>
                    <a:pt x="3422" y="3413"/>
                  </a:lnTo>
                  <a:lnTo>
                    <a:pt x="3422" y="3254"/>
                  </a:lnTo>
                  <a:lnTo>
                    <a:pt x="3422" y="3175"/>
                  </a:lnTo>
                  <a:lnTo>
                    <a:pt x="3911" y="2778"/>
                  </a:lnTo>
                  <a:lnTo>
                    <a:pt x="4311" y="2381"/>
                  </a:lnTo>
                  <a:lnTo>
                    <a:pt x="4533" y="2143"/>
                  </a:lnTo>
                  <a:lnTo>
                    <a:pt x="4756" y="1984"/>
                  </a:lnTo>
                  <a:lnTo>
                    <a:pt x="4978" y="1825"/>
                  </a:lnTo>
                  <a:lnTo>
                    <a:pt x="5244" y="1746"/>
                  </a:lnTo>
                  <a:lnTo>
                    <a:pt x="5600" y="1667"/>
                  </a:lnTo>
                  <a:lnTo>
                    <a:pt x="5867" y="1508"/>
                  </a:lnTo>
                  <a:lnTo>
                    <a:pt x="6089" y="1190"/>
                  </a:lnTo>
                  <a:lnTo>
                    <a:pt x="6356" y="952"/>
                  </a:lnTo>
                  <a:lnTo>
                    <a:pt x="6578" y="635"/>
                  </a:lnTo>
                  <a:lnTo>
                    <a:pt x="6756" y="397"/>
                  </a:lnTo>
                  <a:lnTo>
                    <a:pt x="6978" y="159"/>
                  </a:lnTo>
                  <a:lnTo>
                    <a:pt x="7289" y="0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58" name="Rudersdal"/>
            <p:cNvSpPr>
              <a:spLocks/>
            </p:cNvSpPr>
            <p:nvPr/>
          </p:nvSpPr>
          <p:spPr bwMode="auto">
            <a:xfrm>
              <a:off x="3867150" y="4679950"/>
              <a:ext cx="134938" cy="104775"/>
            </a:xfrm>
            <a:custGeom>
              <a:avLst/>
              <a:gdLst>
                <a:gd name="T0" fmla="*/ 125942 w 255"/>
                <a:gd name="T1" fmla="*/ 24871 h 198"/>
                <a:gd name="T2" fmla="*/ 128588 w 255"/>
                <a:gd name="T3" fmla="*/ 31221 h 198"/>
                <a:gd name="T4" fmla="*/ 130705 w 255"/>
                <a:gd name="T5" fmla="*/ 42333 h 198"/>
                <a:gd name="T6" fmla="*/ 131234 w 255"/>
                <a:gd name="T7" fmla="*/ 59796 h 198"/>
                <a:gd name="T8" fmla="*/ 131763 w 255"/>
                <a:gd name="T9" fmla="*/ 71967 h 198"/>
                <a:gd name="T10" fmla="*/ 133350 w 255"/>
                <a:gd name="T11" fmla="*/ 78317 h 198"/>
                <a:gd name="T12" fmla="*/ 125413 w 255"/>
                <a:gd name="T13" fmla="*/ 85725 h 198"/>
                <a:gd name="T14" fmla="*/ 105305 w 255"/>
                <a:gd name="T15" fmla="*/ 92604 h 198"/>
                <a:gd name="T16" fmla="*/ 73554 w 255"/>
                <a:gd name="T17" fmla="*/ 100542 h 198"/>
                <a:gd name="T18" fmla="*/ 54504 w 255"/>
                <a:gd name="T19" fmla="*/ 103188 h 198"/>
                <a:gd name="T20" fmla="*/ 53446 w 255"/>
                <a:gd name="T21" fmla="*/ 101071 h 198"/>
                <a:gd name="T22" fmla="*/ 51329 w 255"/>
                <a:gd name="T23" fmla="*/ 99483 h 198"/>
                <a:gd name="T24" fmla="*/ 48154 w 255"/>
                <a:gd name="T25" fmla="*/ 99483 h 198"/>
                <a:gd name="T26" fmla="*/ 42333 w 255"/>
                <a:gd name="T27" fmla="*/ 102129 h 198"/>
                <a:gd name="T28" fmla="*/ 35454 w 255"/>
                <a:gd name="T29" fmla="*/ 102658 h 198"/>
                <a:gd name="T30" fmla="*/ 28575 w 255"/>
                <a:gd name="T31" fmla="*/ 102129 h 198"/>
                <a:gd name="T32" fmla="*/ 25929 w 255"/>
                <a:gd name="T33" fmla="*/ 100542 h 198"/>
                <a:gd name="T34" fmla="*/ 24871 w 255"/>
                <a:gd name="T35" fmla="*/ 95779 h 198"/>
                <a:gd name="T36" fmla="*/ 24342 w 255"/>
                <a:gd name="T37" fmla="*/ 93133 h 198"/>
                <a:gd name="T38" fmla="*/ 21696 w 255"/>
                <a:gd name="T39" fmla="*/ 92604 h 198"/>
                <a:gd name="T40" fmla="*/ 19579 w 255"/>
                <a:gd name="T41" fmla="*/ 92075 h 198"/>
                <a:gd name="T42" fmla="*/ 18521 w 255"/>
                <a:gd name="T43" fmla="*/ 90488 h 198"/>
                <a:gd name="T44" fmla="*/ 21167 w 255"/>
                <a:gd name="T45" fmla="*/ 88371 h 198"/>
                <a:gd name="T46" fmla="*/ 25400 w 255"/>
                <a:gd name="T47" fmla="*/ 88371 h 198"/>
                <a:gd name="T48" fmla="*/ 26988 w 255"/>
                <a:gd name="T49" fmla="*/ 87842 h 198"/>
                <a:gd name="T50" fmla="*/ 34396 w 255"/>
                <a:gd name="T51" fmla="*/ 85196 h 198"/>
                <a:gd name="T52" fmla="*/ 40746 w 255"/>
                <a:gd name="T53" fmla="*/ 79904 h 198"/>
                <a:gd name="T54" fmla="*/ 38629 w 255"/>
                <a:gd name="T55" fmla="*/ 74613 h 198"/>
                <a:gd name="T56" fmla="*/ 33867 w 255"/>
                <a:gd name="T57" fmla="*/ 74083 h 198"/>
                <a:gd name="T58" fmla="*/ 26458 w 255"/>
                <a:gd name="T59" fmla="*/ 75142 h 198"/>
                <a:gd name="T60" fmla="*/ 19050 w 255"/>
                <a:gd name="T61" fmla="*/ 76200 h 198"/>
                <a:gd name="T62" fmla="*/ 14817 w 255"/>
                <a:gd name="T63" fmla="*/ 72496 h 198"/>
                <a:gd name="T64" fmla="*/ 11113 w 255"/>
                <a:gd name="T65" fmla="*/ 67204 h 198"/>
                <a:gd name="T66" fmla="*/ 6879 w 255"/>
                <a:gd name="T67" fmla="*/ 62971 h 198"/>
                <a:gd name="T68" fmla="*/ 2646 w 255"/>
                <a:gd name="T69" fmla="*/ 59796 h 198"/>
                <a:gd name="T70" fmla="*/ 0 w 255"/>
                <a:gd name="T71" fmla="*/ 54504 h 198"/>
                <a:gd name="T72" fmla="*/ 529 w 255"/>
                <a:gd name="T73" fmla="*/ 49742 h 198"/>
                <a:gd name="T74" fmla="*/ 2646 w 255"/>
                <a:gd name="T75" fmla="*/ 43921 h 198"/>
                <a:gd name="T76" fmla="*/ 6879 w 255"/>
                <a:gd name="T77" fmla="*/ 35983 h 198"/>
                <a:gd name="T78" fmla="*/ 14817 w 255"/>
                <a:gd name="T79" fmla="*/ 27517 h 198"/>
                <a:gd name="T80" fmla="*/ 21167 w 255"/>
                <a:gd name="T81" fmla="*/ 23813 h 198"/>
                <a:gd name="T82" fmla="*/ 26458 w 255"/>
                <a:gd name="T83" fmla="*/ 24342 h 198"/>
                <a:gd name="T84" fmla="*/ 30692 w 255"/>
                <a:gd name="T85" fmla="*/ 25929 h 198"/>
                <a:gd name="T86" fmla="*/ 36513 w 255"/>
                <a:gd name="T87" fmla="*/ 26988 h 198"/>
                <a:gd name="T88" fmla="*/ 40217 w 255"/>
                <a:gd name="T89" fmla="*/ 24342 h 198"/>
                <a:gd name="T90" fmla="*/ 45509 w 255"/>
                <a:gd name="T91" fmla="*/ 22225 h 198"/>
                <a:gd name="T92" fmla="*/ 50800 w 255"/>
                <a:gd name="T93" fmla="*/ 19579 h 198"/>
                <a:gd name="T94" fmla="*/ 53446 w 255"/>
                <a:gd name="T95" fmla="*/ 13229 h 198"/>
                <a:gd name="T96" fmla="*/ 52917 w 255"/>
                <a:gd name="T97" fmla="*/ 8467 h 198"/>
                <a:gd name="T98" fmla="*/ 51859 w 255"/>
                <a:gd name="T99" fmla="*/ 6879 h 198"/>
                <a:gd name="T100" fmla="*/ 51329 w 255"/>
                <a:gd name="T101" fmla="*/ 2646 h 198"/>
                <a:gd name="T102" fmla="*/ 59796 w 255"/>
                <a:gd name="T103" fmla="*/ 0 h 198"/>
                <a:gd name="T104" fmla="*/ 68792 w 255"/>
                <a:gd name="T105" fmla="*/ 1588 h 198"/>
                <a:gd name="T106" fmla="*/ 69850 w 255"/>
                <a:gd name="T107" fmla="*/ 4763 h 198"/>
                <a:gd name="T108" fmla="*/ 71438 w 255"/>
                <a:gd name="T109" fmla="*/ 6879 h 198"/>
                <a:gd name="T110" fmla="*/ 76200 w 255"/>
                <a:gd name="T111" fmla="*/ 11113 h 198"/>
                <a:gd name="T112" fmla="*/ 83079 w 255"/>
                <a:gd name="T113" fmla="*/ 15346 h 198"/>
                <a:gd name="T114" fmla="*/ 91546 w 255"/>
                <a:gd name="T115" fmla="*/ 17992 h 198"/>
                <a:gd name="T116" fmla="*/ 99484 w 255"/>
                <a:gd name="T117" fmla="*/ 20638 h 198"/>
                <a:gd name="T118" fmla="*/ 105834 w 255"/>
                <a:gd name="T119" fmla="*/ 22754 h 198"/>
                <a:gd name="T120" fmla="*/ 113242 w 255"/>
                <a:gd name="T121" fmla="*/ 21696 h 198"/>
                <a:gd name="T122" fmla="*/ 119592 w 255"/>
                <a:gd name="T123" fmla="*/ 20108 h 198"/>
                <a:gd name="T124" fmla="*/ 122767 w 255"/>
                <a:gd name="T125" fmla="*/ 21167 h 19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255" h="198">
                  <a:moveTo>
                    <a:pt x="234" y="43"/>
                  </a:moveTo>
                  <a:lnTo>
                    <a:pt x="238" y="47"/>
                  </a:lnTo>
                  <a:lnTo>
                    <a:pt x="240" y="53"/>
                  </a:lnTo>
                  <a:lnTo>
                    <a:pt x="243" y="59"/>
                  </a:lnTo>
                  <a:lnTo>
                    <a:pt x="245" y="65"/>
                  </a:lnTo>
                  <a:lnTo>
                    <a:pt x="247" y="80"/>
                  </a:lnTo>
                  <a:lnTo>
                    <a:pt x="247" y="96"/>
                  </a:lnTo>
                  <a:lnTo>
                    <a:pt x="248" y="113"/>
                  </a:lnTo>
                  <a:lnTo>
                    <a:pt x="248" y="128"/>
                  </a:lnTo>
                  <a:lnTo>
                    <a:pt x="249" y="136"/>
                  </a:lnTo>
                  <a:lnTo>
                    <a:pt x="251" y="142"/>
                  </a:lnTo>
                  <a:lnTo>
                    <a:pt x="252" y="148"/>
                  </a:lnTo>
                  <a:lnTo>
                    <a:pt x="255" y="155"/>
                  </a:lnTo>
                  <a:lnTo>
                    <a:pt x="237" y="162"/>
                  </a:lnTo>
                  <a:lnTo>
                    <a:pt x="219" y="168"/>
                  </a:lnTo>
                  <a:lnTo>
                    <a:pt x="199" y="175"/>
                  </a:lnTo>
                  <a:lnTo>
                    <a:pt x="179" y="180"/>
                  </a:lnTo>
                  <a:lnTo>
                    <a:pt x="139" y="190"/>
                  </a:lnTo>
                  <a:lnTo>
                    <a:pt x="103" y="198"/>
                  </a:lnTo>
                  <a:lnTo>
                    <a:pt x="103" y="195"/>
                  </a:lnTo>
                  <a:lnTo>
                    <a:pt x="103" y="193"/>
                  </a:lnTo>
                  <a:lnTo>
                    <a:pt x="101" y="191"/>
                  </a:lnTo>
                  <a:lnTo>
                    <a:pt x="100" y="190"/>
                  </a:lnTo>
                  <a:lnTo>
                    <a:pt x="97" y="188"/>
                  </a:lnTo>
                  <a:lnTo>
                    <a:pt x="94" y="187"/>
                  </a:lnTo>
                  <a:lnTo>
                    <a:pt x="91" y="188"/>
                  </a:lnTo>
                  <a:lnTo>
                    <a:pt x="88" y="190"/>
                  </a:lnTo>
                  <a:lnTo>
                    <a:pt x="80" y="193"/>
                  </a:lnTo>
                  <a:lnTo>
                    <a:pt x="74" y="195"/>
                  </a:lnTo>
                  <a:lnTo>
                    <a:pt x="67" y="194"/>
                  </a:lnTo>
                  <a:lnTo>
                    <a:pt x="58" y="194"/>
                  </a:lnTo>
                  <a:lnTo>
                    <a:pt x="54" y="193"/>
                  </a:lnTo>
                  <a:lnTo>
                    <a:pt x="51" y="192"/>
                  </a:lnTo>
                  <a:lnTo>
                    <a:pt x="49" y="190"/>
                  </a:lnTo>
                  <a:lnTo>
                    <a:pt x="47" y="185"/>
                  </a:lnTo>
                  <a:lnTo>
                    <a:pt x="47" y="181"/>
                  </a:lnTo>
                  <a:lnTo>
                    <a:pt x="47" y="177"/>
                  </a:lnTo>
                  <a:lnTo>
                    <a:pt x="46" y="176"/>
                  </a:lnTo>
                  <a:lnTo>
                    <a:pt x="44" y="175"/>
                  </a:lnTo>
                  <a:lnTo>
                    <a:pt x="41" y="175"/>
                  </a:lnTo>
                  <a:lnTo>
                    <a:pt x="39" y="175"/>
                  </a:lnTo>
                  <a:lnTo>
                    <a:pt x="37" y="174"/>
                  </a:lnTo>
                  <a:lnTo>
                    <a:pt x="36" y="173"/>
                  </a:lnTo>
                  <a:lnTo>
                    <a:pt x="35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46" y="167"/>
                  </a:lnTo>
                  <a:lnTo>
                    <a:pt x="48" y="167"/>
                  </a:lnTo>
                  <a:lnTo>
                    <a:pt x="50" y="167"/>
                  </a:lnTo>
                  <a:lnTo>
                    <a:pt x="51" y="166"/>
                  </a:lnTo>
                  <a:lnTo>
                    <a:pt x="52" y="164"/>
                  </a:lnTo>
                  <a:lnTo>
                    <a:pt x="65" y="161"/>
                  </a:lnTo>
                  <a:lnTo>
                    <a:pt x="77" y="157"/>
                  </a:lnTo>
                  <a:lnTo>
                    <a:pt x="77" y="151"/>
                  </a:lnTo>
                  <a:lnTo>
                    <a:pt x="77" y="144"/>
                  </a:lnTo>
                  <a:lnTo>
                    <a:pt x="73" y="141"/>
                  </a:lnTo>
                  <a:lnTo>
                    <a:pt x="69" y="140"/>
                  </a:lnTo>
                  <a:lnTo>
                    <a:pt x="64" y="140"/>
                  </a:lnTo>
                  <a:lnTo>
                    <a:pt x="58" y="140"/>
                  </a:lnTo>
                  <a:lnTo>
                    <a:pt x="50" y="142"/>
                  </a:lnTo>
                  <a:lnTo>
                    <a:pt x="41" y="146"/>
                  </a:lnTo>
                  <a:lnTo>
                    <a:pt x="36" y="144"/>
                  </a:lnTo>
                  <a:lnTo>
                    <a:pt x="32" y="141"/>
                  </a:lnTo>
                  <a:lnTo>
                    <a:pt x="28" y="137"/>
                  </a:lnTo>
                  <a:lnTo>
                    <a:pt x="25" y="133"/>
                  </a:lnTo>
                  <a:lnTo>
                    <a:pt x="21" y="127"/>
                  </a:lnTo>
                  <a:lnTo>
                    <a:pt x="17" y="123"/>
                  </a:lnTo>
                  <a:lnTo>
                    <a:pt x="13" y="119"/>
                  </a:lnTo>
                  <a:lnTo>
                    <a:pt x="9" y="116"/>
                  </a:lnTo>
                  <a:lnTo>
                    <a:pt x="5" y="113"/>
                  </a:lnTo>
                  <a:lnTo>
                    <a:pt x="2" y="107"/>
                  </a:lnTo>
                  <a:lnTo>
                    <a:pt x="0" y="103"/>
                  </a:lnTo>
                  <a:lnTo>
                    <a:pt x="0" y="98"/>
                  </a:lnTo>
                  <a:lnTo>
                    <a:pt x="1" y="94"/>
                  </a:lnTo>
                  <a:lnTo>
                    <a:pt x="2" y="88"/>
                  </a:lnTo>
                  <a:lnTo>
                    <a:pt x="5" y="83"/>
                  </a:lnTo>
                  <a:lnTo>
                    <a:pt x="7" y="79"/>
                  </a:lnTo>
                  <a:lnTo>
                    <a:pt x="13" y="68"/>
                  </a:lnTo>
                  <a:lnTo>
                    <a:pt x="20" y="60"/>
                  </a:lnTo>
                  <a:lnTo>
                    <a:pt x="28" y="52"/>
                  </a:lnTo>
                  <a:lnTo>
                    <a:pt x="34" y="45"/>
                  </a:lnTo>
                  <a:lnTo>
                    <a:pt x="40" y="45"/>
                  </a:lnTo>
                  <a:lnTo>
                    <a:pt x="45" y="45"/>
                  </a:lnTo>
                  <a:lnTo>
                    <a:pt x="50" y="46"/>
                  </a:lnTo>
                  <a:lnTo>
                    <a:pt x="54" y="48"/>
                  </a:lnTo>
                  <a:lnTo>
                    <a:pt x="58" y="49"/>
                  </a:lnTo>
                  <a:lnTo>
                    <a:pt x="64" y="51"/>
                  </a:lnTo>
                  <a:lnTo>
                    <a:pt x="69" y="51"/>
                  </a:lnTo>
                  <a:lnTo>
                    <a:pt x="74" y="51"/>
                  </a:lnTo>
                  <a:lnTo>
                    <a:pt x="76" y="46"/>
                  </a:lnTo>
                  <a:lnTo>
                    <a:pt x="80" y="43"/>
                  </a:lnTo>
                  <a:lnTo>
                    <a:pt x="86" y="42"/>
                  </a:lnTo>
                  <a:lnTo>
                    <a:pt x="92" y="43"/>
                  </a:lnTo>
                  <a:lnTo>
                    <a:pt x="96" y="37"/>
                  </a:lnTo>
                  <a:lnTo>
                    <a:pt x="98" y="32"/>
                  </a:lnTo>
                  <a:lnTo>
                    <a:pt x="101" y="25"/>
                  </a:lnTo>
                  <a:lnTo>
                    <a:pt x="103" y="17"/>
                  </a:lnTo>
                  <a:lnTo>
                    <a:pt x="100" y="16"/>
                  </a:lnTo>
                  <a:lnTo>
                    <a:pt x="99" y="15"/>
                  </a:lnTo>
                  <a:lnTo>
                    <a:pt x="98" y="13"/>
                  </a:lnTo>
                  <a:lnTo>
                    <a:pt x="97" y="10"/>
                  </a:lnTo>
                  <a:lnTo>
                    <a:pt x="97" y="5"/>
                  </a:lnTo>
                  <a:lnTo>
                    <a:pt x="97" y="0"/>
                  </a:lnTo>
                  <a:lnTo>
                    <a:pt x="113" y="0"/>
                  </a:lnTo>
                  <a:lnTo>
                    <a:pt x="128" y="0"/>
                  </a:lnTo>
                  <a:lnTo>
                    <a:pt x="130" y="3"/>
                  </a:lnTo>
                  <a:lnTo>
                    <a:pt x="131" y="8"/>
                  </a:lnTo>
                  <a:lnTo>
                    <a:pt x="132" y="9"/>
                  </a:lnTo>
                  <a:lnTo>
                    <a:pt x="133" y="12"/>
                  </a:lnTo>
                  <a:lnTo>
                    <a:pt x="135" y="13"/>
                  </a:lnTo>
                  <a:lnTo>
                    <a:pt x="138" y="13"/>
                  </a:lnTo>
                  <a:lnTo>
                    <a:pt x="144" y="21"/>
                  </a:lnTo>
                  <a:lnTo>
                    <a:pt x="148" y="31"/>
                  </a:lnTo>
                  <a:lnTo>
                    <a:pt x="157" y="29"/>
                  </a:lnTo>
                  <a:lnTo>
                    <a:pt x="166" y="31"/>
                  </a:lnTo>
                  <a:lnTo>
                    <a:pt x="173" y="34"/>
                  </a:lnTo>
                  <a:lnTo>
                    <a:pt x="180" y="36"/>
                  </a:lnTo>
                  <a:lnTo>
                    <a:pt x="188" y="39"/>
                  </a:lnTo>
                  <a:lnTo>
                    <a:pt x="194" y="41"/>
                  </a:lnTo>
                  <a:lnTo>
                    <a:pt x="200" y="43"/>
                  </a:lnTo>
                  <a:lnTo>
                    <a:pt x="207" y="43"/>
                  </a:lnTo>
                  <a:lnTo>
                    <a:pt x="214" y="41"/>
                  </a:lnTo>
                  <a:lnTo>
                    <a:pt x="223" y="39"/>
                  </a:lnTo>
                  <a:lnTo>
                    <a:pt x="226" y="38"/>
                  </a:lnTo>
                  <a:lnTo>
                    <a:pt x="230" y="39"/>
                  </a:lnTo>
                  <a:lnTo>
                    <a:pt x="232" y="40"/>
                  </a:lnTo>
                  <a:lnTo>
                    <a:pt x="234" y="43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59" name="Rudersdal kant"/>
            <p:cNvSpPr>
              <a:spLocks/>
            </p:cNvSpPr>
            <p:nvPr/>
          </p:nvSpPr>
          <p:spPr bwMode="auto">
            <a:xfrm>
              <a:off x="3867150" y="4679950"/>
              <a:ext cx="134938" cy="104775"/>
            </a:xfrm>
            <a:custGeom>
              <a:avLst/>
              <a:gdLst>
                <a:gd name="T0" fmla="*/ 125942 w 255"/>
                <a:gd name="T1" fmla="*/ 24871 h 198"/>
                <a:gd name="T2" fmla="*/ 128588 w 255"/>
                <a:gd name="T3" fmla="*/ 31221 h 198"/>
                <a:gd name="T4" fmla="*/ 130705 w 255"/>
                <a:gd name="T5" fmla="*/ 42333 h 198"/>
                <a:gd name="T6" fmla="*/ 131234 w 255"/>
                <a:gd name="T7" fmla="*/ 59796 h 198"/>
                <a:gd name="T8" fmla="*/ 131763 w 255"/>
                <a:gd name="T9" fmla="*/ 71967 h 198"/>
                <a:gd name="T10" fmla="*/ 133350 w 255"/>
                <a:gd name="T11" fmla="*/ 78317 h 198"/>
                <a:gd name="T12" fmla="*/ 125413 w 255"/>
                <a:gd name="T13" fmla="*/ 85725 h 198"/>
                <a:gd name="T14" fmla="*/ 105305 w 255"/>
                <a:gd name="T15" fmla="*/ 92604 h 198"/>
                <a:gd name="T16" fmla="*/ 73554 w 255"/>
                <a:gd name="T17" fmla="*/ 100542 h 198"/>
                <a:gd name="T18" fmla="*/ 54504 w 255"/>
                <a:gd name="T19" fmla="*/ 103188 h 198"/>
                <a:gd name="T20" fmla="*/ 53446 w 255"/>
                <a:gd name="T21" fmla="*/ 101071 h 198"/>
                <a:gd name="T22" fmla="*/ 51329 w 255"/>
                <a:gd name="T23" fmla="*/ 99483 h 198"/>
                <a:gd name="T24" fmla="*/ 48154 w 255"/>
                <a:gd name="T25" fmla="*/ 99483 h 198"/>
                <a:gd name="T26" fmla="*/ 42333 w 255"/>
                <a:gd name="T27" fmla="*/ 102129 h 198"/>
                <a:gd name="T28" fmla="*/ 35454 w 255"/>
                <a:gd name="T29" fmla="*/ 102658 h 198"/>
                <a:gd name="T30" fmla="*/ 28575 w 255"/>
                <a:gd name="T31" fmla="*/ 102129 h 198"/>
                <a:gd name="T32" fmla="*/ 25929 w 255"/>
                <a:gd name="T33" fmla="*/ 100542 h 198"/>
                <a:gd name="T34" fmla="*/ 24871 w 255"/>
                <a:gd name="T35" fmla="*/ 95779 h 198"/>
                <a:gd name="T36" fmla="*/ 24342 w 255"/>
                <a:gd name="T37" fmla="*/ 93133 h 198"/>
                <a:gd name="T38" fmla="*/ 21696 w 255"/>
                <a:gd name="T39" fmla="*/ 92604 h 198"/>
                <a:gd name="T40" fmla="*/ 19579 w 255"/>
                <a:gd name="T41" fmla="*/ 92075 h 198"/>
                <a:gd name="T42" fmla="*/ 18521 w 255"/>
                <a:gd name="T43" fmla="*/ 90488 h 198"/>
                <a:gd name="T44" fmla="*/ 21167 w 255"/>
                <a:gd name="T45" fmla="*/ 88371 h 198"/>
                <a:gd name="T46" fmla="*/ 25400 w 255"/>
                <a:gd name="T47" fmla="*/ 88371 h 198"/>
                <a:gd name="T48" fmla="*/ 26988 w 255"/>
                <a:gd name="T49" fmla="*/ 87842 h 198"/>
                <a:gd name="T50" fmla="*/ 34396 w 255"/>
                <a:gd name="T51" fmla="*/ 85196 h 198"/>
                <a:gd name="T52" fmla="*/ 40746 w 255"/>
                <a:gd name="T53" fmla="*/ 79904 h 198"/>
                <a:gd name="T54" fmla="*/ 38629 w 255"/>
                <a:gd name="T55" fmla="*/ 74613 h 198"/>
                <a:gd name="T56" fmla="*/ 33867 w 255"/>
                <a:gd name="T57" fmla="*/ 74083 h 198"/>
                <a:gd name="T58" fmla="*/ 26458 w 255"/>
                <a:gd name="T59" fmla="*/ 75142 h 198"/>
                <a:gd name="T60" fmla="*/ 19050 w 255"/>
                <a:gd name="T61" fmla="*/ 76200 h 198"/>
                <a:gd name="T62" fmla="*/ 14817 w 255"/>
                <a:gd name="T63" fmla="*/ 72496 h 198"/>
                <a:gd name="T64" fmla="*/ 11113 w 255"/>
                <a:gd name="T65" fmla="*/ 67204 h 198"/>
                <a:gd name="T66" fmla="*/ 6879 w 255"/>
                <a:gd name="T67" fmla="*/ 62971 h 198"/>
                <a:gd name="T68" fmla="*/ 2646 w 255"/>
                <a:gd name="T69" fmla="*/ 59796 h 198"/>
                <a:gd name="T70" fmla="*/ 0 w 255"/>
                <a:gd name="T71" fmla="*/ 54504 h 198"/>
                <a:gd name="T72" fmla="*/ 529 w 255"/>
                <a:gd name="T73" fmla="*/ 49742 h 198"/>
                <a:gd name="T74" fmla="*/ 2646 w 255"/>
                <a:gd name="T75" fmla="*/ 43921 h 198"/>
                <a:gd name="T76" fmla="*/ 6879 w 255"/>
                <a:gd name="T77" fmla="*/ 35983 h 198"/>
                <a:gd name="T78" fmla="*/ 14817 w 255"/>
                <a:gd name="T79" fmla="*/ 27517 h 198"/>
                <a:gd name="T80" fmla="*/ 21167 w 255"/>
                <a:gd name="T81" fmla="*/ 23813 h 198"/>
                <a:gd name="T82" fmla="*/ 26458 w 255"/>
                <a:gd name="T83" fmla="*/ 24342 h 198"/>
                <a:gd name="T84" fmla="*/ 30692 w 255"/>
                <a:gd name="T85" fmla="*/ 25929 h 198"/>
                <a:gd name="T86" fmla="*/ 36513 w 255"/>
                <a:gd name="T87" fmla="*/ 26988 h 198"/>
                <a:gd name="T88" fmla="*/ 40217 w 255"/>
                <a:gd name="T89" fmla="*/ 24342 h 198"/>
                <a:gd name="T90" fmla="*/ 45509 w 255"/>
                <a:gd name="T91" fmla="*/ 22225 h 198"/>
                <a:gd name="T92" fmla="*/ 50800 w 255"/>
                <a:gd name="T93" fmla="*/ 19579 h 198"/>
                <a:gd name="T94" fmla="*/ 53446 w 255"/>
                <a:gd name="T95" fmla="*/ 13229 h 198"/>
                <a:gd name="T96" fmla="*/ 52917 w 255"/>
                <a:gd name="T97" fmla="*/ 8467 h 198"/>
                <a:gd name="T98" fmla="*/ 51859 w 255"/>
                <a:gd name="T99" fmla="*/ 6879 h 198"/>
                <a:gd name="T100" fmla="*/ 51329 w 255"/>
                <a:gd name="T101" fmla="*/ 2646 h 198"/>
                <a:gd name="T102" fmla="*/ 59796 w 255"/>
                <a:gd name="T103" fmla="*/ 0 h 198"/>
                <a:gd name="T104" fmla="*/ 68792 w 255"/>
                <a:gd name="T105" fmla="*/ 1588 h 198"/>
                <a:gd name="T106" fmla="*/ 69850 w 255"/>
                <a:gd name="T107" fmla="*/ 4763 h 198"/>
                <a:gd name="T108" fmla="*/ 71438 w 255"/>
                <a:gd name="T109" fmla="*/ 6879 h 198"/>
                <a:gd name="T110" fmla="*/ 76200 w 255"/>
                <a:gd name="T111" fmla="*/ 11113 h 198"/>
                <a:gd name="T112" fmla="*/ 83079 w 255"/>
                <a:gd name="T113" fmla="*/ 15346 h 198"/>
                <a:gd name="T114" fmla="*/ 91546 w 255"/>
                <a:gd name="T115" fmla="*/ 17992 h 198"/>
                <a:gd name="T116" fmla="*/ 99484 w 255"/>
                <a:gd name="T117" fmla="*/ 20638 h 198"/>
                <a:gd name="T118" fmla="*/ 105834 w 255"/>
                <a:gd name="T119" fmla="*/ 22754 h 198"/>
                <a:gd name="T120" fmla="*/ 113242 w 255"/>
                <a:gd name="T121" fmla="*/ 21696 h 198"/>
                <a:gd name="T122" fmla="*/ 119592 w 255"/>
                <a:gd name="T123" fmla="*/ 20108 h 198"/>
                <a:gd name="T124" fmla="*/ 122767 w 255"/>
                <a:gd name="T125" fmla="*/ 21167 h 19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255" h="198">
                  <a:moveTo>
                    <a:pt x="234" y="43"/>
                  </a:moveTo>
                  <a:lnTo>
                    <a:pt x="238" y="47"/>
                  </a:lnTo>
                  <a:lnTo>
                    <a:pt x="240" y="53"/>
                  </a:lnTo>
                  <a:lnTo>
                    <a:pt x="243" y="59"/>
                  </a:lnTo>
                  <a:lnTo>
                    <a:pt x="245" y="65"/>
                  </a:lnTo>
                  <a:lnTo>
                    <a:pt x="247" y="80"/>
                  </a:lnTo>
                  <a:lnTo>
                    <a:pt x="247" y="96"/>
                  </a:lnTo>
                  <a:lnTo>
                    <a:pt x="248" y="113"/>
                  </a:lnTo>
                  <a:lnTo>
                    <a:pt x="248" y="128"/>
                  </a:lnTo>
                  <a:lnTo>
                    <a:pt x="249" y="136"/>
                  </a:lnTo>
                  <a:lnTo>
                    <a:pt x="251" y="142"/>
                  </a:lnTo>
                  <a:lnTo>
                    <a:pt x="252" y="148"/>
                  </a:lnTo>
                  <a:lnTo>
                    <a:pt x="255" y="155"/>
                  </a:lnTo>
                  <a:lnTo>
                    <a:pt x="237" y="162"/>
                  </a:lnTo>
                  <a:lnTo>
                    <a:pt x="219" y="168"/>
                  </a:lnTo>
                  <a:lnTo>
                    <a:pt x="199" y="175"/>
                  </a:lnTo>
                  <a:lnTo>
                    <a:pt x="179" y="180"/>
                  </a:lnTo>
                  <a:lnTo>
                    <a:pt x="139" y="190"/>
                  </a:lnTo>
                  <a:lnTo>
                    <a:pt x="103" y="198"/>
                  </a:lnTo>
                  <a:lnTo>
                    <a:pt x="103" y="195"/>
                  </a:lnTo>
                  <a:lnTo>
                    <a:pt x="103" y="193"/>
                  </a:lnTo>
                  <a:lnTo>
                    <a:pt x="101" y="191"/>
                  </a:lnTo>
                  <a:lnTo>
                    <a:pt x="100" y="190"/>
                  </a:lnTo>
                  <a:lnTo>
                    <a:pt x="97" y="188"/>
                  </a:lnTo>
                  <a:lnTo>
                    <a:pt x="94" y="187"/>
                  </a:lnTo>
                  <a:lnTo>
                    <a:pt x="91" y="188"/>
                  </a:lnTo>
                  <a:lnTo>
                    <a:pt x="88" y="190"/>
                  </a:lnTo>
                  <a:lnTo>
                    <a:pt x="80" y="193"/>
                  </a:lnTo>
                  <a:lnTo>
                    <a:pt x="74" y="195"/>
                  </a:lnTo>
                  <a:lnTo>
                    <a:pt x="67" y="194"/>
                  </a:lnTo>
                  <a:lnTo>
                    <a:pt x="58" y="194"/>
                  </a:lnTo>
                  <a:lnTo>
                    <a:pt x="54" y="193"/>
                  </a:lnTo>
                  <a:lnTo>
                    <a:pt x="51" y="192"/>
                  </a:lnTo>
                  <a:lnTo>
                    <a:pt x="49" y="190"/>
                  </a:lnTo>
                  <a:lnTo>
                    <a:pt x="47" y="185"/>
                  </a:lnTo>
                  <a:lnTo>
                    <a:pt x="47" y="181"/>
                  </a:lnTo>
                  <a:lnTo>
                    <a:pt x="47" y="177"/>
                  </a:lnTo>
                  <a:lnTo>
                    <a:pt x="46" y="176"/>
                  </a:lnTo>
                  <a:lnTo>
                    <a:pt x="44" y="175"/>
                  </a:lnTo>
                  <a:lnTo>
                    <a:pt x="41" y="175"/>
                  </a:lnTo>
                  <a:lnTo>
                    <a:pt x="39" y="175"/>
                  </a:lnTo>
                  <a:lnTo>
                    <a:pt x="37" y="174"/>
                  </a:lnTo>
                  <a:lnTo>
                    <a:pt x="36" y="173"/>
                  </a:lnTo>
                  <a:lnTo>
                    <a:pt x="35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46" y="167"/>
                  </a:lnTo>
                  <a:lnTo>
                    <a:pt x="48" y="167"/>
                  </a:lnTo>
                  <a:lnTo>
                    <a:pt x="50" y="167"/>
                  </a:lnTo>
                  <a:lnTo>
                    <a:pt x="51" y="166"/>
                  </a:lnTo>
                  <a:lnTo>
                    <a:pt x="52" y="164"/>
                  </a:lnTo>
                  <a:lnTo>
                    <a:pt x="65" y="161"/>
                  </a:lnTo>
                  <a:lnTo>
                    <a:pt x="77" y="157"/>
                  </a:lnTo>
                  <a:lnTo>
                    <a:pt x="77" y="151"/>
                  </a:lnTo>
                  <a:lnTo>
                    <a:pt x="77" y="144"/>
                  </a:lnTo>
                  <a:lnTo>
                    <a:pt x="73" y="141"/>
                  </a:lnTo>
                  <a:lnTo>
                    <a:pt x="69" y="140"/>
                  </a:lnTo>
                  <a:lnTo>
                    <a:pt x="64" y="140"/>
                  </a:lnTo>
                  <a:lnTo>
                    <a:pt x="58" y="140"/>
                  </a:lnTo>
                  <a:lnTo>
                    <a:pt x="50" y="142"/>
                  </a:lnTo>
                  <a:lnTo>
                    <a:pt x="41" y="146"/>
                  </a:lnTo>
                  <a:lnTo>
                    <a:pt x="36" y="144"/>
                  </a:lnTo>
                  <a:lnTo>
                    <a:pt x="32" y="141"/>
                  </a:lnTo>
                  <a:lnTo>
                    <a:pt x="28" y="137"/>
                  </a:lnTo>
                  <a:lnTo>
                    <a:pt x="25" y="133"/>
                  </a:lnTo>
                  <a:lnTo>
                    <a:pt x="21" y="127"/>
                  </a:lnTo>
                  <a:lnTo>
                    <a:pt x="17" y="123"/>
                  </a:lnTo>
                  <a:lnTo>
                    <a:pt x="13" y="119"/>
                  </a:lnTo>
                  <a:lnTo>
                    <a:pt x="9" y="116"/>
                  </a:lnTo>
                  <a:lnTo>
                    <a:pt x="5" y="113"/>
                  </a:lnTo>
                  <a:lnTo>
                    <a:pt x="2" y="107"/>
                  </a:lnTo>
                  <a:lnTo>
                    <a:pt x="0" y="103"/>
                  </a:lnTo>
                  <a:lnTo>
                    <a:pt x="0" y="98"/>
                  </a:lnTo>
                  <a:lnTo>
                    <a:pt x="1" y="94"/>
                  </a:lnTo>
                  <a:lnTo>
                    <a:pt x="2" y="88"/>
                  </a:lnTo>
                  <a:lnTo>
                    <a:pt x="5" y="83"/>
                  </a:lnTo>
                  <a:lnTo>
                    <a:pt x="7" y="79"/>
                  </a:lnTo>
                  <a:lnTo>
                    <a:pt x="13" y="68"/>
                  </a:lnTo>
                  <a:lnTo>
                    <a:pt x="20" y="60"/>
                  </a:lnTo>
                  <a:lnTo>
                    <a:pt x="28" y="52"/>
                  </a:lnTo>
                  <a:lnTo>
                    <a:pt x="34" y="45"/>
                  </a:lnTo>
                  <a:lnTo>
                    <a:pt x="40" y="45"/>
                  </a:lnTo>
                  <a:lnTo>
                    <a:pt x="45" y="45"/>
                  </a:lnTo>
                  <a:lnTo>
                    <a:pt x="50" y="46"/>
                  </a:lnTo>
                  <a:lnTo>
                    <a:pt x="54" y="48"/>
                  </a:lnTo>
                  <a:lnTo>
                    <a:pt x="58" y="49"/>
                  </a:lnTo>
                  <a:lnTo>
                    <a:pt x="64" y="51"/>
                  </a:lnTo>
                  <a:lnTo>
                    <a:pt x="69" y="51"/>
                  </a:lnTo>
                  <a:lnTo>
                    <a:pt x="74" y="51"/>
                  </a:lnTo>
                  <a:lnTo>
                    <a:pt x="76" y="46"/>
                  </a:lnTo>
                  <a:lnTo>
                    <a:pt x="80" y="43"/>
                  </a:lnTo>
                  <a:lnTo>
                    <a:pt x="86" y="42"/>
                  </a:lnTo>
                  <a:lnTo>
                    <a:pt x="92" y="43"/>
                  </a:lnTo>
                  <a:lnTo>
                    <a:pt x="96" y="37"/>
                  </a:lnTo>
                  <a:lnTo>
                    <a:pt x="98" y="32"/>
                  </a:lnTo>
                  <a:lnTo>
                    <a:pt x="101" y="25"/>
                  </a:lnTo>
                  <a:lnTo>
                    <a:pt x="103" y="17"/>
                  </a:lnTo>
                  <a:lnTo>
                    <a:pt x="100" y="16"/>
                  </a:lnTo>
                  <a:lnTo>
                    <a:pt x="99" y="15"/>
                  </a:lnTo>
                  <a:lnTo>
                    <a:pt x="98" y="13"/>
                  </a:lnTo>
                  <a:lnTo>
                    <a:pt x="97" y="10"/>
                  </a:lnTo>
                  <a:lnTo>
                    <a:pt x="97" y="5"/>
                  </a:lnTo>
                  <a:lnTo>
                    <a:pt x="97" y="0"/>
                  </a:lnTo>
                  <a:lnTo>
                    <a:pt x="113" y="0"/>
                  </a:lnTo>
                  <a:lnTo>
                    <a:pt x="128" y="0"/>
                  </a:lnTo>
                  <a:lnTo>
                    <a:pt x="130" y="3"/>
                  </a:lnTo>
                  <a:lnTo>
                    <a:pt x="131" y="8"/>
                  </a:lnTo>
                  <a:lnTo>
                    <a:pt x="132" y="9"/>
                  </a:lnTo>
                  <a:lnTo>
                    <a:pt x="133" y="12"/>
                  </a:lnTo>
                  <a:lnTo>
                    <a:pt x="135" y="13"/>
                  </a:lnTo>
                  <a:lnTo>
                    <a:pt x="138" y="13"/>
                  </a:lnTo>
                  <a:lnTo>
                    <a:pt x="144" y="21"/>
                  </a:lnTo>
                  <a:lnTo>
                    <a:pt x="148" y="31"/>
                  </a:lnTo>
                  <a:lnTo>
                    <a:pt x="157" y="29"/>
                  </a:lnTo>
                  <a:lnTo>
                    <a:pt x="166" y="31"/>
                  </a:lnTo>
                  <a:lnTo>
                    <a:pt x="173" y="34"/>
                  </a:lnTo>
                  <a:lnTo>
                    <a:pt x="180" y="36"/>
                  </a:lnTo>
                  <a:lnTo>
                    <a:pt x="188" y="39"/>
                  </a:lnTo>
                  <a:lnTo>
                    <a:pt x="194" y="41"/>
                  </a:lnTo>
                  <a:lnTo>
                    <a:pt x="200" y="43"/>
                  </a:lnTo>
                  <a:lnTo>
                    <a:pt x="207" y="43"/>
                  </a:lnTo>
                  <a:lnTo>
                    <a:pt x="214" y="41"/>
                  </a:lnTo>
                  <a:lnTo>
                    <a:pt x="223" y="39"/>
                  </a:lnTo>
                  <a:lnTo>
                    <a:pt x="226" y="38"/>
                  </a:lnTo>
                  <a:lnTo>
                    <a:pt x="230" y="39"/>
                  </a:lnTo>
                  <a:lnTo>
                    <a:pt x="232" y="40"/>
                  </a:lnTo>
                  <a:lnTo>
                    <a:pt x="234" y="43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60" name="Fredrikssund"/>
            <p:cNvSpPr>
              <a:spLocks/>
            </p:cNvSpPr>
            <p:nvPr/>
          </p:nvSpPr>
          <p:spPr bwMode="auto">
            <a:xfrm>
              <a:off x="3595688" y="4668838"/>
              <a:ext cx="133350" cy="155575"/>
            </a:xfrm>
            <a:custGeom>
              <a:avLst/>
              <a:gdLst>
                <a:gd name="T0" fmla="*/ 20720 w 251"/>
                <a:gd name="T1" fmla="*/ 110221 h 295"/>
                <a:gd name="T2" fmla="*/ 24439 w 251"/>
                <a:gd name="T3" fmla="*/ 117604 h 295"/>
                <a:gd name="T4" fmla="*/ 27095 w 251"/>
                <a:gd name="T5" fmla="*/ 126042 h 295"/>
                <a:gd name="T6" fmla="*/ 24439 w 251"/>
                <a:gd name="T7" fmla="*/ 135535 h 295"/>
                <a:gd name="T8" fmla="*/ 28158 w 251"/>
                <a:gd name="T9" fmla="*/ 142918 h 295"/>
                <a:gd name="T10" fmla="*/ 44627 w 251"/>
                <a:gd name="T11" fmla="*/ 150829 h 295"/>
                <a:gd name="T12" fmla="*/ 62159 w 251"/>
                <a:gd name="T13" fmla="*/ 138699 h 295"/>
                <a:gd name="T14" fmla="*/ 66941 w 251"/>
                <a:gd name="T15" fmla="*/ 119186 h 295"/>
                <a:gd name="T16" fmla="*/ 67472 w 251"/>
                <a:gd name="T17" fmla="*/ 105475 h 295"/>
                <a:gd name="T18" fmla="*/ 62159 w 251"/>
                <a:gd name="T19" fmla="*/ 92290 h 295"/>
                <a:gd name="T20" fmla="*/ 71191 w 251"/>
                <a:gd name="T21" fmla="*/ 91763 h 295"/>
                <a:gd name="T22" fmla="*/ 86598 w 251"/>
                <a:gd name="T23" fmla="*/ 89126 h 295"/>
                <a:gd name="T24" fmla="*/ 100942 w 251"/>
                <a:gd name="T25" fmla="*/ 88071 h 295"/>
                <a:gd name="T26" fmla="*/ 117943 w 251"/>
                <a:gd name="T27" fmla="*/ 90708 h 295"/>
                <a:gd name="T28" fmla="*/ 122725 w 251"/>
                <a:gd name="T29" fmla="*/ 87017 h 295"/>
                <a:gd name="T30" fmla="*/ 124318 w 251"/>
                <a:gd name="T31" fmla="*/ 83325 h 295"/>
                <a:gd name="T32" fmla="*/ 125381 w 251"/>
                <a:gd name="T33" fmla="*/ 80161 h 295"/>
                <a:gd name="T34" fmla="*/ 129100 w 251"/>
                <a:gd name="T35" fmla="*/ 76469 h 295"/>
                <a:gd name="T36" fmla="*/ 133350 w 251"/>
                <a:gd name="T37" fmla="*/ 71195 h 295"/>
                <a:gd name="T38" fmla="*/ 128569 w 251"/>
                <a:gd name="T39" fmla="*/ 67504 h 295"/>
                <a:gd name="T40" fmla="*/ 125381 w 251"/>
                <a:gd name="T41" fmla="*/ 56429 h 295"/>
                <a:gd name="T42" fmla="*/ 122725 w 251"/>
                <a:gd name="T43" fmla="*/ 45354 h 295"/>
                <a:gd name="T44" fmla="*/ 119006 w 251"/>
                <a:gd name="T45" fmla="*/ 41662 h 295"/>
                <a:gd name="T46" fmla="*/ 119006 w 251"/>
                <a:gd name="T47" fmla="*/ 33752 h 295"/>
                <a:gd name="T48" fmla="*/ 113693 w 251"/>
                <a:gd name="T49" fmla="*/ 25841 h 295"/>
                <a:gd name="T50" fmla="*/ 95629 w 251"/>
                <a:gd name="T51" fmla="*/ 20040 h 295"/>
                <a:gd name="T52" fmla="*/ 81816 w 251"/>
                <a:gd name="T53" fmla="*/ 25841 h 295"/>
                <a:gd name="T54" fmla="*/ 66941 w 251"/>
                <a:gd name="T55" fmla="*/ 30588 h 295"/>
                <a:gd name="T56" fmla="*/ 56846 w 251"/>
                <a:gd name="T57" fmla="*/ 28478 h 295"/>
                <a:gd name="T58" fmla="*/ 50471 w 251"/>
                <a:gd name="T59" fmla="*/ 20040 h 295"/>
                <a:gd name="T60" fmla="*/ 39846 w 251"/>
                <a:gd name="T61" fmla="*/ 5274 h 295"/>
                <a:gd name="T62" fmla="*/ 32939 w 251"/>
                <a:gd name="T63" fmla="*/ 1055 h 295"/>
                <a:gd name="T64" fmla="*/ 26564 w 251"/>
                <a:gd name="T65" fmla="*/ 1055 h 295"/>
                <a:gd name="T66" fmla="*/ 24439 w 251"/>
                <a:gd name="T67" fmla="*/ 4746 h 295"/>
                <a:gd name="T68" fmla="*/ 24439 w 251"/>
                <a:gd name="T69" fmla="*/ 11075 h 295"/>
                <a:gd name="T70" fmla="*/ 19657 w 251"/>
                <a:gd name="T71" fmla="*/ 15821 h 295"/>
                <a:gd name="T72" fmla="*/ 18595 w 251"/>
                <a:gd name="T73" fmla="*/ 20040 h 295"/>
                <a:gd name="T74" fmla="*/ 16470 w 251"/>
                <a:gd name="T75" fmla="*/ 32170 h 295"/>
                <a:gd name="T76" fmla="*/ 12219 w 251"/>
                <a:gd name="T77" fmla="*/ 46936 h 295"/>
                <a:gd name="T78" fmla="*/ 0 w 251"/>
                <a:gd name="T79" fmla="*/ 47464 h 295"/>
                <a:gd name="T80" fmla="*/ 0 w 251"/>
                <a:gd name="T81" fmla="*/ 64339 h 295"/>
                <a:gd name="T82" fmla="*/ 4781 w 251"/>
                <a:gd name="T83" fmla="*/ 73305 h 295"/>
                <a:gd name="T84" fmla="*/ 5313 w 251"/>
                <a:gd name="T85" fmla="*/ 80688 h 295"/>
                <a:gd name="T86" fmla="*/ 10094 w 251"/>
                <a:gd name="T87" fmla="*/ 81743 h 295"/>
                <a:gd name="T88" fmla="*/ 9032 w 251"/>
                <a:gd name="T89" fmla="*/ 85962 h 295"/>
                <a:gd name="T90" fmla="*/ 12219 w 251"/>
                <a:gd name="T91" fmla="*/ 88071 h 295"/>
                <a:gd name="T92" fmla="*/ 13282 w 251"/>
                <a:gd name="T93" fmla="*/ 89653 h 295"/>
                <a:gd name="T94" fmla="*/ 15938 w 251"/>
                <a:gd name="T95" fmla="*/ 89126 h 295"/>
                <a:gd name="T96" fmla="*/ 18063 w 251"/>
                <a:gd name="T97" fmla="*/ 91236 h 295"/>
                <a:gd name="T98" fmla="*/ 18595 w 251"/>
                <a:gd name="T99" fmla="*/ 96509 h 295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</a:gdLst>
              <a:ahLst/>
              <a:cxnLst>
                <a:cxn ang="T100">
                  <a:pos x="T0" y="T1"/>
                </a:cxn>
                <a:cxn ang="T101">
                  <a:pos x="T2" y="T3"/>
                </a:cxn>
                <a:cxn ang="T102">
                  <a:pos x="T4" y="T5"/>
                </a:cxn>
                <a:cxn ang="T103">
                  <a:pos x="T6" y="T7"/>
                </a:cxn>
                <a:cxn ang="T104">
                  <a:pos x="T8" y="T9"/>
                </a:cxn>
                <a:cxn ang="T105">
                  <a:pos x="T10" y="T11"/>
                </a:cxn>
                <a:cxn ang="T106">
                  <a:pos x="T12" y="T13"/>
                </a:cxn>
                <a:cxn ang="T107">
                  <a:pos x="T14" y="T15"/>
                </a:cxn>
                <a:cxn ang="T108">
                  <a:pos x="T16" y="T17"/>
                </a:cxn>
                <a:cxn ang="T109">
                  <a:pos x="T18" y="T19"/>
                </a:cxn>
                <a:cxn ang="T110">
                  <a:pos x="T20" y="T21"/>
                </a:cxn>
                <a:cxn ang="T111">
                  <a:pos x="T22" y="T23"/>
                </a:cxn>
                <a:cxn ang="T112">
                  <a:pos x="T24" y="T25"/>
                </a:cxn>
                <a:cxn ang="T113">
                  <a:pos x="T26" y="T27"/>
                </a:cxn>
                <a:cxn ang="T114">
                  <a:pos x="T28" y="T29"/>
                </a:cxn>
                <a:cxn ang="T115">
                  <a:pos x="T30" y="T31"/>
                </a:cxn>
                <a:cxn ang="T116">
                  <a:pos x="T32" y="T33"/>
                </a:cxn>
                <a:cxn ang="T117">
                  <a:pos x="T34" y="T35"/>
                </a:cxn>
                <a:cxn ang="T118">
                  <a:pos x="T36" y="T37"/>
                </a:cxn>
                <a:cxn ang="T119">
                  <a:pos x="T38" y="T39"/>
                </a:cxn>
                <a:cxn ang="T120">
                  <a:pos x="T40" y="T41"/>
                </a:cxn>
                <a:cxn ang="T121">
                  <a:pos x="T42" y="T43"/>
                </a:cxn>
                <a:cxn ang="T122">
                  <a:pos x="T44" y="T45"/>
                </a:cxn>
                <a:cxn ang="T123">
                  <a:pos x="T46" y="T47"/>
                </a:cxn>
                <a:cxn ang="T124">
                  <a:pos x="T48" y="T49"/>
                </a:cxn>
                <a:cxn ang="T125">
                  <a:pos x="T50" y="T51"/>
                </a:cxn>
                <a:cxn ang="T126">
                  <a:pos x="T52" y="T53"/>
                </a:cxn>
                <a:cxn ang="T127">
                  <a:pos x="T54" y="T55"/>
                </a:cxn>
                <a:cxn ang="T128">
                  <a:pos x="T56" y="T57"/>
                </a:cxn>
                <a:cxn ang="T129">
                  <a:pos x="T58" y="T59"/>
                </a:cxn>
                <a:cxn ang="T130">
                  <a:pos x="T60" y="T61"/>
                </a:cxn>
                <a:cxn ang="T131">
                  <a:pos x="T62" y="T63"/>
                </a:cxn>
                <a:cxn ang="T132">
                  <a:pos x="T64" y="T65"/>
                </a:cxn>
                <a:cxn ang="T133">
                  <a:pos x="T66" y="T67"/>
                </a:cxn>
                <a:cxn ang="T134">
                  <a:pos x="T68" y="T69"/>
                </a:cxn>
                <a:cxn ang="T135">
                  <a:pos x="T70" y="T71"/>
                </a:cxn>
                <a:cxn ang="T136">
                  <a:pos x="T72" y="T73"/>
                </a:cxn>
                <a:cxn ang="T137">
                  <a:pos x="T74" y="T75"/>
                </a:cxn>
                <a:cxn ang="T138">
                  <a:pos x="T76" y="T77"/>
                </a:cxn>
                <a:cxn ang="T139">
                  <a:pos x="T78" y="T79"/>
                </a:cxn>
                <a:cxn ang="T140">
                  <a:pos x="T80" y="T81"/>
                </a:cxn>
                <a:cxn ang="T141">
                  <a:pos x="T82" y="T83"/>
                </a:cxn>
                <a:cxn ang="T142">
                  <a:pos x="T84" y="T85"/>
                </a:cxn>
                <a:cxn ang="T143">
                  <a:pos x="T86" y="T87"/>
                </a:cxn>
                <a:cxn ang="T144">
                  <a:pos x="T88" y="T89"/>
                </a:cxn>
                <a:cxn ang="T145">
                  <a:pos x="T90" y="T91"/>
                </a:cxn>
                <a:cxn ang="T146">
                  <a:pos x="T92" y="T93"/>
                </a:cxn>
                <a:cxn ang="T147">
                  <a:pos x="T94" y="T95"/>
                </a:cxn>
                <a:cxn ang="T148">
                  <a:pos x="T96" y="T97"/>
                </a:cxn>
                <a:cxn ang="T149">
                  <a:pos x="T98" y="T99"/>
                </a:cxn>
              </a:cxnLst>
              <a:rect l="0" t="0" r="r" b="b"/>
              <a:pathLst>
                <a:path w="251" h="295">
                  <a:moveTo>
                    <a:pt x="35" y="198"/>
                  </a:moveTo>
                  <a:lnTo>
                    <a:pt x="36" y="204"/>
                  </a:lnTo>
                  <a:lnTo>
                    <a:pt x="39" y="209"/>
                  </a:lnTo>
                  <a:lnTo>
                    <a:pt x="41" y="215"/>
                  </a:lnTo>
                  <a:lnTo>
                    <a:pt x="43" y="219"/>
                  </a:lnTo>
                  <a:lnTo>
                    <a:pt x="46" y="223"/>
                  </a:lnTo>
                  <a:lnTo>
                    <a:pt x="48" y="228"/>
                  </a:lnTo>
                  <a:lnTo>
                    <a:pt x="50" y="233"/>
                  </a:lnTo>
                  <a:lnTo>
                    <a:pt x="51" y="239"/>
                  </a:lnTo>
                  <a:lnTo>
                    <a:pt x="48" y="245"/>
                  </a:lnTo>
                  <a:lnTo>
                    <a:pt x="46" y="252"/>
                  </a:lnTo>
                  <a:lnTo>
                    <a:pt x="46" y="257"/>
                  </a:lnTo>
                  <a:lnTo>
                    <a:pt x="47" y="262"/>
                  </a:lnTo>
                  <a:lnTo>
                    <a:pt x="50" y="266"/>
                  </a:lnTo>
                  <a:lnTo>
                    <a:pt x="53" y="271"/>
                  </a:lnTo>
                  <a:lnTo>
                    <a:pt x="56" y="274"/>
                  </a:lnTo>
                  <a:lnTo>
                    <a:pt x="62" y="277"/>
                  </a:lnTo>
                  <a:lnTo>
                    <a:pt x="84" y="286"/>
                  </a:lnTo>
                  <a:lnTo>
                    <a:pt x="104" y="295"/>
                  </a:lnTo>
                  <a:lnTo>
                    <a:pt x="111" y="278"/>
                  </a:lnTo>
                  <a:lnTo>
                    <a:pt x="117" y="263"/>
                  </a:lnTo>
                  <a:lnTo>
                    <a:pt x="122" y="249"/>
                  </a:lnTo>
                  <a:lnTo>
                    <a:pt x="125" y="237"/>
                  </a:lnTo>
                  <a:lnTo>
                    <a:pt x="126" y="226"/>
                  </a:lnTo>
                  <a:lnTo>
                    <a:pt x="127" y="216"/>
                  </a:lnTo>
                  <a:lnTo>
                    <a:pt x="127" y="207"/>
                  </a:lnTo>
                  <a:lnTo>
                    <a:pt x="127" y="200"/>
                  </a:lnTo>
                  <a:lnTo>
                    <a:pt x="124" y="187"/>
                  </a:lnTo>
                  <a:lnTo>
                    <a:pt x="121" y="179"/>
                  </a:lnTo>
                  <a:lnTo>
                    <a:pt x="117" y="175"/>
                  </a:lnTo>
                  <a:lnTo>
                    <a:pt x="116" y="173"/>
                  </a:lnTo>
                  <a:lnTo>
                    <a:pt x="126" y="174"/>
                  </a:lnTo>
                  <a:lnTo>
                    <a:pt x="134" y="174"/>
                  </a:lnTo>
                  <a:lnTo>
                    <a:pt x="144" y="173"/>
                  </a:lnTo>
                  <a:lnTo>
                    <a:pt x="153" y="170"/>
                  </a:lnTo>
                  <a:lnTo>
                    <a:pt x="163" y="169"/>
                  </a:lnTo>
                  <a:lnTo>
                    <a:pt x="172" y="168"/>
                  </a:lnTo>
                  <a:lnTo>
                    <a:pt x="182" y="167"/>
                  </a:lnTo>
                  <a:lnTo>
                    <a:pt x="190" y="167"/>
                  </a:lnTo>
                  <a:lnTo>
                    <a:pt x="203" y="170"/>
                  </a:lnTo>
                  <a:lnTo>
                    <a:pt x="215" y="172"/>
                  </a:lnTo>
                  <a:lnTo>
                    <a:pt x="222" y="172"/>
                  </a:lnTo>
                  <a:lnTo>
                    <a:pt x="227" y="169"/>
                  </a:lnTo>
                  <a:lnTo>
                    <a:pt x="229" y="167"/>
                  </a:lnTo>
                  <a:lnTo>
                    <a:pt x="231" y="165"/>
                  </a:lnTo>
                  <a:lnTo>
                    <a:pt x="232" y="162"/>
                  </a:lnTo>
                  <a:lnTo>
                    <a:pt x="233" y="158"/>
                  </a:lnTo>
                  <a:lnTo>
                    <a:pt x="234" y="158"/>
                  </a:lnTo>
                  <a:lnTo>
                    <a:pt x="235" y="158"/>
                  </a:lnTo>
                  <a:lnTo>
                    <a:pt x="235" y="155"/>
                  </a:lnTo>
                  <a:lnTo>
                    <a:pt x="236" y="152"/>
                  </a:lnTo>
                  <a:lnTo>
                    <a:pt x="238" y="149"/>
                  </a:lnTo>
                  <a:lnTo>
                    <a:pt x="239" y="148"/>
                  </a:lnTo>
                  <a:lnTo>
                    <a:pt x="243" y="145"/>
                  </a:lnTo>
                  <a:lnTo>
                    <a:pt x="246" y="142"/>
                  </a:lnTo>
                  <a:lnTo>
                    <a:pt x="248" y="138"/>
                  </a:lnTo>
                  <a:lnTo>
                    <a:pt x="251" y="135"/>
                  </a:lnTo>
                  <a:lnTo>
                    <a:pt x="247" y="134"/>
                  </a:lnTo>
                  <a:lnTo>
                    <a:pt x="245" y="132"/>
                  </a:lnTo>
                  <a:lnTo>
                    <a:pt x="242" y="128"/>
                  </a:lnTo>
                  <a:lnTo>
                    <a:pt x="241" y="125"/>
                  </a:lnTo>
                  <a:lnTo>
                    <a:pt x="238" y="117"/>
                  </a:lnTo>
                  <a:lnTo>
                    <a:pt x="236" y="107"/>
                  </a:lnTo>
                  <a:lnTo>
                    <a:pt x="235" y="99"/>
                  </a:lnTo>
                  <a:lnTo>
                    <a:pt x="233" y="90"/>
                  </a:lnTo>
                  <a:lnTo>
                    <a:pt x="231" y="86"/>
                  </a:lnTo>
                  <a:lnTo>
                    <a:pt x="229" y="83"/>
                  </a:lnTo>
                  <a:lnTo>
                    <a:pt x="227" y="81"/>
                  </a:lnTo>
                  <a:lnTo>
                    <a:pt x="224" y="79"/>
                  </a:lnTo>
                  <a:lnTo>
                    <a:pt x="224" y="74"/>
                  </a:lnTo>
                  <a:lnTo>
                    <a:pt x="225" y="68"/>
                  </a:lnTo>
                  <a:lnTo>
                    <a:pt x="224" y="64"/>
                  </a:lnTo>
                  <a:lnTo>
                    <a:pt x="223" y="60"/>
                  </a:lnTo>
                  <a:lnTo>
                    <a:pt x="220" y="55"/>
                  </a:lnTo>
                  <a:lnTo>
                    <a:pt x="214" y="49"/>
                  </a:lnTo>
                  <a:lnTo>
                    <a:pt x="203" y="43"/>
                  </a:lnTo>
                  <a:lnTo>
                    <a:pt x="190" y="36"/>
                  </a:lnTo>
                  <a:lnTo>
                    <a:pt x="180" y="38"/>
                  </a:lnTo>
                  <a:lnTo>
                    <a:pt x="171" y="41"/>
                  </a:lnTo>
                  <a:lnTo>
                    <a:pt x="163" y="45"/>
                  </a:lnTo>
                  <a:lnTo>
                    <a:pt x="154" y="49"/>
                  </a:lnTo>
                  <a:lnTo>
                    <a:pt x="146" y="53"/>
                  </a:lnTo>
                  <a:lnTo>
                    <a:pt x="136" y="56"/>
                  </a:lnTo>
                  <a:lnTo>
                    <a:pt x="126" y="58"/>
                  </a:lnTo>
                  <a:lnTo>
                    <a:pt x="114" y="59"/>
                  </a:lnTo>
                  <a:lnTo>
                    <a:pt x="110" y="57"/>
                  </a:lnTo>
                  <a:lnTo>
                    <a:pt x="107" y="54"/>
                  </a:lnTo>
                  <a:lnTo>
                    <a:pt x="104" y="50"/>
                  </a:lnTo>
                  <a:lnTo>
                    <a:pt x="101" y="46"/>
                  </a:lnTo>
                  <a:lnTo>
                    <a:pt x="95" y="38"/>
                  </a:lnTo>
                  <a:lnTo>
                    <a:pt x="89" y="28"/>
                  </a:lnTo>
                  <a:lnTo>
                    <a:pt x="83" y="19"/>
                  </a:lnTo>
                  <a:lnTo>
                    <a:pt x="75" y="10"/>
                  </a:lnTo>
                  <a:lnTo>
                    <a:pt x="71" y="7"/>
                  </a:lnTo>
                  <a:lnTo>
                    <a:pt x="66" y="4"/>
                  </a:lnTo>
                  <a:lnTo>
                    <a:pt x="62" y="2"/>
                  </a:lnTo>
                  <a:lnTo>
                    <a:pt x="55" y="0"/>
                  </a:lnTo>
                  <a:lnTo>
                    <a:pt x="53" y="1"/>
                  </a:lnTo>
                  <a:lnTo>
                    <a:pt x="50" y="2"/>
                  </a:lnTo>
                  <a:lnTo>
                    <a:pt x="48" y="4"/>
                  </a:lnTo>
                  <a:lnTo>
                    <a:pt x="47" y="6"/>
                  </a:lnTo>
                  <a:lnTo>
                    <a:pt x="46" y="9"/>
                  </a:lnTo>
                  <a:lnTo>
                    <a:pt x="45" y="13"/>
                  </a:lnTo>
                  <a:lnTo>
                    <a:pt x="45" y="17"/>
                  </a:lnTo>
                  <a:lnTo>
                    <a:pt x="46" y="21"/>
                  </a:lnTo>
                  <a:lnTo>
                    <a:pt x="40" y="22"/>
                  </a:lnTo>
                  <a:lnTo>
                    <a:pt x="35" y="25"/>
                  </a:lnTo>
                  <a:lnTo>
                    <a:pt x="37" y="30"/>
                  </a:lnTo>
                  <a:lnTo>
                    <a:pt x="37" y="34"/>
                  </a:lnTo>
                  <a:lnTo>
                    <a:pt x="36" y="36"/>
                  </a:lnTo>
                  <a:lnTo>
                    <a:pt x="35" y="38"/>
                  </a:lnTo>
                  <a:lnTo>
                    <a:pt x="32" y="42"/>
                  </a:lnTo>
                  <a:lnTo>
                    <a:pt x="30" y="48"/>
                  </a:lnTo>
                  <a:lnTo>
                    <a:pt x="31" y="61"/>
                  </a:lnTo>
                  <a:lnTo>
                    <a:pt x="30" y="72"/>
                  </a:lnTo>
                  <a:lnTo>
                    <a:pt x="27" y="81"/>
                  </a:lnTo>
                  <a:lnTo>
                    <a:pt x="23" y="89"/>
                  </a:lnTo>
                  <a:lnTo>
                    <a:pt x="11" y="89"/>
                  </a:lnTo>
                  <a:lnTo>
                    <a:pt x="0" y="89"/>
                  </a:lnTo>
                  <a:lnTo>
                    <a:pt x="0" y="90"/>
                  </a:lnTo>
                  <a:lnTo>
                    <a:pt x="0" y="92"/>
                  </a:lnTo>
                  <a:lnTo>
                    <a:pt x="0" y="107"/>
                  </a:lnTo>
                  <a:lnTo>
                    <a:pt x="0" y="122"/>
                  </a:lnTo>
                  <a:lnTo>
                    <a:pt x="4" y="128"/>
                  </a:lnTo>
                  <a:lnTo>
                    <a:pt x="7" y="135"/>
                  </a:lnTo>
                  <a:lnTo>
                    <a:pt x="9" y="139"/>
                  </a:lnTo>
                  <a:lnTo>
                    <a:pt x="9" y="143"/>
                  </a:lnTo>
                  <a:lnTo>
                    <a:pt x="10" y="147"/>
                  </a:lnTo>
                  <a:lnTo>
                    <a:pt x="10" y="153"/>
                  </a:lnTo>
                  <a:lnTo>
                    <a:pt x="15" y="153"/>
                  </a:lnTo>
                  <a:lnTo>
                    <a:pt x="21" y="153"/>
                  </a:lnTo>
                  <a:lnTo>
                    <a:pt x="19" y="155"/>
                  </a:lnTo>
                  <a:lnTo>
                    <a:pt x="17" y="159"/>
                  </a:lnTo>
                  <a:lnTo>
                    <a:pt x="17" y="161"/>
                  </a:lnTo>
                  <a:lnTo>
                    <a:pt x="17" y="163"/>
                  </a:lnTo>
                  <a:lnTo>
                    <a:pt x="19" y="164"/>
                  </a:lnTo>
                  <a:lnTo>
                    <a:pt x="21" y="165"/>
                  </a:lnTo>
                  <a:lnTo>
                    <a:pt x="23" y="167"/>
                  </a:lnTo>
                  <a:lnTo>
                    <a:pt x="24" y="169"/>
                  </a:lnTo>
                  <a:lnTo>
                    <a:pt x="24" y="170"/>
                  </a:lnTo>
                  <a:lnTo>
                    <a:pt x="25" y="170"/>
                  </a:lnTo>
                  <a:lnTo>
                    <a:pt x="27" y="170"/>
                  </a:lnTo>
                  <a:lnTo>
                    <a:pt x="29" y="169"/>
                  </a:lnTo>
                  <a:lnTo>
                    <a:pt x="30" y="169"/>
                  </a:lnTo>
                  <a:lnTo>
                    <a:pt x="32" y="169"/>
                  </a:lnTo>
                  <a:lnTo>
                    <a:pt x="33" y="170"/>
                  </a:lnTo>
                  <a:lnTo>
                    <a:pt x="34" y="173"/>
                  </a:lnTo>
                  <a:lnTo>
                    <a:pt x="35" y="176"/>
                  </a:lnTo>
                  <a:lnTo>
                    <a:pt x="35" y="179"/>
                  </a:lnTo>
                  <a:lnTo>
                    <a:pt x="35" y="183"/>
                  </a:lnTo>
                  <a:lnTo>
                    <a:pt x="35" y="190"/>
                  </a:lnTo>
                  <a:lnTo>
                    <a:pt x="35" y="198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61" name="Fredrikssund kant"/>
            <p:cNvSpPr>
              <a:spLocks/>
            </p:cNvSpPr>
            <p:nvPr/>
          </p:nvSpPr>
          <p:spPr bwMode="auto">
            <a:xfrm>
              <a:off x="3595688" y="4668838"/>
              <a:ext cx="133350" cy="155575"/>
            </a:xfrm>
            <a:custGeom>
              <a:avLst/>
              <a:gdLst>
                <a:gd name="T0" fmla="*/ 20720 w 251"/>
                <a:gd name="T1" fmla="*/ 110221 h 295"/>
                <a:gd name="T2" fmla="*/ 24439 w 251"/>
                <a:gd name="T3" fmla="*/ 117604 h 295"/>
                <a:gd name="T4" fmla="*/ 27095 w 251"/>
                <a:gd name="T5" fmla="*/ 126042 h 295"/>
                <a:gd name="T6" fmla="*/ 24439 w 251"/>
                <a:gd name="T7" fmla="*/ 135535 h 295"/>
                <a:gd name="T8" fmla="*/ 28158 w 251"/>
                <a:gd name="T9" fmla="*/ 142918 h 295"/>
                <a:gd name="T10" fmla="*/ 44627 w 251"/>
                <a:gd name="T11" fmla="*/ 150829 h 295"/>
                <a:gd name="T12" fmla="*/ 62159 w 251"/>
                <a:gd name="T13" fmla="*/ 138699 h 295"/>
                <a:gd name="T14" fmla="*/ 66941 w 251"/>
                <a:gd name="T15" fmla="*/ 119186 h 295"/>
                <a:gd name="T16" fmla="*/ 67472 w 251"/>
                <a:gd name="T17" fmla="*/ 105475 h 295"/>
                <a:gd name="T18" fmla="*/ 62159 w 251"/>
                <a:gd name="T19" fmla="*/ 92290 h 295"/>
                <a:gd name="T20" fmla="*/ 71191 w 251"/>
                <a:gd name="T21" fmla="*/ 91763 h 295"/>
                <a:gd name="T22" fmla="*/ 86598 w 251"/>
                <a:gd name="T23" fmla="*/ 89126 h 295"/>
                <a:gd name="T24" fmla="*/ 100942 w 251"/>
                <a:gd name="T25" fmla="*/ 88071 h 295"/>
                <a:gd name="T26" fmla="*/ 117943 w 251"/>
                <a:gd name="T27" fmla="*/ 90708 h 295"/>
                <a:gd name="T28" fmla="*/ 122725 w 251"/>
                <a:gd name="T29" fmla="*/ 87017 h 295"/>
                <a:gd name="T30" fmla="*/ 124318 w 251"/>
                <a:gd name="T31" fmla="*/ 83325 h 295"/>
                <a:gd name="T32" fmla="*/ 125381 w 251"/>
                <a:gd name="T33" fmla="*/ 80161 h 295"/>
                <a:gd name="T34" fmla="*/ 129100 w 251"/>
                <a:gd name="T35" fmla="*/ 76469 h 295"/>
                <a:gd name="T36" fmla="*/ 133350 w 251"/>
                <a:gd name="T37" fmla="*/ 71195 h 295"/>
                <a:gd name="T38" fmla="*/ 128569 w 251"/>
                <a:gd name="T39" fmla="*/ 67504 h 295"/>
                <a:gd name="T40" fmla="*/ 125381 w 251"/>
                <a:gd name="T41" fmla="*/ 56429 h 295"/>
                <a:gd name="T42" fmla="*/ 122725 w 251"/>
                <a:gd name="T43" fmla="*/ 45354 h 295"/>
                <a:gd name="T44" fmla="*/ 119006 w 251"/>
                <a:gd name="T45" fmla="*/ 41662 h 295"/>
                <a:gd name="T46" fmla="*/ 119006 w 251"/>
                <a:gd name="T47" fmla="*/ 33752 h 295"/>
                <a:gd name="T48" fmla="*/ 113693 w 251"/>
                <a:gd name="T49" fmla="*/ 25841 h 295"/>
                <a:gd name="T50" fmla="*/ 95629 w 251"/>
                <a:gd name="T51" fmla="*/ 20040 h 295"/>
                <a:gd name="T52" fmla="*/ 81816 w 251"/>
                <a:gd name="T53" fmla="*/ 25841 h 295"/>
                <a:gd name="T54" fmla="*/ 66941 w 251"/>
                <a:gd name="T55" fmla="*/ 30588 h 295"/>
                <a:gd name="T56" fmla="*/ 56846 w 251"/>
                <a:gd name="T57" fmla="*/ 28478 h 295"/>
                <a:gd name="T58" fmla="*/ 50471 w 251"/>
                <a:gd name="T59" fmla="*/ 20040 h 295"/>
                <a:gd name="T60" fmla="*/ 39846 w 251"/>
                <a:gd name="T61" fmla="*/ 5274 h 295"/>
                <a:gd name="T62" fmla="*/ 32939 w 251"/>
                <a:gd name="T63" fmla="*/ 1055 h 295"/>
                <a:gd name="T64" fmla="*/ 26564 w 251"/>
                <a:gd name="T65" fmla="*/ 1055 h 295"/>
                <a:gd name="T66" fmla="*/ 24439 w 251"/>
                <a:gd name="T67" fmla="*/ 4746 h 295"/>
                <a:gd name="T68" fmla="*/ 24439 w 251"/>
                <a:gd name="T69" fmla="*/ 11075 h 295"/>
                <a:gd name="T70" fmla="*/ 19657 w 251"/>
                <a:gd name="T71" fmla="*/ 15821 h 295"/>
                <a:gd name="T72" fmla="*/ 18595 w 251"/>
                <a:gd name="T73" fmla="*/ 20040 h 295"/>
                <a:gd name="T74" fmla="*/ 16470 w 251"/>
                <a:gd name="T75" fmla="*/ 32170 h 295"/>
                <a:gd name="T76" fmla="*/ 12219 w 251"/>
                <a:gd name="T77" fmla="*/ 46936 h 295"/>
                <a:gd name="T78" fmla="*/ 0 w 251"/>
                <a:gd name="T79" fmla="*/ 47464 h 295"/>
                <a:gd name="T80" fmla="*/ 0 w 251"/>
                <a:gd name="T81" fmla="*/ 64339 h 295"/>
                <a:gd name="T82" fmla="*/ 4781 w 251"/>
                <a:gd name="T83" fmla="*/ 73305 h 295"/>
                <a:gd name="T84" fmla="*/ 5313 w 251"/>
                <a:gd name="T85" fmla="*/ 80688 h 295"/>
                <a:gd name="T86" fmla="*/ 10094 w 251"/>
                <a:gd name="T87" fmla="*/ 81743 h 295"/>
                <a:gd name="T88" fmla="*/ 9032 w 251"/>
                <a:gd name="T89" fmla="*/ 85962 h 295"/>
                <a:gd name="T90" fmla="*/ 12219 w 251"/>
                <a:gd name="T91" fmla="*/ 88071 h 295"/>
                <a:gd name="T92" fmla="*/ 13282 w 251"/>
                <a:gd name="T93" fmla="*/ 89653 h 295"/>
                <a:gd name="T94" fmla="*/ 15938 w 251"/>
                <a:gd name="T95" fmla="*/ 89126 h 295"/>
                <a:gd name="T96" fmla="*/ 18063 w 251"/>
                <a:gd name="T97" fmla="*/ 91236 h 295"/>
                <a:gd name="T98" fmla="*/ 18595 w 251"/>
                <a:gd name="T99" fmla="*/ 96509 h 295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</a:gdLst>
              <a:ahLst/>
              <a:cxnLst>
                <a:cxn ang="T100">
                  <a:pos x="T0" y="T1"/>
                </a:cxn>
                <a:cxn ang="T101">
                  <a:pos x="T2" y="T3"/>
                </a:cxn>
                <a:cxn ang="T102">
                  <a:pos x="T4" y="T5"/>
                </a:cxn>
                <a:cxn ang="T103">
                  <a:pos x="T6" y="T7"/>
                </a:cxn>
                <a:cxn ang="T104">
                  <a:pos x="T8" y="T9"/>
                </a:cxn>
                <a:cxn ang="T105">
                  <a:pos x="T10" y="T11"/>
                </a:cxn>
                <a:cxn ang="T106">
                  <a:pos x="T12" y="T13"/>
                </a:cxn>
                <a:cxn ang="T107">
                  <a:pos x="T14" y="T15"/>
                </a:cxn>
                <a:cxn ang="T108">
                  <a:pos x="T16" y="T17"/>
                </a:cxn>
                <a:cxn ang="T109">
                  <a:pos x="T18" y="T19"/>
                </a:cxn>
                <a:cxn ang="T110">
                  <a:pos x="T20" y="T21"/>
                </a:cxn>
                <a:cxn ang="T111">
                  <a:pos x="T22" y="T23"/>
                </a:cxn>
                <a:cxn ang="T112">
                  <a:pos x="T24" y="T25"/>
                </a:cxn>
                <a:cxn ang="T113">
                  <a:pos x="T26" y="T27"/>
                </a:cxn>
                <a:cxn ang="T114">
                  <a:pos x="T28" y="T29"/>
                </a:cxn>
                <a:cxn ang="T115">
                  <a:pos x="T30" y="T31"/>
                </a:cxn>
                <a:cxn ang="T116">
                  <a:pos x="T32" y="T33"/>
                </a:cxn>
                <a:cxn ang="T117">
                  <a:pos x="T34" y="T35"/>
                </a:cxn>
                <a:cxn ang="T118">
                  <a:pos x="T36" y="T37"/>
                </a:cxn>
                <a:cxn ang="T119">
                  <a:pos x="T38" y="T39"/>
                </a:cxn>
                <a:cxn ang="T120">
                  <a:pos x="T40" y="T41"/>
                </a:cxn>
                <a:cxn ang="T121">
                  <a:pos x="T42" y="T43"/>
                </a:cxn>
                <a:cxn ang="T122">
                  <a:pos x="T44" y="T45"/>
                </a:cxn>
                <a:cxn ang="T123">
                  <a:pos x="T46" y="T47"/>
                </a:cxn>
                <a:cxn ang="T124">
                  <a:pos x="T48" y="T49"/>
                </a:cxn>
                <a:cxn ang="T125">
                  <a:pos x="T50" y="T51"/>
                </a:cxn>
                <a:cxn ang="T126">
                  <a:pos x="T52" y="T53"/>
                </a:cxn>
                <a:cxn ang="T127">
                  <a:pos x="T54" y="T55"/>
                </a:cxn>
                <a:cxn ang="T128">
                  <a:pos x="T56" y="T57"/>
                </a:cxn>
                <a:cxn ang="T129">
                  <a:pos x="T58" y="T59"/>
                </a:cxn>
                <a:cxn ang="T130">
                  <a:pos x="T60" y="T61"/>
                </a:cxn>
                <a:cxn ang="T131">
                  <a:pos x="T62" y="T63"/>
                </a:cxn>
                <a:cxn ang="T132">
                  <a:pos x="T64" y="T65"/>
                </a:cxn>
                <a:cxn ang="T133">
                  <a:pos x="T66" y="T67"/>
                </a:cxn>
                <a:cxn ang="T134">
                  <a:pos x="T68" y="T69"/>
                </a:cxn>
                <a:cxn ang="T135">
                  <a:pos x="T70" y="T71"/>
                </a:cxn>
                <a:cxn ang="T136">
                  <a:pos x="T72" y="T73"/>
                </a:cxn>
                <a:cxn ang="T137">
                  <a:pos x="T74" y="T75"/>
                </a:cxn>
                <a:cxn ang="T138">
                  <a:pos x="T76" y="T77"/>
                </a:cxn>
                <a:cxn ang="T139">
                  <a:pos x="T78" y="T79"/>
                </a:cxn>
                <a:cxn ang="T140">
                  <a:pos x="T80" y="T81"/>
                </a:cxn>
                <a:cxn ang="T141">
                  <a:pos x="T82" y="T83"/>
                </a:cxn>
                <a:cxn ang="T142">
                  <a:pos x="T84" y="T85"/>
                </a:cxn>
                <a:cxn ang="T143">
                  <a:pos x="T86" y="T87"/>
                </a:cxn>
                <a:cxn ang="T144">
                  <a:pos x="T88" y="T89"/>
                </a:cxn>
                <a:cxn ang="T145">
                  <a:pos x="T90" y="T91"/>
                </a:cxn>
                <a:cxn ang="T146">
                  <a:pos x="T92" y="T93"/>
                </a:cxn>
                <a:cxn ang="T147">
                  <a:pos x="T94" y="T95"/>
                </a:cxn>
                <a:cxn ang="T148">
                  <a:pos x="T96" y="T97"/>
                </a:cxn>
                <a:cxn ang="T149">
                  <a:pos x="T98" y="T99"/>
                </a:cxn>
              </a:cxnLst>
              <a:rect l="0" t="0" r="r" b="b"/>
              <a:pathLst>
                <a:path w="251" h="295">
                  <a:moveTo>
                    <a:pt x="35" y="198"/>
                  </a:moveTo>
                  <a:lnTo>
                    <a:pt x="36" y="204"/>
                  </a:lnTo>
                  <a:lnTo>
                    <a:pt x="39" y="209"/>
                  </a:lnTo>
                  <a:lnTo>
                    <a:pt x="41" y="215"/>
                  </a:lnTo>
                  <a:lnTo>
                    <a:pt x="43" y="219"/>
                  </a:lnTo>
                  <a:lnTo>
                    <a:pt x="46" y="223"/>
                  </a:lnTo>
                  <a:lnTo>
                    <a:pt x="48" y="228"/>
                  </a:lnTo>
                  <a:lnTo>
                    <a:pt x="50" y="233"/>
                  </a:lnTo>
                  <a:lnTo>
                    <a:pt x="51" y="239"/>
                  </a:lnTo>
                  <a:lnTo>
                    <a:pt x="48" y="245"/>
                  </a:lnTo>
                  <a:lnTo>
                    <a:pt x="46" y="252"/>
                  </a:lnTo>
                  <a:lnTo>
                    <a:pt x="46" y="257"/>
                  </a:lnTo>
                  <a:lnTo>
                    <a:pt x="47" y="262"/>
                  </a:lnTo>
                  <a:lnTo>
                    <a:pt x="50" y="266"/>
                  </a:lnTo>
                  <a:lnTo>
                    <a:pt x="53" y="271"/>
                  </a:lnTo>
                  <a:lnTo>
                    <a:pt x="56" y="274"/>
                  </a:lnTo>
                  <a:lnTo>
                    <a:pt x="62" y="277"/>
                  </a:lnTo>
                  <a:lnTo>
                    <a:pt x="84" y="286"/>
                  </a:lnTo>
                  <a:lnTo>
                    <a:pt x="104" y="295"/>
                  </a:lnTo>
                  <a:lnTo>
                    <a:pt x="111" y="278"/>
                  </a:lnTo>
                  <a:lnTo>
                    <a:pt x="117" y="263"/>
                  </a:lnTo>
                  <a:lnTo>
                    <a:pt x="122" y="249"/>
                  </a:lnTo>
                  <a:lnTo>
                    <a:pt x="125" y="237"/>
                  </a:lnTo>
                  <a:lnTo>
                    <a:pt x="126" y="226"/>
                  </a:lnTo>
                  <a:lnTo>
                    <a:pt x="127" y="216"/>
                  </a:lnTo>
                  <a:lnTo>
                    <a:pt x="127" y="207"/>
                  </a:lnTo>
                  <a:lnTo>
                    <a:pt x="127" y="200"/>
                  </a:lnTo>
                  <a:lnTo>
                    <a:pt x="124" y="187"/>
                  </a:lnTo>
                  <a:lnTo>
                    <a:pt x="121" y="179"/>
                  </a:lnTo>
                  <a:lnTo>
                    <a:pt x="117" y="175"/>
                  </a:lnTo>
                  <a:lnTo>
                    <a:pt x="116" y="173"/>
                  </a:lnTo>
                  <a:lnTo>
                    <a:pt x="126" y="174"/>
                  </a:lnTo>
                  <a:lnTo>
                    <a:pt x="134" y="174"/>
                  </a:lnTo>
                  <a:lnTo>
                    <a:pt x="144" y="173"/>
                  </a:lnTo>
                  <a:lnTo>
                    <a:pt x="153" y="170"/>
                  </a:lnTo>
                  <a:lnTo>
                    <a:pt x="163" y="169"/>
                  </a:lnTo>
                  <a:lnTo>
                    <a:pt x="172" y="168"/>
                  </a:lnTo>
                  <a:lnTo>
                    <a:pt x="182" y="167"/>
                  </a:lnTo>
                  <a:lnTo>
                    <a:pt x="190" y="167"/>
                  </a:lnTo>
                  <a:lnTo>
                    <a:pt x="203" y="170"/>
                  </a:lnTo>
                  <a:lnTo>
                    <a:pt x="215" y="172"/>
                  </a:lnTo>
                  <a:lnTo>
                    <a:pt x="222" y="172"/>
                  </a:lnTo>
                  <a:lnTo>
                    <a:pt x="227" y="169"/>
                  </a:lnTo>
                  <a:lnTo>
                    <a:pt x="229" y="167"/>
                  </a:lnTo>
                  <a:lnTo>
                    <a:pt x="231" y="165"/>
                  </a:lnTo>
                  <a:lnTo>
                    <a:pt x="232" y="162"/>
                  </a:lnTo>
                  <a:lnTo>
                    <a:pt x="233" y="158"/>
                  </a:lnTo>
                  <a:lnTo>
                    <a:pt x="234" y="158"/>
                  </a:lnTo>
                  <a:lnTo>
                    <a:pt x="235" y="158"/>
                  </a:lnTo>
                  <a:lnTo>
                    <a:pt x="235" y="155"/>
                  </a:lnTo>
                  <a:lnTo>
                    <a:pt x="236" y="152"/>
                  </a:lnTo>
                  <a:lnTo>
                    <a:pt x="238" y="149"/>
                  </a:lnTo>
                  <a:lnTo>
                    <a:pt x="239" y="148"/>
                  </a:lnTo>
                  <a:lnTo>
                    <a:pt x="243" y="145"/>
                  </a:lnTo>
                  <a:lnTo>
                    <a:pt x="246" y="142"/>
                  </a:lnTo>
                  <a:lnTo>
                    <a:pt x="248" y="138"/>
                  </a:lnTo>
                  <a:lnTo>
                    <a:pt x="251" y="135"/>
                  </a:lnTo>
                  <a:lnTo>
                    <a:pt x="247" y="134"/>
                  </a:lnTo>
                  <a:lnTo>
                    <a:pt x="245" y="132"/>
                  </a:lnTo>
                  <a:lnTo>
                    <a:pt x="242" y="128"/>
                  </a:lnTo>
                  <a:lnTo>
                    <a:pt x="241" y="125"/>
                  </a:lnTo>
                  <a:lnTo>
                    <a:pt x="238" y="117"/>
                  </a:lnTo>
                  <a:lnTo>
                    <a:pt x="236" y="107"/>
                  </a:lnTo>
                  <a:lnTo>
                    <a:pt x="235" y="99"/>
                  </a:lnTo>
                  <a:lnTo>
                    <a:pt x="233" y="90"/>
                  </a:lnTo>
                  <a:lnTo>
                    <a:pt x="231" y="86"/>
                  </a:lnTo>
                  <a:lnTo>
                    <a:pt x="229" y="83"/>
                  </a:lnTo>
                  <a:lnTo>
                    <a:pt x="227" y="81"/>
                  </a:lnTo>
                  <a:lnTo>
                    <a:pt x="224" y="79"/>
                  </a:lnTo>
                  <a:lnTo>
                    <a:pt x="224" y="74"/>
                  </a:lnTo>
                  <a:lnTo>
                    <a:pt x="225" y="68"/>
                  </a:lnTo>
                  <a:lnTo>
                    <a:pt x="224" y="64"/>
                  </a:lnTo>
                  <a:lnTo>
                    <a:pt x="223" y="60"/>
                  </a:lnTo>
                  <a:lnTo>
                    <a:pt x="220" y="55"/>
                  </a:lnTo>
                  <a:lnTo>
                    <a:pt x="214" y="49"/>
                  </a:lnTo>
                  <a:lnTo>
                    <a:pt x="203" y="43"/>
                  </a:lnTo>
                  <a:lnTo>
                    <a:pt x="190" y="36"/>
                  </a:lnTo>
                  <a:lnTo>
                    <a:pt x="180" y="38"/>
                  </a:lnTo>
                  <a:lnTo>
                    <a:pt x="171" y="41"/>
                  </a:lnTo>
                  <a:lnTo>
                    <a:pt x="163" y="45"/>
                  </a:lnTo>
                  <a:lnTo>
                    <a:pt x="154" y="49"/>
                  </a:lnTo>
                  <a:lnTo>
                    <a:pt x="146" y="53"/>
                  </a:lnTo>
                  <a:lnTo>
                    <a:pt x="136" y="56"/>
                  </a:lnTo>
                  <a:lnTo>
                    <a:pt x="126" y="58"/>
                  </a:lnTo>
                  <a:lnTo>
                    <a:pt x="114" y="59"/>
                  </a:lnTo>
                  <a:lnTo>
                    <a:pt x="110" y="57"/>
                  </a:lnTo>
                  <a:lnTo>
                    <a:pt x="107" y="54"/>
                  </a:lnTo>
                  <a:lnTo>
                    <a:pt x="104" y="50"/>
                  </a:lnTo>
                  <a:lnTo>
                    <a:pt x="101" y="46"/>
                  </a:lnTo>
                  <a:lnTo>
                    <a:pt x="95" y="38"/>
                  </a:lnTo>
                  <a:lnTo>
                    <a:pt x="89" y="28"/>
                  </a:lnTo>
                  <a:lnTo>
                    <a:pt x="83" y="19"/>
                  </a:lnTo>
                  <a:lnTo>
                    <a:pt x="75" y="10"/>
                  </a:lnTo>
                  <a:lnTo>
                    <a:pt x="71" y="7"/>
                  </a:lnTo>
                  <a:lnTo>
                    <a:pt x="66" y="4"/>
                  </a:lnTo>
                  <a:lnTo>
                    <a:pt x="62" y="2"/>
                  </a:lnTo>
                  <a:lnTo>
                    <a:pt x="55" y="0"/>
                  </a:lnTo>
                  <a:lnTo>
                    <a:pt x="53" y="1"/>
                  </a:lnTo>
                  <a:lnTo>
                    <a:pt x="50" y="2"/>
                  </a:lnTo>
                  <a:lnTo>
                    <a:pt x="48" y="4"/>
                  </a:lnTo>
                  <a:lnTo>
                    <a:pt x="47" y="6"/>
                  </a:lnTo>
                  <a:lnTo>
                    <a:pt x="46" y="9"/>
                  </a:lnTo>
                  <a:lnTo>
                    <a:pt x="45" y="13"/>
                  </a:lnTo>
                  <a:lnTo>
                    <a:pt x="45" y="17"/>
                  </a:lnTo>
                  <a:lnTo>
                    <a:pt x="46" y="21"/>
                  </a:lnTo>
                  <a:lnTo>
                    <a:pt x="40" y="22"/>
                  </a:lnTo>
                  <a:lnTo>
                    <a:pt x="35" y="25"/>
                  </a:lnTo>
                  <a:lnTo>
                    <a:pt x="37" y="30"/>
                  </a:lnTo>
                  <a:lnTo>
                    <a:pt x="37" y="34"/>
                  </a:lnTo>
                  <a:lnTo>
                    <a:pt x="36" y="36"/>
                  </a:lnTo>
                  <a:lnTo>
                    <a:pt x="35" y="38"/>
                  </a:lnTo>
                  <a:lnTo>
                    <a:pt x="32" y="42"/>
                  </a:lnTo>
                  <a:lnTo>
                    <a:pt x="30" y="48"/>
                  </a:lnTo>
                  <a:lnTo>
                    <a:pt x="31" y="61"/>
                  </a:lnTo>
                  <a:lnTo>
                    <a:pt x="30" y="72"/>
                  </a:lnTo>
                  <a:lnTo>
                    <a:pt x="27" y="81"/>
                  </a:lnTo>
                  <a:lnTo>
                    <a:pt x="23" y="89"/>
                  </a:lnTo>
                  <a:lnTo>
                    <a:pt x="11" y="89"/>
                  </a:lnTo>
                  <a:lnTo>
                    <a:pt x="0" y="89"/>
                  </a:lnTo>
                  <a:lnTo>
                    <a:pt x="0" y="90"/>
                  </a:lnTo>
                  <a:lnTo>
                    <a:pt x="0" y="92"/>
                  </a:lnTo>
                  <a:lnTo>
                    <a:pt x="0" y="107"/>
                  </a:lnTo>
                  <a:lnTo>
                    <a:pt x="0" y="122"/>
                  </a:lnTo>
                  <a:lnTo>
                    <a:pt x="4" y="128"/>
                  </a:lnTo>
                  <a:lnTo>
                    <a:pt x="7" y="135"/>
                  </a:lnTo>
                  <a:lnTo>
                    <a:pt x="9" y="139"/>
                  </a:lnTo>
                  <a:lnTo>
                    <a:pt x="9" y="143"/>
                  </a:lnTo>
                  <a:lnTo>
                    <a:pt x="10" y="147"/>
                  </a:lnTo>
                  <a:lnTo>
                    <a:pt x="10" y="153"/>
                  </a:lnTo>
                  <a:lnTo>
                    <a:pt x="15" y="153"/>
                  </a:lnTo>
                  <a:lnTo>
                    <a:pt x="21" y="153"/>
                  </a:lnTo>
                  <a:lnTo>
                    <a:pt x="19" y="155"/>
                  </a:lnTo>
                  <a:lnTo>
                    <a:pt x="17" y="159"/>
                  </a:lnTo>
                  <a:lnTo>
                    <a:pt x="17" y="161"/>
                  </a:lnTo>
                  <a:lnTo>
                    <a:pt x="17" y="163"/>
                  </a:lnTo>
                  <a:lnTo>
                    <a:pt x="19" y="164"/>
                  </a:lnTo>
                  <a:lnTo>
                    <a:pt x="21" y="165"/>
                  </a:lnTo>
                  <a:lnTo>
                    <a:pt x="23" y="167"/>
                  </a:lnTo>
                  <a:lnTo>
                    <a:pt x="24" y="169"/>
                  </a:lnTo>
                  <a:lnTo>
                    <a:pt x="24" y="170"/>
                  </a:lnTo>
                  <a:lnTo>
                    <a:pt x="25" y="170"/>
                  </a:lnTo>
                  <a:lnTo>
                    <a:pt x="27" y="170"/>
                  </a:lnTo>
                  <a:lnTo>
                    <a:pt x="29" y="169"/>
                  </a:lnTo>
                  <a:lnTo>
                    <a:pt x="30" y="169"/>
                  </a:lnTo>
                  <a:lnTo>
                    <a:pt x="32" y="169"/>
                  </a:lnTo>
                  <a:lnTo>
                    <a:pt x="33" y="170"/>
                  </a:lnTo>
                  <a:lnTo>
                    <a:pt x="34" y="173"/>
                  </a:lnTo>
                  <a:lnTo>
                    <a:pt x="35" y="176"/>
                  </a:lnTo>
                  <a:lnTo>
                    <a:pt x="35" y="179"/>
                  </a:lnTo>
                  <a:lnTo>
                    <a:pt x="35" y="183"/>
                  </a:lnTo>
                  <a:lnTo>
                    <a:pt x="35" y="190"/>
                  </a:lnTo>
                  <a:lnTo>
                    <a:pt x="35" y="198"/>
                  </a:lnTo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62" name="Brøndby"/>
            <p:cNvSpPr>
              <a:spLocks/>
            </p:cNvSpPr>
            <p:nvPr/>
          </p:nvSpPr>
          <p:spPr bwMode="auto">
            <a:xfrm>
              <a:off x="3854450" y="4954588"/>
              <a:ext cx="65088" cy="74612"/>
            </a:xfrm>
            <a:custGeom>
              <a:avLst/>
              <a:gdLst>
                <a:gd name="T0" fmla="*/ 16663 w 125"/>
                <a:gd name="T1" fmla="*/ 52228 h 140"/>
                <a:gd name="T2" fmla="*/ 16142 w 125"/>
                <a:gd name="T3" fmla="*/ 50630 h 140"/>
                <a:gd name="T4" fmla="*/ 13018 w 125"/>
                <a:gd name="T5" fmla="*/ 45833 h 140"/>
                <a:gd name="T6" fmla="*/ 9373 w 125"/>
                <a:gd name="T7" fmla="*/ 38905 h 140"/>
                <a:gd name="T8" fmla="*/ 4686 w 125"/>
                <a:gd name="T9" fmla="*/ 31977 h 140"/>
                <a:gd name="T10" fmla="*/ 1041 w 125"/>
                <a:gd name="T11" fmla="*/ 23449 h 140"/>
                <a:gd name="T12" fmla="*/ 6248 w 125"/>
                <a:gd name="T13" fmla="*/ 17054 h 140"/>
                <a:gd name="T14" fmla="*/ 15621 w 125"/>
                <a:gd name="T15" fmla="*/ 15455 h 140"/>
                <a:gd name="T16" fmla="*/ 21349 w 125"/>
                <a:gd name="T17" fmla="*/ 16521 h 140"/>
                <a:gd name="T18" fmla="*/ 27597 w 125"/>
                <a:gd name="T19" fmla="*/ 17587 h 140"/>
                <a:gd name="T20" fmla="*/ 31242 w 125"/>
                <a:gd name="T21" fmla="*/ 14922 h 140"/>
                <a:gd name="T22" fmla="*/ 32804 w 125"/>
                <a:gd name="T23" fmla="*/ 10126 h 140"/>
                <a:gd name="T24" fmla="*/ 34887 w 125"/>
                <a:gd name="T25" fmla="*/ 5329 h 140"/>
                <a:gd name="T26" fmla="*/ 42698 w 125"/>
                <a:gd name="T27" fmla="*/ 1599 h 140"/>
                <a:gd name="T28" fmla="*/ 50508 w 125"/>
                <a:gd name="T29" fmla="*/ 1599 h 140"/>
                <a:gd name="T30" fmla="*/ 54153 w 125"/>
                <a:gd name="T31" fmla="*/ 3198 h 140"/>
                <a:gd name="T32" fmla="*/ 58319 w 125"/>
                <a:gd name="T33" fmla="*/ 5329 h 140"/>
                <a:gd name="T34" fmla="*/ 61443 w 125"/>
                <a:gd name="T35" fmla="*/ 7461 h 140"/>
                <a:gd name="T36" fmla="*/ 61443 w 125"/>
                <a:gd name="T37" fmla="*/ 11725 h 140"/>
                <a:gd name="T38" fmla="*/ 61443 w 125"/>
                <a:gd name="T39" fmla="*/ 17054 h 140"/>
                <a:gd name="T40" fmla="*/ 64047 w 125"/>
                <a:gd name="T41" fmla="*/ 23449 h 140"/>
                <a:gd name="T42" fmla="*/ 59360 w 125"/>
                <a:gd name="T43" fmla="*/ 30378 h 140"/>
                <a:gd name="T44" fmla="*/ 49467 w 125"/>
                <a:gd name="T45" fmla="*/ 34641 h 140"/>
                <a:gd name="T46" fmla="*/ 43218 w 125"/>
                <a:gd name="T47" fmla="*/ 39971 h 140"/>
                <a:gd name="T48" fmla="*/ 43218 w 125"/>
                <a:gd name="T49" fmla="*/ 45300 h 140"/>
                <a:gd name="T50" fmla="*/ 46343 w 125"/>
                <a:gd name="T51" fmla="*/ 52228 h 140"/>
                <a:gd name="T52" fmla="*/ 51550 w 125"/>
                <a:gd name="T53" fmla="*/ 61288 h 140"/>
                <a:gd name="T54" fmla="*/ 54674 w 125"/>
                <a:gd name="T55" fmla="*/ 67684 h 140"/>
                <a:gd name="T56" fmla="*/ 54674 w 125"/>
                <a:gd name="T57" fmla="*/ 71947 h 140"/>
                <a:gd name="T58" fmla="*/ 53633 w 125"/>
                <a:gd name="T59" fmla="*/ 74612 h 140"/>
                <a:gd name="T60" fmla="*/ 46343 w 125"/>
                <a:gd name="T61" fmla="*/ 74079 h 140"/>
                <a:gd name="T62" fmla="*/ 36970 w 125"/>
                <a:gd name="T63" fmla="*/ 72480 h 140"/>
                <a:gd name="T64" fmla="*/ 31242 w 125"/>
                <a:gd name="T65" fmla="*/ 72480 h 140"/>
                <a:gd name="T66" fmla="*/ 28118 w 125"/>
                <a:gd name="T67" fmla="*/ 70881 h 140"/>
                <a:gd name="T68" fmla="*/ 26035 w 125"/>
                <a:gd name="T69" fmla="*/ 66085 h 140"/>
                <a:gd name="T70" fmla="*/ 21870 w 125"/>
                <a:gd name="T71" fmla="*/ 61821 h 140"/>
                <a:gd name="T72" fmla="*/ 17183 w 125"/>
                <a:gd name="T73" fmla="*/ 53294 h 140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</a:gdLst>
              <a:ahLst/>
              <a:cxnLst>
                <a:cxn ang="T74">
                  <a:pos x="T0" y="T1"/>
                </a:cxn>
                <a:cxn ang="T75">
                  <a:pos x="T2" y="T3"/>
                </a:cxn>
                <a:cxn ang="T76">
                  <a:pos x="T4" y="T5"/>
                </a:cxn>
                <a:cxn ang="T77">
                  <a:pos x="T6" y="T7"/>
                </a:cxn>
                <a:cxn ang="T78">
                  <a:pos x="T8" y="T9"/>
                </a:cxn>
                <a:cxn ang="T79">
                  <a:pos x="T10" y="T11"/>
                </a:cxn>
                <a:cxn ang="T80">
                  <a:pos x="T12" y="T13"/>
                </a:cxn>
                <a:cxn ang="T81">
                  <a:pos x="T14" y="T15"/>
                </a:cxn>
                <a:cxn ang="T82">
                  <a:pos x="T16" y="T17"/>
                </a:cxn>
                <a:cxn ang="T83">
                  <a:pos x="T18" y="T19"/>
                </a:cxn>
                <a:cxn ang="T84">
                  <a:pos x="T20" y="T21"/>
                </a:cxn>
                <a:cxn ang="T85">
                  <a:pos x="T22" y="T23"/>
                </a:cxn>
                <a:cxn ang="T86">
                  <a:pos x="T24" y="T25"/>
                </a:cxn>
                <a:cxn ang="T87">
                  <a:pos x="T26" y="T27"/>
                </a:cxn>
                <a:cxn ang="T88">
                  <a:pos x="T28" y="T29"/>
                </a:cxn>
                <a:cxn ang="T89">
                  <a:pos x="T30" y="T31"/>
                </a:cxn>
                <a:cxn ang="T90">
                  <a:pos x="T32" y="T33"/>
                </a:cxn>
                <a:cxn ang="T91">
                  <a:pos x="T34" y="T35"/>
                </a:cxn>
                <a:cxn ang="T92">
                  <a:pos x="T36" y="T37"/>
                </a:cxn>
                <a:cxn ang="T93">
                  <a:pos x="T38" y="T39"/>
                </a:cxn>
                <a:cxn ang="T94">
                  <a:pos x="T40" y="T41"/>
                </a:cxn>
                <a:cxn ang="T95">
                  <a:pos x="T42" y="T43"/>
                </a:cxn>
                <a:cxn ang="T96">
                  <a:pos x="T44" y="T45"/>
                </a:cxn>
                <a:cxn ang="T97">
                  <a:pos x="T46" y="T47"/>
                </a:cxn>
                <a:cxn ang="T98">
                  <a:pos x="T48" y="T49"/>
                </a:cxn>
                <a:cxn ang="T99">
                  <a:pos x="T50" y="T51"/>
                </a:cxn>
                <a:cxn ang="T100">
                  <a:pos x="T52" y="T53"/>
                </a:cxn>
                <a:cxn ang="T101">
                  <a:pos x="T54" y="T55"/>
                </a:cxn>
                <a:cxn ang="T102">
                  <a:pos x="T56" y="T57"/>
                </a:cxn>
                <a:cxn ang="T103">
                  <a:pos x="T58" y="T59"/>
                </a:cxn>
                <a:cxn ang="T104">
                  <a:pos x="T60" y="T61"/>
                </a:cxn>
                <a:cxn ang="T105">
                  <a:pos x="T62" y="T63"/>
                </a:cxn>
                <a:cxn ang="T106">
                  <a:pos x="T64" y="T65"/>
                </a:cxn>
                <a:cxn ang="T107">
                  <a:pos x="T66" y="T67"/>
                </a:cxn>
                <a:cxn ang="T108">
                  <a:pos x="T68" y="T69"/>
                </a:cxn>
                <a:cxn ang="T109">
                  <a:pos x="T70" y="T71"/>
                </a:cxn>
                <a:cxn ang="T110">
                  <a:pos x="T72" y="T73"/>
                </a:cxn>
              </a:cxnLst>
              <a:rect l="0" t="0" r="r" b="b"/>
              <a:pathLst>
                <a:path w="125" h="140">
                  <a:moveTo>
                    <a:pt x="33" y="100"/>
                  </a:moveTo>
                  <a:lnTo>
                    <a:pt x="32" y="98"/>
                  </a:lnTo>
                  <a:lnTo>
                    <a:pt x="32" y="96"/>
                  </a:lnTo>
                  <a:lnTo>
                    <a:pt x="31" y="95"/>
                  </a:lnTo>
                  <a:lnTo>
                    <a:pt x="29" y="94"/>
                  </a:lnTo>
                  <a:lnTo>
                    <a:pt x="25" y="86"/>
                  </a:lnTo>
                  <a:lnTo>
                    <a:pt x="22" y="79"/>
                  </a:lnTo>
                  <a:lnTo>
                    <a:pt x="18" y="73"/>
                  </a:lnTo>
                  <a:lnTo>
                    <a:pt x="13" y="66"/>
                  </a:lnTo>
                  <a:lnTo>
                    <a:pt x="9" y="60"/>
                  </a:lnTo>
                  <a:lnTo>
                    <a:pt x="5" y="53"/>
                  </a:lnTo>
                  <a:lnTo>
                    <a:pt x="2" y="44"/>
                  </a:lnTo>
                  <a:lnTo>
                    <a:pt x="0" y="36"/>
                  </a:lnTo>
                  <a:lnTo>
                    <a:pt x="12" y="32"/>
                  </a:lnTo>
                  <a:lnTo>
                    <a:pt x="23" y="30"/>
                  </a:lnTo>
                  <a:lnTo>
                    <a:pt x="30" y="29"/>
                  </a:lnTo>
                  <a:lnTo>
                    <a:pt x="36" y="30"/>
                  </a:lnTo>
                  <a:lnTo>
                    <a:pt x="41" y="31"/>
                  </a:lnTo>
                  <a:lnTo>
                    <a:pt x="46" y="33"/>
                  </a:lnTo>
                  <a:lnTo>
                    <a:pt x="53" y="33"/>
                  </a:lnTo>
                  <a:lnTo>
                    <a:pt x="57" y="31"/>
                  </a:lnTo>
                  <a:lnTo>
                    <a:pt x="60" y="28"/>
                  </a:lnTo>
                  <a:lnTo>
                    <a:pt x="64" y="25"/>
                  </a:lnTo>
                  <a:lnTo>
                    <a:pt x="63" y="19"/>
                  </a:lnTo>
                  <a:lnTo>
                    <a:pt x="64" y="14"/>
                  </a:lnTo>
                  <a:lnTo>
                    <a:pt x="67" y="10"/>
                  </a:lnTo>
                  <a:lnTo>
                    <a:pt x="72" y="8"/>
                  </a:lnTo>
                  <a:lnTo>
                    <a:pt x="82" y="3"/>
                  </a:lnTo>
                  <a:lnTo>
                    <a:pt x="95" y="0"/>
                  </a:lnTo>
                  <a:lnTo>
                    <a:pt x="97" y="3"/>
                  </a:lnTo>
                  <a:lnTo>
                    <a:pt x="100" y="5"/>
                  </a:lnTo>
                  <a:lnTo>
                    <a:pt x="104" y="6"/>
                  </a:lnTo>
                  <a:lnTo>
                    <a:pt x="109" y="8"/>
                  </a:lnTo>
                  <a:lnTo>
                    <a:pt x="112" y="10"/>
                  </a:lnTo>
                  <a:lnTo>
                    <a:pt x="116" y="12"/>
                  </a:lnTo>
                  <a:lnTo>
                    <a:pt x="118" y="14"/>
                  </a:lnTo>
                  <a:lnTo>
                    <a:pt x="120" y="18"/>
                  </a:lnTo>
                  <a:lnTo>
                    <a:pt x="118" y="22"/>
                  </a:lnTo>
                  <a:lnTo>
                    <a:pt x="117" y="26"/>
                  </a:lnTo>
                  <a:lnTo>
                    <a:pt x="118" y="32"/>
                  </a:lnTo>
                  <a:lnTo>
                    <a:pt x="119" y="36"/>
                  </a:lnTo>
                  <a:lnTo>
                    <a:pt x="123" y="44"/>
                  </a:lnTo>
                  <a:lnTo>
                    <a:pt x="125" y="54"/>
                  </a:lnTo>
                  <a:lnTo>
                    <a:pt x="114" y="57"/>
                  </a:lnTo>
                  <a:lnTo>
                    <a:pt x="104" y="61"/>
                  </a:lnTo>
                  <a:lnTo>
                    <a:pt x="95" y="65"/>
                  </a:lnTo>
                  <a:lnTo>
                    <a:pt x="84" y="69"/>
                  </a:lnTo>
                  <a:lnTo>
                    <a:pt x="83" y="75"/>
                  </a:lnTo>
                  <a:lnTo>
                    <a:pt x="83" y="80"/>
                  </a:lnTo>
                  <a:lnTo>
                    <a:pt x="83" y="85"/>
                  </a:lnTo>
                  <a:lnTo>
                    <a:pt x="85" y="90"/>
                  </a:lnTo>
                  <a:lnTo>
                    <a:pt x="89" y="98"/>
                  </a:lnTo>
                  <a:lnTo>
                    <a:pt x="94" y="106"/>
                  </a:lnTo>
                  <a:lnTo>
                    <a:pt x="99" y="115"/>
                  </a:lnTo>
                  <a:lnTo>
                    <a:pt x="103" y="122"/>
                  </a:lnTo>
                  <a:lnTo>
                    <a:pt x="105" y="127"/>
                  </a:lnTo>
                  <a:lnTo>
                    <a:pt x="105" y="131"/>
                  </a:lnTo>
                  <a:lnTo>
                    <a:pt x="105" y="135"/>
                  </a:lnTo>
                  <a:lnTo>
                    <a:pt x="104" y="140"/>
                  </a:lnTo>
                  <a:lnTo>
                    <a:pt x="103" y="140"/>
                  </a:lnTo>
                  <a:lnTo>
                    <a:pt x="102" y="140"/>
                  </a:lnTo>
                  <a:lnTo>
                    <a:pt x="89" y="139"/>
                  </a:lnTo>
                  <a:lnTo>
                    <a:pt x="77" y="137"/>
                  </a:lnTo>
                  <a:lnTo>
                    <a:pt x="71" y="136"/>
                  </a:lnTo>
                  <a:lnTo>
                    <a:pt x="65" y="136"/>
                  </a:lnTo>
                  <a:lnTo>
                    <a:pt x="60" y="136"/>
                  </a:lnTo>
                  <a:lnTo>
                    <a:pt x="54" y="137"/>
                  </a:lnTo>
                  <a:lnTo>
                    <a:pt x="54" y="133"/>
                  </a:lnTo>
                  <a:lnTo>
                    <a:pt x="52" y="129"/>
                  </a:lnTo>
                  <a:lnTo>
                    <a:pt x="50" y="124"/>
                  </a:lnTo>
                  <a:lnTo>
                    <a:pt x="47" y="121"/>
                  </a:lnTo>
                  <a:lnTo>
                    <a:pt x="42" y="116"/>
                  </a:lnTo>
                  <a:lnTo>
                    <a:pt x="39" y="110"/>
                  </a:lnTo>
                  <a:lnTo>
                    <a:pt x="33" y="100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63" name="Brøndby kant"/>
            <p:cNvSpPr>
              <a:spLocks/>
            </p:cNvSpPr>
            <p:nvPr/>
          </p:nvSpPr>
          <p:spPr bwMode="auto">
            <a:xfrm>
              <a:off x="3854450" y="4954588"/>
              <a:ext cx="65088" cy="74612"/>
            </a:xfrm>
            <a:custGeom>
              <a:avLst/>
              <a:gdLst>
                <a:gd name="T0" fmla="*/ 16663 w 125"/>
                <a:gd name="T1" fmla="*/ 52228 h 140"/>
                <a:gd name="T2" fmla="*/ 16142 w 125"/>
                <a:gd name="T3" fmla="*/ 50630 h 140"/>
                <a:gd name="T4" fmla="*/ 13018 w 125"/>
                <a:gd name="T5" fmla="*/ 45833 h 140"/>
                <a:gd name="T6" fmla="*/ 9373 w 125"/>
                <a:gd name="T7" fmla="*/ 38905 h 140"/>
                <a:gd name="T8" fmla="*/ 4686 w 125"/>
                <a:gd name="T9" fmla="*/ 31977 h 140"/>
                <a:gd name="T10" fmla="*/ 1041 w 125"/>
                <a:gd name="T11" fmla="*/ 23449 h 140"/>
                <a:gd name="T12" fmla="*/ 6248 w 125"/>
                <a:gd name="T13" fmla="*/ 17054 h 140"/>
                <a:gd name="T14" fmla="*/ 15621 w 125"/>
                <a:gd name="T15" fmla="*/ 15455 h 140"/>
                <a:gd name="T16" fmla="*/ 21349 w 125"/>
                <a:gd name="T17" fmla="*/ 16521 h 140"/>
                <a:gd name="T18" fmla="*/ 27597 w 125"/>
                <a:gd name="T19" fmla="*/ 17587 h 140"/>
                <a:gd name="T20" fmla="*/ 31242 w 125"/>
                <a:gd name="T21" fmla="*/ 14922 h 140"/>
                <a:gd name="T22" fmla="*/ 32804 w 125"/>
                <a:gd name="T23" fmla="*/ 10126 h 140"/>
                <a:gd name="T24" fmla="*/ 34887 w 125"/>
                <a:gd name="T25" fmla="*/ 5329 h 140"/>
                <a:gd name="T26" fmla="*/ 42698 w 125"/>
                <a:gd name="T27" fmla="*/ 1599 h 140"/>
                <a:gd name="T28" fmla="*/ 50508 w 125"/>
                <a:gd name="T29" fmla="*/ 1599 h 140"/>
                <a:gd name="T30" fmla="*/ 54153 w 125"/>
                <a:gd name="T31" fmla="*/ 3198 h 140"/>
                <a:gd name="T32" fmla="*/ 58319 w 125"/>
                <a:gd name="T33" fmla="*/ 5329 h 140"/>
                <a:gd name="T34" fmla="*/ 61443 w 125"/>
                <a:gd name="T35" fmla="*/ 7461 h 140"/>
                <a:gd name="T36" fmla="*/ 61443 w 125"/>
                <a:gd name="T37" fmla="*/ 11725 h 140"/>
                <a:gd name="T38" fmla="*/ 61443 w 125"/>
                <a:gd name="T39" fmla="*/ 17054 h 140"/>
                <a:gd name="T40" fmla="*/ 64047 w 125"/>
                <a:gd name="T41" fmla="*/ 23449 h 140"/>
                <a:gd name="T42" fmla="*/ 59360 w 125"/>
                <a:gd name="T43" fmla="*/ 30378 h 140"/>
                <a:gd name="T44" fmla="*/ 49467 w 125"/>
                <a:gd name="T45" fmla="*/ 34641 h 140"/>
                <a:gd name="T46" fmla="*/ 43218 w 125"/>
                <a:gd name="T47" fmla="*/ 39971 h 140"/>
                <a:gd name="T48" fmla="*/ 43218 w 125"/>
                <a:gd name="T49" fmla="*/ 45300 h 140"/>
                <a:gd name="T50" fmla="*/ 46343 w 125"/>
                <a:gd name="T51" fmla="*/ 52228 h 140"/>
                <a:gd name="T52" fmla="*/ 51550 w 125"/>
                <a:gd name="T53" fmla="*/ 61288 h 140"/>
                <a:gd name="T54" fmla="*/ 54674 w 125"/>
                <a:gd name="T55" fmla="*/ 67684 h 140"/>
                <a:gd name="T56" fmla="*/ 54674 w 125"/>
                <a:gd name="T57" fmla="*/ 71947 h 140"/>
                <a:gd name="T58" fmla="*/ 53633 w 125"/>
                <a:gd name="T59" fmla="*/ 74612 h 140"/>
                <a:gd name="T60" fmla="*/ 46343 w 125"/>
                <a:gd name="T61" fmla="*/ 74079 h 140"/>
                <a:gd name="T62" fmla="*/ 36970 w 125"/>
                <a:gd name="T63" fmla="*/ 72480 h 140"/>
                <a:gd name="T64" fmla="*/ 31242 w 125"/>
                <a:gd name="T65" fmla="*/ 72480 h 140"/>
                <a:gd name="T66" fmla="*/ 28118 w 125"/>
                <a:gd name="T67" fmla="*/ 70881 h 140"/>
                <a:gd name="T68" fmla="*/ 26035 w 125"/>
                <a:gd name="T69" fmla="*/ 66085 h 140"/>
                <a:gd name="T70" fmla="*/ 21870 w 125"/>
                <a:gd name="T71" fmla="*/ 61821 h 140"/>
                <a:gd name="T72" fmla="*/ 17183 w 125"/>
                <a:gd name="T73" fmla="*/ 53294 h 140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</a:gdLst>
              <a:ahLst/>
              <a:cxnLst>
                <a:cxn ang="T74">
                  <a:pos x="T0" y="T1"/>
                </a:cxn>
                <a:cxn ang="T75">
                  <a:pos x="T2" y="T3"/>
                </a:cxn>
                <a:cxn ang="T76">
                  <a:pos x="T4" y="T5"/>
                </a:cxn>
                <a:cxn ang="T77">
                  <a:pos x="T6" y="T7"/>
                </a:cxn>
                <a:cxn ang="T78">
                  <a:pos x="T8" y="T9"/>
                </a:cxn>
                <a:cxn ang="T79">
                  <a:pos x="T10" y="T11"/>
                </a:cxn>
                <a:cxn ang="T80">
                  <a:pos x="T12" y="T13"/>
                </a:cxn>
                <a:cxn ang="T81">
                  <a:pos x="T14" y="T15"/>
                </a:cxn>
                <a:cxn ang="T82">
                  <a:pos x="T16" y="T17"/>
                </a:cxn>
                <a:cxn ang="T83">
                  <a:pos x="T18" y="T19"/>
                </a:cxn>
                <a:cxn ang="T84">
                  <a:pos x="T20" y="T21"/>
                </a:cxn>
                <a:cxn ang="T85">
                  <a:pos x="T22" y="T23"/>
                </a:cxn>
                <a:cxn ang="T86">
                  <a:pos x="T24" y="T25"/>
                </a:cxn>
                <a:cxn ang="T87">
                  <a:pos x="T26" y="T27"/>
                </a:cxn>
                <a:cxn ang="T88">
                  <a:pos x="T28" y="T29"/>
                </a:cxn>
                <a:cxn ang="T89">
                  <a:pos x="T30" y="T31"/>
                </a:cxn>
                <a:cxn ang="T90">
                  <a:pos x="T32" y="T33"/>
                </a:cxn>
                <a:cxn ang="T91">
                  <a:pos x="T34" y="T35"/>
                </a:cxn>
                <a:cxn ang="T92">
                  <a:pos x="T36" y="T37"/>
                </a:cxn>
                <a:cxn ang="T93">
                  <a:pos x="T38" y="T39"/>
                </a:cxn>
                <a:cxn ang="T94">
                  <a:pos x="T40" y="T41"/>
                </a:cxn>
                <a:cxn ang="T95">
                  <a:pos x="T42" y="T43"/>
                </a:cxn>
                <a:cxn ang="T96">
                  <a:pos x="T44" y="T45"/>
                </a:cxn>
                <a:cxn ang="T97">
                  <a:pos x="T46" y="T47"/>
                </a:cxn>
                <a:cxn ang="T98">
                  <a:pos x="T48" y="T49"/>
                </a:cxn>
                <a:cxn ang="T99">
                  <a:pos x="T50" y="T51"/>
                </a:cxn>
                <a:cxn ang="T100">
                  <a:pos x="T52" y="T53"/>
                </a:cxn>
                <a:cxn ang="T101">
                  <a:pos x="T54" y="T55"/>
                </a:cxn>
                <a:cxn ang="T102">
                  <a:pos x="T56" y="T57"/>
                </a:cxn>
                <a:cxn ang="T103">
                  <a:pos x="T58" y="T59"/>
                </a:cxn>
                <a:cxn ang="T104">
                  <a:pos x="T60" y="T61"/>
                </a:cxn>
                <a:cxn ang="T105">
                  <a:pos x="T62" y="T63"/>
                </a:cxn>
                <a:cxn ang="T106">
                  <a:pos x="T64" y="T65"/>
                </a:cxn>
                <a:cxn ang="T107">
                  <a:pos x="T66" y="T67"/>
                </a:cxn>
                <a:cxn ang="T108">
                  <a:pos x="T68" y="T69"/>
                </a:cxn>
                <a:cxn ang="T109">
                  <a:pos x="T70" y="T71"/>
                </a:cxn>
                <a:cxn ang="T110">
                  <a:pos x="T72" y="T73"/>
                </a:cxn>
              </a:cxnLst>
              <a:rect l="0" t="0" r="r" b="b"/>
              <a:pathLst>
                <a:path w="125" h="140">
                  <a:moveTo>
                    <a:pt x="33" y="100"/>
                  </a:moveTo>
                  <a:lnTo>
                    <a:pt x="32" y="98"/>
                  </a:lnTo>
                  <a:lnTo>
                    <a:pt x="32" y="96"/>
                  </a:lnTo>
                  <a:lnTo>
                    <a:pt x="31" y="95"/>
                  </a:lnTo>
                  <a:lnTo>
                    <a:pt x="29" y="94"/>
                  </a:lnTo>
                  <a:lnTo>
                    <a:pt x="25" y="86"/>
                  </a:lnTo>
                  <a:lnTo>
                    <a:pt x="22" y="79"/>
                  </a:lnTo>
                  <a:lnTo>
                    <a:pt x="18" y="73"/>
                  </a:lnTo>
                  <a:lnTo>
                    <a:pt x="13" y="66"/>
                  </a:lnTo>
                  <a:lnTo>
                    <a:pt x="9" y="60"/>
                  </a:lnTo>
                  <a:lnTo>
                    <a:pt x="5" y="53"/>
                  </a:lnTo>
                  <a:lnTo>
                    <a:pt x="2" y="44"/>
                  </a:lnTo>
                  <a:lnTo>
                    <a:pt x="0" y="36"/>
                  </a:lnTo>
                  <a:lnTo>
                    <a:pt x="12" y="32"/>
                  </a:lnTo>
                  <a:lnTo>
                    <a:pt x="23" y="30"/>
                  </a:lnTo>
                  <a:lnTo>
                    <a:pt x="30" y="29"/>
                  </a:lnTo>
                  <a:lnTo>
                    <a:pt x="36" y="30"/>
                  </a:lnTo>
                  <a:lnTo>
                    <a:pt x="41" y="31"/>
                  </a:lnTo>
                  <a:lnTo>
                    <a:pt x="46" y="33"/>
                  </a:lnTo>
                  <a:lnTo>
                    <a:pt x="53" y="33"/>
                  </a:lnTo>
                  <a:lnTo>
                    <a:pt x="57" y="31"/>
                  </a:lnTo>
                  <a:lnTo>
                    <a:pt x="60" y="28"/>
                  </a:lnTo>
                  <a:lnTo>
                    <a:pt x="64" y="25"/>
                  </a:lnTo>
                  <a:lnTo>
                    <a:pt x="63" y="19"/>
                  </a:lnTo>
                  <a:lnTo>
                    <a:pt x="64" y="14"/>
                  </a:lnTo>
                  <a:lnTo>
                    <a:pt x="67" y="10"/>
                  </a:lnTo>
                  <a:lnTo>
                    <a:pt x="72" y="8"/>
                  </a:lnTo>
                  <a:lnTo>
                    <a:pt x="82" y="3"/>
                  </a:lnTo>
                  <a:lnTo>
                    <a:pt x="95" y="0"/>
                  </a:lnTo>
                  <a:lnTo>
                    <a:pt x="97" y="3"/>
                  </a:lnTo>
                  <a:lnTo>
                    <a:pt x="100" y="5"/>
                  </a:lnTo>
                  <a:lnTo>
                    <a:pt x="104" y="6"/>
                  </a:lnTo>
                  <a:lnTo>
                    <a:pt x="109" y="8"/>
                  </a:lnTo>
                  <a:lnTo>
                    <a:pt x="112" y="10"/>
                  </a:lnTo>
                  <a:lnTo>
                    <a:pt x="116" y="12"/>
                  </a:lnTo>
                  <a:lnTo>
                    <a:pt x="118" y="14"/>
                  </a:lnTo>
                  <a:lnTo>
                    <a:pt x="120" y="18"/>
                  </a:lnTo>
                  <a:lnTo>
                    <a:pt x="118" y="22"/>
                  </a:lnTo>
                  <a:lnTo>
                    <a:pt x="117" y="26"/>
                  </a:lnTo>
                  <a:lnTo>
                    <a:pt x="118" y="32"/>
                  </a:lnTo>
                  <a:lnTo>
                    <a:pt x="119" y="36"/>
                  </a:lnTo>
                  <a:lnTo>
                    <a:pt x="123" y="44"/>
                  </a:lnTo>
                  <a:lnTo>
                    <a:pt x="125" y="54"/>
                  </a:lnTo>
                  <a:lnTo>
                    <a:pt x="114" y="57"/>
                  </a:lnTo>
                  <a:lnTo>
                    <a:pt x="104" y="61"/>
                  </a:lnTo>
                  <a:lnTo>
                    <a:pt x="95" y="65"/>
                  </a:lnTo>
                  <a:lnTo>
                    <a:pt x="84" y="69"/>
                  </a:lnTo>
                  <a:lnTo>
                    <a:pt x="83" y="75"/>
                  </a:lnTo>
                  <a:lnTo>
                    <a:pt x="83" y="80"/>
                  </a:lnTo>
                  <a:lnTo>
                    <a:pt x="83" y="85"/>
                  </a:lnTo>
                  <a:lnTo>
                    <a:pt x="85" y="90"/>
                  </a:lnTo>
                  <a:lnTo>
                    <a:pt x="89" y="98"/>
                  </a:lnTo>
                  <a:lnTo>
                    <a:pt x="94" y="106"/>
                  </a:lnTo>
                  <a:lnTo>
                    <a:pt x="99" y="115"/>
                  </a:lnTo>
                  <a:lnTo>
                    <a:pt x="103" y="122"/>
                  </a:lnTo>
                  <a:lnTo>
                    <a:pt x="105" y="127"/>
                  </a:lnTo>
                  <a:lnTo>
                    <a:pt x="105" y="131"/>
                  </a:lnTo>
                  <a:lnTo>
                    <a:pt x="105" y="135"/>
                  </a:lnTo>
                  <a:lnTo>
                    <a:pt x="104" y="140"/>
                  </a:lnTo>
                  <a:lnTo>
                    <a:pt x="103" y="140"/>
                  </a:lnTo>
                  <a:lnTo>
                    <a:pt x="102" y="140"/>
                  </a:lnTo>
                  <a:lnTo>
                    <a:pt x="89" y="139"/>
                  </a:lnTo>
                  <a:lnTo>
                    <a:pt x="77" y="137"/>
                  </a:lnTo>
                  <a:lnTo>
                    <a:pt x="71" y="136"/>
                  </a:lnTo>
                  <a:lnTo>
                    <a:pt x="65" y="136"/>
                  </a:lnTo>
                  <a:lnTo>
                    <a:pt x="60" y="136"/>
                  </a:lnTo>
                  <a:lnTo>
                    <a:pt x="54" y="137"/>
                  </a:lnTo>
                  <a:lnTo>
                    <a:pt x="54" y="133"/>
                  </a:lnTo>
                  <a:lnTo>
                    <a:pt x="52" y="129"/>
                  </a:lnTo>
                  <a:lnTo>
                    <a:pt x="50" y="124"/>
                  </a:lnTo>
                  <a:lnTo>
                    <a:pt x="47" y="121"/>
                  </a:lnTo>
                  <a:lnTo>
                    <a:pt x="42" y="116"/>
                  </a:lnTo>
                  <a:lnTo>
                    <a:pt x="39" y="110"/>
                  </a:lnTo>
                  <a:lnTo>
                    <a:pt x="33" y="100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64" name="Egedal"/>
            <p:cNvSpPr>
              <a:spLocks/>
            </p:cNvSpPr>
            <p:nvPr/>
          </p:nvSpPr>
          <p:spPr bwMode="auto">
            <a:xfrm>
              <a:off x="3654425" y="4754563"/>
              <a:ext cx="174625" cy="171450"/>
            </a:xfrm>
            <a:custGeom>
              <a:avLst/>
              <a:gdLst>
                <a:gd name="T0" fmla="*/ 85466 w 331"/>
                <a:gd name="T1" fmla="*/ 5308 h 323"/>
                <a:gd name="T2" fmla="*/ 74387 w 331"/>
                <a:gd name="T3" fmla="*/ 531 h 323"/>
                <a:gd name="T4" fmla="*/ 60670 w 331"/>
                <a:gd name="T5" fmla="*/ 6900 h 323"/>
                <a:gd name="T6" fmla="*/ 40623 w 331"/>
                <a:gd name="T7" fmla="*/ 5308 h 323"/>
                <a:gd name="T8" fmla="*/ 6858 w 331"/>
                <a:gd name="T9" fmla="*/ 6900 h 323"/>
                <a:gd name="T10" fmla="*/ 13717 w 331"/>
                <a:gd name="T11" fmla="*/ 18578 h 323"/>
                <a:gd name="T12" fmla="*/ 14244 w 331"/>
                <a:gd name="T13" fmla="*/ 30256 h 323"/>
                <a:gd name="T14" fmla="*/ 5803 w 331"/>
                <a:gd name="T15" fmla="*/ 55204 h 323"/>
                <a:gd name="T16" fmla="*/ 2638 w 331"/>
                <a:gd name="T17" fmla="*/ 78559 h 323"/>
                <a:gd name="T18" fmla="*/ 12134 w 331"/>
                <a:gd name="T19" fmla="*/ 85460 h 323"/>
                <a:gd name="T20" fmla="*/ 29016 w 331"/>
                <a:gd name="T21" fmla="*/ 94483 h 323"/>
                <a:gd name="T22" fmla="*/ 34819 w 331"/>
                <a:gd name="T23" fmla="*/ 100853 h 323"/>
                <a:gd name="T24" fmla="*/ 44843 w 331"/>
                <a:gd name="T25" fmla="*/ 104038 h 323"/>
                <a:gd name="T26" fmla="*/ 62253 w 331"/>
                <a:gd name="T27" fmla="*/ 101915 h 323"/>
                <a:gd name="T28" fmla="*/ 75970 w 331"/>
                <a:gd name="T29" fmla="*/ 101384 h 323"/>
                <a:gd name="T30" fmla="*/ 83356 w 331"/>
                <a:gd name="T31" fmla="*/ 105630 h 323"/>
                <a:gd name="T32" fmla="*/ 85466 w 331"/>
                <a:gd name="T33" fmla="*/ 118370 h 323"/>
                <a:gd name="T34" fmla="*/ 77552 w 331"/>
                <a:gd name="T35" fmla="*/ 127924 h 323"/>
                <a:gd name="T36" fmla="*/ 80718 w 331"/>
                <a:gd name="T37" fmla="*/ 131109 h 323"/>
                <a:gd name="T38" fmla="*/ 89159 w 331"/>
                <a:gd name="T39" fmla="*/ 136948 h 323"/>
                <a:gd name="T40" fmla="*/ 92324 w 331"/>
                <a:gd name="T41" fmla="*/ 142787 h 323"/>
                <a:gd name="T42" fmla="*/ 102876 w 331"/>
                <a:gd name="T43" fmla="*/ 155526 h 323"/>
                <a:gd name="T44" fmla="*/ 107096 w 331"/>
                <a:gd name="T45" fmla="*/ 159241 h 323"/>
                <a:gd name="T46" fmla="*/ 121868 w 331"/>
                <a:gd name="T47" fmla="*/ 163488 h 323"/>
                <a:gd name="T48" fmla="*/ 143498 w 331"/>
                <a:gd name="T49" fmla="*/ 170919 h 323"/>
                <a:gd name="T50" fmla="*/ 153522 w 331"/>
                <a:gd name="T51" fmla="*/ 171450 h 323"/>
                <a:gd name="T52" fmla="*/ 167239 w 331"/>
                <a:gd name="T53" fmla="*/ 164550 h 323"/>
                <a:gd name="T54" fmla="*/ 173570 w 331"/>
                <a:gd name="T55" fmla="*/ 158180 h 323"/>
                <a:gd name="T56" fmla="*/ 171460 w 331"/>
                <a:gd name="T57" fmla="*/ 150749 h 323"/>
                <a:gd name="T58" fmla="*/ 165129 w 331"/>
                <a:gd name="T59" fmla="*/ 147564 h 323"/>
                <a:gd name="T60" fmla="*/ 159326 w 331"/>
                <a:gd name="T61" fmla="*/ 144379 h 323"/>
                <a:gd name="T62" fmla="*/ 158270 w 331"/>
                <a:gd name="T63" fmla="*/ 132170 h 323"/>
                <a:gd name="T64" fmla="*/ 160381 w 331"/>
                <a:gd name="T65" fmla="*/ 123147 h 323"/>
                <a:gd name="T66" fmla="*/ 165129 w 331"/>
                <a:gd name="T67" fmla="*/ 114654 h 323"/>
                <a:gd name="T68" fmla="*/ 152995 w 331"/>
                <a:gd name="T69" fmla="*/ 113061 h 323"/>
                <a:gd name="T70" fmla="*/ 149829 w 331"/>
                <a:gd name="T71" fmla="*/ 104569 h 323"/>
                <a:gd name="T72" fmla="*/ 143498 w 331"/>
                <a:gd name="T73" fmla="*/ 101384 h 323"/>
                <a:gd name="T74" fmla="*/ 125561 w 331"/>
                <a:gd name="T75" fmla="*/ 104038 h 323"/>
                <a:gd name="T76" fmla="*/ 116593 w 331"/>
                <a:gd name="T77" fmla="*/ 99791 h 323"/>
                <a:gd name="T78" fmla="*/ 123978 w 331"/>
                <a:gd name="T79" fmla="*/ 88114 h 323"/>
                <a:gd name="T80" fmla="*/ 135585 w 331"/>
                <a:gd name="T81" fmla="*/ 90237 h 323"/>
                <a:gd name="T82" fmla="*/ 138750 w 331"/>
                <a:gd name="T83" fmla="*/ 84398 h 323"/>
                <a:gd name="T84" fmla="*/ 138750 w 331"/>
                <a:gd name="T85" fmla="*/ 75374 h 323"/>
                <a:gd name="T86" fmla="*/ 138223 w 331"/>
                <a:gd name="T87" fmla="*/ 65820 h 323"/>
                <a:gd name="T88" fmla="*/ 147191 w 331"/>
                <a:gd name="T89" fmla="*/ 60512 h 323"/>
                <a:gd name="T90" fmla="*/ 150357 w 331"/>
                <a:gd name="T91" fmla="*/ 53611 h 323"/>
                <a:gd name="T92" fmla="*/ 145081 w 331"/>
                <a:gd name="T93" fmla="*/ 45649 h 323"/>
                <a:gd name="T94" fmla="*/ 154050 w 331"/>
                <a:gd name="T95" fmla="*/ 38749 h 323"/>
                <a:gd name="T96" fmla="*/ 164601 w 331"/>
                <a:gd name="T97" fmla="*/ 32910 h 323"/>
                <a:gd name="T98" fmla="*/ 168294 w 331"/>
                <a:gd name="T99" fmla="*/ 28663 h 323"/>
                <a:gd name="T100" fmla="*/ 163546 w 331"/>
                <a:gd name="T101" fmla="*/ 20701 h 323"/>
                <a:gd name="T102" fmla="*/ 152995 w 331"/>
                <a:gd name="T103" fmla="*/ 14332 h 323"/>
                <a:gd name="T104" fmla="*/ 139278 w 331"/>
                <a:gd name="T105" fmla="*/ 11147 h 323"/>
                <a:gd name="T106" fmla="*/ 110262 w 331"/>
                <a:gd name="T107" fmla="*/ 10085 h 323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0" t="0" r="r" b="b"/>
              <a:pathLst>
                <a:path w="331" h="323">
                  <a:moveTo>
                    <a:pt x="173" y="22"/>
                  </a:moveTo>
                  <a:lnTo>
                    <a:pt x="167" y="16"/>
                  </a:lnTo>
                  <a:lnTo>
                    <a:pt x="162" y="10"/>
                  </a:lnTo>
                  <a:lnTo>
                    <a:pt x="155" y="7"/>
                  </a:lnTo>
                  <a:lnTo>
                    <a:pt x="149" y="4"/>
                  </a:lnTo>
                  <a:lnTo>
                    <a:pt x="141" y="1"/>
                  </a:lnTo>
                  <a:lnTo>
                    <a:pt x="132" y="0"/>
                  </a:lnTo>
                  <a:lnTo>
                    <a:pt x="123" y="6"/>
                  </a:lnTo>
                  <a:lnTo>
                    <a:pt x="115" y="13"/>
                  </a:lnTo>
                  <a:lnTo>
                    <a:pt x="101" y="11"/>
                  </a:lnTo>
                  <a:lnTo>
                    <a:pt x="89" y="10"/>
                  </a:lnTo>
                  <a:lnTo>
                    <a:pt x="77" y="10"/>
                  </a:lnTo>
                  <a:lnTo>
                    <a:pt x="65" y="10"/>
                  </a:lnTo>
                  <a:lnTo>
                    <a:pt x="40" y="11"/>
                  </a:lnTo>
                  <a:lnTo>
                    <a:pt x="13" y="13"/>
                  </a:lnTo>
                  <a:lnTo>
                    <a:pt x="19" y="20"/>
                  </a:lnTo>
                  <a:lnTo>
                    <a:pt x="23" y="26"/>
                  </a:lnTo>
                  <a:lnTo>
                    <a:pt x="26" y="35"/>
                  </a:lnTo>
                  <a:lnTo>
                    <a:pt x="27" y="42"/>
                  </a:lnTo>
                  <a:lnTo>
                    <a:pt x="27" y="50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23" y="73"/>
                  </a:lnTo>
                  <a:lnTo>
                    <a:pt x="11" y="104"/>
                  </a:lnTo>
                  <a:lnTo>
                    <a:pt x="0" y="137"/>
                  </a:lnTo>
                  <a:lnTo>
                    <a:pt x="2" y="142"/>
                  </a:lnTo>
                  <a:lnTo>
                    <a:pt x="5" y="148"/>
                  </a:lnTo>
                  <a:lnTo>
                    <a:pt x="10" y="152"/>
                  </a:lnTo>
                  <a:lnTo>
                    <a:pt x="14" y="156"/>
                  </a:lnTo>
                  <a:lnTo>
                    <a:pt x="23" y="161"/>
                  </a:lnTo>
                  <a:lnTo>
                    <a:pt x="34" y="166"/>
                  </a:lnTo>
                  <a:lnTo>
                    <a:pt x="44" y="172"/>
                  </a:lnTo>
                  <a:lnTo>
                    <a:pt x="55" y="178"/>
                  </a:lnTo>
                  <a:lnTo>
                    <a:pt x="59" y="181"/>
                  </a:lnTo>
                  <a:lnTo>
                    <a:pt x="63" y="185"/>
                  </a:lnTo>
                  <a:lnTo>
                    <a:pt x="66" y="190"/>
                  </a:lnTo>
                  <a:lnTo>
                    <a:pt x="69" y="195"/>
                  </a:lnTo>
                  <a:lnTo>
                    <a:pt x="77" y="196"/>
                  </a:lnTo>
                  <a:lnTo>
                    <a:pt x="85" y="196"/>
                  </a:lnTo>
                  <a:lnTo>
                    <a:pt x="94" y="195"/>
                  </a:lnTo>
                  <a:lnTo>
                    <a:pt x="102" y="194"/>
                  </a:lnTo>
                  <a:lnTo>
                    <a:pt x="118" y="192"/>
                  </a:lnTo>
                  <a:lnTo>
                    <a:pt x="133" y="190"/>
                  </a:lnTo>
                  <a:lnTo>
                    <a:pt x="139" y="190"/>
                  </a:lnTo>
                  <a:lnTo>
                    <a:pt x="144" y="191"/>
                  </a:lnTo>
                  <a:lnTo>
                    <a:pt x="150" y="193"/>
                  </a:lnTo>
                  <a:lnTo>
                    <a:pt x="155" y="195"/>
                  </a:lnTo>
                  <a:lnTo>
                    <a:pt x="158" y="199"/>
                  </a:lnTo>
                  <a:lnTo>
                    <a:pt x="161" y="205"/>
                  </a:lnTo>
                  <a:lnTo>
                    <a:pt x="162" y="214"/>
                  </a:lnTo>
                  <a:lnTo>
                    <a:pt x="162" y="223"/>
                  </a:lnTo>
                  <a:lnTo>
                    <a:pt x="155" y="230"/>
                  </a:lnTo>
                  <a:lnTo>
                    <a:pt x="147" y="238"/>
                  </a:lnTo>
                  <a:lnTo>
                    <a:pt x="147" y="241"/>
                  </a:lnTo>
                  <a:lnTo>
                    <a:pt x="149" y="243"/>
                  </a:lnTo>
                  <a:lnTo>
                    <a:pt x="151" y="245"/>
                  </a:lnTo>
                  <a:lnTo>
                    <a:pt x="153" y="247"/>
                  </a:lnTo>
                  <a:lnTo>
                    <a:pt x="159" y="251"/>
                  </a:lnTo>
                  <a:lnTo>
                    <a:pt x="165" y="256"/>
                  </a:lnTo>
                  <a:lnTo>
                    <a:pt x="169" y="258"/>
                  </a:lnTo>
                  <a:lnTo>
                    <a:pt x="172" y="261"/>
                  </a:lnTo>
                  <a:lnTo>
                    <a:pt x="174" y="265"/>
                  </a:lnTo>
                  <a:lnTo>
                    <a:pt x="175" y="269"/>
                  </a:lnTo>
                  <a:lnTo>
                    <a:pt x="187" y="277"/>
                  </a:lnTo>
                  <a:lnTo>
                    <a:pt x="198" y="287"/>
                  </a:lnTo>
                  <a:lnTo>
                    <a:pt x="195" y="293"/>
                  </a:lnTo>
                  <a:lnTo>
                    <a:pt x="191" y="299"/>
                  </a:lnTo>
                  <a:lnTo>
                    <a:pt x="197" y="299"/>
                  </a:lnTo>
                  <a:lnTo>
                    <a:pt x="203" y="300"/>
                  </a:lnTo>
                  <a:lnTo>
                    <a:pt x="211" y="301"/>
                  </a:lnTo>
                  <a:lnTo>
                    <a:pt x="217" y="303"/>
                  </a:lnTo>
                  <a:lnTo>
                    <a:pt x="231" y="308"/>
                  </a:lnTo>
                  <a:lnTo>
                    <a:pt x="244" y="314"/>
                  </a:lnTo>
                  <a:lnTo>
                    <a:pt x="258" y="318"/>
                  </a:lnTo>
                  <a:lnTo>
                    <a:pt x="272" y="322"/>
                  </a:lnTo>
                  <a:lnTo>
                    <a:pt x="278" y="323"/>
                  </a:lnTo>
                  <a:lnTo>
                    <a:pt x="284" y="323"/>
                  </a:lnTo>
                  <a:lnTo>
                    <a:pt x="291" y="323"/>
                  </a:lnTo>
                  <a:lnTo>
                    <a:pt x="297" y="322"/>
                  </a:lnTo>
                  <a:lnTo>
                    <a:pt x="306" y="316"/>
                  </a:lnTo>
                  <a:lnTo>
                    <a:pt x="317" y="310"/>
                  </a:lnTo>
                  <a:lnTo>
                    <a:pt x="321" y="307"/>
                  </a:lnTo>
                  <a:lnTo>
                    <a:pt x="325" y="302"/>
                  </a:lnTo>
                  <a:lnTo>
                    <a:pt x="329" y="298"/>
                  </a:lnTo>
                  <a:lnTo>
                    <a:pt x="331" y="292"/>
                  </a:lnTo>
                  <a:lnTo>
                    <a:pt x="329" y="288"/>
                  </a:lnTo>
                  <a:lnTo>
                    <a:pt x="325" y="284"/>
                  </a:lnTo>
                  <a:lnTo>
                    <a:pt x="322" y="282"/>
                  </a:lnTo>
                  <a:lnTo>
                    <a:pt x="318" y="280"/>
                  </a:lnTo>
                  <a:lnTo>
                    <a:pt x="313" y="278"/>
                  </a:lnTo>
                  <a:lnTo>
                    <a:pt x="309" y="277"/>
                  </a:lnTo>
                  <a:lnTo>
                    <a:pt x="305" y="275"/>
                  </a:lnTo>
                  <a:lnTo>
                    <a:pt x="302" y="272"/>
                  </a:lnTo>
                  <a:lnTo>
                    <a:pt x="301" y="262"/>
                  </a:lnTo>
                  <a:lnTo>
                    <a:pt x="300" y="255"/>
                  </a:lnTo>
                  <a:lnTo>
                    <a:pt x="300" y="249"/>
                  </a:lnTo>
                  <a:lnTo>
                    <a:pt x="300" y="242"/>
                  </a:lnTo>
                  <a:lnTo>
                    <a:pt x="302" y="237"/>
                  </a:lnTo>
                  <a:lnTo>
                    <a:pt x="304" y="232"/>
                  </a:lnTo>
                  <a:lnTo>
                    <a:pt x="310" y="228"/>
                  </a:lnTo>
                  <a:lnTo>
                    <a:pt x="315" y="223"/>
                  </a:lnTo>
                  <a:lnTo>
                    <a:pt x="313" y="216"/>
                  </a:lnTo>
                  <a:lnTo>
                    <a:pt x="310" y="211"/>
                  </a:lnTo>
                  <a:lnTo>
                    <a:pt x="299" y="211"/>
                  </a:lnTo>
                  <a:lnTo>
                    <a:pt x="290" y="213"/>
                  </a:lnTo>
                  <a:lnTo>
                    <a:pt x="289" y="207"/>
                  </a:lnTo>
                  <a:lnTo>
                    <a:pt x="286" y="201"/>
                  </a:lnTo>
                  <a:lnTo>
                    <a:pt x="284" y="197"/>
                  </a:lnTo>
                  <a:lnTo>
                    <a:pt x="280" y="194"/>
                  </a:lnTo>
                  <a:lnTo>
                    <a:pt x="276" y="192"/>
                  </a:lnTo>
                  <a:lnTo>
                    <a:pt x="272" y="191"/>
                  </a:lnTo>
                  <a:lnTo>
                    <a:pt x="266" y="191"/>
                  </a:lnTo>
                  <a:lnTo>
                    <a:pt x="261" y="191"/>
                  </a:lnTo>
                  <a:lnTo>
                    <a:pt x="238" y="196"/>
                  </a:lnTo>
                  <a:lnTo>
                    <a:pt x="218" y="203"/>
                  </a:lnTo>
                  <a:lnTo>
                    <a:pt x="220" y="196"/>
                  </a:lnTo>
                  <a:lnTo>
                    <a:pt x="221" y="188"/>
                  </a:lnTo>
                  <a:lnTo>
                    <a:pt x="224" y="178"/>
                  </a:lnTo>
                  <a:lnTo>
                    <a:pt x="229" y="164"/>
                  </a:lnTo>
                  <a:lnTo>
                    <a:pt x="235" y="166"/>
                  </a:lnTo>
                  <a:lnTo>
                    <a:pt x="242" y="169"/>
                  </a:lnTo>
                  <a:lnTo>
                    <a:pt x="249" y="170"/>
                  </a:lnTo>
                  <a:lnTo>
                    <a:pt x="257" y="170"/>
                  </a:lnTo>
                  <a:lnTo>
                    <a:pt x="258" y="166"/>
                  </a:lnTo>
                  <a:lnTo>
                    <a:pt x="261" y="164"/>
                  </a:lnTo>
                  <a:lnTo>
                    <a:pt x="263" y="159"/>
                  </a:lnTo>
                  <a:lnTo>
                    <a:pt x="264" y="154"/>
                  </a:lnTo>
                  <a:lnTo>
                    <a:pt x="264" y="149"/>
                  </a:lnTo>
                  <a:lnTo>
                    <a:pt x="263" y="142"/>
                  </a:lnTo>
                  <a:lnTo>
                    <a:pt x="262" y="136"/>
                  </a:lnTo>
                  <a:lnTo>
                    <a:pt x="261" y="130"/>
                  </a:lnTo>
                  <a:lnTo>
                    <a:pt x="262" y="124"/>
                  </a:lnTo>
                  <a:lnTo>
                    <a:pt x="264" y="119"/>
                  </a:lnTo>
                  <a:lnTo>
                    <a:pt x="273" y="117"/>
                  </a:lnTo>
                  <a:lnTo>
                    <a:pt x="279" y="114"/>
                  </a:lnTo>
                  <a:lnTo>
                    <a:pt x="283" y="110"/>
                  </a:lnTo>
                  <a:lnTo>
                    <a:pt x="285" y="105"/>
                  </a:lnTo>
                  <a:lnTo>
                    <a:pt x="285" y="101"/>
                  </a:lnTo>
                  <a:lnTo>
                    <a:pt x="284" y="96"/>
                  </a:lnTo>
                  <a:lnTo>
                    <a:pt x="280" y="91"/>
                  </a:lnTo>
                  <a:lnTo>
                    <a:pt x="275" y="86"/>
                  </a:lnTo>
                  <a:lnTo>
                    <a:pt x="279" y="80"/>
                  </a:lnTo>
                  <a:lnTo>
                    <a:pt x="284" y="76"/>
                  </a:lnTo>
                  <a:lnTo>
                    <a:pt x="292" y="73"/>
                  </a:lnTo>
                  <a:lnTo>
                    <a:pt x="299" y="70"/>
                  </a:lnTo>
                  <a:lnTo>
                    <a:pt x="305" y="66"/>
                  </a:lnTo>
                  <a:lnTo>
                    <a:pt x="312" y="62"/>
                  </a:lnTo>
                  <a:lnTo>
                    <a:pt x="315" y="60"/>
                  </a:lnTo>
                  <a:lnTo>
                    <a:pt x="317" y="57"/>
                  </a:lnTo>
                  <a:lnTo>
                    <a:pt x="319" y="54"/>
                  </a:lnTo>
                  <a:lnTo>
                    <a:pt x="320" y="51"/>
                  </a:lnTo>
                  <a:lnTo>
                    <a:pt x="315" y="44"/>
                  </a:lnTo>
                  <a:lnTo>
                    <a:pt x="310" y="39"/>
                  </a:lnTo>
                  <a:lnTo>
                    <a:pt x="303" y="35"/>
                  </a:lnTo>
                  <a:lnTo>
                    <a:pt x="297" y="31"/>
                  </a:lnTo>
                  <a:lnTo>
                    <a:pt x="290" y="27"/>
                  </a:lnTo>
                  <a:lnTo>
                    <a:pt x="281" y="24"/>
                  </a:lnTo>
                  <a:lnTo>
                    <a:pt x="274" y="22"/>
                  </a:lnTo>
                  <a:lnTo>
                    <a:pt x="264" y="21"/>
                  </a:lnTo>
                  <a:lnTo>
                    <a:pt x="246" y="19"/>
                  </a:lnTo>
                  <a:lnTo>
                    <a:pt x="228" y="19"/>
                  </a:lnTo>
                  <a:lnTo>
                    <a:pt x="209" y="19"/>
                  </a:lnTo>
                  <a:lnTo>
                    <a:pt x="191" y="20"/>
                  </a:lnTo>
                  <a:lnTo>
                    <a:pt x="173" y="22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665" name="Egedal kant"/>
            <p:cNvSpPr>
              <a:spLocks/>
            </p:cNvSpPr>
            <p:nvPr/>
          </p:nvSpPr>
          <p:spPr bwMode="auto">
            <a:xfrm>
              <a:off x="3654425" y="4754563"/>
              <a:ext cx="174625" cy="171450"/>
            </a:xfrm>
            <a:custGeom>
              <a:avLst/>
              <a:gdLst>
                <a:gd name="T0" fmla="*/ 85466 w 331"/>
                <a:gd name="T1" fmla="*/ 5308 h 323"/>
                <a:gd name="T2" fmla="*/ 74387 w 331"/>
                <a:gd name="T3" fmla="*/ 531 h 323"/>
                <a:gd name="T4" fmla="*/ 60670 w 331"/>
                <a:gd name="T5" fmla="*/ 6900 h 323"/>
                <a:gd name="T6" fmla="*/ 40623 w 331"/>
                <a:gd name="T7" fmla="*/ 5308 h 323"/>
                <a:gd name="T8" fmla="*/ 6858 w 331"/>
                <a:gd name="T9" fmla="*/ 6900 h 323"/>
                <a:gd name="T10" fmla="*/ 13717 w 331"/>
                <a:gd name="T11" fmla="*/ 18578 h 323"/>
                <a:gd name="T12" fmla="*/ 14244 w 331"/>
                <a:gd name="T13" fmla="*/ 30256 h 323"/>
                <a:gd name="T14" fmla="*/ 5803 w 331"/>
                <a:gd name="T15" fmla="*/ 55204 h 323"/>
                <a:gd name="T16" fmla="*/ 2638 w 331"/>
                <a:gd name="T17" fmla="*/ 78559 h 323"/>
                <a:gd name="T18" fmla="*/ 12134 w 331"/>
                <a:gd name="T19" fmla="*/ 85460 h 323"/>
                <a:gd name="T20" fmla="*/ 29016 w 331"/>
                <a:gd name="T21" fmla="*/ 94483 h 323"/>
                <a:gd name="T22" fmla="*/ 34819 w 331"/>
                <a:gd name="T23" fmla="*/ 100853 h 323"/>
                <a:gd name="T24" fmla="*/ 44843 w 331"/>
                <a:gd name="T25" fmla="*/ 104038 h 323"/>
                <a:gd name="T26" fmla="*/ 62253 w 331"/>
                <a:gd name="T27" fmla="*/ 101915 h 323"/>
                <a:gd name="T28" fmla="*/ 75970 w 331"/>
                <a:gd name="T29" fmla="*/ 101384 h 323"/>
                <a:gd name="T30" fmla="*/ 83356 w 331"/>
                <a:gd name="T31" fmla="*/ 105630 h 323"/>
                <a:gd name="T32" fmla="*/ 85466 w 331"/>
                <a:gd name="T33" fmla="*/ 118370 h 323"/>
                <a:gd name="T34" fmla="*/ 77552 w 331"/>
                <a:gd name="T35" fmla="*/ 127924 h 323"/>
                <a:gd name="T36" fmla="*/ 80718 w 331"/>
                <a:gd name="T37" fmla="*/ 131109 h 323"/>
                <a:gd name="T38" fmla="*/ 89159 w 331"/>
                <a:gd name="T39" fmla="*/ 136948 h 323"/>
                <a:gd name="T40" fmla="*/ 92324 w 331"/>
                <a:gd name="T41" fmla="*/ 142787 h 323"/>
                <a:gd name="T42" fmla="*/ 102876 w 331"/>
                <a:gd name="T43" fmla="*/ 155526 h 323"/>
                <a:gd name="T44" fmla="*/ 107096 w 331"/>
                <a:gd name="T45" fmla="*/ 159241 h 323"/>
                <a:gd name="T46" fmla="*/ 121868 w 331"/>
                <a:gd name="T47" fmla="*/ 163488 h 323"/>
                <a:gd name="T48" fmla="*/ 143498 w 331"/>
                <a:gd name="T49" fmla="*/ 170919 h 323"/>
                <a:gd name="T50" fmla="*/ 153522 w 331"/>
                <a:gd name="T51" fmla="*/ 171450 h 323"/>
                <a:gd name="T52" fmla="*/ 167239 w 331"/>
                <a:gd name="T53" fmla="*/ 164550 h 323"/>
                <a:gd name="T54" fmla="*/ 173570 w 331"/>
                <a:gd name="T55" fmla="*/ 158180 h 323"/>
                <a:gd name="T56" fmla="*/ 171460 w 331"/>
                <a:gd name="T57" fmla="*/ 150749 h 323"/>
                <a:gd name="T58" fmla="*/ 165129 w 331"/>
                <a:gd name="T59" fmla="*/ 147564 h 323"/>
                <a:gd name="T60" fmla="*/ 159326 w 331"/>
                <a:gd name="T61" fmla="*/ 144379 h 323"/>
                <a:gd name="T62" fmla="*/ 158270 w 331"/>
                <a:gd name="T63" fmla="*/ 132170 h 323"/>
                <a:gd name="T64" fmla="*/ 160381 w 331"/>
                <a:gd name="T65" fmla="*/ 123147 h 323"/>
                <a:gd name="T66" fmla="*/ 165129 w 331"/>
                <a:gd name="T67" fmla="*/ 114654 h 323"/>
                <a:gd name="T68" fmla="*/ 152995 w 331"/>
                <a:gd name="T69" fmla="*/ 113061 h 323"/>
                <a:gd name="T70" fmla="*/ 149829 w 331"/>
                <a:gd name="T71" fmla="*/ 104569 h 323"/>
                <a:gd name="T72" fmla="*/ 143498 w 331"/>
                <a:gd name="T73" fmla="*/ 101384 h 323"/>
                <a:gd name="T74" fmla="*/ 125561 w 331"/>
                <a:gd name="T75" fmla="*/ 104038 h 323"/>
                <a:gd name="T76" fmla="*/ 116593 w 331"/>
                <a:gd name="T77" fmla="*/ 99791 h 323"/>
                <a:gd name="T78" fmla="*/ 123978 w 331"/>
                <a:gd name="T79" fmla="*/ 88114 h 323"/>
                <a:gd name="T80" fmla="*/ 135585 w 331"/>
                <a:gd name="T81" fmla="*/ 90237 h 323"/>
                <a:gd name="T82" fmla="*/ 138750 w 331"/>
                <a:gd name="T83" fmla="*/ 84398 h 323"/>
                <a:gd name="T84" fmla="*/ 138750 w 331"/>
                <a:gd name="T85" fmla="*/ 75374 h 323"/>
                <a:gd name="T86" fmla="*/ 138223 w 331"/>
                <a:gd name="T87" fmla="*/ 65820 h 323"/>
                <a:gd name="T88" fmla="*/ 147191 w 331"/>
                <a:gd name="T89" fmla="*/ 60512 h 323"/>
                <a:gd name="T90" fmla="*/ 150357 w 331"/>
                <a:gd name="T91" fmla="*/ 53611 h 323"/>
                <a:gd name="T92" fmla="*/ 145081 w 331"/>
                <a:gd name="T93" fmla="*/ 45649 h 323"/>
                <a:gd name="T94" fmla="*/ 154050 w 331"/>
                <a:gd name="T95" fmla="*/ 38749 h 323"/>
                <a:gd name="T96" fmla="*/ 164601 w 331"/>
                <a:gd name="T97" fmla="*/ 32910 h 323"/>
                <a:gd name="T98" fmla="*/ 168294 w 331"/>
                <a:gd name="T99" fmla="*/ 28663 h 323"/>
                <a:gd name="T100" fmla="*/ 163546 w 331"/>
                <a:gd name="T101" fmla="*/ 20701 h 323"/>
                <a:gd name="T102" fmla="*/ 152995 w 331"/>
                <a:gd name="T103" fmla="*/ 14332 h 323"/>
                <a:gd name="T104" fmla="*/ 139278 w 331"/>
                <a:gd name="T105" fmla="*/ 11147 h 323"/>
                <a:gd name="T106" fmla="*/ 110262 w 331"/>
                <a:gd name="T107" fmla="*/ 10085 h 323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0" t="0" r="r" b="b"/>
              <a:pathLst>
                <a:path w="331" h="323">
                  <a:moveTo>
                    <a:pt x="173" y="22"/>
                  </a:moveTo>
                  <a:lnTo>
                    <a:pt x="167" y="16"/>
                  </a:lnTo>
                  <a:lnTo>
                    <a:pt x="162" y="10"/>
                  </a:lnTo>
                  <a:lnTo>
                    <a:pt x="155" y="7"/>
                  </a:lnTo>
                  <a:lnTo>
                    <a:pt x="149" y="4"/>
                  </a:lnTo>
                  <a:lnTo>
                    <a:pt x="141" y="1"/>
                  </a:lnTo>
                  <a:lnTo>
                    <a:pt x="132" y="0"/>
                  </a:lnTo>
                  <a:lnTo>
                    <a:pt x="123" y="6"/>
                  </a:lnTo>
                  <a:lnTo>
                    <a:pt x="115" y="13"/>
                  </a:lnTo>
                  <a:lnTo>
                    <a:pt x="101" y="11"/>
                  </a:lnTo>
                  <a:lnTo>
                    <a:pt x="89" y="10"/>
                  </a:lnTo>
                  <a:lnTo>
                    <a:pt x="77" y="10"/>
                  </a:lnTo>
                  <a:lnTo>
                    <a:pt x="65" y="10"/>
                  </a:lnTo>
                  <a:lnTo>
                    <a:pt x="40" y="11"/>
                  </a:lnTo>
                  <a:lnTo>
                    <a:pt x="13" y="13"/>
                  </a:lnTo>
                  <a:lnTo>
                    <a:pt x="19" y="20"/>
                  </a:lnTo>
                  <a:lnTo>
                    <a:pt x="23" y="26"/>
                  </a:lnTo>
                  <a:lnTo>
                    <a:pt x="26" y="35"/>
                  </a:lnTo>
                  <a:lnTo>
                    <a:pt x="27" y="42"/>
                  </a:lnTo>
                  <a:lnTo>
                    <a:pt x="27" y="50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23" y="73"/>
                  </a:lnTo>
                  <a:lnTo>
                    <a:pt x="11" y="104"/>
                  </a:lnTo>
                  <a:lnTo>
                    <a:pt x="0" y="137"/>
                  </a:lnTo>
                  <a:lnTo>
                    <a:pt x="2" y="142"/>
                  </a:lnTo>
                  <a:lnTo>
                    <a:pt x="5" y="148"/>
                  </a:lnTo>
                  <a:lnTo>
                    <a:pt x="10" y="152"/>
                  </a:lnTo>
                  <a:lnTo>
                    <a:pt x="14" y="156"/>
                  </a:lnTo>
                  <a:lnTo>
                    <a:pt x="23" y="161"/>
                  </a:lnTo>
                  <a:lnTo>
                    <a:pt x="34" y="166"/>
                  </a:lnTo>
                  <a:lnTo>
                    <a:pt x="44" y="172"/>
                  </a:lnTo>
                  <a:lnTo>
                    <a:pt x="55" y="178"/>
                  </a:lnTo>
                  <a:lnTo>
                    <a:pt x="59" y="181"/>
                  </a:lnTo>
                  <a:lnTo>
                    <a:pt x="63" y="185"/>
                  </a:lnTo>
                  <a:lnTo>
                    <a:pt x="66" y="190"/>
                  </a:lnTo>
                  <a:lnTo>
                    <a:pt x="69" y="195"/>
                  </a:lnTo>
                  <a:lnTo>
                    <a:pt x="77" y="196"/>
                  </a:lnTo>
                  <a:lnTo>
                    <a:pt x="85" y="196"/>
                  </a:lnTo>
                  <a:lnTo>
                    <a:pt x="94" y="195"/>
                  </a:lnTo>
                  <a:lnTo>
                    <a:pt x="102" y="194"/>
                  </a:lnTo>
                  <a:lnTo>
                    <a:pt x="118" y="192"/>
                  </a:lnTo>
                  <a:lnTo>
                    <a:pt x="133" y="190"/>
                  </a:lnTo>
                  <a:lnTo>
                    <a:pt x="139" y="190"/>
                  </a:lnTo>
                  <a:lnTo>
                    <a:pt x="144" y="191"/>
                  </a:lnTo>
                  <a:lnTo>
                    <a:pt x="150" y="193"/>
                  </a:lnTo>
                  <a:lnTo>
                    <a:pt x="155" y="195"/>
                  </a:lnTo>
                  <a:lnTo>
                    <a:pt x="158" y="199"/>
                  </a:lnTo>
                  <a:lnTo>
                    <a:pt x="161" y="205"/>
                  </a:lnTo>
                  <a:lnTo>
                    <a:pt x="162" y="214"/>
                  </a:lnTo>
                  <a:lnTo>
                    <a:pt x="162" y="223"/>
                  </a:lnTo>
                  <a:lnTo>
                    <a:pt x="155" y="230"/>
                  </a:lnTo>
                  <a:lnTo>
                    <a:pt x="147" y="238"/>
                  </a:lnTo>
                  <a:lnTo>
                    <a:pt x="147" y="241"/>
                  </a:lnTo>
                  <a:lnTo>
                    <a:pt x="149" y="243"/>
                  </a:lnTo>
                  <a:lnTo>
                    <a:pt x="151" y="245"/>
                  </a:lnTo>
                  <a:lnTo>
                    <a:pt x="153" y="247"/>
                  </a:lnTo>
                  <a:lnTo>
                    <a:pt x="159" y="251"/>
                  </a:lnTo>
                  <a:lnTo>
                    <a:pt x="165" y="256"/>
                  </a:lnTo>
                  <a:lnTo>
                    <a:pt x="169" y="258"/>
                  </a:lnTo>
                  <a:lnTo>
                    <a:pt x="172" y="261"/>
                  </a:lnTo>
                  <a:lnTo>
                    <a:pt x="174" y="265"/>
                  </a:lnTo>
                  <a:lnTo>
                    <a:pt x="175" y="269"/>
                  </a:lnTo>
                  <a:lnTo>
                    <a:pt x="187" y="277"/>
                  </a:lnTo>
                  <a:lnTo>
                    <a:pt x="198" y="287"/>
                  </a:lnTo>
                  <a:lnTo>
                    <a:pt x="195" y="293"/>
                  </a:lnTo>
                  <a:lnTo>
                    <a:pt x="191" y="299"/>
                  </a:lnTo>
                  <a:lnTo>
                    <a:pt x="197" y="299"/>
                  </a:lnTo>
                  <a:lnTo>
                    <a:pt x="203" y="300"/>
                  </a:lnTo>
                  <a:lnTo>
                    <a:pt x="211" y="301"/>
                  </a:lnTo>
                  <a:lnTo>
                    <a:pt x="217" y="303"/>
                  </a:lnTo>
                  <a:lnTo>
                    <a:pt x="231" y="308"/>
                  </a:lnTo>
                  <a:lnTo>
                    <a:pt x="244" y="314"/>
                  </a:lnTo>
                  <a:lnTo>
                    <a:pt x="258" y="318"/>
                  </a:lnTo>
                  <a:lnTo>
                    <a:pt x="272" y="322"/>
                  </a:lnTo>
                  <a:lnTo>
                    <a:pt x="278" y="323"/>
                  </a:lnTo>
                  <a:lnTo>
                    <a:pt x="284" y="323"/>
                  </a:lnTo>
                  <a:lnTo>
                    <a:pt x="291" y="323"/>
                  </a:lnTo>
                  <a:lnTo>
                    <a:pt x="297" y="322"/>
                  </a:lnTo>
                  <a:lnTo>
                    <a:pt x="306" y="316"/>
                  </a:lnTo>
                  <a:lnTo>
                    <a:pt x="317" y="310"/>
                  </a:lnTo>
                  <a:lnTo>
                    <a:pt x="321" y="307"/>
                  </a:lnTo>
                  <a:lnTo>
                    <a:pt x="325" y="302"/>
                  </a:lnTo>
                  <a:lnTo>
                    <a:pt x="329" y="298"/>
                  </a:lnTo>
                  <a:lnTo>
                    <a:pt x="331" y="292"/>
                  </a:lnTo>
                  <a:lnTo>
                    <a:pt x="329" y="288"/>
                  </a:lnTo>
                  <a:lnTo>
                    <a:pt x="325" y="284"/>
                  </a:lnTo>
                  <a:lnTo>
                    <a:pt x="322" y="282"/>
                  </a:lnTo>
                  <a:lnTo>
                    <a:pt x="318" y="280"/>
                  </a:lnTo>
                  <a:lnTo>
                    <a:pt x="313" y="278"/>
                  </a:lnTo>
                  <a:lnTo>
                    <a:pt x="309" y="277"/>
                  </a:lnTo>
                  <a:lnTo>
                    <a:pt x="305" y="275"/>
                  </a:lnTo>
                  <a:lnTo>
                    <a:pt x="302" y="272"/>
                  </a:lnTo>
                  <a:lnTo>
                    <a:pt x="301" y="262"/>
                  </a:lnTo>
                  <a:lnTo>
                    <a:pt x="300" y="255"/>
                  </a:lnTo>
                  <a:lnTo>
                    <a:pt x="300" y="249"/>
                  </a:lnTo>
                  <a:lnTo>
                    <a:pt x="300" y="242"/>
                  </a:lnTo>
                  <a:lnTo>
                    <a:pt x="302" y="237"/>
                  </a:lnTo>
                  <a:lnTo>
                    <a:pt x="304" y="232"/>
                  </a:lnTo>
                  <a:lnTo>
                    <a:pt x="310" y="228"/>
                  </a:lnTo>
                  <a:lnTo>
                    <a:pt x="315" y="223"/>
                  </a:lnTo>
                  <a:lnTo>
                    <a:pt x="313" y="216"/>
                  </a:lnTo>
                  <a:lnTo>
                    <a:pt x="310" y="211"/>
                  </a:lnTo>
                  <a:lnTo>
                    <a:pt x="299" y="211"/>
                  </a:lnTo>
                  <a:lnTo>
                    <a:pt x="290" y="213"/>
                  </a:lnTo>
                  <a:lnTo>
                    <a:pt x="289" y="207"/>
                  </a:lnTo>
                  <a:lnTo>
                    <a:pt x="286" y="201"/>
                  </a:lnTo>
                  <a:lnTo>
                    <a:pt x="284" y="197"/>
                  </a:lnTo>
                  <a:lnTo>
                    <a:pt x="280" y="194"/>
                  </a:lnTo>
                  <a:lnTo>
                    <a:pt x="276" y="192"/>
                  </a:lnTo>
                  <a:lnTo>
                    <a:pt x="272" y="191"/>
                  </a:lnTo>
                  <a:lnTo>
                    <a:pt x="266" y="191"/>
                  </a:lnTo>
                  <a:lnTo>
                    <a:pt x="261" y="191"/>
                  </a:lnTo>
                  <a:lnTo>
                    <a:pt x="238" y="196"/>
                  </a:lnTo>
                  <a:lnTo>
                    <a:pt x="218" y="203"/>
                  </a:lnTo>
                  <a:lnTo>
                    <a:pt x="220" y="196"/>
                  </a:lnTo>
                  <a:lnTo>
                    <a:pt x="221" y="188"/>
                  </a:lnTo>
                  <a:lnTo>
                    <a:pt x="224" y="178"/>
                  </a:lnTo>
                  <a:lnTo>
                    <a:pt x="229" y="164"/>
                  </a:lnTo>
                  <a:lnTo>
                    <a:pt x="235" y="166"/>
                  </a:lnTo>
                  <a:lnTo>
                    <a:pt x="242" y="169"/>
                  </a:lnTo>
                  <a:lnTo>
                    <a:pt x="249" y="170"/>
                  </a:lnTo>
                  <a:lnTo>
                    <a:pt x="257" y="170"/>
                  </a:lnTo>
                  <a:lnTo>
                    <a:pt x="258" y="166"/>
                  </a:lnTo>
                  <a:lnTo>
                    <a:pt x="261" y="164"/>
                  </a:lnTo>
                  <a:lnTo>
                    <a:pt x="263" y="159"/>
                  </a:lnTo>
                  <a:lnTo>
                    <a:pt x="264" y="154"/>
                  </a:lnTo>
                  <a:lnTo>
                    <a:pt x="264" y="149"/>
                  </a:lnTo>
                  <a:lnTo>
                    <a:pt x="263" y="142"/>
                  </a:lnTo>
                  <a:lnTo>
                    <a:pt x="262" y="136"/>
                  </a:lnTo>
                  <a:lnTo>
                    <a:pt x="261" y="130"/>
                  </a:lnTo>
                  <a:lnTo>
                    <a:pt x="262" y="124"/>
                  </a:lnTo>
                  <a:lnTo>
                    <a:pt x="264" y="119"/>
                  </a:lnTo>
                  <a:lnTo>
                    <a:pt x="273" y="117"/>
                  </a:lnTo>
                  <a:lnTo>
                    <a:pt x="279" y="114"/>
                  </a:lnTo>
                  <a:lnTo>
                    <a:pt x="283" y="110"/>
                  </a:lnTo>
                  <a:lnTo>
                    <a:pt x="285" y="105"/>
                  </a:lnTo>
                  <a:lnTo>
                    <a:pt x="285" y="101"/>
                  </a:lnTo>
                  <a:lnTo>
                    <a:pt x="284" y="96"/>
                  </a:lnTo>
                  <a:lnTo>
                    <a:pt x="280" y="91"/>
                  </a:lnTo>
                  <a:lnTo>
                    <a:pt x="275" y="86"/>
                  </a:lnTo>
                  <a:lnTo>
                    <a:pt x="279" y="80"/>
                  </a:lnTo>
                  <a:lnTo>
                    <a:pt x="284" y="76"/>
                  </a:lnTo>
                  <a:lnTo>
                    <a:pt x="292" y="73"/>
                  </a:lnTo>
                  <a:lnTo>
                    <a:pt x="299" y="70"/>
                  </a:lnTo>
                  <a:lnTo>
                    <a:pt x="305" y="66"/>
                  </a:lnTo>
                  <a:lnTo>
                    <a:pt x="312" y="62"/>
                  </a:lnTo>
                  <a:lnTo>
                    <a:pt x="315" y="60"/>
                  </a:lnTo>
                  <a:lnTo>
                    <a:pt x="317" y="57"/>
                  </a:lnTo>
                  <a:lnTo>
                    <a:pt x="319" y="54"/>
                  </a:lnTo>
                  <a:lnTo>
                    <a:pt x="320" y="51"/>
                  </a:lnTo>
                  <a:lnTo>
                    <a:pt x="315" y="44"/>
                  </a:lnTo>
                  <a:lnTo>
                    <a:pt x="310" y="39"/>
                  </a:lnTo>
                  <a:lnTo>
                    <a:pt x="303" y="35"/>
                  </a:lnTo>
                  <a:lnTo>
                    <a:pt x="297" y="31"/>
                  </a:lnTo>
                  <a:lnTo>
                    <a:pt x="290" y="27"/>
                  </a:lnTo>
                  <a:lnTo>
                    <a:pt x="281" y="24"/>
                  </a:lnTo>
                  <a:lnTo>
                    <a:pt x="274" y="22"/>
                  </a:lnTo>
                  <a:lnTo>
                    <a:pt x="264" y="21"/>
                  </a:lnTo>
                  <a:lnTo>
                    <a:pt x="246" y="19"/>
                  </a:lnTo>
                  <a:lnTo>
                    <a:pt x="228" y="19"/>
                  </a:lnTo>
                  <a:lnTo>
                    <a:pt x="209" y="19"/>
                  </a:lnTo>
                  <a:lnTo>
                    <a:pt x="191" y="20"/>
                  </a:lnTo>
                  <a:lnTo>
                    <a:pt x="173" y="22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</p:grpSp>
      <p:grpSp>
        <p:nvGrpSpPr>
          <p:cNvPr id="1024" name="Syddanmark"/>
          <p:cNvGrpSpPr>
            <a:grpSpLocks/>
          </p:cNvGrpSpPr>
          <p:nvPr/>
        </p:nvGrpSpPr>
        <p:grpSpPr>
          <a:xfrm>
            <a:off x="5735960" y="4135817"/>
            <a:ext cx="2349500" cy="1749426"/>
            <a:chOff x="479425" y="4543425"/>
            <a:chExt cx="2349500" cy="1749426"/>
          </a:xfrm>
          <a:solidFill>
            <a:schemeClr val="accent5">
              <a:lumMod val="60000"/>
              <a:lumOff val="40000"/>
            </a:schemeClr>
          </a:solidFill>
        </p:grpSpPr>
        <p:sp>
          <p:nvSpPr>
            <p:cNvPr id="1025" name="Varde"/>
            <p:cNvSpPr>
              <a:spLocks/>
            </p:cNvSpPr>
            <p:nvPr/>
          </p:nvSpPr>
          <p:spPr bwMode="auto">
            <a:xfrm>
              <a:off x="479425" y="4692650"/>
              <a:ext cx="658813" cy="530225"/>
            </a:xfrm>
            <a:custGeom>
              <a:avLst/>
              <a:gdLst>
                <a:gd name="T0" fmla="*/ 162 w 1246"/>
                <a:gd name="T1" fmla="*/ 246 h 1003"/>
                <a:gd name="T2" fmla="*/ 145 w 1246"/>
                <a:gd name="T3" fmla="*/ 227 h 1003"/>
                <a:gd name="T4" fmla="*/ 124 w 1246"/>
                <a:gd name="T5" fmla="*/ 222 h 1003"/>
                <a:gd name="T6" fmla="*/ 116 w 1246"/>
                <a:gd name="T7" fmla="*/ 230 h 1003"/>
                <a:gd name="T8" fmla="*/ 103 w 1246"/>
                <a:gd name="T9" fmla="*/ 226 h 1003"/>
                <a:gd name="T10" fmla="*/ 89 w 1246"/>
                <a:gd name="T11" fmla="*/ 229 h 1003"/>
                <a:gd name="T12" fmla="*/ 81 w 1246"/>
                <a:gd name="T13" fmla="*/ 239 h 1003"/>
                <a:gd name="T14" fmla="*/ 77 w 1246"/>
                <a:gd name="T15" fmla="*/ 278 h 1003"/>
                <a:gd name="T16" fmla="*/ 90 w 1246"/>
                <a:gd name="T17" fmla="*/ 299 h 1003"/>
                <a:gd name="T18" fmla="*/ 108 w 1246"/>
                <a:gd name="T19" fmla="*/ 328 h 1003"/>
                <a:gd name="T20" fmla="*/ 59 w 1246"/>
                <a:gd name="T21" fmla="*/ 294 h 1003"/>
                <a:gd name="T22" fmla="*/ 24 w 1246"/>
                <a:gd name="T23" fmla="*/ 272 h 1003"/>
                <a:gd name="T24" fmla="*/ 8 w 1246"/>
                <a:gd name="T25" fmla="*/ 236 h 1003"/>
                <a:gd name="T26" fmla="*/ 32 w 1246"/>
                <a:gd name="T27" fmla="*/ 169 h 1003"/>
                <a:gd name="T28" fmla="*/ 46 w 1246"/>
                <a:gd name="T29" fmla="*/ 113 h 1003"/>
                <a:gd name="T30" fmla="*/ 50 w 1246"/>
                <a:gd name="T31" fmla="*/ 74 h 1003"/>
                <a:gd name="T32" fmla="*/ 47 w 1246"/>
                <a:gd name="T33" fmla="*/ 31 h 1003"/>
                <a:gd name="T34" fmla="*/ 55 w 1246"/>
                <a:gd name="T35" fmla="*/ 31 h 1003"/>
                <a:gd name="T36" fmla="*/ 56 w 1246"/>
                <a:gd name="T37" fmla="*/ 13 h 1003"/>
                <a:gd name="T38" fmla="*/ 91 w 1246"/>
                <a:gd name="T39" fmla="*/ 38 h 1003"/>
                <a:gd name="T40" fmla="*/ 107 w 1246"/>
                <a:gd name="T41" fmla="*/ 43 h 1003"/>
                <a:gd name="T42" fmla="*/ 120 w 1246"/>
                <a:gd name="T43" fmla="*/ 41 h 1003"/>
                <a:gd name="T44" fmla="*/ 131 w 1246"/>
                <a:gd name="T45" fmla="*/ 32 h 1003"/>
                <a:gd name="T46" fmla="*/ 159 w 1246"/>
                <a:gd name="T47" fmla="*/ 38 h 1003"/>
                <a:gd name="T48" fmla="*/ 191 w 1246"/>
                <a:gd name="T49" fmla="*/ 69 h 1003"/>
                <a:gd name="T50" fmla="*/ 212 w 1246"/>
                <a:gd name="T51" fmla="*/ 59 h 1003"/>
                <a:gd name="T52" fmla="*/ 222 w 1246"/>
                <a:gd name="T53" fmla="*/ 47 h 1003"/>
                <a:gd name="T54" fmla="*/ 225 w 1246"/>
                <a:gd name="T55" fmla="*/ 28 h 1003"/>
                <a:gd name="T56" fmla="*/ 236 w 1246"/>
                <a:gd name="T57" fmla="*/ 21 h 1003"/>
                <a:gd name="T58" fmla="*/ 239 w 1246"/>
                <a:gd name="T59" fmla="*/ 5 h 1003"/>
                <a:gd name="T60" fmla="*/ 246 w 1246"/>
                <a:gd name="T61" fmla="*/ 1 h 1003"/>
                <a:gd name="T62" fmla="*/ 253 w 1246"/>
                <a:gd name="T63" fmla="*/ 8 h 1003"/>
                <a:gd name="T64" fmla="*/ 267 w 1246"/>
                <a:gd name="T65" fmla="*/ 9 h 1003"/>
                <a:gd name="T66" fmla="*/ 283 w 1246"/>
                <a:gd name="T67" fmla="*/ 4 h 1003"/>
                <a:gd name="T68" fmla="*/ 295 w 1246"/>
                <a:gd name="T69" fmla="*/ 5 h 1003"/>
                <a:gd name="T70" fmla="*/ 315 w 1246"/>
                <a:gd name="T71" fmla="*/ 19 h 1003"/>
                <a:gd name="T72" fmla="*/ 337 w 1246"/>
                <a:gd name="T73" fmla="*/ 38 h 1003"/>
                <a:gd name="T74" fmla="*/ 336 w 1246"/>
                <a:gd name="T75" fmla="*/ 61 h 1003"/>
                <a:gd name="T76" fmla="*/ 345 w 1246"/>
                <a:gd name="T77" fmla="*/ 81 h 1003"/>
                <a:gd name="T78" fmla="*/ 369 w 1246"/>
                <a:gd name="T79" fmla="*/ 100 h 1003"/>
                <a:gd name="T80" fmla="*/ 359 w 1246"/>
                <a:gd name="T81" fmla="*/ 129 h 1003"/>
                <a:gd name="T82" fmla="*/ 356 w 1246"/>
                <a:gd name="T83" fmla="*/ 146 h 1003"/>
                <a:gd name="T84" fmla="*/ 405 w 1246"/>
                <a:gd name="T85" fmla="*/ 168 h 1003"/>
                <a:gd name="T86" fmla="*/ 403 w 1246"/>
                <a:gd name="T87" fmla="*/ 183 h 1003"/>
                <a:gd name="T88" fmla="*/ 410 w 1246"/>
                <a:gd name="T89" fmla="*/ 199 h 1003"/>
                <a:gd name="T90" fmla="*/ 392 w 1246"/>
                <a:gd name="T91" fmla="*/ 222 h 1003"/>
                <a:gd name="T92" fmla="*/ 361 w 1246"/>
                <a:gd name="T93" fmla="*/ 233 h 1003"/>
                <a:gd name="T94" fmla="*/ 346 w 1246"/>
                <a:gd name="T95" fmla="*/ 242 h 1003"/>
                <a:gd name="T96" fmla="*/ 330 w 1246"/>
                <a:gd name="T97" fmla="*/ 268 h 1003"/>
                <a:gd name="T98" fmla="*/ 318 w 1246"/>
                <a:gd name="T99" fmla="*/ 275 h 1003"/>
                <a:gd name="T100" fmla="*/ 299 w 1246"/>
                <a:gd name="T101" fmla="*/ 263 h 1003"/>
                <a:gd name="T102" fmla="*/ 288 w 1246"/>
                <a:gd name="T103" fmla="*/ 252 h 1003"/>
                <a:gd name="T104" fmla="*/ 278 w 1246"/>
                <a:gd name="T105" fmla="*/ 240 h 1003"/>
                <a:gd name="T106" fmla="*/ 269 w 1246"/>
                <a:gd name="T107" fmla="*/ 246 h 1003"/>
                <a:gd name="T108" fmla="*/ 260 w 1246"/>
                <a:gd name="T109" fmla="*/ 257 h 1003"/>
                <a:gd name="T110" fmla="*/ 248 w 1246"/>
                <a:gd name="T111" fmla="*/ 256 h 1003"/>
                <a:gd name="T112" fmla="*/ 241 w 1246"/>
                <a:gd name="T113" fmla="*/ 247 h 1003"/>
                <a:gd name="T114" fmla="*/ 213 w 1246"/>
                <a:gd name="T115" fmla="*/ 229 h 1003"/>
                <a:gd name="T116" fmla="*/ 187 w 1246"/>
                <a:gd name="T117" fmla="*/ 235 h 1003"/>
                <a:gd name="T118" fmla="*/ 181 w 1246"/>
                <a:gd name="T119" fmla="*/ 248 h 1003"/>
                <a:gd name="T120" fmla="*/ 181 w 1246"/>
                <a:gd name="T121" fmla="*/ 259 h 1003"/>
                <a:gd name="T122" fmla="*/ 177 w 1246"/>
                <a:gd name="T123" fmla="*/ 261 h 1003"/>
                <a:gd name="T124" fmla="*/ 166 w 1246"/>
                <a:gd name="T125" fmla="*/ 258 h 1003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246" h="1003">
                  <a:moveTo>
                    <a:pt x="488" y="777"/>
                  </a:moveTo>
                  <a:lnTo>
                    <a:pt x="490" y="767"/>
                  </a:lnTo>
                  <a:lnTo>
                    <a:pt x="490" y="756"/>
                  </a:lnTo>
                  <a:lnTo>
                    <a:pt x="489" y="747"/>
                  </a:lnTo>
                  <a:lnTo>
                    <a:pt x="487" y="738"/>
                  </a:lnTo>
                  <a:lnTo>
                    <a:pt x="482" y="730"/>
                  </a:lnTo>
                  <a:lnTo>
                    <a:pt x="477" y="721"/>
                  </a:lnTo>
                  <a:lnTo>
                    <a:pt x="472" y="714"/>
                  </a:lnTo>
                  <a:lnTo>
                    <a:pt x="464" y="708"/>
                  </a:lnTo>
                  <a:lnTo>
                    <a:pt x="434" y="681"/>
                  </a:lnTo>
                  <a:lnTo>
                    <a:pt x="403" y="656"/>
                  </a:lnTo>
                  <a:lnTo>
                    <a:pt x="395" y="658"/>
                  </a:lnTo>
                  <a:lnTo>
                    <a:pt x="387" y="660"/>
                  </a:lnTo>
                  <a:lnTo>
                    <a:pt x="379" y="664"/>
                  </a:lnTo>
                  <a:lnTo>
                    <a:pt x="373" y="668"/>
                  </a:lnTo>
                  <a:lnTo>
                    <a:pt x="367" y="672"/>
                  </a:lnTo>
                  <a:lnTo>
                    <a:pt x="362" y="677"/>
                  </a:lnTo>
                  <a:lnTo>
                    <a:pt x="358" y="685"/>
                  </a:lnTo>
                  <a:lnTo>
                    <a:pt x="356" y="693"/>
                  </a:lnTo>
                  <a:lnTo>
                    <a:pt x="347" y="692"/>
                  </a:lnTo>
                  <a:lnTo>
                    <a:pt x="338" y="690"/>
                  </a:lnTo>
                  <a:lnTo>
                    <a:pt x="331" y="687"/>
                  </a:lnTo>
                  <a:lnTo>
                    <a:pt x="323" y="684"/>
                  </a:lnTo>
                  <a:lnTo>
                    <a:pt x="316" y="680"/>
                  </a:lnTo>
                  <a:lnTo>
                    <a:pt x="309" y="678"/>
                  </a:lnTo>
                  <a:lnTo>
                    <a:pt x="300" y="676"/>
                  </a:lnTo>
                  <a:lnTo>
                    <a:pt x="291" y="674"/>
                  </a:lnTo>
                  <a:lnTo>
                    <a:pt x="282" y="677"/>
                  </a:lnTo>
                  <a:lnTo>
                    <a:pt x="275" y="681"/>
                  </a:lnTo>
                  <a:lnTo>
                    <a:pt x="268" y="687"/>
                  </a:lnTo>
                  <a:lnTo>
                    <a:pt x="261" y="692"/>
                  </a:lnTo>
                  <a:lnTo>
                    <a:pt x="256" y="698"/>
                  </a:lnTo>
                  <a:lnTo>
                    <a:pt x="251" y="705"/>
                  </a:lnTo>
                  <a:lnTo>
                    <a:pt x="247" y="712"/>
                  </a:lnTo>
                  <a:lnTo>
                    <a:pt x="242" y="719"/>
                  </a:lnTo>
                  <a:lnTo>
                    <a:pt x="229" y="753"/>
                  </a:lnTo>
                  <a:lnTo>
                    <a:pt x="216" y="787"/>
                  </a:lnTo>
                  <a:lnTo>
                    <a:pt x="219" y="805"/>
                  </a:lnTo>
                  <a:lnTo>
                    <a:pt x="223" y="820"/>
                  </a:lnTo>
                  <a:lnTo>
                    <a:pt x="230" y="835"/>
                  </a:lnTo>
                  <a:lnTo>
                    <a:pt x="236" y="849"/>
                  </a:lnTo>
                  <a:lnTo>
                    <a:pt x="243" y="861"/>
                  </a:lnTo>
                  <a:lnTo>
                    <a:pt x="252" y="874"/>
                  </a:lnTo>
                  <a:lnTo>
                    <a:pt x="260" y="886"/>
                  </a:lnTo>
                  <a:lnTo>
                    <a:pt x="270" y="897"/>
                  </a:lnTo>
                  <a:lnTo>
                    <a:pt x="288" y="919"/>
                  </a:lnTo>
                  <a:lnTo>
                    <a:pt x="304" y="944"/>
                  </a:lnTo>
                  <a:lnTo>
                    <a:pt x="312" y="957"/>
                  </a:lnTo>
                  <a:lnTo>
                    <a:pt x="318" y="971"/>
                  </a:lnTo>
                  <a:lnTo>
                    <a:pt x="324" y="986"/>
                  </a:lnTo>
                  <a:lnTo>
                    <a:pt x="329" y="1003"/>
                  </a:lnTo>
                  <a:lnTo>
                    <a:pt x="290" y="973"/>
                  </a:lnTo>
                  <a:lnTo>
                    <a:pt x="252" y="944"/>
                  </a:lnTo>
                  <a:lnTo>
                    <a:pt x="214" y="913"/>
                  </a:lnTo>
                  <a:lnTo>
                    <a:pt x="176" y="884"/>
                  </a:lnTo>
                  <a:lnTo>
                    <a:pt x="156" y="869"/>
                  </a:lnTo>
                  <a:lnTo>
                    <a:pt x="136" y="855"/>
                  </a:lnTo>
                  <a:lnTo>
                    <a:pt x="115" y="841"/>
                  </a:lnTo>
                  <a:lnTo>
                    <a:pt x="94" y="829"/>
                  </a:lnTo>
                  <a:lnTo>
                    <a:pt x="72" y="817"/>
                  </a:lnTo>
                  <a:lnTo>
                    <a:pt x="50" y="806"/>
                  </a:lnTo>
                  <a:lnTo>
                    <a:pt x="25" y="796"/>
                  </a:lnTo>
                  <a:lnTo>
                    <a:pt x="0" y="787"/>
                  </a:lnTo>
                  <a:lnTo>
                    <a:pt x="12" y="747"/>
                  </a:lnTo>
                  <a:lnTo>
                    <a:pt x="25" y="708"/>
                  </a:lnTo>
                  <a:lnTo>
                    <a:pt x="39" y="668"/>
                  </a:lnTo>
                  <a:lnTo>
                    <a:pt x="53" y="629"/>
                  </a:lnTo>
                  <a:lnTo>
                    <a:pt x="68" y="589"/>
                  </a:lnTo>
                  <a:lnTo>
                    <a:pt x="82" y="549"/>
                  </a:lnTo>
                  <a:lnTo>
                    <a:pt x="96" y="509"/>
                  </a:lnTo>
                  <a:lnTo>
                    <a:pt x="109" y="467"/>
                  </a:lnTo>
                  <a:lnTo>
                    <a:pt x="121" y="424"/>
                  </a:lnTo>
                  <a:lnTo>
                    <a:pt x="131" y="381"/>
                  </a:lnTo>
                  <a:lnTo>
                    <a:pt x="135" y="360"/>
                  </a:lnTo>
                  <a:lnTo>
                    <a:pt x="139" y="338"/>
                  </a:lnTo>
                  <a:lnTo>
                    <a:pt x="142" y="315"/>
                  </a:lnTo>
                  <a:lnTo>
                    <a:pt x="145" y="292"/>
                  </a:lnTo>
                  <a:lnTo>
                    <a:pt x="148" y="269"/>
                  </a:lnTo>
                  <a:lnTo>
                    <a:pt x="149" y="245"/>
                  </a:lnTo>
                  <a:lnTo>
                    <a:pt x="150" y="221"/>
                  </a:lnTo>
                  <a:lnTo>
                    <a:pt x="150" y="197"/>
                  </a:lnTo>
                  <a:lnTo>
                    <a:pt x="149" y="172"/>
                  </a:lnTo>
                  <a:lnTo>
                    <a:pt x="148" y="146"/>
                  </a:lnTo>
                  <a:lnTo>
                    <a:pt x="144" y="120"/>
                  </a:lnTo>
                  <a:lnTo>
                    <a:pt x="141" y="94"/>
                  </a:lnTo>
                  <a:lnTo>
                    <a:pt x="148" y="96"/>
                  </a:lnTo>
                  <a:lnTo>
                    <a:pt x="154" y="96"/>
                  </a:lnTo>
                  <a:lnTo>
                    <a:pt x="158" y="96"/>
                  </a:lnTo>
                  <a:lnTo>
                    <a:pt x="162" y="94"/>
                  </a:lnTo>
                  <a:lnTo>
                    <a:pt x="165" y="92"/>
                  </a:lnTo>
                  <a:lnTo>
                    <a:pt x="168" y="89"/>
                  </a:lnTo>
                  <a:lnTo>
                    <a:pt x="169" y="84"/>
                  </a:lnTo>
                  <a:lnTo>
                    <a:pt x="170" y="80"/>
                  </a:lnTo>
                  <a:lnTo>
                    <a:pt x="170" y="59"/>
                  </a:lnTo>
                  <a:lnTo>
                    <a:pt x="169" y="38"/>
                  </a:lnTo>
                  <a:lnTo>
                    <a:pt x="195" y="58"/>
                  </a:lnTo>
                  <a:lnTo>
                    <a:pt x="224" y="81"/>
                  </a:lnTo>
                  <a:lnTo>
                    <a:pt x="240" y="93"/>
                  </a:lnTo>
                  <a:lnTo>
                    <a:pt x="256" y="103"/>
                  </a:lnTo>
                  <a:lnTo>
                    <a:pt x="273" y="113"/>
                  </a:lnTo>
                  <a:lnTo>
                    <a:pt x="290" y="120"/>
                  </a:lnTo>
                  <a:lnTo>
                    <a:pt x="297" y="123"/>
                  </a:lnTo>
                  <a:lnTo>
                    <a:pt x="305" y="126"/>
                  </a:lnTo>
                  <a:lnTo>
                    <a:pt x="314" y="129"/>
                  </a:lnTo>
                  <a:lnTo>
                    <a:pt x="321" y="130"/>
                  </a:lnTo>
                  <a:lnTo>
                    <a:pt x="330" y="130"/>
                  </a:lnTo>
                  <a:lnTo>
                    <a:pt x="337" y="130"/>
                  </a:lnTo>
                  <a:lnTo>
                    <a:pt x="344" y="130"/>
                  </a:lnTo>
                  <a:lnTo>
                    <a:pt x="352" y="128"/>
                  </a:lnTo>
                  <a:lnTo>
                    <a:pt x="359" y="124"/>
                  </a:lnTo>
                  <a:lnTo>
                    <a:pt x="367" y="121"/>
                  </a:lnTo>
                  <a:lnTo>
                    <a:pt x="373" y="116"/>
                  </a:lnTo>
                  <a:lnTo>
                    <a:pt x="380" y="111"/>
                  </a:lnTo>
                  <a:lnTo>
                    <a:pt x="387" y="103"/>
                  </a:lnTo>
                  <a:lnTo>
                    <a:pt x="392" y="95"/>
                  </a:lnTo>
                  <a:lnTo>
                    <a:pt x="398" y="85"/>
                  </a:lnTo>
                  <a:lnTo>
                    <a:pt x="403" y="75"/>
                  </a:lnTo>
                  <a:lnTo>
                    <a:pt x="429" y="88"/>
                  </a:lnTo>
                  <a:lnTo>
                    <a:pt x="453" y="100"/>
                  </a:lnTo>
                  <a:lnTo>
                    <a:pt x="476" y="115"/>
                  </a:lnTo>
                  <a:lnTo>
                    <a:pt x="498" y="131"/>
                  </a:lnTo>
                  <a:lnTo>
                    <a:pt x="518" y="148"/>
                  </a:lnTo>
                  <a:lnTo>
                    <a:pt x="537" y="165"/>
                  </a:lnTo>
                  <a:lnTo>
                    <a:pt x="555" y="185"/>
                  </a:lnTo>
                  <a:lnTo>
                    <a:pt x="572" y="207"/>
                  </a:lnTo>
                  <a:lnTo>
                    <a:pt x="591" y="199"/>
                  </a:lnTo>
                  <a:lnTo>
                    <a:pt x="611" y="192"/>
                  </a:lnTo>
                  <a:lnTo>
                    <a:pt x="620" y="188"/>
                  </a:lnTo>
                  <a:lnTo>
                    <a:pt x="629" y="183"/>
                  </a:lnTo>
                  <a:lnTo>
                    <a:pt x="637" y="178"/>
                  </a:lnTo>
                  <a:lnTo>
                    <a:pt x="646" y="173"/>
                  </a:lnTo>
                  <a:lnTo>
                    <a:pt x="652" y="165"/>
                  </a:lnTo>
                  <a:lnTo>
                    <a:pt x="658" y="158"/>
                  </a:lnTo>
                  <a:lnTo>
                    <a:pt x="664" y="150"/>
                  </a:lnTo>
                  <a:lnTo>
                    <a:pt x="667" y="140"/>
                  </a:lnTo>
                  <a:lnTo>
                    <a:pt x="669" y="129"/>
                  </a:lnTo>
                  <a:lnTo>
                    <a:pt x="670" y="116"/>
                  </a:lnTo>
                  <a:lnTo>
                    <a:pt x="669" y="101"/>
                  </a:lnTo>
                  <a:lnTo>
                    <a:pt x="666" y="84"/>
                  </a:lnTo>
                  <a:lnTo>
                    <a:pt x="677" y="84"/>
                  </a:lnTo>
                  <a:lnTo>
                    <a:pt x="687" y="82"/>
                  </a:lnTo>
                  <a:lnTo>
                    <a:pt x="695" y="79"/>
                  </a:lnTo>
                  <a:lnTo>
                    <a:pt x="700" y="75"/>
                  </a:lnTo>
                  <a:lnTo>
                    <a:pt x="705" y="70"/>
                  </a:lnTo>
                  <a:lnTo>
                    <a:pt x="708" y="64"/>
                  </a:lnTo>
                  <a:lnTo>
                    <a:pt x="711" y="57"/>
                  </a:lnTo>
                  <a:lnTo>
                    <a:pt x="712" y="50"/>
                  </a:lnTo>
                  <a:lnTo>
                    <a:pt x="714" y="35"/>
                  </a:lnTo>
                  <a:lnTo>
                    <a:pt x="716" y="21"/>
                  </a:lnTo>
                  <a:lnTo>
                    <a:pt x="718" y="15"/>
                  </a:lnTo>
                  <a:lnTo>
                    <a:pt x="721" y="9"/>
                  </a:lnTo>
                  <a:lnTo>
                    <a:pt x="726" y="4"/>
                  </a:lnTo>
                  <a:lnTo>
                    <a:pt x="731" y="0"/>
                  </a:lnTo>
                  <a:lnTo>
                    <a:pt x="735" y="1"/>
                  </a:lnTo>
                  <a:lnTo>
                    <a:pt x="739" y="2"/>
                  </a:lnTo>
                  <a:lnTo>
                    <a:pt x="744" y="4"/>
                  </a:lnTo>
                  <a:lnTo>
                    <a:pt x="747" y="6"/>
                  </a:lnTo>
                  <a:lnTo>
                    <a:pt x="752" y="11"/>
                  </a:lnTo>
                  <a:lnTo>
                    <a:pt x="756" y="17"/>
                  </a:lnTo>
                  <a:lnTo>
                    <a:pt x="760" y="23"/>
                  </a:lnTo>
                  <a:lnTo>
                    <a:pt x="766" y="29"/>
                  </a:lnTo>
                  <a:lnTo>
                    <a:pt x="771" y="34"/>
                  </a:lnTo>
                  <a:lnTo>
                    <a:pt x="777" y="38"/>
                  </a:lnTo>
                  <a:lnTo>
                    <a:pt x="790" y="32"/>
                  </a:lnTo>
                  <a:lnTo>
                    <a:pt x="801" y="26"/>
                  </a:lnTo>
                  <a:lnTo>
                    <a:pt x="812" y="22"/>
                  </a:lnTo>
                  <a:lnTo>
                    <a:pt x="823" y="18"/>
                  </a:lnTo>
                  <a:lnTo>
                    <a:pt x="832" y="16"/>
                  </a:lnTo>
                  <a:lnTo>
                    <a:pt x="841" y="14"/>
                  </a:lnTo>
                  <a:lnTo>
                    <a:pt x="850" y="13"/>
                  </a:lnTo>
                  <a:lnTo>
                    <a:pt x="857" y="12"/>
                  </a:lnTo>
                  <a:lnTo>
                    <a:pt x="866" y="12"/>
                  </a:lnTo>
                  <a:lnTo>
                    <a:pt x="873" y="13"/>
                  </a:lnTo>
                  <a:lnTo>
                    <a:pt x="879" y="14"/>
                  </a:lnTo>
                  <a:lnTo>
                    <a:pt x="887" y="16"/>
                  </a:lnTo>
                  <a:lnTo>
                    <a:pt x="899" y="21"/>
                  </a:lnTo>
                  <a:lnTo>
                    <a:pt x="911" y="29"/>
                  </a:lnTo>
                  <a:lnTo>
                    <a:pt x="923" y="37"/>
                  </a:lnTo>
                  <a:lnTo>
                    <a:pt x="933" y="46"/>
                  </a:lnTo>
                  <a:lnTo>
                    <a:pt x="945" y="57"/>
                  </a:lnTo>
                  <a:lnTo>
                    <a:pt x="956" y="68"/>
                  </a:lnTo>
                  <a:lnTo>
                    <a:pt x="968" y="79"/>
                  </a:lnTo>
                  <a:lnTo>
                    <a:pt x="982" y="91"/>
                  </a:lnTo>
                  <a:lnTo>
                    <a:pt x="996" y="102"/>
                  </a:lnTo>
                  <a:lnTo>
                    <a:pt x="1012" y="113"/>
                  </a:lnTo>
                  <a:lnTo>
                    <a:pt x="1013" y="130"/>
                  </a:lnTo>
                  <a:lnTo>
                    <a:pt x="1013" y="144"/>
                  </a:lnTo>
                  <a:lnTo>
                    <a:pt x="1012" y="158"/>
                  </a:lnTo>
                  <a:lnTo>
                    <a:pt x="1010" y="172"/>
                  </a:lnTo>
                  <a:lnTo>
                    <a:pt x="1008" y="184"/>
                  </a:lnTo>
                  <a:lnTo>
                    <a:pt x="1005" y="197"/>
                  </a:lnTo>
                  <a:lnTo>
                    <a:pt x="1004" y="211"/>
                  </a:lnTo>
                  <a:lnTo>
                    <a:pt x="1003" y="225"/>
                  </a:lnTo>
                  <a:lnTo>
                    <a:pt x="1019" y="234"/>
                  </a:lnTo>
                  <a:lnTo>
                    <a:pt x="1035" y="243"/>
                  </a:lnTo>
                  <a:lnTo>
                    <a:pt x="1050" y="255"/>
                  </a:lnTo>
                  <a:lnTo>
                    <a:pt x="1064" y="267"/>
                  </a:lnTo>
                  <a:lnTo>
                    <a:pt x="1078" y="278"/>
                  </a:lnTo>
                  <a:lnTo>
                    <a:pt x="1092" y="290"/>
                  </a:lnTo>
                  <a:lnTo>
                    <a:pt x="1108" y="300"/>
                  </a:lnTo>
                  <a:lnTo>
                    <a:pt x="1124" y="310"/>
                  </a:lnTo>
                  <a:lnTo>
                    <a:pt x="1107" y="341"/>
                  </a:lnTo>
                  <a:lnTo>
                    <a:pt x="1088" y="371"/>
                  </a:lnTo>
                  <a:lnTo>
                    <a:pt x="1084" y="379"/>
                  </a:lnTo>
                  <a:lnTo>
                    <a:pt x="1079" y="388"/>
                  </a:lnTo>
                  <a:lnTo>
                    <a:pt x="1076" y="396"/>
                  </a:lnTo>
                  <a:lnTo>
                    <a:pt x="1073" y="406"/>
                  </a:lnTo>
                  <a:lnTo>
                    <a:pt x="1071" y="416"/>
                  </a:lnTo>
                  <a:lnTo>
                    <a:pt x="1069" y="427"/>
                  </a:lnTo>
                  <a:lnTo>
                    <a:pt x="1068" y="437"/>
                  </a:lnTo>
                  <a:lnTo>
                    <a:pt x="1068" y="450"/>
                  </a:lnTo>
                  <a:lnTo>
                    <a:pt x="1095" y="461"/>
                  </a:lnTo>
                  <a:lnTo>
                    <a:pt x="1134" y="475"/>
                  </a:lnTo>
                  <a:lnTo>
                    <a:pt x="1177" y="491"/>
                  </a:lnTo>
                  <a:lnTo>
                    <a:pt x="1217" y="506"/>
                  </a:lnTo>
                  <a:lnTo>
                    <a:pt x="1214" y="516"/>
                  </a:lnTo>
                  <a:lnTo>
                    <a:pt x="1211" y="526"/>
                  </a:lnTo>
                  <a:lnTo>
                    <a:pt x="1210" y="535"/>
                  </a:lnTo>
                  <a:lnTo>
                    <a:pt x="1209" y="543"/>
                  </a:lnTo>
                  <a:lnTo>
                    <a:pt x="1210" y="551"/>
                  </a:lnTo>
                  <a:lnTo>
                    <a:pt x="1212" y="558"/>
                  </a:lnTo>
                  <a:lnTo>
                    <a:pt x="1214" y="566"/>
                  </a:lnTo>
                  <a:lnTo>
                    <a:pt x="1217" y="572"/>
                  </a:lnTo>
                  <a:lnTo>
                    <a:pt x="1224" y="586"/>
                  </a:lnTo>
                  <a:lnTo>
                    <a:pt x="1232" y="598"/>
                  </a:lnTo>
                  <a:lnTo>
                    <a:pt x="1240" y="613"/>
                  </a:lnTo>
                  <a:lnTo>
                    <a:pt x="1246" y="628"/>
                  </a:lnTo>
                  <a:lnTo>
                    <a:pt x="1225" y="641"/>
                  </a:lnTo>
                  <a:lnTo>
                    <a:pt x="1202" y="654"/>
                  </a:lnTo>
                  <a:lnTo>
                    <a:pt x="1178" y="667"/>
                  </a:lnTo>
                  <a:lnTo>
                    <a:pt x="1155" y="678"/>
                  </a:lnTo>
                  <a:lnTo>
                    <a:pt x="1131" y="688"/>
                  </a:lnTo>
                  <a:lnTo>
                    <a:pt x="1108" y="695"/>
                  </a:lnTo>
                  <a:lnTo>
                    <a:pt x="1095" y="698"/>
                  </a:lnTo>
                  <a:lnTo>
                    <a:pt x="1083" y="700"/>
                  </a:lnTo>
                  <a:lnTo>
                    <a:pt x="1071" y="701"/>
                  </a:lnTo>
                  <a:lnTo>
                    <a:pt x="1058" y="702"/>
                  </a:lnTo>
                  <a:lnTo>
                    <a:pt x="1052" y="710"/>
                  </a:lnTo>
                  <a:lnTo>
                    <a:pt x="1046" y="717"/>
                  </a:lnTo>
                  <a:lnTo>
                    <a:pt x="1039" y="726"/>
                  </a:lnTo>
                  <a:lnTo>
                    <a:pt x="1034" y="734"/>
                  </a:lnTo>
                  <a:lnTo>
                    <a:pt x="1024" y="752"/>
                  </a:lnTo>
                  <a:lnTo>
                    <a:pt x="1013" y="770"/>
                  </a:lnTo>
                  <a:lnTo>
                    <a:pt x="1003" y="788"/>
                  </a:lnTo>
                  <a:lnTo>
                    <a:pt x="992" y="805"/>
                  </a:lnTo>
                  <a:lnTo>
                    <a:pt x="986" y="812"/>
                  </a:lnTo>
                  <a:lnTo>
                    <a:pt x="979" y="820"/>
                  </a:lnTo>
                  <a:lnTo>
                    <a:pt x="972" y="827"/>
                  </a:lnTo>
                  <a:lnTo>
                    <a:pt x="965" y="834"/>
                  </a:lnTo>
                  <a:lnTo>
                    <a:pt x="956" y="826"/>
                  </a:lnTo>
                  <a:lnTo>
                    <a:pt x="947" y="819"/>
                  </a:lnTo>
                  <a:lnTo>
                    <a:pt x="938" y="813"/>
                  </a:lnTo>
                  <a:lnTo>
                    <a:pt x="930" y="808"/>
                  </a:lnTo>
                  <a:lnTo>
                    <a:pt x="913" y="798"/>
                  </a:lnTo>
                  <a:lnTo>
                    <a:pt x="897" y="790"/>
                  </a:lnTo>
                  <a:lnTo>
                    <a:pt x="890" y="785"/>
                  </a:lnTo>
                  <a:lnTo>
                    <a:pt x="883" y="779"/>
                  </a:lnTo>
                  <a:lnTo>
                    <a:pt x="876" y="773"/>
                  </a:lnTo>
                  <a:lnTo>
                    <a:pt x="871" y="766"/>
                  </a:lnTo>
                  <a:lnTo>
                    <a:pt x="865" y="757"/>
                  </a:lnTo>
                  <a:lnTo>
                    <a:pt x="860" y="747"/>
                  </a:lnTo>
                  <a:lnTo>
                    <a:pt x="856" y="735"/>
                  </a:lnTo>
                  <a:lnTo>
                    <a:pt x="853" y="721"/>
                  </a:lnTo>
                  <a:lnTo>
                    <a:pt x="844" y="721"/>
                  </a:lnTo>
                  <a:lnTo>
                    <a:pt x="836" y="722"/>
                  </a:lnTo>
                  <a:lnTo>
                    <a:pt x="830" y="725"/>
                  </a:lnTo>
                  <a:lnTo>
                    <a:pt x="824" y="728"/>
                  </a:lnTo>
                  <a:lnTo>
                    <a:pt x="818" y="731"/>
                  </a:lnTo>
                  <a:lnTo>
                    <a:pt x="814" y="735"/>
                  </a:lnTo>
                  <a:lnTo>
                    <a:pt x="809" y="739"/>
                  </a:lnTo>
                  <a:lnTo>
                    <a:pt x="806" y="745"/>
                  </a:lnTo>
                  <a:lnTo>
                    <a:pt x="797" y="754"/>
                  </a:lnTo>
                  <a:lnTo>
                    <a:pt x="789" y="764"/>
                  </a:lnTo>
                  <a:lnTo>
                    <a:pt x="785" y="768"/>
                  </a:lnTo>
                  <a:lnTo>
                    <a:pt x="780" y="772"/>
                  </a:lnTo>
                  <a:lnTo>
                    <a:pt x="774" y="775"/>
                  </a:lnTo>
                  <a:lnTo>
                    <a:pt x="769" y="777"/>
                  </a:lnTo>
                  <a:lnTo>
                    <a:pt x="759" y="776"/>
                  </a:lnTo>
                  <a:lnTo>
                    <a:pt x="752" y="774"/>
                  </a:lnTo>
                  <a:lnTo>
                    <a:pt x="746" y="770"/>
                  </a:lnTo>
                  <a:lnTo>
                    <a:pt x="740" y="766"/>
                  </a:lnTo>
                  <a:lnTo>
                    <a:pt x="735" y="760"/>
                  </a:lnTo>
                  <a:lnTo>
                    <a:pt x="731" y="755"/>
                  </a:lnTo>
                  <a:lnTo>
                    <a:pt x="728" y="749"/>
                  </a:lnTo>
                  <a:lnTo>
                    <a:pt x="725" y="741"/>
                  </a:lnTo>
                  <a:lnTo>
                    <a:pt x="714" y="712"/>
                  </a:lnTo>
                  <a:lnTo>
                    <a:pt x="702" y="684"/>
                  </a:lnTo>
                  <a:lnTo>
                    <a:pt x="681" y="684"/>
                  </a:lnTo>
                  <a:lnTo>
                    <a:pt x="661" y="685"/>
                  </a:lnTo>
                  <a:lnTo>
                    <a:pt x="641" y="687"/>
                  </a:lnTo>
                  <a:lnTo>
                    <a:pt x="622" y="688"/>
                  </a:lnTo>
                  <a:lnTo>
                    <a:pt x="590" y="692"/>
                  </a:lnTo>
                  <a:lnTo>
                    <a:pt x="562" y="693"/>
                  </a:lnTo>
                  <a:lnTo>
                    <a:pt x="562" y="699"/>
                  </a:lnTo>
                  <a:lnTo>
                    <a:pt x="562" y="705"/>
                  </a:lnTo>
                  <a:lnTo>
                    <a:pt x="560" y="710"/>
                  </a:lnTo>
                  <a:lnTo>
                    <a:pt x="559" y="715"/>
                  </a:lnTo>
                  <a:lnTo>
                    <a:pt x="554" y="726"/>
                  </a:lnTo>
                  <a:lnTo>
                    <a:pt x="548" y="735"/>
                  </a:lnTo>
                  <a:lnTo>
                    <a:pt x="542" y="746"/>
                  </a:lnTo>
                  <a:lnTo>
                    <a:pt x="539" y="755"/>
                  </a:lnTo>
                  <a:lnTo>
                    <a:pt x="539" y="760"/>
                  </a:lnTo>
                  <a:lnTo>
                    <a:pt x="539" y="766"/>
                  </a:lnTo>
                  <a:lnTo>
                    <a:pt x="540" y="772"/>
                  </a:lnTo>
                  <a:lnTo>
                    <a:pt x="543" y="777"/>
                  </a:lnTo>
                  <a:lnTo>
                    <a:pt x="543" y="780"/>
                  </a:lnTo>
                  <a:lnTo>
                    <a:pt x="541" y="783"/>
                  </a:lnTo>
                  <a:lnTo>
                    <a:pt x="540" y="784"/>
                  </a:lnTo>
                  <a:lnTo>
                    <a:pt x="538" y="784"/>
                  </a:lnTo>
                  <a:lnTo>
                    <a:pt x="532" y="783"/>
                  </a:lnTo>
                  <a:lnTo>
                    <a:pt x="525" y="780"/>
                  </a:lnTo>
                  <a:lnTo>
                    <a:pt x="516" y="777"/>
                  </a:lnTo>
                  <a:lnTo>
                    <a:pt x="507" y="775"/>
                  </a:lnTo>
                  <a:lnTo>
                    <a:pt x="501" y="775"/>
                  </a:lnTo>
                  <a:lnTo>
                    <a:pt x="497" y="775"/>
                  </a:lnTo>
                  <a:lnTo>
                    <a:pt x="492" y="776"/>
                  </a:lnTo>
                  <a:lnTo>
                    <a:pt x="488" y="777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26" name="Varde kant"/>
            <p:cNvSpPr>
              <a:spLocks/>
            </p:cNvSpPr>
            <p:nvPr/>
          </p:nvSpPr>
          <p:spPr bwMode="auto">
            <a:xfrm>
              <a:off x="479425" y="4692650"/>
              <a:ext cx="658813" cy="530225"/>
            </a:xfrm>
            <a:custGeom>
              <a:avLst/>
              <a:gdLst>
                <a:gd name="T0" fmla="*/ 162 w 1246"/>
                <a:gd name="T1" fmla="*/ 246 h 1003"/>
                <a:gd name="T2" fmla="*/ 145 w 1246"/>
                <a:gd name="T3" fmla="*/ 227 h 1003"/>
                <a:gd name="T4" fmla="*/ 124 w 1246"/>
                <a:gd name="T5" fmla="*/ 222 h 1003"/>
                <a:gd name="T6" fmla="*/ 116 w 1246"/>
                <a:gd name="T7" fmla="*/ 230 h 1003"/>
                <a:gd name="T8" fmla="*/ 103 w 1246"/>
                <a:gd name="T9" fmla="*/ 226 h 1003"/>
                <a:gd name="T10" fmla="*/ 89 w 1246"/>
                <a:gd name="T11" fmla="*/ 229 h 1003"/>
                <a:gd name="T12" fmla="*/ 81 w 1246"/>
                <a:gd name="T13" fmla="*/ 239 h 1003"/>
                <a:gd name="T14" fmla="*/ 77 w 1246"/>
                <a:gd name="T15" fmla="*/ 278 h 1003"/>
                <a:gd name="T16" fmla="*/ 90 w 1246"/>
                <a:gd name="T17" fmla="*/ 299 h 1003"/>
                <a:gd name="T18" fmla="*/ 108 w 1246"/>
                <a:gd name="T19" fmla="*/ 328 h 1003"/>
                <a:gd name="T20" fmla="*/ 59 w 1246"/>
                <a:gd name="T21" fmla="*/ 294 h 1003"/>
                <a:gd name="T22" fmla="*/ 24 w 1246"/>
                <a:gd name="T23" fmla="*/ 272 h 1003"/>
                <a:gd name="T24" fmla="*/ 8 w 1246"/>
                <a:gd name="T25" fmla="*/ 236 h 1003"/>
                <a:gd name="T26" fmla="*/ 32 w 1246"/>
                <a:gd name="T27" fmla="*/ 169 h 1003"/>
                <a:gd name="T28" fmla="*/ 46 w 1246"/>
                <a:gd name="T29" fmla="*/ 113 h 1003"/>
                <a:gd name="T30" fmla="*/ 50 w 1246"/>
                <a:gd name="T31" fmla="*/ 74 h 1003"/>
                <a:gd name="T32" fmla="*/ 47 w 1246"/>
                <a:gd name="T33" fmla="*/ 31 h 1003"/>
                <a:gd name="T34" fmla="*/ 55 w 1246"/>
                <a:gd name="T35" fmla="*/ 31 h 1003"/>
                <a:gd name="T36" fmla="*/ 56 w 1246"/>
                <a:gd name="T37" fmla="*/ 13 h 1003"/>
                <a:gd name="T38" fmla="*/ 91 w 1246"/>
                <a:gd name="T39" fmla="*/ 38 h 1003"/>
                <a:gd name="T40" fmla="*/ 107 w 1246"/>
                <a:gd name="T41" fmla="*/ 43 h 1003"/>
                <a:gd name="T42" fmla="*/ 120 w 1246"/>
                <a:gd name="T43" fmla="*/ 41 h 1003"/>
                <a:gd name="T44" fmla="*/ 131 w 1246"/>
                <a:gd name="T45" fmla="*/ 32 h 1003"/>
                <a:gd name="T46" fmla="*/ 159 w 1246"/>
                <a:gd name="T47" fmla="*/ 38 h 1003"/>
                <a:gd name="T48" fmla="*/ 191 w 1246"/>
                <a:gd name="T49" fmla="*/ 69 h 1003"/>
                <a:gd name="T50" fmla="*/ 212 w 1246"/>
                <a:gd name="T51" fmla="*/ 59 h 1003"/>
                <a:gd name="T52" fmla="*/ 222 w 1246"/>
                <a:gd name="T53" fmla="*/ 47 h 1003"/>
                <a:gd name="T54" fmla="*/ 225 w 1246"/>
                <a:gd name="T55" fmla="*/ 28 h 1003"/>
                <a:gd name="T56" fmla="*/ 236 w 1246"/>
                <a:gd name="T57" fmla="*/ 21 h 1003"/>
                <a:gd name="T58" fmla="*/ 239 w 1246"/>
                <a:gd name="T59" fmla="*/ 5 h 1003"/>
                <a:gd name="T60" fmla="*/ 246 w 1246"/>
                <a:gd name="T61" fmla="*/ 1 h 1003"/>
                <a:gd name="T62" fmla="*/ 253 w 1246"/>
                <a:gd name="T63" fmla="*/ 8 h 1003"/>
                <a:gd name="T64" fmla="*/ 267 w 1246"/>
                <a:gd name="T65" fmla="*/ 9 h 1003"/>
                <a:gd name="T66" fmla="*/ 283 w 1246"/>
                <a:gd name="T67" fmla="*/ 4 h 1003"/>
                <a:gd name="T68" fmla="*/ 295 w 1246"/>
                <a:gd name="T69" fmla="*/ 5 h 1003"/>
                <a:gd name="T70" fmla="*/ 315 w 1246"/>
                <a:gd name="T71" fmla="*/ 19 h 1003"/>
                <a:gd name="T72" fmla="*/ 337 w 1246"/>
                <a:gd name="T73" fmla="*/ 38 h 1003"/>
                <a:gd name="T74" fmla="*/ 336 w 1246"/>
                <a:gd name="T75" fmla="*/ 61 h 1003"/>
                <a:gd name="T76" fmla="*/ 345 w 1246"/>
                <a:gd name="T77" fmla="*/ 81 h 1003"/>
                <a:gd name="T78" fmla="*/ 369 w 1246"/>
                <a:gd name="T79" fmla="*/ 100 h 1003"/>
                <a:gd name="T80" fmla="*/ 359 w 1246"/>
                <a:gd name="T81" fmla="*/ 129 h 1003"/>
                <a:gd name="T82" fmla="*/ 356 w 1246"/>
                <a:gd name="T83" fmla="*/ 146 h 1003"/>
                <a:gd name="T84" fmla="*/ 405 w 1246"/>
                <a:gd name="T85" fmla="*/ 168 h 1003"/>
                <a:gd name="T86" fmla="*/ 403 w 1246"/>
                <a:gd name="T87" fmla="*/ 183 h 1003"/>
                <a:gd name="T88" fmla="*/ 410 w 1246"/>
                <a:gd name="T89" fmla="*/ 199 h 1003"/>
                <a:gd name="T90" fmla="*/ 392 w 1246"/>
                <a:gd name="T91" fmla="*/ 222 h 1003"/>
                <a:gd name="T92" fmla="*/ 361 w 1246"/>
                <a:gd name="T93" fmla="*/ 233 h 1003"/>
                <a:gd name="T94" fmla="*/ 346 w 1246"/>
                <a:gd name="T95" fmla="*/ 242 h 1003"/>
                <a:gd name="T96" fmla="*/ 330 w 1246"/>
                <a:gd name="T97" fmla="*/ 268 h 1003"/>
                <a:gd name="T98" fmla="*/ 318 w 1246"/>
                <a:gd name="T99" fmla="*/ 275 h 1003"/>
                <a:gd name="T100" fmla="*/ 299 w 1246"/>
                <a:gd name="T101" fmla="*/ 263 h 1003"/>
                <a:gd name="T102" fmla="*/ 288 w 1246"/>
                <a:gd name="T103" fmla="*/ 252 h 1003"/>
                <a:gd name="T104" fmla="*/ 278 w 1246"/>
                <a:gd name="T105" fmla="*/ 240 h 1003"/>
                <a:gd name="T106" fmla="*/ 269 w 1246"/>
                <a:gd name="T107" fmla="*/ 246 h 1003"/>
                <a:gd name="T108" fmla="*/ 260 w 1246"/>
                <a:gd name="T109" fmla="*/ 257 h 1003"/>
                <a:gd name="T110" fmla="*/ 248 w 1246"/>
                <a:gd name="T111" fmla="*/ 256 h 1003"/>
                <a:gd name="T112" fmla="*/ 241 w 1246"/>
                <a:gd name="T113" fmla="*/ 247 h 1003"/>
                <a:gd name="T114" fmla="*/ 213 w 1246"/>
                <a:gd name="T115" fmla="*/ 229 h 1003"/>
                <a:gd name="T116" fmla="*/ 187 w 1246"/>
                <a:gd name="T117" fmla="*/ 235 h 1003"/>
                <a:gd name="T118" fmla="*/ 181 w 1246"/>
                <a:gd name="T119" fmla="*/ 248 h 1003"/>
                <a:gd name="T120" fmla="*/ 181 w 1246"/>
                <a:gd name="T121" fmla="*/ 259 h 1003"/>
                <a:gd name="T122" fmla="*/ 177 w 1246"/>
                <a:gd name="T123" fmla="*/ 261 h 1003"/>
                <a:gd name="T124" fmla="*/ 166 w 1246"/>
                <a:gd name="T125" fmla="*/ 258 h 1003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246" h="1003">
                  <a:moveTo>
                    <a:pt x="488" y="777"/>
                  </a:moveTo>
                  <a:lnTo>
                    <a:pt x="490" y="767"/>
                  </a:lnTo>
                  <a:lnTo>
                    <a:pt x="490" y="756"/>
                  </a:lnTo>
                  <a:lnTo>
                    <a:pt x="489" y="747"/>
                  </a:lnTo>
                  <a:lnTo>
                    <a:pt x="487" y="738"/>
                  </a:lnTo>
                  <a:lnTo>
                    <a:pt x="482" y="730"/>
                  </a:lnTo>
                  <a:lnTo>
                    <a:pt x="477" y="721"/>
                  </a:lnTo>
                  <a:lnTo>
                    <a:pt x="472" y="714"/>
                  </a:lnTo>
                  <a:lnTo>
                    <a:pt x="464" y="708"/>
                  </a:lnTo>
                  <a:lnTo>
                    <a:pt x="434" y="681"/>
                  </a:lnTo>
                  <a:lnTo>
                    <a:pt x="403" y="656"/>
                  </a:lnTo>
                  <a:lnTo>
                    <a:pt x="395" y="658"/>
                  </a:lnTo>
                  <a:lnTo>
                    <a:pt x="387" y="660"/>
                  </a:lnTo>
                  <a:lnTo>
                    <a:pt x="379" y="664"/>
                  </a:lnTo>
                  <a:lnTo>
                    <a:pt x="373" y="668"/>
                  </a:lnTo>
                  <a:lnTo>
                    <a:pt x="367" y="672"/>
                  </a:lnTo>
                  <a:lnTo>
                    <a:pt x="362" y="677"/>
                  </a:lnTo>
                  <a:lnTo>
                    <a:pt x="358" y="685"/>
                  </a:lnTo>
                  <a:lnTo>
                    <a:pt x="356" y="693"/>
                  </a:lnTo>
                  <a:lnTo>
                    <a:pt x="347" y="692"/>
                  </a:lnTo>
                  <a:lnTo>
                    <a:pt x="338" y="690"/>
                  </a:lnTo>
                  <a:lnTo>
                    <a:pt x="331" y="687"/>
                  </a:lnTo>
                  <a:lnTo>
                    <a:pt x="323" y="684"/>
                  </a:lnTo>
                  <a:lnTo>
                    <a:pt x="316" y="680"/>
                  </a:lnTo>
                  <a:lnTo>
                    <a:pt x="309" y="678"/>
                  </a:lnTo>
                  <a:lnTo>
                    <a:pt x="300" y="676"/>
                  </a:lnTo>
                  <a:lnTo>
                    <a:pt x="291" y="674"/>
                  </a:lnTo>
                  <a:lnTo>
                    <a:pt x="282" y="677"/>
                  </a:lnTo>
                  <a:lnTo>
                    <a:pt x="275" y="681"/>
                  </a:lnTo>
                  <a:lnTo>
                    <a:pt x="268" y="687"/>
                  </a:lnTo>
                  <a:lnTo>
                    <a:pt x="261" y="692"/>
                  </a:lnTo>
                  <a:lnTo>
                    <a:pt x="256" y="698"/>
                  </a:lnTo>
                  <a:lnTo>
                    <a:pt x="251" y="705"/>
                  </a:lnTo>
                  <a:lnTo>
                    <a:pt x="247" y="712"/>
                  </a:lnTo>
                  <a:lnTo>
                    <a:pt x="242" y="719"/>
                  </a:lnTo>
                  <a:lnTo>
                    <a:pt x="229" y="753"/>
                  </a:lnTo>
                  <a:lnTo>
                    <a:pt x="216" y="787"/>
                  </a:lnTo>
                  <a:lnTo>
                    <a:pt x="219" y="805"/>
                  </a:lnTo>
                  <a:lnTo>
                    <a:pt x="223" y="820"/>
                  </a:lnTo>
                  <a:lnTo>
                    <a:pt x="230" y="835"/>
                  </a:lnTo>
                  <a:lnTo>
                    <a:pt x="236" y="849"/>
                  </a:lnTo>
                  <a:lnTo>
                    <a:pt x="243" y="861"/>
                  </a:lnTo>
                  <a:lnTo>
                    <a:pt x="252" y="874"/>
                  </a:lnTo>
                  <a:lnTo>
                    <a:pt x="260" y="886"/>
                  </a:lnTo>
                  <a:lnTo>
                    <a:pt x="270" y="897"/>
                  </a:lnTo>
                  <a:lnTo>
                    <a:pt x="288" y="919"/>
                  </a:lnTo>
                  <a:lnTo>
                    <a:pt x="304" y="944"/>
                  </a:lnTo>
                  <a:lnTo>
                    <a:pt x="312" y="957"/>
                  </a:lnTo>
                  <a:lnTo>
                    <a:pt x="318" y="971"/>
                  </a:lnTo>
                  <a:lnTo>
                    <a:pt x="324" y="986"/>
                  </a:lnTo>
                  <a:lnTo>
                    <a:pt x="329" y="1003"/>
                  </a:lnTo>
                  <a:lnTo>
                    <a:pt x="290" y="973"/>
                  </a:lnTo>
                  <a:lnTo>
                    <a:pt x="252" y="944"/>
                  </a:lnTo>
                  <a:lnTo>
                    <a:pt x="214" y="913"/>
                  </a:lnTo>
                  <a:lnTo>
                    <a:pt x="176" y="884"/>
                  </a:lnTo>
                  <a:lnTo>
                    <a:pt x="156" y="869"/>
                  </a:lnTo>
                  <a:lnTo>
                    <a:pt x="136" y="855"/>
                  </a:lnTo>
                  <a:lnTo>
                    <a:pt x="115" y="841"/>
                  </a:lnTo>
                  <a:lnTo>
                    <a:pt x="94" y="829"/>
                  </a:lnTo>
                  <a:lnTo>
                    <a:pt x="72" y="817"/>
                  </a:lnTo>
                  <a:lnTo>
                    <a:pt x="50" y="806"/>
                  </a:lnTo>
                  <a:lnTo>
                    <a:pt x="25" y="796"/>
                  </a:lnTo>
                  <a:lnTo>
                    <a:pt x="0" y="787"/>
                  </a:lnTo>
                  <a:lnTo>
                    <a:pt x="12" y="747"/>
                  </a:lnTo>
                  <a:lnTo>
                    <a:pt x="25" y="708"/>
                  </a:lnTo>
                  <a:lnTo>
                    <a:pt x="39" y="668"/>
                  </a:lnTo>
                  <a:lnTo>
                    <a:pt x="53" y="629"/>
                  </a:lnTo>
                  <a:lnTo>
                    <a:pt x="68" y="589"/>
                  </a:lnTo>
                  <a:lnTo>
                    <a:pt x="82" y="549"/>
                  </a:lnTo>
                  <a:lnTo>
                    <a:pt x="96" y="509"/>
                  </a:lnTo>
                  <a:lnTo>
                    <a:pt x="109" y="467"/>
                  </a:lnTo>
                  <a:lnTo>
                    <a:pt x="121" y="424"/>
                  </a:lnTo>
                  <a:lnTo>
                    <a:pt x="131" y="381"/>
                  </a:lnTo>
                  <a:lnTo>
                    <a:pt x="135" y="360"/>
                  </a:lnTo>
                  <a:lnTo>
                    <a:pt x="139" y="338"/>
                  </a:lnTo>
                  <a:lnTo>
                    <a:pt x="142" y="315"/>
                  </a:lnTo>
                  <a:lnTo>
                    <a:pt x="145" y="292"/>
                  </a:lnTo>
                  <a:lnTo>
                    <a:pt x="148" y="269"/>
                  </a:lnTo>
                  <a:lnTo>
                    <a:pt x="149" y="245"/>
                  </a:lnTo>
                  <a:lnTo>
                    <a:pt x="150" y="221"/>
                  </a:lnTo>
                  <a:lnTo>
                    <a:pt x="150" y="197"/>
                  </a:lnTo>
                  <a:lnTo>
                    <a:pt x="149" y="172"/>
                  </a:lnTo>
                  <a:lnTo>
                    <a:pt x="148" y="146"/>
                  </a:lnTo>
                  <a:lnTo>
                    <a:pt x="144" y="120"/>
                  </a:lnTo>
                  <a:lnTo>
                    <a:pt x="141" y="94"/>
                  </a:lnTo>
                  <a:lnTo>
                    <a:pt x="148" y="96"/>
                  </a:lnTo>
                  <a:lnTo>
                    <a:pt x="154" y="96"/>
                  </a:lnTo>
                  <a:lnTo>
                    <a:pt x="158" y="96"/>
                  </a:lnTo>
                  <a:lnTo>
                    <a:pt x="162" y="94"/>
                  </a:lnTo>
                  <a:lnTo>
                    <a:pt x="165" y="92"/>
                  </a:lnTo>
                  <a:lnTo>
                    <a:pt x="168" y="89"/>
                  </a:lnTo>
                  <a:lnTo>
                    <a:pt x="169" y="84"/>
                  </a:lnTo>
                  <a:lnTo>
                    <a:pt x="170" y="80"/>
                  </a:lnTo>
                  <a:lnTo>
                    <a:pt x="170" y="59"/>
                  </a:lnTo>
                  <a:lnTo>
                    <a:pt x="169" y="38"/>
                  </a:lnTo>
                  <a:lnTo>
                    <a:pt x="195" y="58"/>
                  </a:lnTo>
                  <a:lnTo>
                    <a:pt x="224" y="81"/>
                  </a:lnTo>
                  <a:lnTo>
                    <a:pt x="240" y="93"/>
                  </a:lnTo>
                  <a:lnTo>
                    <a:pt x="256" y="103"/>
                  </a:lnTo>
                  <a:lnTo>
                    <a:pt x="273" y="113"/>
                  </a:lnTo>
                  <a:lnTo>
                    <a:pt x="290" y="120"/>
                  </a:lnTo>
                  <a:lnTo>
                    <a:pt x="297" y="123"/>
                  </a:lnTo>
                  <a:lnTo>
                    <a:pt x="305" y="126"/>
                  </a:lnTo>
                  <a:lnTo>
                    <a:pt x="314" y="129"/>
                  </a:lnTo>
                  <a:lnTo>
                    <a:pt x="321" y="130"/>
                  </a:lnTo>
                  <a:lnTo>
                    <a:pt x="330" y="130"/>
                  </a:lnTo>
                  <a:lnTo>
                    <a:pt x="337" y="130"/>
                  </a:lnTo>
                  <a:lnTo>
                    <a:pt x="344" y="130"/>
                  </a:lnTo>
                  <a:lnTo>
                    <a:pt x="352" y="128"/>
                  </a:lnTo>
                  <a:lnTo>
                    <a:pt x="359" y="124"/>
                  </a:lnTo>
                  <a:lnTo>
                    <a:pt x="367" y="121"/>
                  </a:lnTo>
                  <a:lnTo>
                    <a:pt x="373" y="116"/>
                  </a:lnTo>
                  <a:lnTo>
                    <a:pt x="380" y="111"/>
                  </a:lnTo>
                  <a:lnTo>
                    <a:pt x="387" y="103"/>
                  </a:lnTo>
                  <a:lnTo>
                    <a:pt x="392" y="95"/>
                  </a:lnTo>
                  <a:lnTo>
                    <a:pt x="398" y="85"/>
                  </a:lnTo>
                  <a:lnTo>
                    <a:pt x="403" y="75"/>
                  </a:lnTo>
                  <a:lnTo>
                    <a:pt x="429" y="88"/>
                  </a:lnTo>
                  <a:lnTo>
                    <a:pt x="453" y="100"/>
                  </a:lnTo>
                  <a:lnTo>
                    <a:pt x="476" y="115"/>
                  </a:lnTo>
                  <a:lnTo>
                    <a:pt x="498" y="131"/>
                  </a:lnTo>
                  <a:lnTo>
                    <a:pt x="518" y="148"/>
                  </a:lnTo>
                  <a:lnTo>
                    <a:pt x="537" y="165"/>
                  </a:lnTo>
                  <a:lnTo>
                    <a:pt x="555" y="185"/>
                  </a:lnTo>
                  <a:lnTo>
                    <a:pt x="572" y="207"/>
                  </a:lnTo>
                  <a:lnTo>
                    <a:pt x="591" y="199"/>
                  </a:lnTo>
                  <a:lnTo>
                    <a:pt x="611" y="192"/>
                  </a:lnTo>
                  <a:lnTo>
                    <a:pt x="620" y="188"/>
                  </a:lnTo>
                  <a:lnTo>
                    <a:pt x="629" y="183"/>
                  </a:lnTo>
                  <a:lnTo>
                    <a:pt x="637" y="178"/>
                  </a:lnTo>
                  <a:lnTo>
                    <a:pt x="646" y="173"/>
                  </a:lnTo>
                  <a:lnTo>
                    <a:pt x="652" y="165"/>
                  </a:lnTo>
                  <a:lnTo>
                    <a:pt x="658" y="158"/>
                  </a:lnTo>
                  <a:lnTo>
                    <a:pt x="664" y="150"/>
                  </a:lnTo>
                  <a:lnTo>
                    <a:pt x="667" y="140"/>
                  </a:lnTo>
                  <a:lnTo>
                    <a:pt x="669" y="129"/>
                  </a:lnTo>
                  <a:lnTo>
                    <a:pt x="670" y="116"/>
                  </a:lnTo>
                  <a:lnTo>
                    <a:pt x="669" y="101"/>
                  </a:lnTo>
                  <a:lnTo>
                    <a:pt x="666" y="84"/>
                  </a:lnTo>
                  <a:lnTo>
                    <a:pt x="677" y="84"/>
                  </a:lnTo>
                  <a:lnTo>
                    <a:pt x="687" y="82"/>
                  </a:lnTo>
                  <a:lnTo>
                    <a:pt x="695" y="79"/>
                  </a:lnTo>
                  <a:lnTo>
                    <a:pt x="700" y="75"/>
                  </a:lnTo>
                  <a:lnTo>
                    <a:pt x="705" y="70"/>
                  </a:lnTo>
                  <a:lnTo>
                    <a:pt x="708" y="64"/>
                  </a:lnTo>
                  <a:lnTo>
                    <a:pt x="711" y="57"/>
                  </a:lnTo>
                  <a:lnTo>
                    <a:pt x="712" y="50"/>
                  </a:lnTo>
                  <a:lnTo>
                    <a:pt x="714" y="35"/>
                  </a:lnTo>
                  <a:lnTo>
                    <a:pt x="716" y="21"/>
                  </a:lnTo>
                  <a:lnTo>
                    <a:pt x="718" y="15"/>
                  </a:lnTo>
                  <a:lnTo>
                    <a:pt x="721" y="9"/>
                  </a:lnTo>
                  <a:lnTo>
                    <a:pt x="726" y="4"/>
                  </a:lnTo>
                  <a:lnTo>
                    <a:pt x="731" y="0"/>
                  </a:lnTo>
                  <a:lnTo>
                    <a:pt x="735" y="1"/>
                  </a:lnTo>
                  <a:lnTo>
                    <a:pt x="739" y="2"/>
                  </a:lnTo>
                  <a:lnTo>
                    <a:pt x="744" y="4"/>
                  </a:lnTo>
                  <a:lnTo>
                    <a:pt x="747" y="6"/>
                  </a:lnTo>
                  <a:lnTo>
                    <a:pt x="752" y="11"/>
                  </a:lnTo>
                  <a:lnTo>
                    <a:pt x="756" y="17"/>
                  </a:lnTo>
                  <a:lnTo>
                    <a:pt x="760" y="23"/>
                  </a:lnTo>
                  <a:lnTo>
                    <a:pt x="766" y="29"/>
                  </a:lnTo>
                  <a:lnTo>
                    <a:pt x="771" y="34"/>
                  </a:lnTo>
                  <a:lnTo>
                    <a:pt x="777" y="38"/>
                  </a:lnTo>
                  <a:lnTo>
                    <a:pt x="790" y="32"/>
                  </a:lnTo>
                  <a:lnTo>
                    <a:pt x="801" y="26"/>
                  </a:lnTo>
                  <a:lnTo>
                    <a:pt x="812" y="22"/>
                  </a:lnTo>
                  <a:lnTo>
                    <a:pt x="823" y="18"/>
                  </a:lnTo>
                  <a:lnTo>
                    <a:pt x="832" y="16"/>
                  </a:lnTo>
                  <a:lnTo>
                    <a:pt x="841" y="14"/>
                  </a:lnTo>
                  <a:lnTo>
                    <a:pt x="850" y="13"/>
                  </a:lnTo>
                  <a:lnTo>
                    <a:pt x="857" y="12"/>
                  </a:lnTo>
                  <a:lnTo>
                    <a:pt x="866" y="12"/>
                  </a:lnTo>
                  <a:lnTo>
                    <a:pt x="873" y="13"/>
                  </a:lnTo>
                  <a:lnTo>
                    <a:pt x="879" y="14"/>
                  </a:lnTo>
                  <a:lnTo>
                    <a:pt x="887" y="16"/>
                  </a:lnTo>
                  <a:lnTo>
                    <a:pt x="899" y="21"/>
                  </a:lnTo>
                  <a:lnTo>
                    <a:pt x="911" y="29"/>
                  </a:lnTo>
                  <a:lnTo>
                    <a:pt x="923" y="37"/>
                  </a:lnTo>
                  <a:lnTo>
                    <a:pt x="933" y="46"/>
                  </a:lnTo>
                  <a:lnTo>
                    <a:pt x="945" y="57"/>
                  </a:lnTo>
                  <a:lnTo>
                    <a:pt x="956" y="68"/>
                  </a:lnTo>
                  <a:lnTo>
                    <a:pt x="968" y="79"/>
                  </a:lnTo>
                  <a:lnTo>
                    <a:pt x="982" y="91"/>
                  </a:lnTo>
                  <a:lnTo>
                    <a:pt x="996" y="102"/>
                  </a:lnTo>
                  <a:lnTo>
                    <a:pt x="1012" y="113"/>
                  </a:lnTo>
                  <a:lnTo>
                    <a:pt x="1013" y="130"/>
                  </a:lnTo>
                  <a:lnTo>
                    <a:pt x="1013" y="144"/>
                  </a:lnTo>
                  <a:lnTo>
                    <a:pt x="1012" y="158"/>
                  </a:lnTo>
                  <a:lnTo>
                    <a:pt x="1010" y="172"/>
                  </a:lnTo>
                  <a:lnTo>
                    <a:pt x="1008" y="184"/>
                  </a:lnTo>
                  <a:lnTo>
                    <a:pt x="1005" y="197"/>
                  </a:lnTo>
                  <a:lnTo>
                    <a:pt x="1004" y="211"/>
                  </a:lnTo>
                  <a:lnTo>
                    <a:pt x="1003" y="225"/>
                  </a:lnTo>
                  <a:lnTo>
                    <a:pt x="1019" y="234"/>
                  </a:lnTo>
                  <a:lnTo>
                    <a:pt x="1035" y="243"/>
                  </a:lnTo>
                  <a:lnTo>
                    <a:pt x="1050" y="255"/>
                  </a:lnTo>
                  <a:lnTo>
                    <a:pt x="1064" y="267"/>
                  </a:lnTo>
                  <a:lnTo>
                    <a:pt x="1078" y="278"/>
                  </a:lnTo>
                  <a:lnTo>
                    <a:pt x="1092" y="290"/>
                  </a:lnTo>
                  <a:lnTo>
                    <a:pt x="1108" y="300"/>
                  </a:lnTo>
                  <a:lnTo>
                    <a:pt x="1124" y="310"/>
                  </a:lnTo>
                  <a:lnTo>
                    <a:pt x="1107" y="341"/>
                  </a:lnTo>
                  <a:lnTo>
                    <a:pt x="1088" y="371"/>
                  </a:lnTo>
                  <a:lnTo>
                    <a:pt x="1084" y="379"/>
                  </a:lnTo>
                  <a:lnTo>
                    <a:pt x="1079" y="388"/>
                  </a:lnTo>
                  <a:lnTo>
                    <a:pt x="1076" y="396"/>
                  </a:lnTo>
                  <a:lnTo>
                    <a:pt x="1073" y="406"/>
                  </a:lnTo>
                  <a:lnTo>
                    <a:pt x="1071" y="416"/>
                  </a:lnTo>
                  <a:lnTo>
                    <a:pt x="1069" y="427"/>
                  </a:lnTo>
                  <a:lnTo>
                    <a:pt x="1068" y="437"/>
                  </a:lnTo>
                  <a:lnTo>
                    <a:pt x="1068" y="450"/>
                  </a:lnTo>
                  <a:lnTo>
                    <a:pt x="1095" y="461"/>
                  </a:lnTo>
                  <a:lnTo>
                    <a:pt x="1134" y="475"/>
                  </a:lnTo>
                  <a:lnTo>
                    <a:pt x="1177" y="491"/>
                  </a:lnTo>
                  <a:lnTo>
                    <a:pt x="1217" y="506"/>
                  </a:lnTo>
                  <a:lnTo>
                    <a:pt x="1214" y="516"/>
                  </a:lnTo>
                  <a:lnTo>
                    <a:pt x="1211" y="526"/>
                  </a:lnTo>
                  <a:lnTo>
                    <a:pt x="1210" y="535"/>
                  </a:lnTo>
                  <a:lnTo>
                    <a:pt x="1209" y="543"/>
                  </a:lnTo>
                  <a:lnTo>
                    <a:pt x="1210" y="551"/>
                  </a:lnTo>
                  <a:lnTo>
                    <a:pt x="1212" y="558"/>
                  </a:lnTo>
                  <a:lnTo>
                    <a:pt x="1214" y="566"/>
                  </a:lnTo>
                  <a:lnTo>
                    <a:pt x="1217" y="572"/>
                  </a:lnTo>
                  <a:lnTo>
                    <a:pt x="1224" y="586"/>
                  </a:lnTo>
                  <a:lnTo>
                    <a:pt x="1232" y="598"/>
                  </a:lnTo>
                  <a:lnTo>
                    <a:pt x="1240" y="613"/>
                  </a:lnTo>
                  <a:lnTo>
                    <a:pt x="1246" y="628"/>
                  </a:lnTo>
                  <a:lnTo>
                    <a:pt x="1225" y="641"/>
                  </a:lnTo>
                  <a:lnTo>
                    <a:pt x="1202" y="654"/>
                  </a:lnTo>
                  <a:lnTo>
                    <a:pt x="1178" y="667"/>
                  </a:lnTo>
                  <a:lnTo>
                    <a:pt x="1155" y="678"/>
                  </a:lnTo>
                  <a:lnTo>
                    <a:pt x="1131" y="688"/>
                  </a:lnTo>
                  <a:lnTo>
                    <a:pt x="1108" y="695"/>
                  </a:lnTo>
                  <a:lnTo>
                    <a:pt x="1095" y="698"/>
                  </a:lnTo>
                  <a:lnTo>
                    <a:pt x="1083" y="700"/>
                  </a:lnTo>
                  <a:lnTo>
                    <a:pt x="1071" y="701"/>
                  </a:lnTo>
                  <a:lnTo>
                    <a:pt x="1058" y="702"/>
                  </a:lnTo>
                  <a:lnTo>
                    <a:pt x="1052" y="710"/>
                  </a:lnTo>
                  <a:lnTo>
                    <a:pt x="1046" y="717"/>
                  </a:lnTo>
                  <a:lnTo>
                    <a:pt x="1039" y="726"/>
                  </a:lnTo>
                  <a:lnTo>
                    <a:pt x="1034" y="734"/>
                  </a:lnTo>
                  <a:lnTo>
                    <a:pt x="1024" y="752"/>
                  </a:lnTo>
                  <a:lnTo>
                    <a:pt x="1013" y="770"/>
                  </a:lnTo>
                  <a:lnTo>
                    <a:pt x="1003" y="788"/>
                  </a:lnTo>
                  <a:lnTo>
                    <a:pt x="992" y="805"/>
                  </a:lnTo>
                  <a:lnTo>
                    <a:pt x="986" y="812"/>
                  </a:lnTo>
                  <a:lnTo>
                    <a:pt x="979" y="820"/>
                  </a:lnTo>
                  <a:lnTo>
                    <a:pt x="972" y="827"/>
                  </a:lnTo>
                  <a:lnTo>
                    <a:pt x="965" y="834"/>
                  </a:lnTo>
                  <a:lnTo>
                    <a:pt x="956" y="826"/>
                  </a:lnTo>
                  <a:lnTo>
                    <a:pt x="947" y="819"/>
                  </a:lnTo>
                  <a:lnTo>
                    <a:pt x="938" y="813"/>
                  </a:lnTo>
                  <a:lnTo>
                    <a:pt x="930" y="808"/>
                  </a:lnTo>
                  <a:lnTo>
                    <a:pt x="913" y="798"/>
                  </a:lnTo>
                  <a:lnTo>
                    <a:pt x="897" y="790"/>
                  </a:lnTo>
                  <a:lnTo>
                    <a:pt x="890" y="785"/>
                  </a:lnTo>
                  <a:lnTo>
                    <a:pt x="883" y="779"/>
                  </a:lnTo>
                  <a:lnTo>
                    <a:pt x="876" y="773"/>
                  </a:lnTo>
                  <a:lnTo>
                    <a:pt x="871" y="766"/>
                  </a:lnTo>
                  <a:lnTo>
                    <a:pt x="865" y="757"/>
                  </a:lnTo>
                  <a:lnTo>
                    <a:pt x="860" y="747"/>
                  </a:lnTo>
                  <a:lnTo>
                    <a:pt x="856" y="735"/>
                  </a:lnTo>
                  <a:lnTo>
                    <a:pt x="853" y="721"/>
                  </a:lnTo>
                  <a:lnTo>
                    <a:pt x="844" y="721"/>
                  </a:lnTo>
                  <a:lnTo>
                    <a:pt x="836" y="722"/>
                  </a:lnTo>
                  <a:lnTo>
                    <a:pt x="830" y="725"/>
                  </a:lnTo>
                  <a:lnTo>
                    <a:pt x="824" y="728"/>
                  </a:lnTo>
                  <a:lnTo>
                    <a:pt x="818" y="731"/>
                  </a:lnTo>
                  <a:lnTo>
                    <a:pt x="814" y="735"/>
                  </a:lnTo>
                  <a:lnTo>
                    <a:pt x="809" y="739"/>
                  </a:lnTo>
                  <a:lnTo>
                    <a:pt x="806" y="745"/>
                  </a:lnTo>
                  <a:lnTo>
                    <a:pt x="797" y="754"/>
                  </a:lnTo>
                  <a:lnTo>
                    <a:pt x="789" y="764"/>
                  </a:lnTo>
                  <a:lnTo>
                    <a:pt x="785" y="768"/>
                  </a:lnTo>
                  <a:lnTo>
                    <a:pt x="780" y="772"/>
                  </a:lnTo>
                  <a:lnTo>
                    <a:pt x="774" y="775"/>
                  </a:lnTo>
                  <a:lnTo>
                    <a:pt x="769" y="777"/>
                  </a:lnTo>
                  <a:lnTo>
                    <a:pt x="759" y="776"/>
                  </a:lnTo>
                  <a:lnTo>
                    <a:pt x="752" y="774"/>
                  </a:lnTo>
                  <a:lnTo>
                    <a:pt x="746" y="770"/>
                  </a:lnTo>
                  <a:lnTo>
                    <a:pt x="740" y="766"/>
                  </a:lnTo>
                  <a:lnTo>
                    <a:pt x="735" y="760"/>
                  </a:lnTo>
                  <a:lnTo>
                    <a:pt x="731" y="755"/>
                  </a:lnTo>
                  <a:lnTo>
                    <a:pt x="728" y="749"/>
                  </a:lnTo>
                  <a:lnTo>
                    <a:pt x="725" y="741"/>
                  </a:lnTo>
                  <a:lnTo>
                    <a:pt x="714" y="712"/>
                  </a:lnTo>
                  <a:lnTo>
                    <a:pt x="702" y="684"/>
                  </a:lnTo>
                  <a:lnTo>
                    <a:pt x="681" y="684"/>
                  </a:lnTo>
                  <a:lnTo>
                    <a:pt x="661" y="685"/>
                  </a:lnTo>
                  <a:lnTo>
                    <a:pt x="641" y="687"/>
                  </a:lnTo>
                  <a:lnTo>
                    <a:pt x="622" y="688"/>
                  </a:lnTo>
                  <a:lnTo>
                    <a:pt x="590" y="692"/>
                  </a:lnTo>
                  <a:lnTo>
                    <a:pt x="562" y="693"/>
                  </a:lnTo>
                  <a:lnTo>
                    <a:pt x="562" y="699"/>
                  </a:lnTo>
                  <a:lnTo>
                    <a:pt x="562" y="705"/>
                  </a:lnTo>
                  <a:lnTo>
                    <a:pt x="560" y="710"/>
                  </a:lnTo>
                  <a:lnTo>
                    <a:pt x="559" y="715"/>
                  </a:lnTo>
                  <a:lnTo>
                    <a:pt x="554" y="726"/>
                  </a:lnTo>
                  <a:lnTo>
                    <a:pt x="548" y="735"/>
                  </a:lnTo>
                  <a:lnTo>
                    <a:pt x="542" y="746"/>
                  </a:lnTo>
                  <a:lnTo>
                    <a:pt x="539" y="755"/>
                  </a:lnTo>
                  <a:lnTo>
                    <a:pt x="539" y="760"/>
                  </a:lnTo>
                  <a:lnTo>
                    <a:pt x="539" y="766"/>
                  </a:lnTo>
                  <a:lnTo>
                    <a:pt x="540" y="772"/>
                  </a:lnTo>
                  <a:lnTo>
                    <a:pt x="543" y="777"/>
                  </a:lnTo>
                  <a:lnTo>
                    <a:pt x="543" y="780"/>
                  </a:lnTo>
                  <a:lnTo>
                    <a:pt x="541" y="783"/>
                  </a:lnTo>
                  <a:lnTo>
                    <a:pt x="540" y="784"/>
                  </a:lnTo>
                  <a:lnTo>
                    <a:pt x="538" y="784"/>
                  </a:lnTo>
                  <a:lnTo>
                    <a:pt x="532" y="783"/>
                  </a:lnTo>
                  <a:lnTo>
                    <a:pt x="525" y="780"/>
                  </a:lnTo>
                  <a:lnTo>
                    <a:pt x="516" y="777"/>
                  </a:lnTo>
                  <a:lnTo>
                    <a:pt x="507" y="775"/>
                  </a:lnTo>
                  <a:lnTo>
                    <a:pt x="501" y="775"/>
                  </a:lnTo>
                  <a:lnTo>
                    <a:pt x="497" y="775"/>
                  </a:lnTo>
                  <a:lnTo>
                    <a:pt x="492" y="776"/>
                  </a:lnTo>
                  <a:lnTo>
                    <a:pt x="488" y="777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27" name="Billund"/>
            <p:cNvSpPr>
              <a:spLocks/>
            </p:cNvSpPr>
            <p:nvPr/>
          </p:nvSpPr>
          <p:spPr bwMode="auto">
            <a:xfrm>
              <a:off x="1020763" y="4632325"/>
              <a:ext cx="346075" cy="417513"/>
            </a:xfrm>
            <a:custGeom>
              <a:avLst/>
              <a:gdLst>
                <a:gd name="T0" fmla="*/ 83 w 654"/>
                <a:gd name="T1" fmla="*/ 0 h 788"/>
                <a:gd name="T2" fmla="*/ 100 w 654"/>
                <a:gd name="T3" fmla="*/ 3 h 788"/>
                <a:gd name="T4" fmla="*/ 110 w 654"/>
                <a:gd name="T5" fmla="*/ 8 h 788"/>
                <a:gd name="T6" fmla="*/ 107 w 654"/>
                <a:gd name="T7" fmla="*/ 20 h 788"/>
                <a:gd name="T8" fmla="*/ 102 w 654"/>
                <a:gd name="T9" fmla="*/ 35 h 788"/>
                <a:gd name="T10" fmla="*/ 109 w 654"/>
                <a:gd name="T11" fmla="*/ 46 h 788"/>
                <a:gd name="T12" fmla="*/ 126 w 654"/>
                <a:gd name="T13" fmla="*/ 53 h 788"/>
                <a:gd name="T14" fmla="*/ 143 w 654"/>
                <a:gd name="T15" fmla="*/ 54 h 788"/>
                <a:gd name="T16" fmla="*/ 151 w 654"/>
                <a:gd name="T17" fmla="*/ 50 h 788"/>
                <a:gd name="T18" fmla="*/ 155 w 654"/>
                <a:gd name="T19" fmla="*/ 43 h 788"/>
                <a:gd name="T20" fmla="*/ 158 w 654"/>
                <a:gd name="T21" fmla="*/ 50 h 788"/>
                <a:gd name="T22" fmla="*/ 154 w 654"/>
                <a:gd name="T23" fmla="*/ 80 h 788"/>
                <a:gd name="T24" fmla="*/ 152 w 654"/>
                <a:gd name="T25" fmla="*/ 107 h 788"/>
                <a:gd name="T26" fmla="*/ 174 w 654"/>
                <a:gd name="T27" fmla="*/ 113 h 788"/>
                <a:gd name="T28" fmla="*/ 181 w 654"/>
                <a:gd name="T29" fmla="*/ 120 h 788"/>
                <a:gd name="T30" fmla="*/ 184 w 654"/>
                <a:gd name="T31" fmla="*/ 127 h 788"/>
                <a:gd name="T32" fmla="*/ 195 w 654"/>
                <a:gd name="T33" fmla="*/ 134 h 788"/>
                <a:gd name="T34" fmla="*/ 200 w 654"/>
                <a:gd name="T35" fmla="*/ 161 h 788"/>
                <a:gd name="T36" fmla="*/ 197 w 654"/>
                <a:gd name="T37" fmla="*/ 171 h 788"/>
                <a:gd name="T38" fmla="*/ 200 w 654"/>
                <a:gd name="T39" fmla="*/ 175 h 788"/>
                <a:gd name="T40" fmla="*/ 206 w 654"/>
                <a:gd name="T41" fmla="*/ 177 h 788"/>
                <a:gd name="T42" fmla="*/ 201 w 654"/>
                <a:gd name="T43" fmla="*/ 188 h 788"/>
                <a:gd name="T44" fmla="*/ 200 w 654"/>
                <a:gd name="T45" fmla="*/ 205 h 788"/>
                <a:gd name="T46" fmla="*/ 198 w 654"/>
                <a:gd name="T47" fmla="*/ 225 h 788"/>
                <a:gd name="T48" fmla="*/ 202 w 654"/>
                <a:gd name="T49" fmla="*/ 236 h 788"/>
                <a:gd name="T50" fmla="*/ 207 w 654"/>
                <a:gd name="T51" fmla="*/ 241 h 788"/>
                <a:gd name="T52" fmla="*/ 215 w 654"/>
                <a:gd name="T53" fmla="*/ 242 h 788"/>
                <a:gd name="T54" fmla="*/ 216 w 654"/>
                <a:gd name="T55" fmla="*/ 245 h 788"/>
                <a:gd name="T56" fmla="*/ 208 w 654"/>
                <a:gd name="T57" fmla="*/ 250 h 788"/>
                <a:gd name="T58" fmla="*/ 194 w 654"/>
                <a:gd name="T59" fmla="*/ 252 h 788"/>
                <a:gd name="T60" fmla="*/ 183 w 654"/>
                <a:gd name="T61" fmla="*/ 255 h 788"/>
                <a:gd name="T62" fmla="*/ 179 w 654"/>
                <a:gd name="T63" fmla="*/ 258 h 788"/>
                <a:gd name="T64" fmla="*/ 174 w 654"/>
                <a:gd name="T65" fmla="*/ 263 h 788"/>
                <a:gd name="T66" fmla="*/ 157 w 654"/>
                <a:gd name="T67" fmla="*/ 260 h 788"/>
                <a:gd name="T68" fmla="*/ 136 w 654"/>
                <a:gd name="T69" fmla="*/ 253 h 788"/>
                <a:gd name="T70" fmla="*/ 124 w 654"/>
                <a:gd name="T71" fmla="*/ 251 h 788"/>
                <a:gd name="T72" fmla="*/ 121 w 654"/>
                <a:gd name="T73" fmla="*/ 243 h 788"/>
                <a:gd name="T74" fmla="*/ 112 w 654"/>
                <a:gd name="T75" fmla="*/ 238 h 788"/>
                <a:gd name="T76" fmla="*/ 89 w 654"/>
                <a:gd name="T77" fmla="*/ 236 h 788"/>
                <a:gd name="T78" fmla="*/ 72 w 654"/>
                <a:gd name="T79" fmla="*/ 232 h 788"/>
                <a:gd name="T80" fmla="*/ 70 w 654"/>
                <a:gd name="T81" fmla="*/ 225 h 788"/>
                <a:gd name="T82" fmla="*/ 72 w 654"/>
                <a:gd name="T83" fmla="*/ 213 h 788"/>
                <a:gd name="T84" fmla="*/ 68 w 654"/>
                <a:gd name="T85" fmla="*/ 204 h 788"/>
                <a:gd name="T86" fmla="*/ 59 w 654"/>
                <a:gd name="T87" fmla="*/ 197 h 788"/>
                <a:gd name="T88" fmla="*/ 28 w 654"/>
                <a:gd name="T89" fmla="*/ 187 h 788"/>
                <a:gd name="T90" fmla="*/ 19 w 654"/>
                <a:gd name="T91" fmla="*/ 183 h 788"/>
                <a:gd name="T92" fmla="*/ 27 w 654"/>
                <a:gd name="T93" fmla="*/ 167 h 788"/>
                <a:gd name="T94" fmla="*/ 37 w 654"/>
                <a:gd name="T95" fmla="*/ 140 h 788"/>
                <a:gd name="T96" fmla="*/ 26 w 654"/>
                <a:gd name="T97" fmla="*/ 129 h 788"/>
                <a:gd name="T98" fmla="*/ 16 w 654"/>
                <a:gd name="T99" fmla="*/ 118 h 788"/>
                <a:gd name="T100" fmla="*/ 4 w 654"/>
                <a:gd name="T101" fmla="*/ 113 h 788"/>
                <a:gd name="T102" fmla="*/ 1 w 654"/>
                <a:gd name="T103" fmla="*/ 100 h 788"/>
                <a:gd name="T104" fmla="*/ 3 w 654"/>
                <a:gd name="T105" fmla="*/ 84 h 788"/>
                <a:gd name="T106" fmla="*/ 25 w 654"/>
                <a:gd name="T107" fmla="*/ 71 h 788"/>
                <a:gd name="T108" fmla="*/ 37 w 654"/>
                <a:gd name="T109" fmla="*/ 63 h 788"/>
                <a:gd name="T110" fmla="*/ 33 w 654"/>
                <a:gd name="T111" fmla="*/ 54 h 788"/>
                <a:gd name="T112" fmla="*/ 32 w 654"/>
                <a:gd name="T113" fmla="*/ 44 h 788"/>
                <a:gd name="T114" fmla="*/ 46 w 654"/>
                <a:gd name="T115" fmla="*/ 20 h 788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654" h="788">
                  <a:moveTo>
                    <a:pt x="177" y="0"/>
                  </a:moveTo>
                  <a:lnTo>
                    <a:pt x="201" y="0"/>
                  </a:lnTo>
                  <a:lnTo>
                    <a:pt x="225" y="0"/>
                  </a:lnTo>
                  <a:lnTo>
                    <a:pt x="248" y="0"/>
                  </a:lnTo>
                  <a:lnTo>
                    <a:pt x="269" y="3"/>
                  </a:lnTo>
                  <a:lnTo>
                    <a:pt x="280" y="4"/>
                  </a:lnTo>
                  <a:lnTo>
                    <a:pt x="289" y="6"/>
                  </a:lnTo>
                  <a:lnTo>
                    <a:pt x="299" y="8"/>
                  </a:lnTo>
                  <a:lnTo>
                    <a:pt x="308" y="11"/>
                  </a:lnTo>
                  <a:lnTo>
                    <a:pt x="316" y="14"/>
                  </a:lnTo>
                  <a:lnTo>
                    <a:pt x="324" y="18"/>
                  </a:lnTo>
                  <a:lnTo>
                    <a:pt x="330" y="24"/>
                  </a:lnTo>
                  <a:lnTo>
                    <a:pt x="336" y="29"/>
                  </a:lnTo>
                  <a:lnTo>
                    <a:pt x="330" y="38"/>
                  </a:lnTo>
                  <a:lnTo>
                    <a:pt x="325" y="49"/>
                  </a:lnTo>
                  <a:lnTo>
                    <a:pt x="322" y="59"/>
                  </a:lnTo>
                  <a:lnTo>
                    <a:pt x="318" y="71"/>
                  </a:lnTo>
                  <a:lnTo>
                    <a:pt x="314" y="84"/>
                  </a:lnTo>
                  <a:lnTo>
                    <a:pt x="310" y="94"/>
                  </a:lnTo>
                  <a:lnTo>
                    <a:pt x="305" y="105"/>
                  </a:lnTo>
                  <a:lnTo>
                    <a:pt x="299" y="113"/>
                  </a:lnTo>
                  <a:lnTo>
                    <a:pt x="307" y="122"/>
                  </a:lnTo>
                  <a:lnTo>
                    <a:pt x="318" y="130"/>
                  </a:lnTo>
                  <a:lnTo>
                    <a:pt x="328" y="138"/>
                  </a:lnTo>
                  <a:lnTo>
                    <a:pt x="340" y="145"/>
                  </a:lnTo>
                  <a:lnTo>
                    <a:pt x="352" y="151"/>
                  </a:lnTo>
                  <a:lnTo>
                    <a:pt x="365" y="156"/>
                  </a:lnTo>
                  <a:lnTo>
                    <a:pt x="379" y="159"/>
                  </a:lnTo>
                  <a:lnTo>
                    <a:pt x="392" y="163"/>
                  </a:lnTo>
                  <a:lnTo>
                    <a:pt x="405" y="164"/>
                  </a:lnTo>
                  <a:lnTo>
                    <a:pt x="418" y="164"/>
                  </a:lnTo>
                  <a:lnTo>
                    <a:pt x="429" y="162"/>
                  </a:lnTo>
                  <a:lnTo>
                    <a:pt x="440" y="158"/>
                  </a:lnTo>
                  <a:lnTo>
                    <a:pt x="444" y="155"/>
                  </a:lnTo>
                  <a:lnTo>
                    <a:pt x="449" y="152"/>
                  </a:lnTo>
                  <a:lnTo>
                    <a:pt x="453" y="149"/>
                  </a:lnTo>
                  <a:lnTo>
                    <a:pt x="457" y="145"/>
                  </a:lnTo>
                  <a:lnTo>
                    <a:pt x="460" y="141"/>
                  </a:lnTo>
                  <a:lnTo>
                    <a:pt x="463" y="135"/>
                  </a:lnTo>
                  <a:lnTo>
                    <a:pt x="465" y="129"/>
                  </a:lnTo>
                  <a:lnTo>
                    <a:pt x="467" y="123"/>
                  </a:lnTo>
                  <a:lnTo>
                    <a:pt x="470" y="131"/>
                  </a:lnTo>
                  <a:lnTo>
                    <a:pt x="472" y="141"/>
                  </a:lnTo>
                  <a:lnTo>
                    <a:pt x="473" y="151"/>
                  </a:lnTo>
                  <a:lnTo>
                    <a:pt x="473" y="162"/>
                  </a:lnTo>
                  <a:lnTo>
                    <a:pt x="470" y="186"/>
                  </a:lnTo>
                  <a:lnTo>
                    <a:pt x="466" y="211"/>
                  </a:lnTo>
                  <a:lnTo>
                    <a:pt x="462" y="239"/>
                  </a:lnTo>
                  <a:lnTo>
                    <a:pt x="458" y="270"/>
                  </a:lnTo>
                  <a:lnTo>
                    <a:pt x="457" y="287"/>
                  </a:lnTo>
                  <a:lnTo>
                    <a:pt x="455" y="304"/>
                  </a:lnTo>
                  <a:lnTo>
                    <a:pt x="457" y="321"/>
                  </a:lnTo>
                  <a:lnTo>
                    <a:pt x="458" y="338"/>
                  </a:lnTo>
                  <a:lnTo>
                    <a:pt x="479" y="338"/>
                  </a:lnTo>
                  <a:lnTo>
                    <a:pt x="500" y="338"/>
                  </a:lnTo>
                  <a:lnTo>
                    <a:pt x="521" y="338"/>
                  </a:lnTo>
                  <a:lnTo>
                    <a:pt x="542" y="338"/>
                  </a:lnTo>
                  <a:lnTo>
                    <a:pt x="542" y="347"/>
                  </a:lnTo>
                  <a:lnTo>
                    <a:pt x="542" y="354"/>
                  </a:lnTo>
                  <a:lnTo>
                    <a:pt x="542" y="361"/>
                  </a:lnTo>
                  <a:lnTo>
                    <a:pt x="544" y="367"/>
                  </a:lnTo>
                  <a:lnTo>
                    <a:pt x="546" y="372"/>
                  </a:lnTo>
                  <a:lnTo>
                    <a:pt x="548" y="377"/>
                  </a:lnTo>
                  <a:lnTo>
                    <a:pt x="551" y="382"/>
                  </a:lnTo>
                  <a:lnTo>
                    <a:pt x="556" y="386"/>
                  </a:lnTo>
                  <a:lnTo>
                    <a:pt x="564" y="392"/>
                  </a:lnTo>
                  <a:lnTo>
                    <a:pt x="574" y="397"/>
                  </a:lnTo>
                  <a:lnTo>
                    <a:pt x="586" y="401"/>
                  </a:lnTo>
                  <a:lnTo>
                    <a:pt x="599" y="404"/>
                  </a:lnTo>
                  <a:lnTo>
                    <a:pt x="598" y="433"/>
                  </a:lnTo>
                  <a:lnTo>
                    <a:pt x="599" y="465"/>
                  </a:lnTo>
                  <a:lnTo>
                    <a:pt x="599" y="481"/>
                  </a:lnTo>
                  <a:lnTo>
                    <a:pt x="598" y="494"/>
                  </a:lnTo>
                  <a:lnTo>
                    <a:pt x="597" y="501"/>
                  </a:lnTo>
                  <a:lnTo>
                    <a:pt x="594" y="506"/>
                  </a:lnTo>
                  <a:lnTo>
                    <a:pt x="592" y="511"/>
                  </a:lnTo>
                  <a:lnTo>
                    <a:pt x="589" y="516"/>
                  </a:lnTo>
                  <a:lnTo>
                    <a:pt x="591" y="520"/>
                  </a:lnTo>
                  <a:lnTo>
                    <a:pt x="594" y="523"/>
                  </a:lnTo>
                  <a:lnTo>
                    <a:pt x="599" y="524"/>
                  </a:lnTo>
                  <a:lnTo>
                    <a:pt x="604" y="525"/>
                  </a:lnTo>
                  <a:lnTo>
                    <a:pt x="616" y="525"/>
                  </a:lnTo>
                  <a:lnTo>
                    <a:pt x="626" y="525"/>
                  </a:lnTo>
                  <a:lnTo>
                    <a:pt x="619" y="531"/>
                  </a:lnTo>
                  <a:lnTo>
                    <a:pt x="612" y="537"/>
                  </a:lnTo>
                  <a:lnTo>
                    <a:pt x="608" y="545"/>
                  </a:lnTo>
                  <a:lnTo>
                    <a:pt x="604" y="552"/>
                  </a:lnTo>
                  <a:lnTo>
                    <a:pt x="602" y="562"/>
                  </a:lnTo>
                  <a:lnTo>
                    <a:pt x="601" y="571"/>
                  </a:lnTo>
                  <a:lnTo>
                    <a:pt x="600" y="582"/>
                  </a:lnTo>
                  <a:lnTo>
                    <a:pt x="600" y="592"/>
                  </a:lnTo>
                  <a:lnTo>
                    <a:pt x="600" y="614"/>
                  </a:lnTo>
                  <a:lnTo>
                    <a:pt x="599" y="638"/>
                  </a:lnTo>
                  <a:lnTo>
                    <a:pt x="598" y="649"/>
                  </a:lnTo>
                  <a:lnTo>
                    <a:pt x="596" y="662"/>
                  </a:lnTo>
                  <a:lnTo>
                    <a:pt x="593" y="673"/>
                  </a:lnTo>
                  <a:lnTo>
                    <a:pt x="589" y="685"/>
                  </a:lnTo>
                  <a:lnTo>
                    <a:pt x="596" y="691"/>
                  </a:lnTo>
                  <a:lnTo>
                    <a:pt x="601" y="699"/>
                  </a:lnTo>
                  <a:lnTo>
                    <a:pt x="606" y="706"/>
                  </a:lnTo>
                  <a:lnTo>
                    <a:pt x="611" y="713"/>
                  </a:lnTo>
                  <a:lnTo>
                    <a:pt x="614" y="716"/>
                  </a:lnTo>
                  <a:lnTo>
                    <a:pt x="618" y="720"/>
                  </a:lnTo>
                  <a:lnTo>
                    <a:pt x="622" y="722"/>
                  </a:lnTo>
                  <a:lnTo>
                    <a:pt x="627" y="724"/>
                  </a:lnTo>
                  <a:lnTo>
                    <a:pt x="632" y="725"/>
                  </a:lnTo>
                  <a:lnTo>
                    <a:pt x="639" y="725"/>
                  </a:lnTo>
                  <a:lnTo>
                    <a:pt x="646" y="724"/>
                  </a:lnTo>
                  <a:lnTo>
                    <a:pt x="654" y="722"/>
                  </a:lnTo>
                  <a:lnTo>
                    <a:pt x="653" y="727"/>
                  </a:lnTo>
                  <a:lnTo>
                    <a:pt x="652" y="731"/>
                  </a:lnTo>
                  <a:lnTo>
                    <a:pt x="649" y="734"/>
                  </a:lnTo>
                  <a:lnTo>
                    <a:pt x="647" y="738"/>
                  </a:lnTo>
                  <a:lnTo>
                    <a:pt x="641" y="743"/>
                  </a:lnTo>
                  <a:lnTo>
                    <a:pt x="632" y="747"/>
                  </a:lnTo>
                  <a:lnTo>
                    <a:pt x="624" y="749"/>
                  </a:lnTo>
                  <a:lnTo>
                    <a:pt x="613" y="751"/>
                  </a:lnTo>
                  <a:lnTo>
                    <a:pt x="603" y="752"/>
                  </a:lnTo>
                  <a:lnTo>
                    <a:pt x="592" y="753"/>
                  </a:lnTo>
                  <a:lnTo>
                    <a:pt x="582" y="754"/>
                  </a:lnTo>
                  <a:lnTo>
                    <a:pt x="571" y="755"/>
                  </a:lnTo>
                  <a:lnTo>
                    <a:pt x="562" y="758"/>
                  </a:lnTo>
                  <a:lnTo>
                    <a:pt x="552" y="761"/>
                  </a:lnTo>
                  <a:lnTo>
                    <a:pt x="549" y="763"/>
                  </a:lnTo>
                  <a:lnTo>
                    <a:pt x="545" y="765"/>
                  </a:lnTo>
                  <a:lnTo>
                    <a:pt x="542" y="767"/>
                  </a:lnTo>
                  <a:lnTo>
                    <a:pt x="539" y="770"/>
                  </a:lnTo>
                  <a:lnTo>
                    <a:pt x="537" y="773"/>
                  </a:lnTo>
                  <a:lnTo>
                    <a:pt x="534" y="778"/>
                  </a:lnTo>
                  <a:lnTo>
                    <a:pt x="533" y="783"/>
                  </a:lnTo>
                  <a:lnTo>
                    <a:pt x="533" y="787"/>
                  </a:lnTo>
                  <a:lnTo>
                    <a:pt x="521" y="788"/>
                  </a:lnTo>
                  <a:lnTo>
                    <a:pt x="509" y="788"/>
                  </a:lnTo>
                  <a:lnTo>
                    <a:pt x="499" y="787"/>
                  </a:lnTo>
                  <a:lnTo>
                    <a:pt x="489" y="785"/>
                  </a:lnTo>
                  <a:lnTo>
                    <a:pt x="471" y="780"/>
                  </a:lnTo>
                  <a:lnTo>
                    <a:pt x="454" y="772"/>
                  </a:lnTo>
                  <a:lnTo>
                    <a:pt x="438" y="766"/>
                  </a:lnTo>
                  <a:lnTo>
                    <a:pt x="420" y="761"/>
                  </a:lnTo>
                  <a:lnTo>
                    <a:pt x="409" y="759"/>
                  </a:lnTo>
                  <a:lnTo>
                    <a:pt x="399" y="758"/>
                  </a:lnTo>
                  <a:lnTo>
                    <a:pt x="387" y="758"/>
                  </a:lnTo>
                  <a:lnTo>
                    <a:pt x="373" y="760"/>
                  </a:lnTo>
                  <a:lnTo>
                    <a:pt x="372" y="752"/>
                  </a:lnTo>
                  <a:lnTo>
                    <a:pt x="370" y="745"/>
                  </a:lnTo>
                  <a:lnTo>
                    <a:pt x="368" y="739"/>
                  </a:lnTo>
                  <a:lnTo>
                    <a:pt x="365" y="733"/>
                  </a:lnTo>
                  <a:lnTo>
                    <a:pt x="362" y="729"/>
                  </a:lnTo>
                  <a:lnTo>
                    <a:pt x="358" y="725"/>
                  </a:lnTo>
                  <a:lnTo>
                    <a:pt x="352" y="722"/>
                  </a:lnTo>
                  <a:lnTo>
                    <a:pt x="347" y="719"/>
                  </a:lnTo>
                  <a:lnTo>
                    <a:pt x="336" y="713"/>
                  </a:lnTo>
                  <a:lnTo>
                    <a:pt x="324" y="710"/>
                  </a:lnTo>
                  <a:lnTo>
                    <a:pt x="310" y="709"/>
                  </a:lnTo>
                  <a:lnTo>
                    <a:pt x="296" y="708"/>
                  </a:lnTo>
                  <a:lnTo>
                    <a:pt x="268" y="706"/>
                  </a:lnTo>
                  <a:lnTo>
                    <a:pt x="242" y="704"/>
                  </a:lnTo>
                  <a:lnTo>
                    <a:pt x="230" y="702"/>
                  </a:lnTo>
                  <a:lnTo>
                    <a:pt x="220" y="698"/>
                  </a:lnTo>
                  <a:lnTo>
                    <a:pt x="215" y="695"/>
                  </a:lnTo>
                  <a:lnTo>
                    <a:pt x="211" y="692"/>
                  </a:lnTo>
                  <a:lnTo>
                    <a:pt x="208" y="689"/>
                  </a:lnTo>
                  <a:lnTo>
                    <a:pt x="205" y="685"/>
                  </a:lnTo>
                  <a:lnTo>
                    <a:pt x="210" y="673"/>
                  </a:lnTo>
                  <a:lnTo>
                    <a:pt x="213" y="664"/>
                  </a:lnTo>
                  <a:lnTo>
                    <a:pt x="215" y="654"/>
                  </a:lnTo>
                  <a:lnTo>
                    <a:pt x="216" y="645"/>
                  </a:lnTo>
                  <a:lnTo>
                    <a:pt x="215" y="638"/>
                  </a:lnTo>
                  <a:lnTo>
                    <a:pt x="214" y="629"/>
                  </a:lnTo>
                  <a:lnTo>
                    <a:pt x="212" y="623"/>
                  </a:lnTo>
                  <a:lnTo>
                    <a:pt x="209" y="616"/>
                  </a:lnTo>
                  <a:lnTo>
                    <a:pt x="205" y="611"/>
                  </a:lnTo>
                  <a:lnTo>
                    <a:pt x="201" y="606"/>
                  </a:lnTo>
                  <a:lnTo>
                    <a:pt x="195" y="601"/>
                  </a:lnTo>
                  <a:lnTo>
                    <a:pt x="189" y="596"/>
                  </a:lnTo>
                  <a:lnTo>
                    <a:pt x="176" y="589"/>
                  </a:lnTo>
                  <a:lnTo>
                    <a:pt x="162" y="583"/>
                  </a:lnTo>
                  <a:lnTo>
                    <a:pt x="129" y="572"/>
                  </a:lnTo>
                  <a:lnTo>
                    <a:pt x="99" y="564"/>
                  </a:lnTo>
                  <a:lnTo>
                    <a:pt x="84" y="560"/>
                  </a:lnTo>
                  <a:lnTo>
                    <a:pt x="72" y="555"/>
                  </a:lnTo>
                  <a:lnTo>
                    <a:pt x="67" y="553"/>
                  </a:lnTo>
                  <a:lnTo>
                    <a:pt x="62" y="550"/>
                  </a:lnTo>
                  <a:lnTo>
                    <a:pt x="58" y="547"/>
                  </a:lnTo>
                  <a:lnTo>
                    <a:pt x="55" y="544"/>
                  </a:lnTo>
                  <a:lnTo>
                    <a:pt x="65" y="530"/>
                  </a:lnTo>
                  <a:lnTo>
                    <a:pt x="73" y="515"/>
                  </a:lnTo>
                  <a:lnTo>
                    <a:pt x="82" y="501"/>
                  </a:lnTo>
                  <a:lnTo>
                    <a:pt x="90" y="485"/>
                  </a:lnTo>
                  <a:lnTo>
                    <a:pt x="105" y="453"/>
                  </a:lnTo>
                  <a:lnTo>
                    <a:pt x="121" y="423"/>
                  </a:lnTo>
                  <a:lnTo>
                    <a:pt x="112" y="419"/>
                  </a:lnTo>
                  <a:lnTo>
                    <a:pt x="104" y="413"/>
                  </a:lnTo>
                  <a:lnTo>
                    <a:pt x="96" y="408"/>
                  </a:lnTo>
                  <a:lnTo>
                    <a:pt x="90" y="402"/>
                  </a:lnTo>
                  <a:lnTo>
                    <a:pt x="79" y="388"/>
                  </a:lnTo>
                  <a:lnTo>
                    <a:pt x="67" y="373"/>
                  </a:lnTo>
                  <a:lnTo>
                    <a:pt x="61" y="366"/>
                  </a:lnTo>
                  <a:lnTo>
                    <a:pt x="54" y="360"/>
                  </a:lnTo>
                  <a:lnTo>
                    <a:pt x="48" y="353"/>
                  </a:lnTo>
                  <a:lnTo>
                    <a:pt x="41" y="348"/>
                  </a:lnTo>
                  <a:lnTo>
                    <a:pt x="32" y="344"/>
                  </a:lnTo>
                  <a:lnTo>
                    <a:pt x="23" y="341"/>
                  </a:lnTo>
                  <a:lnTo>
                    <a:pt x="11" y="338"/>
                  </a:lnTo>
                  <a:lnTo>
                    <a:pt x="0" y="338"/>
                  </a:lnTo>
                  <a:lnTo>
                    <a:pt x="0" y="325"/>
                  </a:lnTo>
                  <a:lnTo>
                    <a:pt x="1" y="312"/>
                  </a:lnTo>
                  <a:lnTo>
                    <a:pt x="4" y="301"/>
                  </a:lnTo>
                  <a:lnTo>
                    <a:pt x="6" y="289"/>
                  </a:lnTo>
                  <a:lnTo>
                    <a:pt x="8" y="277"/>
                  </a:lnTo>
                  <a:lnTo>
                    <a:pt x="10" y="265"/>
                  </a:lnTo>
                  <a:lnTo>
                    <a:pt x="10" y="251"/>
                  </a:lnTo>
                  <a:lnTo>
                    <a:pt x="9" y="235"/>
                  </a:lnTo>
                  <a:lnTo>
                    <a:pt x="36" y="228"/>
                  </a:lnTo>
                  <a:lnTo>
                    <a:pt x="63" y="219"/>
                  </a:lnTo>
                  <a:lnTo>
                    <a:pt x="75" y="214"/>
                  </a:lnTo>
                  <a:lnTo>
                    <a:pt x="88" y="209"/>
                  </a:lnTo>
                  <a:lnTo>
                    <a:pt x="100" y="204"/>
                  </a:lnTo>
                  <a:lnTo>
                    <a:pt x="111" y="197"/>
                  </a:lnTo>
                  <a:lnTo>
                    <a:pt x="110" y="190"/>
                  </a:lnTo>
                  <a:lnTo>
                    <a:pt x="108" y="182"/>
                  </a:lnTo>
                  <a:lnTo>
                    <a:pt x="106" y="175"/>
                  </a:lnTo>
                  <a:lnTo>
                    <a:pt x="103" y="168"/>
                  </a:lnTo>
                  <a:lnTo>
                    <a:pt x="100" y="163"/>
                  </a:lnTo>
                  <a:lnTo>
                    <a:pt x="95" y="157"/>
                  </a:lnTo>
                  <a:lnTo>
                    <a:pt x="90" y="154"/>
                  </a:lnTo>
                  <a:lnTo>
                    <a:pt x="84" y="151"/>
                  </a:lnTo>
                  <a:lnTo>
                    <a:pt x="96" y="132"/>
                  </a:lnTo>
                  <a:lnTo>
                    <a:pt x="107" y="114"/>
                  </a:lnTo>
                  <a:lnTo>
                    <a:pt x="117" y="96"/>
                  </a:lnTo>
                  <a:lnTo>
                    <a:pt x="127" y="78"/>
                  </a:lnTo>
                  <a:lnTo>
                    <a:pt x="137" y="59"/>
                  </a:lnTo>
                  <a:lnTo>
                    <a:pt x="148" y="40"/>
                  </a:lnTo>
                  <a:lnTo>
                    <a:pt x="162" y="20"/>
                  </a:lnTo>
                  <a:lnTo>
                    <a:pt x="177" y="0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28" name="Billund kant"/>
            <p:cNvSpPr>
              <a:spLocks/>
            </p:cNvSpPr>
            <p:nvPr/>
          </p:nvSpPr>
          <p:spPr bwMode="auto">
            <a:xfrm>
              <a:off x="1020763" y="4632325"/>
              <a:ext cx="346075" cy="417513"/>
            </a:xfrm>
            <a:custGeom>
              <a:avLst/>
              <a:gdLst>
                <a:gd name="T0" fmla="*/ 83 w 654"/>
                <a:gd name="T1" fmla="*/ 0 h 788"/>
                <a:gd name="T2" fmla="*/ 100 w 654"/>
                <a:gd name="T3" fmla="*/ 3 h 788"/>
                <a:gd name="T4" fmla="*/ 110 w 654"/>
                <a:gd name="T5" fmla="*/ 8 h 788"/>
                <a:gd name="T6" fmla="*/ 107 w 654"/>
                <a:gd name="T7" fmla="*/ 20 h 788"/>
                <a:gd name="T8" fmla="*/ 102 w 654"/>
                <a:gd name="T9" fmla="*/ 35 h 788"/>
                <a:gd name="T10" fmla="*/ 109 w 654"/>
                <a:gd name="T11" fmla="*/ 46 h 788"/>
                <a:gd name="T12" fmla="*/ 126 w 654"/>
                <a:gd name="T13" fmla="*/ 53 h 788"/>
                <a:gd name="T14" fmla="*/ 143 w 654"/>
                <a:gd name="T15" fmla="*/ 54 h 788"/>
                <a:gd name="T16" fmla="*/ 151 w 654"/>
                <a:gd name="T17" fmla="*/ 50 h 788"/>
                <a:gd name="T18" fmla="*/ 155 w 654"/>
                <a:gd name="T19" fmla="*/ 43 h 788"/>
                <a:gd name="T20" fmla="*/ 158 w 654"/>
                <a:gd name="T21" fmla="*/ 50 h 788"/>
                <a:gd name="T22" fmla="*/ 154 w 654"/>
                <a:gd name="T23" fmla="*/ 80 h 788"/>
                <a:gd name="T24" fmla="*/ 152 w 654"/>
                <a:gd name="T25" fmla="*/ 107 h 788"/>
                <a:gd name="T26" fmla="*/ 174 w 654"/>
                <a:gd name="T27" fmla="*/ 113 h 788"/>
                <a:gd name="T28" fmla="*/ 181 w 654"/>
                <a:gd name="T29" fmla="*/ 120 h 788"/>
                <a:gd name="T30" fmla="*/ 184 w 654"/>
                <a:gd name="T31" fmla="*/ 127 h 788"/>
                <a:gd name="T32" fmla="*/ 195 w 654"/>
                <a:gd name="T33" fmla="*/ 134 h 788"/>
                <a:gd name="T34" fmla="*/ 200 w 654"/>
                <a:gd name="T35" fmla="*/ 161 h 788"/>
                <a:gd name="T36" fmla="*/ 197 w 654"/>
                <a:gd name="T37" fmla="*/ 171 h 788"/>
                <a:gd name="T38" fmla="*/ 200 w 654"/>
                <a:gd name="T39" fmla="*/ 175 h 788"/>
                <a:gd name="T40" fmla="*/ 206 w 654"/>
                <a:gd name="T41" fmla="*/ 177 h 788"/>
                <a:gd name="T42" fmla="*/ 201 w 654"/>
                <a:gd name="T43" fmla="*/ 188 h 788"/>
                <a:gd name="T44" fmla="*/ 200 w 654"/>
                <a:gd name="T45" fmla="*/ 205 h 788"/>
                <a:gd name="T46" fmla="*/ 198 w 654"/>
                <a:gd name="T47" fmla="*/ 225 h 788"/>
                <a:gd name="T48" fmla="*/ 202 w 654"/>
                <a:gd name="T49" fmla="*/ 236 h 788"/>
                <a:gd name="T50" fmla="*/ 207 w 654"/>
                <a:gd name="T51" fmla="*/ 241 h 788"/>
                <a:gd name="T52" fmla="*/ 215 w 654"/>
                <a:gd name="T53" fmla="*/ 242 h 788"/>
                <a:gd name="T54" fmla="*/ 216 w 654"/>
                <a:gd name="T55" fmla="*/ 245 h 788"/>
                <a:gd name="T56" fmla="*/ 208 w 654"/>
                <a:gd name="T57" fmla="*/ 250 h 788"/>
                <a:gd name="T58" fmla="*/ 194 w 654"/>
                <a:gd name="T59" fmla="*/ 252 h 788"/>
                <a:gd name="T60" fmla="*/ 183 w 654"/>
                <a:gd name="T61" fmla="*/ 255 h 788"/>
                <a:gd name="T62" fmla="*/ 179 w 654"/>
                <a:gd name="T63" fmla="*/ 258 h 788"/>
                <a:gd name="T64" fmla="*/ 174 w 654"/>
                <a:gd name="T65" fmla="*/ 263 h 788"/>
                <a:gd name="T66" fmla="*/ 157 w 654"/>
                <a:gd name="T67" fmla="*/ 260 h 788"/>
                <a:gd name="T68" fmla="*/ 136 w 654"/>
                <a:gd name="T69" fmla="*/ 253 h 788"/>
                <a:gd name="T70" fmla="*/ 124 w 654"/>
                <a:gd name="T71" fmla="*/ 251 h 788"/>
                <a:gd name="T72" fmla="*/ 121 w 654"/>
                <a:gd name="T73" fmla="*/ 243 h 788"/>
                <a:gd name="T74" fmla="*/ 112 w 654"/>
                <a:gd name="T75" fmla="*/ 238 h 788"/>
                <a:gd name="T76" fmla="*/ 89 w 654"/>
                <a:gd name="T77" fmla="*/ 236 h 788"/>
                <a:gd name="T78" fmla="*/ 72 w 654"/>
                <a:gd name="T79" fmla="*/ 232 h 788"/>
                <a:gd name="T80" fmla="*/ 70 w 654"/>
                <a:gd name="T81" fmla="*/ 225 h 788"/>
                <a:gd name="T82" fmla="*/ 72 w 654"/>
                <a:gd name="T83" fmla="*/ 213 h 788"/>
                <a:gd name="T84" fmla="*/ 68 w 654"/>
                <a:gd name="T85" fmla="*/ 204 h 788"/>
                <a:gd name="T86" fmla="*/ 59 w 654"/>
                <a:gd name="T87" fmla="*/ 197 h 788"/>
                <a:gd name="T88" fmla="*/ 28 w 654"/>
                <a:gd name="T89" fmla="*/ 187 h 788"/>
                <a:gd name="T90" fmla="*/ 19 w 654"/>
                <a:gd name="T91" fmla="*/ 183 h 788"/>
                <a:gd name="T92" fmla="*/ 27 w 654"/>
                <a:gd name="T93" fmla="*/ 167 h 788"/>
                <a:gd name="T94" fmla="*/ 37 w 654"/>
                <a:gd name="T95" fmla="*/ 140 h 788"/>
                <a:gd name="T96" fmla="*/ 26 w 654"/>
                <a:gd name="T97" fmla="*/ 129 h 788"/>
                <a:gd name="T98" fmla="*/ 16 w 654"/>
                <a:gd name="T99" fmla="*/ 118 h 788"/>
                <a:gd name="T100" fmla="*/ 4 w 654"/>
                <a:gd name="T101" fmla="*/ 113 h 788"/>
                <a:gd name="T102" fmla="*/ 1 w 654"/>
                <a:gd name="T103" fmla="*/ 100 h 788"/>
                <a:gd name="T104" fmla="*/ 3 w 654"/>
                <a:gd name="T105" fmla="*/ 84 h 788"/>
                <a:gd name="T106" fmla="*/ 25 w 654"/>
                <a:gd name="T107" fmla="*/ 71 h 788"/>
                <a:gd name="T108" fmla="*/ 37 w 654"/>
                <a:gd name="T109" fmla="*/ 63 h 788"/>
                <a:gd name="T110" fmla="*/ 33 w 654"/>
                <a:gd name="T111" fmla="*/ 54 h 788"/>
                <a:gd name="T112" fmla="*/ 32 w 654"/>
                <a:gd name="T113" fmla="*/ 44 h 788"/>
                <a:gd name="T114" fmla="*/ 46 w 654"/>
                <a:gd name="T115" fmla="*/ 20 h 788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654" h="788">
                  <a:moveTo>
                    <a:pt x="177" y="0"/>
                  </a:moveTo>
                  <a:lnTo>
                    <a:pt x="201" y="0"/>
                  </a:lnTo>
                  <a:lnTo>
                    <a:pt x="225" y="0"/>
                  </a:lnTo>
                  <a:lnTo>
                    <a:pt x="248" y="0"/>
                  </a:lnTo>
                  <a:lnTo>
                    <a:pt x="269" y="3"/>
                  </a:lnTo>
                  <a:lnTo>
                    <a:pt x="280" y="4"/>
                  </a:lnTo>
                  <a:lnTo>
                    <a:pt x="289" y="6"/>
                  </a:lnTo>
                  <a:lnTo>
                    <a:pt x="299" y="8"/>
                  </a:lnTo>
                  <a:lnTo>
                    <a:pt x="308" y="11"/>
                  </a:lnTo>
                  <a:lnTo>
                    <a:pt x="316" y="14"/>
                  </a:lnTo>
                  <a:lnTo>
                    <a:pt x="324" y="18"/>
                  </a:lnTo>
                  <a:lnTo>
                    <a:pt x="330" y="24"/>
                  </a:lnTo>
                  <a:lnTo>
                    <a:pt x="336" y="29"/>
                  </a:lnTo>
                  <a:lnTo>
                    <a:pt x="330" y="38"/>
                  </a:lnTo>
                  <a:lnTo>
                    <a:pt x="325" y="49"/>
                  </a:lnTo>
                  <a:lnTo>
                    <a:pt x="322" y="59"/>
                  </a:lnTo>
                  <a:lnTo>
                    <a:pt x="318" y="71"/>
                  </a:lnTo>
                  <a:lnTo>
                    <a:pt x="314" y="84"/>
                  </a:lnTo>
                  <a:lnTo>
                    <a:pt x="310" y="94"/>
                  </a:lnTo>
                  <a:lnTo>
                    <a:pt x="305" y="105"/>
                  </a:lnTo>
                  <a:lnTo>
                    <a:pt x="299" y="113"/>
                  </a:lnTo>
                  <a:lnTo>
                    <a:pt x="307" y="122"/>
                  </a:lnTo>
                  <a:lnTo>
                    <a:pt x="318" y="130"/>
                  </a:lnTo>
                  <a:lnTo>
                    <a:pt x="328" y="138"/>
                  </a:lnTo>
                  <a:lnTo>
                    <a:pt x="340" y="145"/>
                  </a:lnTo>
                  <a:lnTo>
                    <a:pt x="352" y="151"/>
                  </a:lnTo>
                  <a:lnTo>
                    <a:pt x="365" y="156"/>
                  </a:lnTo>
                  <a:lnTo>
                    <a:pt x="379" y="159"/>
                  </a:lnTo>
                  <a:lnTo>
                    <a:pt x="392" y="163"/>
                  </a:lnTo>
                  <a:lnTo>
                    <a:pt x="405" y="164"/>
                  </a:lnTo>
                  <a:lnTo>
                    <a:pt x="418" y="164"/>
                  </a:lnTo>
                  <a:lnTo>
                    <a:pt x="429" y="162"/>
                  </a:lnTo>
                  <a:lnTo>
                    <a:pt x="440" y="158"/>
                  </a:lnTo>
                  <a:lnTo>
                    <a:pt x="444" y="155"/>
                  </a:lnTo>
                  <a:lnTo>
                    <a:pt x="449" y="152"/>
                  </a:lnTo>
                  <a:lnTo>
                    <a:pt x="453" y="149"/>
                  </a:lnTo>
                  <a:lnTo>
                    <a:pt x="457" y="145"/>
                  </a:lnTo>
                  <a:lnTo>
                    <a:pt x="460" y="141"/>
                  </a:lnTo>
                  <a:lnTo>
                    <a:pt x="463" y="135"/>
                  </a:lnTo>
                  <a:lnTo>
                    <a:pt x="465" y="129"/>
                  </a:lnTo>
                  <a:lnTo>
                    <a:pt x="467" y="123"/>
                  </a:lnTo>
                  <a:lnTo>
                    <a:pt x="470" y="131"/>
                  </a:lnTo>
                  <a:lnTo>
                    <a:pt x="472" y="141"/>
                  </a:lnTo>
                  <a:lnTo>
                    <a:pt x="473" y="151"/>
                  </a:lnTo>
                  <a:lnTo>
                    <a:pt x="473" y="162"/>
                  </a:lnTo>
                  <a:lnTo>
                    <a:pt x="470" y="186"/>
                  </a:lnTo>
                  <a:lnTo>
                    <a:pt x="466" y="211"/>
                  </a:lnTo>
                  <a:lnTo>
                    <a:pt x="462" y="239"/>
                  </a:lnTo>
                  <a:lnTo>
                    <a:pt x="458" y="270"/>
                  </a:lnTo>
                  <a:lnTo>
                    <a:pt x="457" y="287"/>
                  </a:lnTo>
                  <a:lnTo>
                    <a:pt x="455" y="304"/>
                  </a:lnTo>
                  <a:lnTo>
                    <a:pt x="457" y="321"/>
                  </a:lnTo>
                  <a:lnTo>
                    <a:pt x="458" y="338"/>
                  </a:lnTo>
                  <a:lnTo>
                    <a:pt x="479" y="338"/>
                  </a:lnTo>
                  <a:lnTo>
                    <a:pt x="500" y="338"/>
                  </a:lnTo>
                  <a:lnTo>
                    <a:pt x="521" y="338"/>
                  </a:lnTo>
                  <a:lnTo>
                    <a:pt x="542" y="338"/>
                  </a:lnTo>
                  <a:lnTo>
                    <a:pt x="542" y="347"/>
                  </a:lnTo>
                  <a:lnTo>
                    <a:pt x="542" y="354"/>
                  </a:lnTo>
                  <a:lnTo>
                    <a:pt x="542" y="361"/>
                  </a:lnTo>
                  <a:lnTo>
                    <a:pt x="544" y="367"/>
                  </a:lnTo>
                  <a:lnTo>
                    <a:pt x="546" y="372"/>
                  </a:lnTo>
                  <a:lnTo>
                    <a:pt x="548" y="377"/>
                  </a:lnTo>
                  <a:lnTo>
                    <a:pt x="551" y="382"/>
                  </a:lnTo>
                  <a:lnTo>
                    <a:pt x="556" y="386"/>
                  </a:lnTo>
                  <a:lnTo>
                    <a:pt x="564" y="392"/>
                  </a:lnTo>
                  <a:lnTo>
                    <a:pt x="574" y="397"/>
                  </a:lnTo>
                  <a:lnTo>
                    <a:pt x="586" y="401"/>
                  </a:lnTo>
                  <a:lnTo>
                    <a:pt x="599" y="404"/>
                  </a:lnTo>
                  <a:lnTo>
                    <a:pt x="598" y="433"/>
                  </a:lnTo>
                  <a:lnTo>
                    <a:pt x="599" y="465"/>
                  </a:lnTo>
                  <a:lnTo>
                    <a:pt x="599" y="481"/>
                  </a:lnTo>
                  <a:lnTo>
                    <a:pt x="598" y="494"/>
                  </a:lnTo>
                  <a:lnTo>
                    <a:pt x="597" y="501"/>
                  </a:lnTo>
                  <a:lnTo>
                    <a:pt x="594" y="506"/>
                  </a:lnTo>
                  <a:lnTo>
                    <a:pt x="592" y="511"/>
                  </a:lnTo>
                  <a:lnTo>
                    <a:pt x="589" y="516"/>
                  </a:lnTo>
                  <a:lnTo>
                    <a:pt x="591" y="520"/>
                  </a:lnTo>
                  <a:lnTo>
                    <a:pt x="594" y="523"/>
                  </a:lnTo>
                  <a:lnTo>
                    <a:pt x="599" y="524"/>
                  </a:lnTo>
                  <a:lnTo>
                    <a:pt x="604" y="525"/>
                  </a:lnTo>
                  <a:lnTo>
                    <a:pt x="616" y="525"/>
                  </a:lnTo>
                  <a:lnTo>
                    <a:pt x="626" y="525"/>
                  </a:lnTo>
                  <a:lnTo>
                    <a:pt x="619" y="531"/>
                  </a:lnTo>
                  <a:lnTo>
                    <a:pt x="612" y="537"/>
                  </a:lnTo>
                  <a:lnTo>
                    <a:pt x="608" y="545"/>
                  </a:lnTo>
                  <a:lnTo>
                    <a:pt x="604" y="552"/>
                  </a:lnTo>
                  <a:lnTo>
                    <a:pt x="602" y="562"/>
                  </a:lnTo>
                  <a:lnTo>
                    <a:pt x="601" y="571"/>
                  </a:lnTo>
                  <a:lnTo>
                    <a:pt x="600" y="582"/>
                  </a:lnTo>
                  <a:lnTo>
                    <a:pt x="600" y="592"/>
                  </a:lnTo>
                  <a:lnTo>
                    <a:pt x="600" y="614"/>
                  </a:lnTo>
                  <a:lnTo>
                    <a:pt x="599" y="638"/>
                  </a:lnTo>
                  <a:lnTo>
                    <a:pt x="598" y="649"/>
                  </a:lnTo>
                  <a:lnTo>
                    <a:pt x="596" y="662"/>
                  </a:lnTo>
                  <a:lnTo>
                    <a:pt x="593" y="673"/>
                  </a:lnTo>
                  <a:lnTo>
                    <a:pt x="589" y="685"/>
                  </a:lnTo>
                  <a:lnTo>
                    <a:pt x="596" y="691"/>
                  </a:lnTo>
                  <a:lnTo>
                    <a:pt x="601" y="699"/>
                  </a:lnTo>
                  <a:lnTo>
                    <a:pt x="606" y="706"/>
                  </a:lnTo>
                  <a:lnTo>
                    <a:pt x="611" y="713"/>
                  </a:lnTo>
                  <a:lnTo>
                    <a:pt x="614" y="716"/>
                  </a:lnTo>
                  <a:lnTo>
                    <a:pt x="618" y="720"/>
                  </a:lnTo>
                  <a:lnTo>
                    <a:pt x="622" y="722"/>
                  </a:lnTo>
                  <a:lnTo>
                    <a:pt x="627" y="724"/>
                  </a:lnTo>
                  <a:lnTo>
                    <a:pt x="632" y="725"/>
                  </a:lnTo>
                  <a:lnTo>
                    <a:pt x="639" y="725"/>
                  </a:lnTo>
                  <a:lnTo>
                    <a:pt x="646" y="724"/>
                  </a:lnTo>
                  <a:lnTo>
                    <a:pt x="654" y="722"/>
                  </a:lnTo>
                  <a:lnTo>
                    <a:pt x="653" y="727"/>
                  </a:lnTo>
                  <a:lnTo>
                    <a:pt x="652" y="731"/>
                  </a:lnTo>
                  <a:lnTo>
                    <a:pt x="649" y="734"/>
                  </a:lnTo>
                  <a:lnTo>
                    <a:pt x="647" y="738"/>
                  </a:lnTo>
                  <a:lnTo>
                    <a:pt x="641" y="743"/>
                  </a:lnTo>
                  <a:lnTo>
                    <a:pt x="632" y="747"/>
                  </a:lnTo>
                  <a:lnTo>
                    <a:pt x="624" y="749"/>
                  </a:lnTo>
                  <a:lnTo>
                    <a:pt x="613" y="751"/>
                  </a:lnTo>
                  <a:lnTo>
                    <a:pt x="603" y="752"/>
                  </a:lnTo>
                  <a:lnTo>
                    <a:pt x="592" y="753"/>
                  </a:lnTo>
                  <a:lnTo>
                    <a:pt x="582" y="754"/>
                  </a:lnTo>
                  <a:lnTo>
                    <a:pt x="571" y="755"/>
                  </a:lnTo>
                  <a:lnTo>
                    <a:pt x="562" y="758"/>
                  </a:lnTo>
                  <a:lnTo>
                    <a:pt x="552" y="761"/>
                  </a:lnTo>
                  <a:lnTo>
                    <a:pt x="549" y="763"/>
                  </a:lnTo>
                  <a:lnTo>
                    <a:pt x="545" y="765"/>
                  </a:lnTo>
                  <a:lnTo>
                    <a:pt x="542" y="767"/>
                  </a:lnTo>
                  <a:lnTo>
                    <a:pt x="539" y="770"/>
                  </a:lnTo>
                  <a:lnTo>
                    <a:pt x="537" y="773"/>
                  </a:lnTo>
                  <a:lnTo>
                    <a:pt x="534" y="778"/>
                  </a:lnTo>
                  <a:lnTo>
                    <a:pt x="533" y="783"/>
                  </a:lnTo>
                  <a:lnTo>
                    <a:pt x="533" y="787"/>
                  </a:lnTo>
                  <a:lnTo>
                    <a:pt x="521" y="788"/>
                  </a:lnTo>
                  <a:lnTo>
                    <a:pt x="509" y="788"/>
                  </a:lnTo>
                  <a:lnTo>
                    <a:pt x="499" y="787"/>
                  </a:lnTo>
                  <a:lnTo>
                    <a:pt x="489" y="785"/>
                  </a:lnTo>
                  <a:lnTo>
                    <a:pt x="471" y="780"/>
                  </a:lnTo>
                  <a:lnTo>
                    <a:pt x="454" y="772"/>
                  </a:lnTo>
                  <a:lnTo>
                    <a:pt x="438" y="766"/>
                  </a:lnTo>
                  <a:lnTo>
                    <a:pt x="420" y="761"/>
                  </a:lnTo>
                  <a:lnTo>
                    <a:pt x="409" y="759"/>
                  </a:lnTo>
                  <a:lnTo>
                    <a:pt x="399" y="758"/>
                  </a:lnTo>
                  <a:lnTo>
                    <a:pt x="387" y="758"/>
                  </a:lnTo>
                  <a:lnTo>
                    <a:pt x="373" y="760"/>
                  </a:lnTo>
                  <a:lnTo>
                    <a:pt x="372" y="752"/>
                  </a:lnTo>
                  <a:lnTo>
                    <a:pt x="370" y="745"/>
                  </a:lnTo>
                  <a:lnTo>
                    <a:pt x="368" y="739"/>
                  </a:lnTo>
                  <a:lnTo>
                    <a:pt x="365" y="733"/>
                  </a:lnTo>
                  <a:lnTo>
                    <a:pt x="362" y="729"/>
                  </a:lnTo>
                  <a:lnTo>
                    <a:pt x="358" y="725"/>
                  </a:lnTo>
                  <a:lnTo>
                    <a:pt x="352" y="722"/>
                  </a:lnTo>
                  <a:lnTo>
                    <a:pt x="347" y="719"/>
                  </a:lnTo>
                  <a:lnTo>
                    <a:pt x="336" y="713"/>
                  </a:lnTo>
                  <a:lnTo>
                    <a:pt x="324" y="710"/>
                  </a:lnTo>
                  <a:lnTo>
                    <a:pt x="310" y="709"/>
                  </a:lnTo>
                  <a:lnTo>
                    <a:pt x="296" y="708"/>
                  </a:lnTo>
                  <a:lnTo>
                    <a:pt x="268" y="706"/>
                  </a:lnTo>
                  <a:lnTo>
                    <a:pt x="242" y="704"/>
                  </a:lnTo>
                  <a:lnTo>
                    <a:pt x="230" y="702"/>
                  </a:lnTo>
                  <a:lnTo>
                    <a:pt x="220" y="698"/>
                  </a:lnTo>
                  <a:lnTo>
                    <a:pt x="215" y="695"/>
                  </a:lnTo>
                  <a:lnTo>
                    <a:pt x="211" y="692"/>
                  </a:lnTo>
                  <a:lnTo>
                    <a:pt x="208" y="689"/>
                  </a:lnTo>
                  <a:lnTo>
                    <a:pt x="205" y="685"/>
                  </a:lnTo>
                  <a:lnTo>
                    <a:pt x="210" y="673"/>
                  </a:lnTo>
                  <a:lnTo>
                    <a:pt x="213" y="664"/>
                  </a:lnTo>
                  <a:lnTo>
                    <a:pt x="215" y="654"/>
                  </a:lnTo>
                  <a:lnTo>
                    <a:pt x="216" y="645"/>
                  </a:lnTo>
                  <a:lnTo>
                    <a:pt x="215" y="638"/>
                  </a:lnTo>
                  <a:lnTo>
                    <a:pt x="214" y="629"/>
                  </a:lnTo>
                  <a:lnTo>
                    <a:pt x="212" y="623"/>
                  </a:lnTo>
                  <a:lnTo>
                    <a:pt x="209" y="616"/>
                  </a:lnTo>
                  <a:lnTo>
                    <a:pt x="205" y="611"/>
                  </a:lnTo>
                  <a:lnTo>
                    <a:pt x="201" y="606"/>
                  </a:lnTo>
                  <a:lnTo>
                    <a:pt x="195" y="601"/>
                  </a:lnTo>
                  <a:lnTo>
                    <a:pt x="189" y="596"/>
                  </a:lnTo>
                  <a:lnTo>
                    <a:pt x="176" y="589"/>
                  </a:lnTo>
                  <a:lnTo>
                    <a:pt x="162" y="583"/>
                  </a:lnTo>
                  <a:lnTo>
                    <a:pt x="129" y="572"/>
                  </a:lnTo>
                  <a:lnTo>
                    <a:pt x="99" y="564"/>
                  </a:lnTo>
                  <a:lnTo>
                    <a:pt x="84" y="560"/>
                  </a:lnTo>
                  <a:lnTo>
                    <a:pt x="72" y="555"/>
                  </a:lnTo>
                  <a:lnTo>
                    <a:pt x="67" y="553"/>
                  </a:lnTo>
                  <a:lnTo>
                    <a:pt x="62" y="550"/>
                  </a:lnTo>
                  <a:lnTo>
                    <a:pt x="58" y="547"/>
                  </a:lnTo>
                  <a:lnTo>
                    <a:pt x="55" y="544"/>
                  </a:lnTo>
                  <a:lnTo>
                    <a:pt x="65" y="530"/>
                  </a:lnTo>
                  <a:lnTo>
                    <a:pt x="73" y="515"/>
                  </a:lnTo>
                  <a:lnTo>
                    <a:pt x="82" y="501"/>
                  </a:lnTo>
                  <a:lnTo>
                    <a:pt x="90" y="485"/>
                  </a:lnTo>
                  <a:lnTo>
                    <a:pt x="105" y="453"/>
                  </a:lnTo>
                  <a:lnTo>
                    <a:pt x="121" y="423"/>
                  </a:lnTo>
                  <a:lnTo>
                    <a:pt x="112" y="419"/>
                  </a:lnTo>
                  <a:lnTo>
                    <a:pt x="104" y="413"/>
                  </a:lnTo>
                  <a:lnTo>
                    <a:pt x="96" y="408"/>
                  </a:lnTo>
                  <a:lnTo>
                    <a:pt x="90" y="402"/>
                  </a:lnTo>
                  <a:lnTo>
                    <a:pt x="79" y="388"/>
                  </a:lnTo>
                  <a:lnTo>
                    <a:pt x="67" y="373"/>
                  </a:lnTo>
                  <a:lnTo>
                    <a:pt x="61" y="366"/>
                  </a:lnTo>
                  <a:lnTo>
                    <a:pt x="54" y="360"/>
                  </a:lnTo>
                  <a:lnTo>
                    <a:pt x="48" y="353"/>
                  </a:lnTo>
                  <a:lnTo>
                    <a:pt x="41" y="348"/>
                  </a:lnTo>
                  <a:lnTo>
                    <a:pt x="32" y="344"/>
                  </a:lnTo>
                  <a:lnTo>
                    <a:pt x="23" y="341"/>
                  </a:lnTo>
                  <a:lnTo>
                    <a:pt x="11" y="338"/>
                  </a:lnTo>
                  <a:lnTo>
                    <a:pt x="0" y="338"/>
                  </a:lnTo>
                  <a:lnTo>
                    <a:pt x="0" y="325"/>
                  </a:lnTo>
                  <a:lnTo>
                    <a:pt x="1" y="312"/>
                  </a:lnTo>
                  <a:lnTo>
                    <a:pt x="4" y="301"/>
                  </a:lnTo>
                  <a:lnTo>
                    <a:pt x="6" y="289"/>
                  </a:lnTo>
                  <a:lnTo>
                    <a:pt x="8" y="277"/>
                  </a:lnTo>
                  <a:lnTo>
                    <a:pt x="10" y="265"/>
                  </a:lnTo>
                  <a:lnTo>
                    <a:pt x="10" y="251"/>
                  </a:lnTo>
                  <a:lnTo>
                    <a:pt x="9" y="235"/>
                  </a:lnTo>
                  <a:lnTo>
                    <a:pt x="36" y="228"/>
                  </a:lnTo>
                  <a:lnTo>
                    <a:pt x="63" y="219"/>
                  </a:lnTo>
                  <a:lnTo>
                    <a:pt x="75" y="214"/>
                  </a:lnTo>
                  <a:lnTo>
                    <a:pt x="88" y="209"/>
                  </a:lnTo>
                  <a:lnTo>
                    <a:pt x="100" y="204"/>
                  </a:lnTo>
                  <a:lnTo>
                    <a:pt x="111" y="197"/>
                  </a:lnTo>
                  <a:lnTo>
                    <a:pt x="110" y="190"/>
                  </a:lnTo>
                  <a:lnTo>
                    <a:pt x="108" y="182"/>
                  </a:lnTo>
                  <a:lnTo>
                    <a:pt x="106" y="175"/>
                  </a:lnTo>
                  <a:lnTo>
                    <a:pt x="103" y="168"/>
                  </a:lnTo>
                  <a:lnTo>
                    <a:pt x="100" y="163"/>
                  </a:lnTo>
                  <a:lnTo>
                    <a:pt x="95" y="157"/>
                  </a:lnTo>
                  <a:lnTo>
                    <a:pt x="90" y="154"/>
                  </a:lnTo>
                  <a:lnTo>
                    <a:pt x="84" y="151"/>
                  </a:lnTo>
                  <a:lnTo>
                    <a:pt x="96" y="132"/>
                  </a:lnTo>
                  <a:lnTo>
                    <a:pt x="107" y="114"/>
                  </a:lnTo>
                  <a:lnTo>
                    <a:pt x="117" y="96"/>
                  </a:lnTo>
                  <a:lnTo>
                    <a:pt x="127" y="78"/>
                  </a:lnTo>
                  <a:lnTo>
                    <a:pt x="137" y="59"/>
                  </a:lnTo>
                  <a:lnTo>
                    <a:pt x="148" y="40"/>
                  </a:lnTo>
                  <a:lnTo>
                    <a:pt x="162" y="20"/>
                  </a:lnTo>
                  <a:lnTo>
                    <a:pt x="177" y="0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29" name="Vejle"/>
            <p:cNvSpPr>
              <a:spLocks/>
            </p:cNvSpPr>
            <p:nvPr/>
          </p:nvSpPr>
          <p:spPr bwMode="auto">
            <a:xfrm>
              <a:off x="1273175" y="4543425"/>
              <a:ext cx="549275" cy="539750"/>
            </a:xfrm>
            <a:custGeom>
              <a:avLst/>
              <a:gdLst>
                <a:gd name="T0" fmla="*/ 2 w 1040"/>
                <a:gd name="T1" fmla="*/ 126 h 1021"/>
                <a:gd name="T2" fmla="*/ 4 w 1040"/>
                <a:gd name="T3" fmla="*/ 162 h 1021"/>
                <a:gd name="T4" fmla="*/ 28 w 1040"/>
                <a:gd name="T5" fmla="*/ 169 h 1021"/>
                <a:gd name="T6" fmla="*/ 31 w 1040"/>
                <a:gd name="T7" fmla="*/ 180 h 1021"/>
                <a:gd name="T8" fmla="*/ 48 w 1040"/>
                <a:gd name="T9" fmla="*/ 194 h 1021"/>
                <a:gd name="T10" fmla="*/ 45 w 1040"/>
                <a:gd name="T11" fmla="*/ 221 h 1021"/>
                <a:gd name="T12" fmla="*/ 48 w 1040"/>
                <a:gd name="T13" fmla="*/ 225 h 1021"/>
                <a:gd name="T14" fmla="*/ 56 w 1040"/>
                <a:gd name="T15" fmla="*/ 226 h 1021"/>
                <a:gd name="T16" fmla="*/ 57 w 1040"/>
                <a:gd name="T17" fmla="*/ 233 h 1021"/>
                <a:gd name="T18" fmla="*/ 47 w 1040"/>
                <a:gd name="T19" fmla="*/ 252 h 1021"/>
                <a:gd name="T20" fmla="*/ 49 w 1040"/>
                <a:gd name="T21" fmla="*/ 289 h 1021"/>
                <a:gd name="T22" fmla="*/ 60 w 1040"/>
                <a:gd name="T23" fmla="*/ 291 h 1021"/>
                <a:gd name="T24" fmla="*/ 68 w 1040"/>
                <a:gd name="T25" fmla="*/ 300 h 1021"/>
                <a:gd name="T26" fmla="*/ 84 w 1040"/>
                <a:gd name="T27" fmla="*/ 300 h 1021"/>
                <a:gd name="T28" fmla="*/ 88 w 1040"/>
                <a:gd name="T29" fmla="*/ 313 h 1021"/>
                <a:gd name="T30" fmla="*/ 96 w 1040"/>
                <a:gd name="T31" fmla="*/ 322 h 1021"/>
                <a:gd name="T32" fmla="*/ 130 w 1040"/>
                <a:gd name="T33" fmla="*/ 332 h 1021"/>
                <a:gd name="T34" fmla="*/ 154 w 1040"/>
                <a:gd name="T35" fmla="*/ 328 h 1021"/>
                <a:gd name="T36" fmla="*/ 165 w 1040"/>
                <a:gd name="T37" fmla="*/ 329 h 1021"/>
                <a:gd name="T38" fmla="*/ 184 w 1040"/>
                <a:gd name="T39" fmla="*/ 338 h 1021"/>
                <a:gd name="T40" fmla="*/ 205 w 1040"/>
                <a:gd name="T41" fmla="*/ 331 h 1021"/>
                <a:gd name="T42" fmla="*/ 217 w 1040"/>
                <a:gd name="T43" fmla="*/ 310 h 1021"/>
                <a:gd name="T44" fmla="*/ 232 w 1040"/>
                <a:gd name="T45" fmla="*/ 297 h 1021"/>
                <a:gd name="T46" fmla="*/ 240 w 1040"/>
                <a:gd name="T47" fmla="*/ 313 h 1021"/>
                <a:gd name="T48" fmla="*/ 243 w 1040"/>
                <a:gd name="T49" fmla="*/ 334 h 1021"/>
                <a:gd name="T50" fmla="*/ 253 w 1040"/>
                <a:gd name="T51" fmla="*/ 335 h 1021"/>
                <a:gd name="T52" fmla="*/ 278 w 1040"/>
                <a:gd name="T53" fmla="*/ 309 h 1021"/>
                <a:gd name="T54" fmla="*/ 302 w 1040"/>
                <a:gd name="T55" fmla="*/ 297 h 1021"/>
                <a:gd name="T56" fmla="*/ 312 w 1040"/>
                <a:gd name="T57" fmla="*/ 305 h 1021"/>
                <a:gd name="T58" fmla="*/ 319 w 1040"/>
                <a:gd name="T59" fmla="*/ 312 h 1021"/>
                <a:gd name="T60" fmla="*/ 344 w 1040"/>
                <a:gd name="T61" fmla="*/ 302 h 1021"/>
                <a:gd name="T62" fmla="*/ 340 w 1040"/>
                <a:gd name="T63" fmla="*/ 269 h 1021"/>
                <a:gd name="T64" fmla="*/ 318 w 1040"/>
                <a:gd name="T65" fmla="*/ 254 h 1021"/>
                <a:gd name="T66" fmla="*/ 300 w 1040"/>
                <a:gd name="T67" fmla="*/ 240 h 1021"/>
                <a:gd name="T68" fmla="*/ 262 w 1040"/>
                <a:gd name="T69" fmla="*/ 238 h 1021"/>
                <a:gd name="T70" fmla="*/ 243 w 1040"/>
                <a:gd name="T71" fmla="*/ 227 h 1021"/>
                <a:gd name="T72" fmla="*/ 265 w 1040"/>
                <a:gd name="T73" fmla="*/ 220 h 1021"/>
                <a:gd name="T74" fmla="*/ 311 w 1040"/>
                <a:gd name="T75" fmla="*/ 211 h 1021"/>
                <a:gd name="T76" fmla="*/ 315 w 1040"/>
                <a:gd name="T77" fmla="*/ 190 h 1021"/>
                <a:gd name="T78" fmla="*/ 286 w 1040"/>
                <a:gd name="T79" fmla="*/ 186 h 1021"/>
                <a:gd name="T80" fmla="*/ 269 w 1040"/>
                <a:gd name="T81" fmla="*/ 172 h 1021"/>
                <a:gd name="T82" fmla="*/ 278 w 1040"/>
                <a:gd name="T83" fmla="*/ 151 h 1021"/>
                <a:gd name="T84" fmla="*/ 269 w 1040"/>
                <a:gd name="T85" fmla="*/ 144 h 1021"/>
                <a:gd name="T86" fmla="*/ 258 w 1040"/>
                <a:gd name="T87" fmla="*/ 152 h 1021"/>
                <a:gd name="T88" fmla="*/ 244 w 1040"/>
                <a:gd name="T89" fmla="*/ 155 h 1021"/>
                <a:gd name="T90" fmla="*/ 230 w 1040"/>
                <a:gd name="T91" fmla="*/ 135 h 1021"/>
                <a:gd name="T92" fmla="*/ 214 w 1040"/>
                <a:gd name="T93" fmla="*/ 111 h 1021"/>
                <a:gd name="T94" fmla="*/ 199 w 1040"/>
                <a:gd name="T95" fmla="*/ 106 h 1021"/>
                <a:gd name="T96" fmla="*/ 198 w 1040"/>
                <a:gd name="T97" fmla="*/ 91 h 1021"/>
                <a:gd name="T98" fmla="*/ 189 w 1040"/>
                <a:gd name="T99" fmla="*/ 67 h 1021"/>
                <a:gd name="T100" fmla="*/ 159 w 1040"/>
                <a:gd name="T101" fmla="*/ 25 h 1021"/>
                <a:gd name="T102" fmla="*/ 141 w 1040"/>
                <a:gd name="T103" fmla="*/ 23 h 1021"/>
                <a:gd name="T104" fmla="*/ 112 w 1040"/>
                <a:gd name="T105" fmla="*/ 13 h 1021"/>
                <a:gd name="T106" fmla="*/ 81 w 1040"/>
                <a:gd name="T107" fmla="*/ 12 h 1021"/>
                <a:gd name="T108" fmla="*/ 54 w 1040"/>
                <a:gd name="T109" fmla="*/ 54 h 1021"/>
                <a:gd name="T110" fmla="*/ 31 w 1040"/>
                <a:gd name="T111" fmla="*/ 72 h 1021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040" h="1021">
                  <a:moveTo>
                    <a:pt x="47" y="225"/>
                  </a:moveTo>
                  <a:lnTo>
                    <a:pt x="36" y="259"/>
                  </a:lnTo>
                  <a:lnTo>
                    <a:pt x="27" y="290"/>
                  </a:lnTo>
                  <a:lnTo>
                    <a:pt x="18" y="319"/>
                  </a:lnTo>
                  <a:lnTo>
                    <a:pt x="11" y="349"/>
                  </a:lnTo>
                  <a:lnTo>
                    <a:pt x="6" y="379"/>
                  </a:lnTo>
                  <a:lnTo>
                    <a:pt x="2" y="411"/>
                  </a:lnTo>
                  <a:lnTo>
                    <a:pt x="1" y="429"/>
                  </a:lnTo>
                  <a:lnTo>
                    <a:pt x="0" y="446"/>
                  </a:lnTo>
                  <a:lnTo>
                    <a:pt x="0" y="466"/>
                  </a:lnTo>
                  <a:lnTo>
                    <a:pt x="0" y="488"/>
                  </a:lnTo>
                  <a:lnTo>
                    <a:pt x="12" y="486"/>
                  </a:lnTo>
                  <a:lnTo>
                    <a:pt x="24" y="486"/>
                  </a:lnTo>
                  <a:lnTo>
                    <a:pt x="35" y="486"/>
                  </a:lnTo>
                  <a:lnTo>
                    <a:pt x="46" y="488"/>
                  </a:lnTo>
                  <a:lnTo>
                    <a:pt x="66" y="492"/>
                  </a:lnTo>
                  <a:lnTo>
                    <a:pt x="84" y="497"/>
                  </a:lnTo>
                  <a:lnTo>
                    <a:pt x="83" y="506"/>
                  </a:lnTo>
                  <a:lnTo>
                    <a:pt x="82" y="514"/>
                  </a:lnTo>
                  <a:lnTo>
                    <a:pt x="83" y="521"/>
                  </a:lnTo>
                  <a:lnTo>
                    <a:pt x="84" y="528"/>
                  </a:lnTo>
                  <a:lnTo>
                    <a:pt x="87" y="532"/>
                  </a:lnTo>
                  <a:lnTo>
                    <a:pt x="90" y="537"/>
                  </a:lnTo>
                  <a:lnTo>
                    <a:pt x="93" y="540"/>
                  </a:lnTo>
                  <a:lnTo>
                    <a:pt x="99" y="543"/>
                  </a:lnTo>
                  <a:lnTo>
                    <a:pt x="120" y="553"/>
                  </a:lnTo>
                  <a:lnTo>
                    <a:pt x="141" y="562"/>
                  </a:lnTo>
                  <a:lnTo>
                    <a:pt x="143" y="569"/>
                  </a:lnTo>
                  <a:lnTo>
                    <a:pt x="144" y="576"/>
                  </a:lnTo>
                  <a:lnTo>
                    <a:pt x="145" y="583"/>
                  </a:lnTo>
                  <a:lnTo>
                    <a:pt x="145" y="592"/>
                  </a:lnTo>
                  <a:lnTo>
                    <a:pt x="143" y="609"/>
                  </a:lnTo>
                  <a:lnTo>
                    <a:pt x="141" y="625"/>
                  </a:lnTo>
                  <a:lnTo>
                    <a:pt x="137" y="642"/>
                  </a:lnTo>
                  <a:lnTo>
                    <a:pt x="136" y="658"/>
                  </a:lnTo>
                  <a:lnTo>
                    <a:pt x="136" y="665"/>
                  </a:lnTo>
                  <a:lnTo>
                    <a:pt x="136" y="673"/>
                  </a:lnTo>
                  <a:lnTo>
                    <a:pt x="137" y="678"/>
                  </a:lnTo>
                  <a:lnTo>
                    <a:pt x="141" y="684"/>
                  </a:lnTo>
                  <a:lnTo>
                    <a:pt x="141" y="680"/>
                  </a:lnTo>
                  <a:lnTo>
                    <a:pt x="143" y="677"/>
                  </a:lnTo>
                  <a:lnTo>
                    <a:pt x="145" y="675"/>
                  </a:lnTo>
                  <a:lnTo>
                    <a:pt x="148" y="674"/>
                  </a:lnTo>
                  <a:lnTo>
                    <a:pt x="151" y="673"/>
                  </a:lnTo>
                  <a:lnTo>
                    <a:pt x="154" y="673"/>
                  </a:lnTo>
                  <a:lnTo>
                    <a:pt x="157" y="674"/>
                  </a:lnTo>
                  <a:lnTo>
                    <a:pt x="162" y="675"/>
                  </a:lnTo>
                  <a:lnTo>
                    <a:pt x="168" y="678"/>
                  </a:lnTo>
                  <a:lnTo>
                    <a:pt x="174" y="682"/>
                  </a:lnTo>
                  <a:lnTo>
                    <a:pt x="175" y="684"/>
                  </a:lnTo>
                  <a:lnTo>
                    <a:pt x="177" y="688"/>
                  </a:lnTo>
                  <a:lnTo>
                    <a:pt x="177" y="691"/>
                  </a:lnTo>
                  <a:lnTo>
                    <a:pt x="177" y="693"/>
                  </a:lnTo>
                  <a:lnTo>
                    <a:pt x="170" y="699"/>
                  </a:lnTo>
                  <a:lnTo>
                    <a:pt x="163" y="707"/>
                  </a:lnTo>
                  <a:lnTo>
                    <a:pt x="156" y="715"/>
                  </a:lnTo>
                  <a:lnTo>
                    <a:pt x="152" y="724"/>
                  </a:lnTo>
                  <a:lnTo>
                    <a:pt x="148" y="735"/>
                  </a:lnTo>
                  <a:lnTo>
                    <a:pt x="144" y="746"/>
                  </a:lnTo>
                  <a:lnTo>
                    <a:pt x="142" y="757"/>
                  </a:lnTo>
                  <a:lnTo>
                    <a:pt x="140" y="769"/>
                  </a:lnTo>
                  <a:lnTo>
                    <a:pt x="137" y="794"/>
                  </a:lnTo>
                  <a:lnTo>
                    <a:pt x="137" y="820"/>
                  </a:lnTo>
                  <a:lnTo>
                    <a:pt x="139" y="847"/>
                  </a:lnTo>
                  <a:lnTo>
                    <a:pt x="141" y="871"/>
                  </a:lnTo>
                  <a:lnTo>
                    <a:pt x="148" y="869"/>
                  </a:lnTo>
                  <a:lnTo>
                    <a:pt x="155" y="868"/>
                  </a:lnTo>
                  <a:lnTo>
                    <a:pt x="162" y="868"/>
                  </a:lnTo>
                  <a:lnTo>
                    <a:pt x="167" y="869"/>
                  </a:lnTo>
                  <a:lnTo>
                    <a:pt x="171" y="870"/>
                  </a:lnTo>
                  <a:lnTo>
                    <a:pt x="175" y="872"/>
                  </a:lnTo>
                  <a:lnTo>
                    <a:pt x="179" y="874"/>
                  </a:lnTo>
                  <a:lnTo>
                    <a:pt x="181" y="877"/>
                  </a:lnTo>
                  <a:lnTo>
                    <a:pt x="189" y="893"/>
                  </a:lnTo>
                  <a:lnTo>
                    <a:pt x="196" y="909"/>
                  </a:lnTo>
                  <a:lnTo>
                    <a:pt x="198" y="906"/>
                  </a:lnTo>
                  <a:lnTo>
                    <a:pt x="200" y="902"/>
                  </a:lnTo>
                  <a:lnTo>
                    <a:pt x="203" y="900"/>
                  </a:lnTo>
                  <a:lnTo>
                    <a:pt x="206" y="899"/>
                  </a:lnTo>
                  <a:lnTo>
                    <a:pt x="213" y="898"/>
                  </a:lnTo>
                  <a:lnTo>
                    <a:pt x="224" y="898"/>
                  </a:lnTo>
                  <a:lnTo>
                    <a:pt x="233" y="899"/>
                  </a:lnTo>
                  <a:lnTo>
                    <a:pt x="244" y="900"/>
                  </a:lnTo>
                  <a:lnTo>
                    <a:pt x="253" y="900"/>
                  </a:lnTo>
                  <a:lnTo>
                    <a:pt x="262" y="899"/>
                  </a:lnTo>
                  <a:lnTo>
                    <a:pt x="262" y="909"/>
                  </a:lnTo>
                  <a:lnTo>
                    <a:pt x="262" y="917"/>
                  </a:lnTo>
                  <a:lnTo>
                    <a:pt x="263" y="925"/>
                  </a:lnTo>
                  <a:lnTo>
                    <a:pt x="264" y="932"/>
                  </a:lnTo>
                  <a:lnTo>
                    <a:pt x="266" y="939"/>
                  </a:lnTo>
                  <a:lnTo>
                    <a:pt x="269" y="945"/>
                  </a:lnTo>
                  <a:lnTo>
                    <a:pt x="272" y="951"/>
                  </a:lnTo>
                  <a:lnTo>
                    <a:pt x="275" y="956"/>
                  </a:lnTo>
                  <a:lnTo>
                    <a:pt x="280" y="960"/>
                  </a:lnTo>
                  <a:lnTo>
                    <a:pt x="285" y="965"/>
                  </a:lnTo>
                  <a:lnTo>
                    <a:pt x="289" y="968"/>
                  </a:lnTo>
                  <a:lnTo>
                    <a:pt x="295" y="972"/>
                  </a:lnTo>
                  <a:lnTo>
                    <a:pt x="307" y="977"/>
                  </a:lnTo>
                  <a:lnTo>
                    <a:pt x="320" y="982"/>
                  </a:lnTo>
                  <a:lnTo>
                    <a:pt x="347" y="990"/>
                  </a:lnTo>
                  <a:lnTo>
                    <a:pt x="377" y="995"/>
                  </a:lnTo>
                  <a:lnTo>
                    <a:pt x="391" y="998"/>
                  </a:lnTo>
                  <a:lnTo>
                    <a:pt x="405" y="1002"/>
                  </a:lnTo>
                  <a:lnTo>
                    <a:pt x="419" y="1007"/>
                  </a:lnTo>
                  <a:lnTo>
                    <a:pt x="430" y="1012"/>
                  </a:lnTo>
                  <a:lnTo>
                    <a:pt x="444" y="1002"/>
                  </a:lnTo>
                  <a:lnTo>
                    <a:pt x="457" y="991"/>
                  </a:lnTo>
                  <a:lnTo>
                    <a:pt x="463" y="986"/>
                  </a:lnTo>
                  <a:lnTo>
                    <a:pt x="470" y="981"/>
                  </a:lnTo>
                  <a:lnTo>
                    <a:pt x="478" y="977"/>
                  </a:lnTo>
                  <a:lnTo>
                    <a:pt x="487" y="974"/>
                  </a:lnTo>
                  <a:lnTo>
                    <a:pt x="489" y="979"/>
                  </a:lnTo>
                  <a:lnTo>
                    <a:pt x="493" y="983"/>
                  </a:lnTo>
                  <a:lnTo>
                    <a:pt x="497" y="987"/>
                  </a:lnTo>
                  <a:lnTo>
                    <a:pt x="501" y="990"/>
                  </a:lnTo>
                  <a:lnTo>
                    <a:pt x="510" y="996"/>
                  </a:lnTo>
                  <a:lnTo>
                    <a:pt x="521" y="1001"/>
                  </a:lnTo>
                  <a:lnTo>
                    <a:pt x="531" y="1006"/>
                  </a:lnTo>
                  <a:lnTo>
                    <a:pt x="542" y="1010"/>
                  </a:lnTo>
                  <a:lnTo>
                    <a:pt x="552" y="1015"/>
                  </a:lnTo>
                  <a:lnTo>
                    <a:pt x="562" y="1021"/>
                  </a:lnTo>
                  <a:lnTo>
                    <a:pt x="574" y="1017"/>
                  </a:lnTo>
                  <a:lnTo>
                    <a:pt x="586" y="1013"/>
                  </a:lnTo>
                  <a:lnTo>
                    <a:pt x="597" y="1008"/>
                  </a:lnTo>
                  <a:lnTo>
                    <a:pt x="607" y="1000"/>
                  </a:lnTo>
                  <a:lnTo>
                    <a:pt x="616" y="993"/>
                  </a:lnTo>
                  <a:lnTo>
                    <a:pt x="623" y="985"/>
                  </a:lnTo>
                  <a:lnTo>
                    <a:pt x="630" y="975"/>
                  </a:lnTo>
                  <a:lnTo>
                    <a:pt x="637" y="965"/>
                  </a:lnTo>
                  <a:lnTo>
                    <a:pt x="642" y="954"/>
                  </a:lnTo>
                  <a:lnTo>
                    <a:pt x="647" y="942"/>
                  </a:lnTo>
                  <a:lnTo>
                    <a:pt x="651" y="930"/>
                  </a:lnTo>
                  <a:lnTo>
                    <a:pt x="655" y="917"/>
                  </a:lnTo>
                  <a:lnTo>
                    <a:pt x="661" y="891"/>
                  </a:lnTo>
                  <a:lnTo>
                    <a:pt x="665" y="861"/>
                  </a:lnTo>
                  <a:lnTo>
                    <a:pt x="678" y="873"/>
                  </a:lnTo>
                  <a:lnTo>
                    <a:pt x="690" y="886"/>
                  </a:lnTo>
                  <a:lnTo>
                    <a:pt x="696" y="892"/>
                  </a:lnTo>
                  <a:lnTo>
                    <a:pt x="701" y="899"/>
                  </a:lnTo>
                  <a:lnTo>
                    <a:pt x="706" y="907"/>
                  </a:lnTo>
                  <a:lnTo>
                    <a:pt x="710" y="914"/>
                  </a:lnTo>
                  <a:lnTo>
                    <a:pt x="715" y="923"/>
                  </a:lnTo>
                  <a:lnTo>
                    <a:pt x="718" y="932"/>
                  </a:lnTo>
                  <a:lnTo>
                    <a:pt x="720" y="941"/>
                  </a:lnTo>
                  <a:lnTo>
                    <a:pt x="722" y="952"/>
                  </a:lnTo>
                  <a:lnTo>
                    <a:pt x="723" y="963"/>
                  </a:lnTo>
                  <a:lnTo>
                    <a:pt x="723" y="976"/>
                  </a:lnTo>
                  <a:lnTo>
                    <a:pt x="722" y="989"/>
                  </a:lnTo>
                  <a:lnTo>
                    <a:pt x="721" y="1002"/>
                  </a:lnTo>
                  <a:lnTo>
                    <a:pt x="729" y="1002"/>
                  </a:lnTo>
                  <a:lnTo>
                    <a:pt x="739" y="1003"/>
                  </a:lnTo>
                  <a:lnTo>
                    <a:pt x="742" y="1005"/>
                  </a:lnTo>
                  <a:lnTo>
                    <a:pt x="745" y="1006"/>
                  </a:lnTo>
                  <a:lnTo>
                    <a:pt x="747" y="1008"/>
                  </a:lnTo>
                  <a:lnTo>
                    <a:pt x="749" y="1012"/>
                  </a:lnTo>
                  <a:lnTo>
                    <a:pt x="760" y="1005"/>
                  </a:lnTo>
                  <a:lnTo>
                    <a:pt x="770" y="996"/>
                  </a:lnTo>
                  <a:lnTo>
                    <a:pt x="781" y="987"/>
                  </a:lnTo>
                  <a:lnTo>
                    <a:pt x="789" y="977"/>
                  </a:lnTo>
                  <a:lnTo>
                    <a:pt x="807" y="958"/>
                  </a:lnTo>
                  <a:lnTo>
                    <a:pt x="825" y="938"/>
                  </a:lnTo>
                  <a:lnTo>
                    <a:pt x="835" y="929"/>
                  </a:lnTo>
                  <a:lnTo>
                    <a:pt x="845" y="920"/>
                  </a:lnTo>
                  <a:lnTo>
                    <a:pt x="856" y="912"/>
                  </a:lnTo>
                  <a:lnTo>
                    <a:pt x="867" y="906"/>
                  </a:lnTo>
                  <a:lnTo>
                    <a:pt x="880" y="899"/>
                  </a:lnTo>
                  <a:lnTo>
                    <a:pt x="894" y="895"/>
                  </a:lnTo>
                  <a:lnTo>
                    <a:pt x="909" y="892"/>
                  </a:lnTo>
                  <a:lnTo>
                    <a:pt x="927" y="890"/>
                  </a:lnTo>
                  <a:lnTo>
                    <a:pt x="929" y="894"/>
                  </a:lnTo>
                  <a:lnTo>
                    <a:pt x="932" y="899"/>
                  </a:lnTo>
                  <a:lnTo>
                    <a:pt x="934" y="903"/>
                  </a:lnTo>
                  <a:lnTo>
                    <a:pt x="936" y="910"/>
                  </a:lnTo>
                  <a:lnTo>
                    <a:pt x="937" y="915"/>
                  </a:lnTo>
                  <a:lnTo>
                    <a:pt x="937" y="921"/>
                  </a:lnTo>
                  <a:lnTo>
                    <a:pt x="937" y="929"/>
                  </a:lnTo>
                  <a:lnTo>
                    <a:pt x="936" y="937"/>
                  </a:lnTo>
                  <a:lnTo>
                    <a:pt x="944" y="938"/>
                  </a:lnTo>
                  <a:lnTo>
                    <a:pt x="951" y="938"/>
                  </a:lnTo>
                  <a:lnTo>
                    <a:pt x="959" y="938"/>
                  </a:lnTo>
                  <a:lnTo>
                    <a:pt x="965" y="938"/>
                  </a:lnTo>
                  <a:lnTo>
                    <a:pt x="978" y="936"/>
                  </a:lnTo>
                  <a:lnTo>
                    <a:pt x="988" y="933"/>
                  </a:lnTo>
                  <a:lnTo>
                    <a:pt x="1008" y="925"/>
                  </a:lnTo>
                  <a:lnTo>
                    <a:pt x="1029" y="918"/>
                  </a:lnTo>
                  <a:lnTo>
                    <a:pt x="1034" y="908"/>
                  </a:lnTo>
                  <a:lnTo>
                    <a:pt x="1036" y="896"/>
                  </a:lnTo>
                  <a:lnTo>
                    <a:pt x="1038" y="884"/>
                  </a:lnTo>
                  <a:lnTo>
                    <a:pt x="1039" y="871"/>
                  </a:lnTo>
                  <a:lnTo>
                    <a:pt x="1040" y="843"/>
                  </a:lnTo>
                  <a:lnTo>
                    <a:pt x="1039" y="815"/>
                  </a:lnTo>
                  <a:lnTo>
                    <a:pt x="1023" y="807"/>
                  </a:lnTo>
                  <a:lnTo>
                    <a:pt x="1006" y="799"/>
                  </a:lnTo>
                  <a:lnTo>
                    <a:pt x="989" y="791"/>
                  </a:lnTo>
                  <a:lnTo>
                    <a:pt x="975" y="781"/>
                  </a:lnTo>
                  <a:lnTo>
                    <a:pt x="968" y="776"/>
                  </a:lnTo>
                  <a:lnTo>
                    <a:pt x="961" y="770"/>
                  </a:lnTo>
                  <a:lnTo>
                    <a:pt x="956" y="763"/>
                  </a:lnTo>
                  <a:lnTo>
                    <a:pt x="950" y="757"/>
                  </a:lnTo>
                  <a:lnTo>
                    <a:pt x="945" y="749"/>
                  </a:lnTo>
                  <a:lnTo>
                    <a:pt x="942" y="740"/>
                  </a:lnTo>
                  <a:lnTo>
                    <a:pt x="939" y="732"/>
                  </a:lnTo>
                  <a:lnTo>
                    <a:pt x="936" y="721"/>
                  </a:lnTo>
                  <a:lnTo>
                    <a:pt x="901" y="722"/>
                  </a:lnTo>
                  <a:lnTo>
                    <a:pt x="867" y="722"/>
                  </a:lnTo>
                  <a:lnTo>
                    <a:pt x="850" y="722"/>
                  </a:lnTo>
                  <a:lnTo>
                    <a:pt x="835" y="721"/>
                  </a:lnTo>
                  <a:lnTo>
                    <a:pt x="819" y="720"/>
                  </a:lnTo>
                  <a:lnTo>
                    <a:pt x="803" y="718"/>
                  </a:lnTo>
                  <a:lnTo>
                    <a:pt x="789" y="716"/>
                  </a:lnTo>
                  <a:lnTo>
                    <a:pt x="776" y="712"/>
                  </a:lnTo>
                  <a:lnTo>
                    <a:pt x="764" y="708"/>
                  </a:lnTo>
                  <a:lnTo>
                    <a:pt x="752" y="701"/>
                  </a:lnTo>
                  <a:lnTo>
                    <a:pt x="742" y="695"/>
                  </a:lnTo>
                  <a:lnTo>
                    <a:pt x="733" y="687"/>
                  </a:lnTo>
                  <a:lnTo>
                    <a:pt x="730" y="681"/>
                  </a:lnTo>
                  <a:lnTo>
                    <a:pt x="726" y="676"/>
                  </a:lnTo>
                  <a:lnTo>
                    <a:pt x="723" y="671"/>
                  </a:lnTo>
                  <a:lnTo>
                    <a:pt x="721" y="665"/>
                  </a:lnTo>
                  <a:lnTo>
                    <a:pt x="746" y="662"/>
                  </a:lnTo>
                  <a:lnTo>
                    <a:pt x="770" y="662"/>
                  </a:lnTo>
                  <a:lnTo>
                    <a:pt x="796" y="662"/>
                  </a:lnTo>
                  <a:lnTo>
                    <a:pt x="820" y="662"/>
                  </a:lnTo>
                  <a:lnTo>
                    <a:pt x="845" y="662"/>
                  </a:lnTo>
                  <a:lnTo>
                    <a:pt x="871" y="662"/>
                  </a:lnTo>
                  <a:lnTo>
                    <a:pt x="899" y="660"/>
                  </a:lnTo>
                  <a:lnTo>
                    <a:pt x="927" y="656"/>
                  </a:lnTo>
                  <a:lnTo>
                    <a:pt x="934" y="634"/>
                  </a:lnTo>
                  <a:lnTo>
                    <a:pt x="941" y="614"/>
                  </a:lnTo>
                  <a:lnTo>
                    <a:pt x="945" y="603"/>
                  </a:lnTo>
                  <a:lnTo>
                    <a:pt x="947" y="592"/>
                  </a:lnTo>
                  <a:lnTo>
                    <a:pt x="947" y="585"/>
                  </a:lnTo>
                  <a:lnTo>
                    <a:pt x="947" y="578"/>
                  </a:lnTo>
                  <a:lnTo>
                    <a:pt x="946" y="571"/>
                  </a:lnTo>
                  <a:lnTo>
                    <a:pt x="945" y="562"/>
                  </a:lnTo>
                  <a:lnTo>
                    <a:pt x="932" y="559"/>
                  </a:lnTo>
                  <a:lnTo>
                    <a:pt x="919" y="556"/>
                  </a:lnTo>
                  <a:lnTo>
                    <a:pt x="905" y="556"/>
                  </a:lnTo>
                  <a:lnTo>
                    <a:pt x="891" y="556"/>
                  </a:lnTo>
                  <a:lnTo>
                    <a:pt x="860" y="558"/>
                  </a:lnTo>
                  <a:lnTo>
                    <a:pt x="824" y="562"/>
                  </a:lnTo>
                  <a:lnTo>
                    <a:pt x="816" y="553"/>
                  </a:lnTo>
                  <a:lnTo>
                    <a:pt x="811" y="544"/>
                  </a:lnTo>
                  <a:lnTo>
                    <a:pt x="808" y="535"/>
                  </a:lnTo>
                  <a:lnTo>
                    <a:pt x="807" y="526"/>
                  </a:lnTo>
                  <a:lnTo>
                    <a:pt x="808" y="517"/>
                  </a:lnTo>
                  <a:lnTo>
                    <a:pt x="809" y="509"/>
                  </a:lnTo>
                  <a:lnTo>
                    <a:pt x="812" y="500"/>
                  </a:lnTo>
                  <a:lnTo>
                    <a:pt x="817" y="493"/>
                  </a:lnTo>
                  <a:lnTo>
                    <a:pt x="825" y="476"/>
                  </a:lnTo>
                  <a:lnTo>
                    <a:pt x="831" y="461"/>
                  </a:lnTo>
                  <a:lnTo>
                    <a:pt x="835" y="453"/>
                  </a:lnTo>
                  <a:lnTo>
                    <a:pt x="836" y="445"/>
                  </a:lnTo>
                  <a:lnTo>
                    <a:pt x="836" y="438"/>
                  </a:lnTo>
                  <a:lnTo>
                    <a:pt x="834" y="431"/>
                  </a:lnTo>
                  <a:lnTo>
                    <a:pt x="824" y="430"/>
                  </a:lnTo>
                  <a:lnTo>
                    <a:pt x="816" y="430"/>
                  </a:lnTo>
                  <a:lnTo>
                    <a:pt x="808" y="431"/>
                  </a:lnTo>
                  <a:lnTo>
                    <a:pt x="802" y="433"/>
                  </a:lnTo>
                  <a:lnTo>
                    <a:pt x="797" y="436"/>
                  </a:lnTo>
                  <a:lnTo>
                    <a:pt x="792" y="439"/>
                  </a:lnTo>
                  <a:lnTo>
                    <a:pt x="787" y="443"/>
                  </a:lnTo>
                  <a:lnTo>
                    <a:pt x="783" y="446"/>
                  </a:lnTo>
                  <a:lnTo>
                    <a:pt x="775" y="455"/>
                  </a:lnTo>
                  <a:lnTo>
                    <a:pt x="766" y="462"/>
                  </a:lnTo>
                  <a:lnTo>
                    <a:pt x="760" y="464"/>
                  </a:lnTo>
                  <a:lnTo>
                    <a:pt x="755" y="466"/>
                  </a:lnTo>
                  <a:lnTo>
                    <a:pt x="747" y="469"/>
                  </a:lnTo>
                  <a:lnTo>
                    <a:pt x="740" y="469"/>
                  </a:lnTo>
                  <a:lnTo>
                    <a:pt x="733" y="464"/>
                  </a:lnTo>
                  <a:lnTo>
                    <a:pt x="728" y="461"/>
                  </a:lnTo>
                  <a:lnTo>
                    <a:pt x="724" y="456"/>
                  </a:lnTo>
                  <a:lnTo>
                    <a:pt x="719" y="452"/>
                  </a:lnTo>
                  <a:lnTo>
                    <a:pt x="711" y="441"/>
                  </a:lnTo>
                  <a:lnTo>
                    <a:pt x="704" y="430"/>
                  </a:lnTo>
                  <a:lnTo>
                    <a:pt x="691" y="404"/>
                  </a:lnTo>
                  <a:lnTo>
                    <a:pt x="679" y="379"/>
                  </a:lnTo>
                  <a:lnTo>
                    <a:pt x="672" y="367"/>
                  </a:lnTo>
                  <a:lnTo>
                    <a:pt x="665" y="356"/>
                  </a:lnTo>
                  <a:lnTo>
                    <a:pt x="657" y="345"/>
                  </a:lnTo>
                  <a:lnTo>
                    <a:pt x="647" y="337"/>
                  </a:lnTo>
                  <a:lnTo>
                    <a:pt x="642" y="333"/>
                  </a:lnTo>
                  <a:lnTo>
                    <a:pt x="636" y="330"/>
                  </a:lnTo>
                  <a:lnTo>
                    <a:pt x="629" y="326"/>
                  </a:lnTo>
                  <a:lnTo>
                    <a:pt x="623" y="323"/>
                  </a:lnTo>
                  <a:lnTo>
                    <a:pt x="616" y="321"/>
                  </a:lnTo>
                  <a:lnTo>
                    <a:pt x="607" y="320"/>
                  </a:lnTo>
                  <a:lnTo>
                    <a:pt x="599" y="319"/>
                  </a:lnTo>
                  <a:lnTo>
                    <a:pt x="589" y="319"/>
                  </a:lnTo>
                  <a:lnTo>
                    <a:pt x="592" y="310"/>
                  </a:lnTo>
                  <a:lnTo>
                    <a:pt x="593" y="300"/>
                  </a:lnTo>
                  <a:lnTo>
                    <a:pt x="594" y="291"/>
                  </a:lnTo>
                  <a:lnTo>
                    <a:pt x="596" y="282"/>
                  </a:lnTo>
                  <a:lnTo>
                    <a:pt x="594" y="273"/>
                  </a:lnTo>
                  <a:lnTo>
                    <a:pt x="593" y="264"/>
                  </a:lnTo>
                  <a:lnTo>
                    <a:pt x="592" y="256"/>
                  </a:lnTo>
                  <a:lnTo>
                    <a:pt x="590" y="247"/>
                  </a:lnTo>
                  <a:lnTo>
                    <a:pt x="585" y="232"/>
                  </a:lnTo>
                  <a:lnTo>
                    <a:pt x="578" y="216"/>
                  </a:lnTo>
                  <a:lnTo>
                    <a:pt x="569" y="200"/>
                  </a:lnTo>
                  <a:lnTo>
                    <a:pt x="559" y="185"/>
                  </a:lnTo>
                  <a:lnTo>
                    <a:pt x="537" y="155"/>
                  </a:lnTo>
                  <a:lnTo>
                    <a:pt x="512" y="123"/>
                  </a:lnTo>
                  <a:lnTo>
                    <a:pt x="501" y="107"/>
                  </a:lnTo>
                  <a:lnTo>
                    <a:pt x="489" y="92"/>
                  </a:lnTo>
                  <a:lnTo>
                    <a:pt x="478" y="74"/>
                  </a:lnTo>
                  <a:lnTo>
                    <a:pt x="468" y="57"/>
                  </a:lnTo>
                  <a:lnTo>
                    <a:pt x="460" y="60"/>
                  </a:lnTo>
                  <a:lnTo>
                    <a:pt x="452" y="63"/>
                  </a:lnTo>
                  <a:lnTo>
                    <a:pt x="445" y="66"/>
                  </a:lnTo>
                  <a:lnTo>
                    <a:pt x="438" y="68"/>
                  </a:lnTo>
                  <a:lnTo>
                    <a:pt x="423" y="69"/>
                  </a:lnTo>
                  <a:lnTo>
                    <a:pt x="409" y="69"/>
                  </a:lnTo>
                  <a:lnTo>
                    <a:pt x="397" y="67"/>
                  </a:lnTo>
                  <a:lnTo>
                    <a:pt x="384" y="64"/>
                  </a:lnTo>
                  <a:lnTo>
                    <a:pt x="372" y="59"/>
                  </a:lnTo>
                  <a:lnTo>
                    <a:pt x="361" y="53"/>
                  </a:lnTo>
                  <a:lnTo>
                    <a:pt x="338" y="39"/>
                  </a:lnTo>
                  <a:lnTo>
                    <a:pt x="313" y="24"/>
                  </a:lnTo>
                  <a:lnTo>
                    <a:pt x="302" y="17"/>
                  </a:lnTo>
                  <a:lnTo>
                    <a:pt x="289" y="11"/>
                  </a:lnTo>
                  <a:lnTo>
                    <a:pt x="275" y="4"/>
                  </a:lnTo>
                  <a:lnTo>
                    <a:pt x="262" y="0"/>
                  </a:lnTo>
                  <a:lnTo>
                    <a:pt x="243" y="36"/>
                  </a:lnTo>
                  <a:lnTo>
                    <a:pt x="222" y="74"/>
                  </a:lnTo>
                  <a:lnTo>
                    <a:pt x="211" y="93"/>
                  </a:lnTo>
                  <a:lnTo>
                    <a:pt x="200" y="111"/>
                  </a:lnTo>
                  <a:lnTo>
                    <a:pt x="188" y="128"/>
                  </a:lnTo>
                  <a:lnTo>
                    <a:pt x="175" y="145"/>
                  </a:lnTo>
                  <a:lnTo>
                    <a:pt x="163" y="161"/>
                  </a:lnTo>
                  <a:lnTo>
                    <a:pt x="148" y="176"/>
                  </a:lnTo>
                  <a:lnTo>
                    <a:pt x="133" y="190"/>
                  </a:lnTo>
                  <a:lnTo>
                    <a:pt x="119" y="201"/>
                  </a:lnTo>
                  <a:lnTo>
                    <a:pt x="110" y="206"/>
                  </a:lnTo>
                  <a:lnTo>
                    <a:pt x="102" y="211"/>
                  </a:lnTo>
                  <a:lnTo>
                    <a:pt x="93" y="215"/>
                  </a:lnTo>
                  <a:lnTo>
                    <a:pt x="85" y="218"/>
                  </a:lnTo>
                  <a:lnTo>
                    <a:pt x="75" y="221"/>
                  </a:lnTo>
                  <a:lnTo>
                    <a:pt x="66" y="223"/>
                  </a:lnTo>
                  <a:lnTo>
                    <a:pt x="56" y="224"/>
                  </a:lnTo>
                  <a:lnTo>
                    <a:pt x="47" y="225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30" name="Vejle"/>
            <p:cNvSpPr>
              <a:spLocks/>
            </p:cNvSpPr>
            <p:nvPr/>
          </p:nvSpPr>
          <p:spPr bwMode="auto">
            <a:xfrm>
              <a:off x="1273175" y="4543425"/>
              <a:ext cx="549275" cy="539750"/>
            </a:xfrm>
            <a:custGeom>
              <a:avLst/>
              <a:gdLst>
                <a:gd name="T0" fmla="*/ 2 w 1040"/>
                <a:gd name="T1" fmla="*/ 126 h 1021"/>
                <a:gd name="T2" fmla="*/ 4 w 1040"/>
                <a:gd name="T3" fmla="*/ 162 h 1021"/>
                <a:gd name="T4" fmla="*/ 28 w 1040"/>
                <a:gd name="T5" fmla="*/ 169 h 1021"/>
                <a:gd name="T6" fmla="*/ 31 w 1040"/>
                <a:gd name="T7" fmla="*/ 180 h 1021"/>
                <a:gd name="T8" fmla="*/ 48 w 1040"/>
                <a:gd name="T9" fmla="*/ 194 h 1021"/>
                <a:gd name="T10" fmla="*/ 45 w 1040"/>
                <a:gd name="T11" fmla="*/ 221 h 1021"/>
                <a:gd name="T12" fmla="*/ 48 w 1040"/>
                <a:gd name="T13" fmla="*/ 225 h 1021"/>
                <a:gd name="T14" fmla="*/ 56 w 1040"/>
                <a:gd name="T15" fmla="*/ 226 h 1021"/>
                <a:gd name="T16" fmla="*/ 57 w 1040"/>
                <a:gd name="T17" fmla="*/ 233 h 1021"/>
                <a:gd name="T18" fmla="*/ 47 w 1040"/>
                <a:gd name="T19" fmla="*/ 252 h 1021"/>
                <a:gd name="T20" fmla="*/ 49 w 1040"/>
                <a:gd name="T21" fmla="*/ 289 h 1021"/>
                <a:gd name="T22" fmla="*/ 60 w 1040"/>
                <a:gd name="T23" fmla="*/ 291 h 1021"/>
                <a:gd name="T24" fmla="*/ 68 w 1040"/>
                <a:gd name="T25" fmla="*/ 300 h 1021"/>
                <a:gd name="T26" fmla="*/ 84 w 1040"/>
                <a:gd name="T27" fmla="*/ 300 h 1021"/>
                <a:gd name="T28" fmla="*/ 88 w 1040"/>
                <a:gd name="T29" fmla="*/ 313 h 1021"/>
                <a:gd name="T30" fmla="*/ 96 w 1040"/>
                <a:gd name="T31" fmla="*/ 322 h 1021"/>
                <a:gd name="T32" fmla="*/ 130 w 1040"/>
                <a:gd name="T33" fmla="*/ 332 h 1021"/>
                <a:gd name="T34" fmla="*/ 154 w 1040"/>
                <a:gd name="T35" fmla="*/ 328 h 1021"/>
                <a:gd name="T36" fmla="*/ 165 w 1040"/>
                <a:gd name="T37" fmla="*/ 329 h 1021"/>
                <a:gd name="T38" fmla="*/ 184 w 1040"/>
                <a:gd name="T39" fmla="*/ 338 h 1021"/>
                <a:gd name="T40" fmla="*/ 205 w 1040"/>
                <a:gd name="T41" fmla="*/ 331 h 1021"/>
                <a:gd name="T42" fmla="*/ 217 w 1040"/>
                <a:gd name="T43" fmla="*/ 310 h 1021"/>
                <a:gd name="T44" fmla="*/ 232 w 1040"/>
                <a:gd name="T45" fmla="*/ 297 h 1021"/>
                <a:gd name="T46" fmla="*/ 240 w 1040"/>
                <a:gd name="T47" fmla="*/ 313 h 1021"/>
                <a:gd name="T48" fmla="*/ 243 w 1040"/>
                <a:gd name="T49" fmla="*/ 334 h 1021"/>
                <a:gd name="T50" fmla="*/ 253 w 1040"/>
                <a:gd name="T51" fmla="*/ 335 h 1021"/>
                <a:gd name="T52" fmla="*/ 278 w 1040"/>
                <a:gd name="T53" fmla="*/ 309 h 1021"/>
                <a:gd name="T54" fmla="*/ 302 w 1040"/>
                <a:gd name="T55" fmla="*/ 297 h 1021"/>
                <a:gd name="T56" fmla="*/ 312 w 1040"/>
                <a:gd name="T57" fmla="*/ 305 h 1021"/>
                <a:gd name="T58" fmla="*/ 319 w 1040"/>
                <a:gd name="T59" fmla="*/ 312 h 1021"/>
                <a:gd name="T60" fmla="*/ 344 w 1040"/>
                <a:gd name="T61" fmla="*/ 302 h 1021"/>
                <a:gd name="T62" fmla="*/ 340 w 1040"/>
                <a:gd name="T63" fmla="*/ 269 h 1021"/>
                <a:gd name="T64" fmla="*/ 318 w 1040"/>
                <a:gd name="T65" fmla="*/ 254 h 1021"/>
                <a:gd name="T66" fmla="*/ 300 w 1040"/>
                <a:gd name="T67" fmla="*/ 240 h 1021"/>
                <a:gd name="T68" fmla="*/ 262 w 1040"/>
                <a:gd name="T69" fmla="*/ 238 h 1021"/>
                <a:gd name="T70" fmla="*/ 243 w 1040"/>
                <a:gd name="T71" fmla="*/ 227 h 1021"/>
                <a:gd name="T72" fmla="*/ 265 w 1040"/>
                <a:gd name="T73" fmla="*/ 220 h 1021"/>
                <a:gd name="T74" fmla="*/ 311 w 1040"/>
                <a:gd name="T75" fmla="*/ 211 h 1021"/>
                <a:gd name="T76" fmla="*/ 315 w 1040"/>
                <a:gd name="T77" fmla="*/ 190 h 1021"/>
                <a:gd name="T78" fmla="*/ 286 w 1040"/>
                <a:gd name="T79" fmla="*/ 186 h 1021"/>
                <a:gd name="T80" fmla="*/ 269 w 1040"/>
                <a:gd name="T81" fmla="*/ 172 h 1021"/>
                <a:gd name="T82" fmla="*/ 278 w 1040"/>
                <a:gd name="T83" fmla="*/ 151 h 1021"/>
                <a:gd name="T84" fmla="*/ 269 w 1040"/>
                <a:gd name="T85" fmla="*/ 144 h 1021"/>
                <a:gd name="T86" fmla="*/ 258 w 1040"/>
                <a:gd name="T87" fmla="*/ 152 h 1021"/>
                <a:gd name="T88" fmla="*/ 244 w 1040"/>
                <a:gd name="T89" fmla="*/ 155 h 1021"/>
                <a:gd name="T90" fmla="*/ 230 w 1040"/>
                <a:gd name="T91" fmla="*/ 135 h 1021"/>
                <a:gd name="T92" fmla="*/ 214 w 1040"/>
                <a:gd name="T93" fmla="*/ 111 h 1021"/>
                <a:gd name="T94" fmla="*/ 199 w 1040"/>
                <a:gd name="T95" fmla="*/ 106 h 1021"/>
                <a:gd name="T96" fmla="*/ 198 w 1040"/>
                <a:gd name="T97" fmla="*/ 91 h 1021"/>
                <a:gd name="T98" fmla="*/ 189 w 1040"/>
                <a:gd name="T99" fmla="*/ 67 h 1021"/>
                <a:gd name="T100" fmla="*/ 159 w 1040"/>
                <a:gd name="T101" fmla="*/ 25 h 1021"/>
                <a:gd name="T102" fmla="*/ 141 w 1040"/>
                <a:gd name="T103" fmla="*/ 23 h 1021"/>
                <a:gd name="T104" fmla="*/ 112 w 1040"/>
                <a:gd name="T105" fmla="*/ 13 h 1021"/>
                <a:gd name="T106" fmla="*/ 81 w 1040"/>
                <a:gd name="T107" fmla="*/ 12 h 1021"/>
                <a:gd name="T108" fmla="*/ 54 w 1040"/>
                <a:gd name="T109" fmla="*/ 54 h 1021"/>
                <a:gd name="T110" fmla="*/ 31 w 1040"/>
                <a:gd name="T111" fmla="*/ 72 h 1021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040" h="1021">
                  <a:moveTo>
                    <a:pt x="47" y="225"/>
                  </a:moveTo>
                  <a:lnTo>
                    <a:pt x="36" y="259"/>
                  </a:lnTo>
                  <a:lnTo>
                    <a:pt x="27" y="290"/>
                  </a:lnTo>
                  <a:lnTo>
                    <a:pt x="18" y="319"/>
                  </a:lnTo>
                  <a:lnTo>
                    <a:pt x="11" y="349"/>
                  </a:lnTo>
                  <a:lnTo>
                    <a:pt x="6" y="379"/>
                  </a:lnTo>
                  <a:lnTo>
                    <a:pt x="2" y="411"/>
                  </a:lnTo>
                  <a:lnTo>
                    <a:pt x="1" y="429"/>
                  </a:lnTo>
                  <a:lnTo>
                    <a:pt x="0" y="446"/>
                  </a:lnTo>
                  <a:lnTo>
                    <a:pt x="0" y="466"/>
                  </a:lnTo>
                  <a:lnTo>
                    <a:pt x="0" y="488"/>
                  </a:lnTo>
                  <a:lnTo>
                    <a:pt x="12" y="486"/>
                  </a:lnTo>
                  <a:lnTo>
                    <a:pt x="24" y="486"/>
                  </a:lnTo>
                  <a:lnTo>
                    <a:pt x="35" y="486"/>
                  </a:lnTo>
                  <a:lnTo>
                    <a:pt x="46" y="488"/>
                  </a:lnTo>
                  <a:lnTo>
                    <a:pt x="66" y="492"/>
                  </a:lnTo>
                  <a:lnTo>
                    <a:pt x="84" y="497"/>
                  </a:lnTo>
                  <a:lnTo>
                    <a:pt x="83" y="506"/>
                  </a:lnTo>
                  <a:lnTo>
                    <a:pt x="82" y="514"/>
                  </a:lnTo>
                  <a:lnTo>
                    <a:pt x="83" y="521"/>
                  </a:lnTo>
                  <a:lnTo>
                    <a:pt x="84" y="528"/>
                  </a:lnTo>
                  <a:lnTo>
                    <a:pt x="87" y="532"/>
                  </a:lnTo>
                  <a:lnTo>
                    <a:pt x="90" y="537"/>
                  </a:lnTo>
                  <a:lnTo>
                    <a:pt x="93" y="540"/>
                  </a:lnTo>
                  <a:lnTo>
                    <a:pt x="99" y="543"/>
                  </a:lnTo>
                  <a:lnTo>
                    <a:pt x="120" y="553"/>
                  </a:lnTo>
                  <a:lnTo>
                    <a:pt x="141" y="562"/>
                  </a:lnTo>
                  <a:lnTo>
                    <a:pt x="143" y="569"/>
                  </a:lnTo>
                  <a:lnTo>
                    <a:pt x="144" y="576"/>
                  </a:lnTo>
                  <a:lnTo>
                    <a:pt x="145" y="583"/>
                  </a:lnTo>
                  <a:lnTo>
                    <a:pt x="145" y="592"/>
                  </a:lnTo>
                  <a:lnTo>
                    <a:pt x="143" y="609"/>
                  </a:lnTo>
                  <a:lnTo>
                    <a:pt x="141" y="625"/>
                  </a:lnTo>
                  <a:lnTo>
                    <a:pt x="137" y="642"/>
                  </a:lnTo>
                  <a:lnTo>
                    <a:pt x="136" y="658"/>
                  </a:lnTo>
                  <a:lnTo>
                    <a:pt x="136" y="665"/>
                  </a:lnTo>
                  <a:lnTo>
                    <a:pt x="136" y="673"/>
                  </a:lnTo>
                  <a:lnTo>
                    <a:pt x="137" y="678"/>
                  </a:lnTo>
                  <a:lnTo>
                    <a:pt x="141" y="684"/>
                  </a:lnTo>
                  <a:lnTo>
                    <a:pt x="141" y="680"/>
                  </a:lnTo>
                  <a:lnTo>
                    <a:pt x="143" y="677"/>
                  </a:lnTo>
                  <a:lnTo>
                    <a:pt x="145" y="675"/>
                  </a:lnTo>
                  <a:lnTo>
                    <a:pt x="148" y="674"/>
                  </a:lnTo>
                  <a:lnTo>
                    <a:pt x="151" y="673"/>
                  </a:lnTo>
                  <a:lnTo>
                    <a:pt x="154" y="673"/>
                  </a:lnTo>
                  <a:lnTo>
                    <a:pt x="157" y="674"/>
                  </a:lnTo>
                  <a:lnTo>
                    <a:pt x="162" y="675"/>
                  </a:lnTo>
                  <a:lnTo>
                    <a:pt x="168" y="678"/>
                  </a:lnTo>
                  <a:lnTo>
                    <a:pt x="174" y="682"/>
                  </a:lnTo>
                  <a:lnTo>
                    <a:pt x="175" y="684"/>
                  </a:lnTo>
                  <a:lnTo>
                    <a:pt x="177" y="688"/>
                  </a:lnTo>
                  <a:lnTo>
                    <a:pt x="177" y="691"/>
                  </a:lnTo>
                  <a:lnTo>
                    <a:pt x="177" y="693"/>
                  </a:lnTo>
                  <a:lnTo>
                    <a:pt x="170" y="699"/>
                  </a:lnTo>
                  <a:lnTo>
                    <a:pt x="163" y="707"/>
                  </a:lnTo>
                  <a:lnTo>
                    <a:pt x="156" y="715"/>
                  </a:lnTo>
                  <a:lnTo>
                    <a:pt x="152" y="724"/>
                  </a:lnTo>
                  <a:lnTo>
                    <a:pt x="148" y="735"/>
                  </a:lnTo>
                  <a:lnTo>
                    <a:pt x="144" y="746"/>
                  </a:lnTo>
                  <a:lnTo>
                    <a:pt x="142" y="757"/>
                  </a:lnTo>
                  <a:lnTo>
                    <a:pt x="140" y="769"/>
                  </a:lnTo>
                  <a:lnTo>
                    <a:pt x="137" y="794"/>
                  </a:lnTo>
                  <a:lnTo>
                    <a:pt x="137" y="820"/>
                  </a:lnTo>
                  <a:lnTo>
                    <a:pt x="139" y="847"/>
                  </a:lnTo>
                  <a:lnTo>
                    <a:pt x="141" y="871"/>
                  </a:lnTo>
                  <a:lnTo>
                    <a:pt x="148" y="869"/>
                  </a:lnTo>
                  <a:lnTo>
                    <a:pt x="155" y="868"/>
                  </a:lnTo>
                  <a:lnTo>
                    <a:pt x="162" y="868"/>
                  </a:lnTo>
                  <a:lnTo>
                    <a:pt x="167" y="869"/>
                  </a:lnTo>
                  <a:lnTo>
                    <a:pt x="171" y="870"/>
                  </a:lnTo>
                  <a:lnTo>
                    <a:pt x="175" y="872"/>
                  </a:lnTo>
                  <a:lnTo>
                    <a:pt x="179" y="874"/>
                  </a:lnTo>
                  <a:lnTo>
                    <a:pt x="181" y="877"/>
                  </a:lnTo>
                  <a:lnTo>
                    <a:pt x="189" y="893"/>
                  </a:lnTo>
                  <a:lnTo>
                    <a:pt x="196" y="909"/>
                  </a:lnTo>
                  <a:lnTo>
                    <a:pt x="198" y="906"/>
                  </a:lnTo>
                  <a:lnTo>
                    <a:pt x="200" y="902"/>
                  </a:lnTo>
                  <a:lnTo>
                    <a:pt x="203" y="900"/>
                  </a:lnTo>
                  <a:lnTo>
                    <a:pt x="206" y="899"/>
                  </a:lnTo>
                  <a:lnTo>
                    <a:pt x="213" y="898"/>
                  </a:lnTo>
                  <a:lnTo>
                    <a:pt x="224" y="898"/>
                  </a:lnTo>
                  <a:lnTo>
                    <a:pt x="233" y="899"/>
                  </a:lnTo>
                  <a:lnTo>
                    <a:pt x="244" y="900"/>
                  </a:lnTo>
                  <a:lnTo>
                    <a:pt x="253" y="900"/>
                  </a:lnTo>
                  <a:lnTo>
                    <a:pt x="262" y="899"/>
                  </a:lnTo>
                  <a:lnTo>
                    <a:pt x="262" y="909"/>
                  </a:lnTo>
                  <a:lnTo>
                    <a:pt x="262" y="917"/>
                  </a:lnTo>
                  <a:lnTo>
                    <a:pt x="263" y="925"/>
                  </a:lnTo>
                  <a:lnTo>
                    <a:pt x="264" y="932"/>
                  </a:lnTo>
                  <a:lnTo>
                    <a:pt x="266" y="939"/>
                  </a:lnTo>
                  <a:lnTo>
                    <a:pt x="269" y="945"/>
                  </a:lnTo>
                  <a:lnTo>
                    <a:pt x="272" y="951"/>
                  </a:lnTo>
                  <a:lnTo>
                    <a:pt x="275" y="956"/>
                  </a:lnTo>
                  <a:lnTo>
                    <a:pt x="280" y="960"/>
                  </a:lnTo>
                  <a:lnTo>
                    <a:pt x="285" y="965"/>
                  </a:lnTo>
                  <a:lnTo>
                    <a:pt x="289" y="968"/>
                  </a:lnTo>
                  <a:lnTo>
                    <a:pt x="295" y="972"/>
                  </a:lnTo>
                  <a:lnTo>
                    <a:pt x="307" y="977"/>
                  </a:lnTo>
                  <a:lnTo>
                    <a:pt x="320" y="982"/>
                  </a:lnTo>
                  <a:lnTo>
                    <a:pt x="347" y="990"/>
                  </a:lnTo>
                  <a:lnTo>
                    <a:pt x="377" y="995"/>
                  </a:lnTo>
                  <a:lnTo>
                    <a:pt x="391" y="998"/>
                  </a:lnTo>
                  <a:lnTo>
                    <a:pt x="405" y="1002"/>
                  </a:lnTo>
                  <a:lnTo>
                    <a:pt x="419" y="1007"/>
                  </a:lnTo>
                  <a:lnTo>
                    <a:pt x="430" y="1012"/>
                  </a:lnTo>
                  <a:lnTo>
                    <a:pt x="444" y="1002"/>
                  </a:lnTo>
                  <a:lnTo>
                    <a:pt x="457" y="991"/>
                  </a:lnTo>
                  <a:lnTo>
                    <a:pt x="463" y="986"/>
                  </a:lnTo>
                  <a:lnTo>
                    <a:pt x="470" y="981"/>
                  </a:lnTo>
                  <a:lnTo>
                    <a:pt x="478" y="977"/>
                  </a:lnTo>
                  <a:lnTo>
                    <a:pt x="487" y="974"/>
                  </a:lnTo>
                  <a:lnTo>
                    <a:pt x="489" y="979"/>
                  </a:lnTo>
                  <a:lnTo>
                    <a:pt x="493" y="983"/>
                  </a:lnTo>
                  <a:lnTo>
                    <a:pt x="497" y="987"/>
                  </a:lnTo>
                  <a:lnTo>
                    <a:pt x="501" y="990"/>
                  </a:lnTo>
                  <a:lnTo>
                    <a:pt x="510" y="996"/>
                  </a:lnTo>
                  <a:lnTo>
                    <a:pt x="521" y="1001"/>
                  </a:lnTo>
                  <a:lnTo>
                    <a:pt x="531" y="1006"/>
                  </a:lnTo>
                  <a:lnTo>
                    <a:pt x="542" y="1010"/>
                  </a:lnTo>
                  <a:lnTo>
                    <a:pt x="552" y="1015"/>
                  </a:lnTo>
                  <a:lnTo>
                    <a:pt x="562" y="1021"/>
                  </a:lnTo>
                  <a:lnTo>
                    <a:pt x="574" y="1017"/>
                  </a:lnTo>
                  <a:lnTo>
                    <a:pt x="586" y="1013"/>
                  </a:lnTo>
                  <a:lnTo>
                    <a:pt x="597" y="1008"/>
                  </a:lnTo>
                  <a:lnTo>
                    <a:pt x="607" y="1000"/>
                  </a:lnTo>
                  <a:lnTo>
                    <a:pt x="616" y="993"/>
                  </a:lnTo>
                  <a:lnTo>
                    <a:pt x="623" y="985"/>
                  </a:lnTo>
                  <a:lnTo>
                    <a:pt x="630" y="975"/>
                  </a:lnTo>
                  <a:lnTo>
                    <a:pt x="637" y="965"/>
                  </a:lnTo>
                  <a:lnTo>
                    <a:pt x="642" y="954"/>
                  </a:lnTo>
                  <a:lnTo>
                    <a:pt x="647" y="942"/>
                  </a:lnTo>
                  <a:lnTo>
                    <a:pt x="651" y="930"/>
                  </a:lnTo>
                  <a:lnTo>
                    <a:pt x="655" y="917"/>
                  </a:lnTo>
                  <a:lnTo>
                    <a:pt x="661" y="891"/>
                  </a:lnTo>
                  <a:lnTo>
                    <a:pt x="665" y="861"/>
                  </a:lnTo>
                  <a:lnTo>
                    <a:pt x="678" y="873"/>
                  </a:lnTo>
                  <a:lnTo>
                    <a:pt x="690" y="886"/>
                  </a:lnTo>
                  <a:lnTo>
                    <a:pt x="696" y="892"/>
                  </a:lnTo>
                  <a:lnTo>
                    <a:pt x="701" y="899"/>
                  </a:lnTo>
                  <a:lnTo>
                    <a:pt x="706" y="907"/>
                  </a:lnTo>
                  <a:lnTo>
                    <a:pt x="710" y="914"/>
                  </a:lnTo>
                  <a:lnTo>
                    <a:pt x="715" y="923"/>
                  </a:lnTo>
                  <a:lnTo>
                    <a:pt x="718" y="932"/>
                  </a:lnTo>
                  <a:lnTo>
                    <a:pt x="720" y="941"/>
                  </a:lnTo>
                  <a:lnTo>
                    <a:pt x="722" y="952"/>
                  </a:lnTo>
                  <a:lnTo>
                    <a:pt x="723" y="963"/>
                  </a:lnTo>
                  <a:lnTo>
                    <a:pt x="723" y="976"/>
                  </a:lnTo>
                  <a:lnTo>
                    <a:pt x="722" y="989"/>
                  </a:lnTo>
                  <a:lnTo>
                    <a:pt x="721" y="1002"/>
                  </a:lnTo>
                  <a:lnTo>
                    <a:pt x="729" y="1002"/>
                  </a:lnTo>
                  <a:lnTo>
                    <a:pt x="739" y="1003"/>
                  </a:lnTo>
                  <a:lnTo>
                    <a:pt x="742" y="1005"/>
                  </a:lnTo>
                  <a:lnTo>
                    <a:pt x="745" y="1006"/>
                  </a:lnTo>
                  <a:lnTo>
                    <a:pt x="747" y="1008"/>
                  </a:lnTo>
                  <a:lnTo>
                    <a:pt x="749" y="1012"/>
                  </a:lnTo>
                  <a:lnTo>
                    <a:pt x="760" y="1005"/>
                  </a:lnTo>
                  <a:lnTo>
                    <a:pt x="770" y="996"/>
                  </a:lnTo>
                  <a:lnTo>
                    <a:pt x="781" y="987"/>
                  </a:lnTo>
                  <a:lnTo>
                    <a:pt x="789" y="977"/>
                  </a:lnTo>
                  <a:lnTo>
                    <a:pt x="807" y="958"/>
                  </a:lnTo>
                  <a:lnTo>
                    <a:pt x="825" y="938"/>
                  </a:lnTo>
                  <a:lnTo>
                    <a:pt x="835" y="929"/>
                  </a:lnTo>
                  <a:lnTo>
                    <a:pt x="845" y="920"/>
                  </a:lnTo>
                  <a:lnTo>
                    <a:pt x="856" y="912"/>
                  </a:lnTo>
                  <a:lnTo>
                    <a:pt x="867" y="906"/>
                  </a:lnTo>
                  <a:lnTo>
                    <a:pt x="880" y="899"/>
                  </a:lnTo>
                  <a:lnTo>
                    <a:pt x="894" y="895"/>
                  </a:lnTo>
                  <a:lnTo>
                    <a:pt x="909" y="892"/>
                  </a:lnTo>
                  <a:lnTo>
                    <a:pt x="927" y="890"/>
                  </a:lnTo>
                  <a:lnTo>
                    <a:pt x="929" y="894"/>
                  </a:lnTo>
                  <a:lnTo>
                    <a:pt x="932" y="899"/>
                  </a:lnTo>
                  <a:lnTo>
                    <a:pt x="934" y="903"/>
                  </a:lnTo>
                  <a:lnTo>
                    <a:pt x="936" y="910"/>
                  </a:lnTo>
                  <a:lnTo>
                    <a:pt x="937" y="915"/>
                  </a:lnTo>
                  <a:lnTo>
                    <a:pt x="937" y="921"/>
                  </a:lnTo>
                  <a:lnTo>
                    <a:pt x="937" y="929"/>
                  </a:lnTo>
                  <a:lnTo>
                    <a:pt x="936" y="937"/>
                  </a:lnTo>
                  <a:lnTo>
                    <a:pt x="944" y="938"/>
                  </a:lnTo>
                  <a:lnTo>
                    <a:pt x="951" y="938"/>
                  </a:lnTo>
                  <a:lnTo>
                    <a:pt x="959" y="938"/>
                  </a:lnTo>
                  <a:lnTo>
                    <a:pt x="965" y="938"/>
                  </a:lnTo>
                  <a:lnTo>
                    <a:pt x="978" y="936"/>
                  </a:lnTo>
                  <a:lnTo>
                    <a:pt x="988" y="933"/>
                  </a:lnTo>
                  <a:lnTo>
                    <a:pt x="1008" y="925"/>
                  </a:lnTo>
                  <a:lnTo>
                    <a:pt x="1029" y="918"/>
                  </a:lnTo>
                  <a:lnTo>
                    <a:pt x="1034" y="908"/>
                  </a:lnTo>
                  <a:lnTo>
                    <a:pt x="1036" y="896"/>
                  </a:lnTo>
                  <a:lnTo>
                    <a:pt x="1038" y="884"/>
                  </a:lnTo>
                  <a:lnTo>
                    <a:pt x="1039" y="871"/>
                  </a:lnTo>
                  <a:lnTo>
                    <a:pt x="1040" y="843"/>
                  </a:lnTo>
                  <a:lnTo>
                    <a:pt x="1039" y="815"/>
                  </a:lnTo>
                  <a:lnTo>
                    <a:pt x="1023" y="807"/>
                  </a:lnTo>
                  <a:lnTo>
                    <a:pt x="1006" y="799"/>
                  </a:lnTo>
                  <a:lnTo>
                    <a:pt x="989" y="791"/>
                  </a:lnTo>
                  <a:lnTo>
                    <a:pt x="975" y="781"/>
                  </a:lnTo>
                  <a:lnTo>
                    <a:pt x="968" y="776"/>
                  </a:lnTo>
                  <a:lnTo>
                    <a:pt x="961" y="770"/>
                  </a:lnTo>
                  <a:lnTo>
                    <a:pt x="956" y="763"/>
                  </a:lnTo>
                  <a:lnTo>
                    <a:pt x="950" y="757"/>
                  </a:lnTo>
                  <a:lnTo>
                    <a:pt x="945" y="749"/>
                  </a:lnTo>
                  <a:lnTo>
                    <a:pt x="942" y="740"/>
                  </a:lnTo>
                  <a:lnTo>
                    <a:pt x="939" y="732"/>
                  </a:lnTo>
                  <a:lnTo>
                    <a:pt x="936" y="721"/>
                  </a:lnTo>
                  <a:lnTo>
                    <a:pt x="901" y="722"/>
                  </a:lnTo>
                  <a:lnTo>
                    <a:pt x="867" y="722"/>
                  </a:lnTo>
                  <a:lnTo>
                    <a:pt x="850" y="722"/>
                  </a:lnTo>
                  <a:lnTo>
                    <a:pt x="835" y="721"/>
                  </a:lnTo>
                  <a:lnTo>
                    <a:pt x="819" y="720"/>
                  </a:lnTo>
                  <a:lnTo>
                    <a:pt x="803" y="718"/>
                  </a:lnTo>
                  <a:lnTo>
                    <a:pt x="789" y="716"/>
                  </a:lnTo>
                  <a:lnTo>
                    <a:pt x="776" y="712"/>
                  </a:lnTo>
                  <a:lnTo>
                    <a:pt x="764" y="708"/>
                  </a:lnTo>
                  <a:lnTo>
                    <a:pt x="752" y="701"/>
                  </a:lnTo>
                  <a:lnTo>
                    <a:pt x="742" y="695"/>
                  </a:lnTo>
                  <a:lnTo>
                    <a:pt x="733" y="687"/>
                  </a:lnTo>
                  <a:lnTo>
                    <a:pt x="730" y="681"/>
                  </a:lnTo>
                  <a:lnTo>
                    <a:pt x="726" y="676"/>
                  </a:lnTo>
                  <a:lnTo>
                    <a:pt x="723" y="671"/>
                  </a:lnTo>
                  <a:lnTo>
                    <a:pt x="721" y="665"/>
                  </a:lnTo>
                  <a:lnTo>
                    <a:pt x="746" y="662"/>
                  </a:lnTo>
                  <a:lnTo>
                    <a:pt x="770" y="662"/>
                  </a:lnTo>
                  <a:lnTo>
                    <a:pt x="796" y="662"/>
                  </a:lnTo>
                  <a:lnTo>
                    <a:pt x="820" y="662"/>
                  </a:lnTo>
                  <a:lnTo>
                    <a:pt x="845" y="662"/>
                  </a:lnTo>
                  <a:lnTo>
                    <a:pt x="871" y="662"/>
                  </a:lnTo>
                  <a:lnTo>
                    <a:pt x="899" y="660"/>
                  </a:lnTo>
                  <a:lnTo>
                    <a:pt x="927" y="656"/>
                  </a:lnTo>
                  <a:lnTo>
                    <a:pt x="934" y="634"/>
                  </a:lnTo>
                  <a:lnTo>
                    <a:pt x="941" y="614"/>
                  </a:lnTo>
                  <a:lnTo>
                    <a:pt x="945" y="603"/>
                  </a:lnTo>
                  <a:lnTo>
                    <a:pt x="947" y="592"/>
                  </a:lnTo>
                  <a:lnTo>
                    <a:pt x="947" y="585"/>
                  </a:lnTo>
                  <a:lnTo>
                    <a:pt x="947" y="578"/>
                  </a:lnTo>
                  <a:lnTo>
                    <a:pt x="946" y="571"/>
                  </a:lnTo>
                  <a:lnTo>
                    <a:pt x="945" y="562"/>
                  </a:lnTo>
                  <a:lnTo>
                    <a:pt x="932" y="559"/>
                  </a:lnTo>
                  <a:lnTo>
                    <a:pt x="919" y="556"/>
                  </a:lnTo>
                  <a:lnTo>
                    <a:pt x="905" y="556"/>
                  </a:lnTo>
                  <a:lnTo>
                    <a:pt x="891" y="556"/>
                  </a:lnTo>
                  <a:lnTo>
                    <a:pt x="860" y="558"/>
                  </a:lnTo>
                  <a:lnTo>
                    <a:pt x="824" y="562"/>
                  </a:lnTo>
                  <a:lnTo>
                    <a:pt x="816" y="553"/>
                  </a:lnTo>
                  <a:lnTo>
                    <a:pt x="811" y="544"/>
                  </a:lnTo>
                  <a:lnTo>
                    <a:pt x="808" y="535"/>
                  </a:lnTo>
                  <a:lnTo>
                    <a:pt x="807" y="526"/>
                  </a:lnTo>
                  <a:lnTo>
                    <a:pt x="808" y="517"/>
                  </a:lnTo>
                  <a:lnTo>
                    <a:pt x="809" y="509"/>
                  </a:lnTo>
                  <a:lnTo>
                    <a:pt x="812" y="500"/>
                  </a:lnTo>
                  <a:lnTo>
                    <a:pt x="817" y="493"/>
                  </a:lnTo>
                  <a:lnTo>
                    <a:pt x="825" y="476"/>
                  </a:lnTo>
                  <a:lnTo>
                    <a:pt x="831" y="461"/>
                  </a:lnTo>
                  <a:lnTo>
                    <a:pt x="835" y="453"/>
                  </a:lnTo>
                  <a:lnTo>
                    <a:pt x="836" y="445"/>
                  </a:lnTo>
                  <a:lnTo>
                    <a:pt x="836" y="438"/>
                  </a:lnTo>
                  <a:lnTo>
                    <a:pt x="834" y="431"/>
                  </a:lnTo>
                  <a:lnTo>
                    <a:pt x="824" y="430"/>
                  </a:lnTo>
                  <a:lnTo>
                    <a:pt x="816" y="430"/>
                  </a:lnTo>
                  <a:lnTo>
                    <a:pt x="808" y="431"/>
                  </a:lnTo>
                  <a:lnTo>
                    <a:pt x="802" y="433"/>
                  </a:lnTo>
                  <a:lnTo>
                    <a:pt x="797" y="436"/>
                  </a:lnTo>
                  <a:lnTo>
                    <a:pt x="792" y="439"/>
                  </a:lnTo>
                  <a:lnTo>
                    <a:pt x="787" y="443"/>
                  </a:lnTo>
                  <a:lnTo>
                    <a:pt x="783" y="446"/>
                  </a:lnTo>
                  <a:lnTo>
                    <a:pt x="775" y="455"/>
                  </a:lnTo>
                  <a:lnTo>
                    <a:pt x="766" y="462"/>
                  </a:lnTo>
                  <a:lnTo>
                    <a:pt x="760" y="464"/>
                  </a:lnTo>
                  <a:lnTo>
                    <a:pt x="755" y="466"/>
                  </a:lnTo>
                  <a:lnTo>
                    <a:pt x="747" y="469"/>
                  </a:lnTo>
                  <a:lnTo>
                    <a:pt x="740" y="469"/>
                  </a:lnTo>
                  <a:lnTo>
                    <a:pt x="733" y="464"/>
                  </a:lnTo>
                  <a:lnTo>
                    <a:pt x="728" y="461"/>
                  </a:lnTo>
                  <a:lnTo>
                    <a:pt x="724" y="456"/>
                  </a:lnTo>
                  <a:lnTo>
                    <a:pt x="719" y="452"/>
                  </a:lnTo>
                  <a:lnTo>
                    <a:pt x="711" y="441"/>
                  </a:lnTo>
                  <a:lnTo>
                    <a:pt x="704" y="430"/>
                  </a:lnTo>
                  <a:lnTo>
                    <a:pt x="691" y="404"/>
                  </a:lnTo>
                  <a:lnTo>
                    <a:pt x="679" y="379"/>
                  </a:lnTo>
                  <a:lnTo>
                    <a:pt x="672" y="367"/>
                  </a:lnTo>
                  <a:lnTo>
                    <a:pt x="665" y="356"/>
                  </a:lnTo>
                  <a:lnTo>
                    <a:pt x="657" y="345"/>
                  </a:lnTo>
                  <a:lnTo>
                    <a:pt x="647" y="337"/>
                  </a:lnTo>
                  <a:lnTo>
                    <a:pt x="642" y="333"/>
                  </a:lnTo>
                  <a:lnTo>
                    <a:pt x="636" y="330"/>
                  </a:lnTo>
                  <a:lnTo>
                    <a:pt x="629" y="326"/>
                  </a:lnTo>
                  <a:lnTo>
                    <a:pt x="623" y="323"/>
                  </a:lnTo>
                  <a:lnTo>
                    <a:pt x="616" y="321"/>
                  </a:lnTo>
                  <a:lnTo>
                    <a:pt x="607" y="320"/>
                  </a:lnTo>
                  <a:lnTo>
                    <a:pt x="599" y="319"/>
                  </a:lnTo>
                  <a:lnTo>
                    <a:pt x="589" y="319"/>
                  </a:lnTo>
                  <a:lnTo>
                    <a:pt x="592" y="310"/>
                  </a:lnTo>
                  <a:lnTo>
                    <a:pt x="593" y="300"/>
                  </a:lnTo>
                  <a:lnTo>
                    <a:pt x="594" y="291"/>
                  </a:lnTo>
                  <a:lnTo>
                    <a:pt x="596" y="282"/>
                  </a:lnTo>
                  <a:lnTo>
                    <a:pt x="594" y="273"/>
                  </a:lnTo>
                  <a:lnTo>
                    <a:pt x="593" y="264"/>
                  </a:lnTo>
                  <a:lnTo>
                    <a:pt x="592" y="256"/>
                  </a:lnTo>
                  <a:lnTo>
                    <a:pt x="590" y="247"/>
                  </a:lnTo>
                  <a:lnTo>
                    <a:pt x="585" y="232"/>
                  </a:lnTo>
                  <a:lnTo>
                    <a:pt x="578" y="216"/>
                  </a:lnTo>
                  <a:lnTo>
                    <a:pt x="569" y="200"/>
                  </a:lnTo>
                  <a:lnTo>
                    <a:pt x="559" y="185"/>
                  </a:lnTo>
                  <a:lnTo>
                    <a:pt x="537" y="155"/>
                  </a:lnTo>
                  <a:lnTo>
                    <a:pt x="512" y="123"/>
                  </a:lnTo>
                  <a:lnTo>
                    <a:pt x="501" y="107"/>
                  </a:lnTo>
                  <a:lnTo>
                    <a:pt x="489" y="92"/>
                  </a:lnTo>
                  <a:lnTo>
                    <a:pt x="478" y="74"/>
                  </a:lnTo>
                  <a:lnTo>
                    <a:pt x="468" y="57"/>
                  </a:lnTo>
                  <a:lnTo>
                    <a:pt x="460" y="60"/>
                  </a:lnTo>
                  <a:lnTo>
                    <a:pt x="452" y="63"/>
                  </a:lnTo>
                  <a:lnTo>
                    <a:pt x="445" y="66"/>
                  </a:lnTo>
                  <a:lnTo>
                    <a:pt x="438" y="68"/>
                  </a:lnTo>
                  <a:lnTo>
                    <a:pt x="423" y="69"/>
                  </a:lnTo>
                  <a:lnTo>
                    <a:pt x="409" y="69"/>
                  </a:lnTo>
                  <a:lnTo>
                    <a:pt x="397" y="67"/>
                  </a:lnTo>
                  <a:lnTo>
                    <a:pt x="384" y="64"/>
                  </a:lnTo>
                  <a:lnTo>
                    <a:pt x="372" y="59"/>
                  </a:lnTo>
                  <a:lnTo>
                    <a:pt x="361" y="53"/>
                  </a:lnTo>
                  <a:lnTo>
                    <a:pt x="338" y="39"/>
                  </a:lnTo>
                  <a:lnTo>
                    <a:pt x="313" y="24"/>
                  </a:lnTo>
                  <a:lnTo>
                    <a:pt x="302" y="17"/>
                  </a:lnTo>
                  <a:lnTo>
                    <a:pt x="289" y="11"/>
                  </a:lnTo>
                  <a:lnTo>
                    <a:pt x="275" y="4"/>
                  </a:lnTo>
                  <a:lnTo>
                    <a:pt x="262" y="0"/>
                  </a:lnTo>
                  <a:lnTo>
                    <a:pt x="243" y="36"/>
                  </a:lnTo>
                  <a:lnTo>
                    <a:pt x="222" y="74"/>
                  </a:lnTo>
                  <a:lnTo>
                    <a:pt x="211" y="93"/>
                  </a:lnTo>
                  <a:lnTo>
                    <a:pt x="200" y="111"/>
                  </a:lnTo>
                  <a:lnTo>
                    <a:pt x="188" y="128"/>
                  </a:lnTo>
                  <a:lnTo>
                    <a:pt x="175" y="145"/>
                  </a:lnTo>
                  <a:lnTo>
                    <a:pt x="163" y="161"/>
                  </a:lnTo>
                  <a:lnTo>
                    <a:pt x="148" y="176"/>
                  </a:lnTo>
                  <a:lnTo>
                    <a:pt x="133" y="190"/>
                  </a:lnTo>
                  <a:lnTo>
                    <a:pt x="119" y="201"/>
                  </a:lnTo>
                  <a:lnTo>
                    <a:pt x="110" y="206"/>
                  </a:lnTo>
                  <a:lnTo>
                    <a:pt x="102" y="211"/>
                  </a:lnTo>
                  <a:lnTo>
                    <a:pt x="93" y="215"/>
                  </a:lnTo>
                  <a:lnTo>
                    <a:pt x="85" y="218"/>
                  </a:lnTo>
                  <a:lnTo>
                    <a:pt x="75" y="221"/>
                  </a:lnTo>
                  <a:lnTo>
                    <a:pt x="66" y="223"/>
                  </a:lnTo>
                  <a:lnTo>
                    <a:pt x="56" y="224"/>
                  </a:lnTo>
                  <a:lnTo>
                    <a:pt x="47" y="225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31" name="Vejen"/>
            <p:cNvSpPr>
              <a:spLocks/>
            </p:cNvSpPr>
            <p:nvPr/>
          </p:nvSpPr>
          <p:spPr bwMode="auto">
            <a:xfrm>
              <a:off x="1025525" y="5016500"/>
              <a:ext cx="434975" cy="476250"/>
            </a:xfrm>
            <a:custGeom>
              <a:avLst/>
              <a:gdLst>
                <a:gd name="T0" fmla="*/ 0 w 823"/>
                <a:gd name="T1" fmla="*/ 61 h 899"/>
                <a:gd name="T2" fmla="*/ 34 w 823"/>
                <a:gd name="T3" fmla="*/ 86 h 899"/>
                <a:gd name="T4" fmla="*/ 54 w 823"/>
                <a:gd name="T5" fmla="*/ 110 h 899"/>
                <a:gd name="T6" fmla="*/ 59 w 823"/>
                <a:gd name="T7" fmla="*/ 135 h 899"/>
                <a:gd name="T8" fmla="*/ 47 w 823"/>
                <a:gd name="T9" fmla="*/ 139 h 899"/>
                <a:gd name="T10" fmla="*/ 41 w 823"/>
                <a:gd name="T11" fmla="*/ 149 h 899"/>
                <a:gd name="T12" fmla="*/ 40 w 823"/>
                <a:gd name="T13" fmla="*/ 164 h 899"/>
                <a:gd name="T14" fmla="*/ 51 w 823"/>
                <a:gd name="T15" fmla="*/ 165 h 899"/>
                <a:gd name="T16" fmla="*/ 53 w 823"/>
                <a:gd name="T17" fmla="*/ 189 h 899"/>
                <a:gd name="T18" fmla="*/ 72 w 823"/>
                <a:gd name="T19" fmla="*/ 191 h 899"/>
                <a:gd name="T20" fmla="*/ 81 w 823"/>
                <a:gd name="T21" fmla="*/ 192 h 899"/>
                <a:gd name="T22" fmla="*/ 80 w 823"/>
                <a:gd name="T23" fmla="*/ 202 h 899"/>
                <a:gd name="T24" fmla="*/ 85 w 823"/>
                <a:gd name="T25" fmla="*/ 215 h 899"/>
                <a:gd name="T26" fmla="*/ 76 w 823"/>
                <a:gd name="T27" fmla="*/ 220 h 899"/>
                <a:gd name="T28" fmla="*/ 71 w 823"/>
                <a:gd name="T29" fmla="*/ 227 h 899"/>
                <a:gd name="T30" fmla="*/ 66 w 823"/>
                <a:gd name="T31" fmla="*/ 236 h 899"/>
                <a:gd name="T32" fmla="*/ 64 w 823"/>
                <a:gd name="T33" fmla="*/ 250 h 899"/>
                <a:gd name="T34" fmla="*/ 72 w 823"/>
                <a:gd name="T35" fmla="*/ 266 h 899"/>
                <a:gd name="T36" fmla="*/ 84 w 823"/>
                <a:gd name="T37" fmla="*/ 274 h 899"/>
                <a:gd name="T38" fmla="*/ 91 w 823"/>
                <a:gd name="T39" fmla="*/ 270 h 899"/>
                <a:gd name="T40" fmla="*/ 98 w 823"/>
                <a:gd name="T41" fmla="*/ 260 h 899"/>
                <a:gd name="T42" fmla="*/ 108 w 823"/>
                <a:gd name="T43" fmla="*/ 256 h 899"/>
                <a:gd name="T44" fmla="*/ 129 w 823"/>
                <a:gd name="T45" fmla="*/ 260 h 899"/>
                <a:gd name="T46" fmla="*/ 150 w 823"/>
                <a:gd name="T47" fmla="*/ 274 h 899"/>
                <a:gd name="T48" fmla="*/ 159 w 823"/>
                <a:gd name="T49" fmla="*/ 265 h 899"/>
                <a:gd name="T50" fmla="*/ 165 w 823"/>
                <a:gd name="T51" fmla="*/ 259 h 899"/>
                <a:gd name="T52" fmla="*/ 176 w 823"/>
                <a:gd name="T53" fmla="*/ 266 h 899"/>
                <a:gd name="T54" fmla="*/ 179 w 823"/>
                <a:gd name="T55" fmla="*/ 289 h 899"/>
                <a:gd name="T56" fmla="*/ 187 w 823"/>
                <a:gd name="T57" fmla="*/ 296 h 899"/>
                <a:gd name="T58" fmla="*/ 202 w 823"/>
                <a:gd name="T59" fmla="*/ 300 h 899"/>
                <a:gd name="T60" fmla="*/ 211 w 823"/>
                <a:gd name="T61" fmla="*/ 276 h 899"/>
                <a:gd name="T62" fmla="*/ 216 w 823"/>
                <a:gd name="T63" fmla="*/ 254 h 899"/>
                <a:gd name="T64" fmla="*/ 224 w 823"/>
                <a:gd name="T65" fmla="*/ 253 h 899"/>
                <a:gd name="T66" fmla="*/ 228 w 823"/>
                <a:gd name="T67" fmla="*/ 247 h 899"/>
                <a:gd name="T68" fmla="*/ 236 w 823"/>
                <a:gd name="T69" fmla="*/ 231 h 899"/>
                <a:gd name="T70" fmla="*/ 250 w 823"/>
                <a:gd name="T71" fmla="*/ 219 h 899"/>
                <a:gd name="T72" fmla="*/ 256 w 823"/>
                <a:gd name="T73" fmla="*/ 213 h 899"/>
                <a:gd name="T74" fmla="*/ 245 w 823"/>
                <a:gd name="T75" fmla="*/ 207 h 899"/>
                <a:gd name="T76" fmla="*/ 233 w 823"/>
                <a:gd name="T77" fmla="*/ 190 h 899"/>
                <a:gd name="T78" fmla="*/ 229 w 823"/>
                <a:gd name="T79" fmla="*/ 162 h 899"/>
                <a:gd name="T80" fmla="*/ 243 w 823"/>
                <a:gd name="T81" fmla="*/ 145 h 899"/>
                <a:gd name="T82" fmla="*/ 253 w 823"/>
                <a:gd name="T83" fmla="*/ 137 h 899"/>
                <a:gd name="T84" fmla="*/ 261 w 823"/>
                <a:gd name="T85" fmla="*/ 119 h 899"/>
                <a:gd name="T86" fmla="*/ 271 w 823"/>
                <a:gd name="T87" fmla="*/ 114 h 899"/>
                <a:gd name="T88" fmla="*/ 271 w 823"/>
                <a:gd name="T89" fmla="*/ 101 h 899"/>
                <a:gd name="T90" fmla="*/ 258 w 823"/>
                <a:gd name="T91" fmla="*/ 75 h 899"/>
                <a:gd name="T92" fmla="*/ 261 w 823"/>
                <a:gd name="T93" fmla="*/ 62 h 899"/>
                <a:gd name="T94" fmla="*/ 263 w 823"/>
                <a:gd name="T95" fmla="*/ 44 h 899"/>
                <a:gd name="T96" fmla="*/ 247 w 823"/>
                <a:gd name="T97" fmla="*/ 29 h 899"/>
                <a:gd name="T98" fmla="*/ 239 w 823"/>
                <a:gd name="T99" fmla="*/ 21 h 899"/>
                <a:gd name="T100" fmla="*/ 237 w 823"/>
                <a:gd name="T101" fmla="*/ 8 h 899"/>
                <a:gd name="T102" fmla="*/ 208 w 823"/>
                <a:gd name="T103" fmla="*/ 10 h 899"/>
                <a:gd name="T104" fmla="*/ 177 w 823"/>
                <a:gd name="T105" fmla="*/ 22 h 899"/>
                <a:gd name="T106" fmla="*/ 158 w 823"/>
                <a:gd name="T107" fmla="*/ 27 h 899"/>
                <a:gd name="T108" fmla="*/ 147 w 823"/>
                <a:gd name="T109" fmla="*/ 20 h 899"/>
                <a:gd name="T110" fmla="*/ 122 w 823"/>
                <a:gd name="T111" fmla="*/ 17 h 899"/>
                <a:gd name="T112" fmla="*/ 115 w 823"/>
                <a:gd name="T113" fmla="*/ 8 h 899"/>
                <a:gd name="T114" fmla="*/ 108 w 823"/>
                <a:gd name="T115" fmla="*/ 1 h 899"/>
                <a:gd name="T116" fmla="*/ 89 w 823"/>
                <a:gd name="T117" fmla="*/ 1 h 899"/>
                <a:gd name="T118" fmla="*/ 64 w 823"/>
                <a:gd name="T119" fmla="*/ 13 h 899"/>
                <a:gd name="T120" fmla="*/ 35 w 823"/>
                <a:gd name="T121" fmla="*/ 32 h 899"/>
                <a:gd name="T122" fmla="*/ 18 w 823"/>
                <a:gd name="T123" fmla="*/ 37 h 899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823" h="899">
                  <a:moveTo>
                    <a:pt x="18" y="107"/>
                  </a:moveTo>
                  <a:lnTo>
                    <a:pt x="16" y="128"/>
                  </a:lnTo>
                  <a:lnTo>
                    <a:pt x="12" y="147"/>
                  </a:lnTo>
                  <a:lnTo>
                    <a:pt x="6" y="165"/>
                  </a:lnTo>
                  <a:lnTo>
                    <a:pt x="0" y="182"/>
                  </a:lnTo>
                  <a:lnTo>
                    <a:pt x="29" y="204"/>
                  </a:lnTo>
                  <a:lnTo>
                    <a:pt x="59" y="225"/>
                  </a:lnTo>
                  <a:lnTo>
                    <a:pt x="74" y="237"/>
                  </a:lnTo>
                  <a:lnTo>
                    <a:pt x="88" y="247"/>
                  </a:lnTo>
                  <a:lnTo>
                    <a:pt x="102" y="259"/>
                  </a:lnTo>
                  <a:lnTo>
                    <a:pt x="116" y="272"/>
                  </a:lnTo>
                  <a:lnTo>
                    <a:pt x="128" y="285"/>
                  </a:lnTo>
                  <a:lnTo>
                    <a:pt x="140" y="299"/>
                  </a:lnTo>
                  <a:lnTo>
                    <a:pt x="152" y="314"/>
                  </a:lnTo>
                  <a:lnTo>
                    <a:pt x="161" y="330"/>
                  </a:lnTo>
                  <a:lnTo>
                    <a:pt x="170" y="346"/>
                  </a:lnTo>
                  <a:lnTo>
                    <a:pt x="177" y="365"/>
                  </a:lnTo>
                  <a:lnTo>
                    <a:pt x="182" y="385"/>
                  </a:lnTo>
                  <a:lnTo>
                    <a:pt x="186" y="406"/>
                  </a:lnTo>
                  <a:lnTo>
                    <a:pt x="177" y="406"/>
                  </a:lnTo>
                  <a:lnTo>
                    <a:pt x="168" y="408"/>
                  </a:lnTo>
                  <a:lnTo>
                    <a:pt x="160" y="409"/>
                  </a:lnTo>
                  <a:lnTo>
                    <a:pt x="153" y="411"/>
                  </a:lnTo>
                  <a:lnTo>
                    <a:pt x="146" y="414"/>
                  </a:lnTo>
                  <a:lnTo>
                    <a:pt x="141" y="417"/>
                  </a:lnTo>
                  <a:lnTo>
                    <a:pt x="136" y="421"/>
                  </a:lnTo>
                  <a:lnTo>
                    <a:pt x="132" y="426"/>
                  </a:lnTo>
                  <a:lnTo>
                    <a:pt x="128" y="433"/>
                  </a:lnTo>
                  <a:lnTo>
                    <a:pt x="125" y="439"/>
                  </a:lnTo>
                  <a:lnTo>
                    <a:pt x="123" y="446"/>
                  </a:lnTo>
                  <a:lnTo>
                    <a:pt x="121" y="454"/>
                  </a:lnTo>
                  <a:lnTo>
                    <a:pt x="120" y="462"/>
                  </a:lnTo>
                  <a:lnTo>
                    <a:pt x="120" y="472"/>
                  </a:lnTo>
                  <a:lnTo>
                    <a:pt x="120" y="481"/>
                  </a:lnTo>
                  <a:lnTo>
                    <a:pt x="121" y="492"/>
                  </a:lnTo>
                  <a:lnTo>
                    <a:pt x="131" y="489"/>
                  </a:lnTo>
                  <a:lnTo>
                    <a:pt x="138" y="489"/>
                  </a:lnTo>
                  <a:lnTo>
                    <a:pt x="144" y="489"/>
                  </a:lnTo>
                  <a:lnTo>
                    <a:pt x="150" y="491"/>
                  </a:lnTo>
                  <a:lnTo>
                    <a:pt x="154" y="494"/>
                  </a:lnTo>
                  <a:lnTo>
                    <a:pt x="156" y="498"/>
                  </a:lnTo>
                  <a:lnTo>
                    <a:pt x="158" y="503"/>
                  </a:lnTo>
                  <a:lnTo>
                    <a:pt x="159" y="510"/>
                  </a:lnTo>
                  <a:lnTo>
                    <a:pt x="159" y="538"/>
                  </a:lnTo>
                  <a:lnTo>
                    <a:pt x="159" y="567"/>
                  </a:lnTo>
                  <a:lnTo>
                    <a:pt x="172" y="570"/>
                  </a:lnTo>
                  <a:lnTo>
                    <a:pt x="183" y="572"/>
                  </a:lnTo>
                  <a:lnTo>
                    <a:pt x="195" y="572"/>
                  </a:lnTo>
                  <a:lnTo>
                    <a:pt x="205" y="571"/>
                  </a:lnTo>
                  <a:lnTo>
                    <a:pt x="215" y="571"/>
                  </a:lnTo>
                  <a:lnTo>
                    <a:pt x="224" y="571"/>
                  </a:lnTo>
                  <a:lnTo>
                    <a:pt x="229" y="571"/>
                  </a:lnTo>
                  <a:lnTo>
                    <a:pt x="234" y="572"/>
                  </a:lnTo>
                  <a:lnTo>
                    <a:pt x="238" y="573"/>
                  </a:lnTo>
                  <a:lnTo>
                    <a:pt x="243" y="576"/>
                  </a:lnTo>
                  <a:lnTo>
                    <a:pt x="239" y="582"/>
                  </a:lnTo>
                  <a:lnTo>
                    <a:pt x="237" y="589"/>
                  </a:lnTo>
                  <a:lnTo>
                    <a:pt x="236" y="593"/>
                  </a:lnTo>
                  <a:lnTo>
                    <a:pt x="236" y="598"/>
                  </a:lnTo>
                  <a:lnTo>
                    <a:pt x="239" y="606"/>
                  </a:lnTo>
                  <a:lnTo>
                    <a:pt x="243" y="613"/>
                  </a:lnTo>
                  <a:lnTo>
                    <a:pt x="249" y="621"/>
                  </a:lnTo>
                  <a:lnTo>
                    <a:pt x="253" y="631"/>
                  </a:lnTo>
                  <a:lnTo>
                    <a:pt x="254" y="636"/>
                  </a:lnTo>
                  <a:lnTo>
                    <a:pt x="254" y="643"/>
                  </a:lnTo>
                  <a:lnTo>
                    <a:pt x="254" y="651"/>
                  </a:lnTo>
                  <a:lnTo>
                    <a:pt x="253" y="660"/>
                  </a:lnTo>
                  <a:lnTo>
                    <a:pt x="242" y="657"/>
                  </a:lnTo>
                  <a:lnTo>
                    <a:pt x="234" y="657"/>
                  </a:lnTo>
                  <a:lnTo>
                    <a:pt x="227" y="658"/>
                  </a:lnTo>
                  <a:lnTo>
                    <a:pt x="223" y="660"/>
                  </a:lnTo>
                  <a:lnTo>
                    <a:pt x="219" y="664"/>
                  </a:lnTo>
                  <a:lnTo>
                    <a:pt x="216" y="670"/>
                  </a:lnTo>
                  <a:lnTo>
                    <a:pt x="214" y="675"/>
                  </a:lnTo>
                  <a:lnTo>
                    <a:pt x="213" y="681"/>
                  </a:lnTo>
                  <a:lnTo>
                    <a:pt x="211" y="687"/>
                  </a:lnTo>
                  <a:lnTo>
                    <a:pt x="209" y="693"/>
                  </a:lnTo>
                  <a:lnTo>
                    <a:pt x="206" y="698"/>
                  </a:lnTo>
                  <a:lnTo>
                    <a:pt x="203" y="702"/>
                  </a:lnTo>
                  <a:lnTo>
                    <a:pt x="199" y="706"/>
                  </a:lnTo>
                  <a:lnTo>
                    <a:pt x="194" y="708"/>
                  </a:lnTo>
                  <a:lnTo>
                    <a:pt x="186" y="708"/>
                  </a:lnTo>
                  <a:lnTo>
                    <a:pt x="177" y="707"/>
                  </a:lnTo>
                  <a:lnTo>
                    <a:pt x="183" y="727"/>
                  </a:lnTo>
                  <a:lnTo>
                    <a:pt x="191" y="749"/>
                  </a:lnTo>
                  <a:lnTo>
                    <a:pt x="195" y="759"/>
                  </a:lnTo>
                  <a:lnTo>
                    <a:pt x="199" y="770"/>
                  </a:lnTo>
                  <a:lnTo>
                    <a:pt x="203" y="780"/>
                  </a:lnTo>
                  <a:lnTo>
                    <a:pt x="209" y="790"/>
                  </a:lnTo>
                  <a:lnTo>
                    <a:pt x="215" y="798"/>
                  </a:lnTo>
                  <a:lnTo>
                    <a:pt x="220" y="807"/>
                  </a:lnTo>
                  <a:lnTo>
                    <a:pt x="227" y="813"/>
                  </a:lnTo>
                  <a:lnTo>
                    <a:pt x="235" y="818"/>
                  </a:lnTo>
                  <a:lnTo>
                    <a:pt x="243" y="821"/>
                  </a:lnTo>
                  <a:lnTo>
                    <a:pt x="252" y="822"/>
                  </a:lnTo>
                  <a:lnTo>
                    <a:pt x="256" y="822"/>
                  </a:lnTo>
                  <a:lnTo>
                    <a:pt x="261" y="822"/>
                  </a:lnTo>
                  <a:lnTo>
                    <a:pt x="265" y="820"/>
                  </a:lnTo>
                  <a:lnTo>
                    <a:pt x="271" y="819"/>
                  </a:lnTo>
                  <a:lnTo>
                    <a:pt x="274" y="810"/>
                  </a:lnTo>
                  <a:lnTo>
                    <a:pt x="277" y="802"/>
                  </a:lnTo>
                  <a:lnTo>
                    <a:pt x="280" y="795"/>
                  </a:lnTo>
                  <a:lnTo>
                    <a:pt x="284" y="789"/>
                  </a:lnTo>
                  <a:lnTo>
                    <a:pt x="290" y="783"/>
                  </a:lnTo>
                  <a:lnTo>
                    <a:pt x="294" y="779"/>
                  </a:lnTo>
                  <a:lnTo>
                    <a:pt x="299" y="775"/>
                  </a:lnTo>
                  <a:lnTo>
                    <a:pt x="305" y="772"/>
                  </a:lnTo>
                  <a:lnTo>
                    <a:pt x="311" y="770"/>
                  </a:lnTo>
                  <a:lnTo>
                    <a:pt x="317" y="768"/>
                  </a:lnTo>
                  <a:lnTo>
                    <a:pt x="323" y="768"/>
                  </a:lnTo>
                  <a:lnTo>
                    <a:pt x="331" y="767"/>
                  </a:lnTo>
                  <a:lnTo>
                    <a:pt x="344" y="768"/>
                  </a:lnTo>
                  <a:lnTo>
                    <a:pt x="358" y="770"/>
                  </a:lnTo>
                  <a:lnTo>
                    <a:pt x="373" y="775"/>
                  </a:lnTo>
                  <a:lnTo>
                    <a:pt x="388" y="780"/>
                  </a:lnTo>
                  <a:lnTo>
                    <a:pt x="401" y="788"/>
                  </a:lnTo>
                  <a:lnTo>
                    <a:pt x="415" y="795"/>
                  </a:lnTo>
                  <a:lnTo>
                    <a:pt x="428" y="803"/>
                  </a:lnTo>
                  <a:lnTo>
                    <a:pt x="439" y="812"/>
                  </a:lnTo>
                  <a:lnTo>
                    <a:pt x="450" y="820"/>
                  </a:lnTo>
                  <a:lnTo>
                    <a:pt x="458" y="829"/>
                  </a:lnTo>
                  <a:lnTo>
                    <a:pt x="464" y="820"/>
                  </a:lnTo>
                  <a:lnTo>
                    <a:pt x="470" y="812"/>
                  </a:lnTo>
                  <a:lnTo>
                    <a:pt x="475" y="802"/>
                  </a:lnTo>
                  <a:lnTo>
                    <a:pt x="479" y="793"/>
                  </a:lnTo>
                  <a:lnTo>
                    <a:pt x="482" y="789"/>
                  </a:lnTo>
                  <a:lnTo>
                    <a:pt x="485" y="786"/>
                  </a:lnTo>
                  <a:lnTo>
                    <a:pt x="489" y="781"/>
                  </a:lnTo>
                  <a:lnTo>
                    <a:pt x="493" y="778"/>
                  </a:lnTo>
                  <a:lnTo>
                    <a:pt x="497" y="776"/>
                  </a:lnTo>
                  <a:lnTo>
                    <a:pt x="502" y="774"/>
                  </a:lnTo>
                  <a:lnTo>
                    <a:pt x="508" y="773"/>
                  </a:lnTo>
                  <a:lnTo>
                    <a:pt x="515" y="772"/>
                  </a:lnTo>
                  <a:lnTo>
                    <a:pt x="523" y="785"/>
                  </a:lnTo>
                  <a:lnTo>
                    <a:pt x="530" y="796"/>
                  </a:lnTo>
                  <a:lnTo>
                    <a:pt x="535" y="809"/>
                  </a:lnTo>
                  <a:lnTo>
                    <a:pt x="537" y="822"/>
                  </a:lnTo>
                  <a:lnTo>
                    <a:pt x="539" y="836"/>
                  </a:lnTo>
                  <a:lnTo>
                    <a:pt x="538" y="851"/>
                  </a:lnTo>
                  <a:lnTo>
                    <a:pt x="537" y="867"/>
                  </a:lnTo>
                  <a:lnTo>
                    <a:pt x="533" y="885"/>
                  </a:lnTo>
                  <a:lnTo>
                    <a:pt x="542" y="885"/>
                  </a:lnTo>
                  <a:lnTo>
                    <a:pt x="550" y="885"/>
                  </a:lnTo>
                  <a:lnTo>
                    <a:pt x="557" y="886"/>
                  </a:lnTo>
                  <a:lnTo>
                    <a:pt x="563" y="887"/>
                  </a:lnTo>
                  <a:lnTo>
                    <a:pt x="574" y="891"/>
                  </a:lnTo>
                  <a:lnTo>
                    <a:pt x="582" y="894"/>
                  </a:lnTo>
                  <a:lnTo>
                    <a:pt x="591" y="897"/>
                  </a:lnTo>
                  <a:lnTo>
                    <a:pt x="601" y="899"/>
                  </a:lnTo>
                  <a:lnTo>
                    <a:pt x="607" y="899"/>
                  </a:lnTo>
                  <a:lnTo>
                    <a:pt x="612" y="898"/>
                  </a:lnTo>
                  <a:lnTo>
                    <a:pt x="619" y="896"/>
                  </a:lnTo>
                  <a:lnTo>
                    <a:pt x="627" y="894"/>
                  </a:lnTo>
                  <a:lnTo>
                    <a:pt x="630" y="865"/>
                  </a:lnTo>
                  <a:lnTo>
                    <a:pt x="633" y="826"/>
                  </a:lnTo>
                  <a:lnTo>
                    <a:pt x="635" y="805"/>
                  </a:lnTo>
                  <a:lnTo>
                    <a:pt x="639" y="786"/>
                  </a:lnTo>
                  <a:lnTo>
                    <a:pt x="642" y="776"/>
                  </a:lnTo>
                  <a:lnTo>
                    <a:pt x="645" y="768"/>
                  </a:lnTo>
                  <a:lnTo>
                    <a:pt x="650" y="760"/>
                  </a:lnTo>
                  <a:lnTo>
                    <a:pt x="655" y="754"/>
                  </a:lnTo>
                  <a:lnTo>
                    <a:pt x="661" y="753"/>
                  </a:lnTo>
                  <a:lnTo>
                    <a:pt x="666" y="754"/>
                  </a:lnTo>
                  <a:lnTo>
                    <a:pt x="670" y="756"/>
                  </a:lnTo>
                  <a:lnTo>
                    <a:pt x="673" y="759"/>
                  </a:lnTo>
                  <a:lnTo>
                    <a:pt x="677" y="767"/>
                  </a:lnTo>
                  <a:lnTo>
                    <a:pt x="683" y="772"/>
                  </a:lnTo>
                  <a:lnTo>
                    <a:pt x="683" y="761"/>
                  </a:lnTo>
                  <a:lnTo>
                    <a:pt x="683" y="750"/>
                  </a:lnTo>
                  <a:lnTo>
                    <a:pt x="686" y="739"/>
                  </a:lnTo>
                  <a:lnTo>
                    <a:pt x="689" y="729"/>
                  </a:lnTo>
                  <a:lnTo>
                    <a:pt x="692" y="719"/>
                  </a:lnTo>
                  <a:lnTo>
                    <a:pt x="697" y="710"/>
                  </a:lnTo>
                  <a:lnTo>
                    <a:pt x="702" y="700"/>
                  </a:lnTo>
                  <a:lnTo>
                    <a:pt x="709" y="691"/>
                  </a:lnTo>
                  <a:lnTo>
                    <a:pt x="716" y="682"/>
                  </a:lnTo>
                  <a:lnTo>
                    <a:pt x="724" y="675"/>
                  </a:lnTo>
                  <a:lnTo>
                    <a:pt x="733" y="668"/>
                  </a:lnTo>
                  <a:lnTo>
                    <a:pt x="742" y="660"/>
                  </a:lnTo>
                  <a:lnTo>
                    <a:pt x="752" y="655"/>
                  </a:lnTo>
                  <a:lnTo>
                    <a:pt x="763" y="650"/>
                  </a:lnTo>
                  <a:lnTo>
                    <a:pt x="774" y="644"/>
                  </a:lnTo>
                  <a:lnTo>
                    <a:pt x="787" y="641"/>
                  </a:lnTo>
                  <a:lnTo>
                    <a:pt x="777" y="640"/>
                  </a:lnTo>
                  <a:lnTo>
                    <a:pt x="770" y="638"/>
                  </a:lnTo>
                  <a:lnTo>
                    <a:pt x="762" y="636"/>
                  </a:lnTo>
                  <a:lnTo>
                    <a:pt x="755" y="633"/>
                  </a:lnTo>
                  <a:lnTo>
                    <a:pt x="748" y="630"/>
                  </a:lnTo>
                  <a:lnTo>
                    <a:pt x="741" y="626"/>
                  </a:lnTo>
                  <a:lnTo>
                    <a:pt x="736" y="621"/>
                  </a:lnTo>
                  <a:lnTo>
                    <a:pt x="731" y="617"/>
                  </a:lnTo>
                  <a:lnTo>
                    <a:pt x="720" y="607"/>
                  </a:lnTo>
                  <a:lnTo>
                    <a:pt x="713" y="595"/>
                  </a:lnTo>
                  <a:lnTo>
                    <a:pt x="706" y="581"/>
                  </a:lnTo>
                  <a:lnTo>
                    <a:pt x="700" y="568"/>
                  </a:lnTo>
                  <a:lnTo>
                    <a:pt x="696" y="552"/>
                  </a:lnTo>
                  <a:lnTo>
                    <a:pt x="693" y="536"/>
                  </a:lnTo>
                  <a:lnTo>
                    <a:pt x="691" y="520"/>
                  </a:lnTo>
                  <a:lnTo>
                    <a:pt x="690" y="503"/>
                  </a:lnTo>
                  <a:lnTo>
                    <a:pt x="689" y="485"/>
                  </a:lnTo>
                  <a:lnTo>
                    <a:pt x="690" y="469"/>
                  </a:lnTo>
                  <a:lnTo>
                    <a:pt x="691" y="452"/>
                  </a:lnTo>
                  <a:lnTo>
                    <a:pt x="693" y="435"/>
                  </a:lnTo>
                  <a:lnTo>
                    <a:pt x="712" y="435"/>
                  </a:lnTo>
                  <a:lnTo>
                    <a:pt x="730" y="435"/>
                  </a:lnTo>
                  <a:lnTo>
                    <a:pt x="738" y="434"/>
                  </a:lnTo>
                  <a:lnTo>
                    <a:pt x="747" y="433"/>
                  </a:lnTo>
                  <a:lnTo>
                    <a:pt x="753" y="430"/>
                  </a:lnTo>
                  <a:lnTo>
                    <a:pt x="758" y="425"/>
                  </a:lnTo>
                  <a:lnTo>
                    <a:pt x="761" y="411"/>
                  </a:lnTo>
                  <a:lnTo>
                    <a:pt x="766" y="396"/>
                  </a:lnTo>
                  <a:lnTo>
                    <a:pt x="770" y="381"/>
                  </a:lnTo>
                  <a:lnTo>
                    <a:pt x="776" y="370"/>
                  </a:lnTo>
                  <a:lnTo>
                    <a:pt x="780" y="363"/>
                  </a:lnTo>
                  <a:lnTo>
                    <a:pt x="784" y="358"/>
                  </a:lnTo>
                  <a:lnTo>
                    <a:pt x="790" y="354"/>
                  </a:lnTo>
                  <a:lnTo>
                    <a:pt x="795" y="350"/>
                  </a:lnTo>
                  <a:lnTo>
                    <a:pt x="800" y="346"/>
                  </a:lnTo>
                  <a:lnTo>
                    <a:pt x="808" y="344"/>
                  </a:lnTo>
                  <a:lnTo>
                    <a:pt x="815" y="342"/>
                  </a:lnTo>
                  <a:lnTo>
                    <a:pt x="823" y="341"/>
                  </a:lnTo>
                  <a:lnTo>
                    <a:pt x="822" y="332"/>
                  </a:lnTo>
                  <a:lnTo>
                    <a:pt x="820" y="321"/>
                  </a:lnTo>
                  <a:lnTo>
                    <a:pt x="817" y="313"/>
                  </a:lnTo>
                  <a:lnTo>
                    <a:pt x="814" y="303"/>
                  </a:lnTo>
                  <a:lnTo>
                    <a:pt x="808" y="287"/>
                  </a:lnTo>
                  <a:lnTo>
                    <a:pt x="799" y="272"/>
                  </a:lnTo>
                  <a:lnTo>
                    <a:pt x="791" y="257"/>
                  </a:lnTo>
                  <a:lnTo>
                    <a:pt x="782" y="242"/>
                  </a:lnTo>
                  <a:lnTo>
                    <a:pt x="774" y="226"/>
                  </a:lnTo>
                  <a:lnTo>
                    <a:pt x="768" y="211"/>
                  </a:lnTo>
                  <a:lnTo>
                    <a:pt x="773" y="204"/>
                  </a:lnTo>
                  <a:lnTo>
                    <a:pt x="777" y="199"/>
                  </a:lnTo>
                  <a:lnTo>
                    <a:pt x="781" y="193"/>
                  </a:lnTo>
                  <a:lnTo>
                    <a:pt x="783" y="186"/>
                  </a:lnTo>
                  <a:lnTo>
                    <a:pt x="786" y="180"/>
                  </a:lnTo>
                  <a:lnTo>
                    <a:pt x="788" y="174"/>
                  </a:lnTo>
                  <a:lnTo>
                    <a:pt x="789" y="167"/>
                  </a:lnTo>
                  <a:lnTo>
                    <a:pt x="789" y="161"/>
                  </a:lnTo>
                  <a:lnTo>
                    <a:pt x="789" y="133"/>
                  </a:lnTo>
                  <a:lnTo>
                    <a:pt x="787" y="98"/>
                  </a:lnTo>
                  <a:lnTo>
                    <a:pt x="770" y="96"/>
                  </a:lnTo>
                  <a:lnTo>
                    <a:pt x="755" y="92"/>
                  </a:lnTo>
                  <a:lnTo>
                    <a:pt x="748" y="90"/>
                  </a:lnTo>
                  <a:lnTo>
                    <a:pt x="741" y="86"/>
                  </a:lnTo>
                  <a:lnTo>
                    <a:pt x="736" y="82"/>
                  </a:lnTo>
                  <a:lnTo>
                    <a:pt x="731" y="79"/>
                  </a:lnTo>
                  <a:lnTo>
                    <a:pt x="726" y="74"/>
                  </a:lnTo>
                  <a:lnTo>
                    <a:pt x="721" y="68"/>
                  </a:lnTo>
                  <a:lnTo>
                    <a:pt x="718" y="63"/>
                  </a:lnTo>
                  <a:lnTo>
                    <a:pt x="715" y="57"/>
                  </a:lnTo>
                  <a:lnTo>
                    <a:pt x="713" y="50"/>
                  </a:lnTo>
                  <a:lnTo>
                    <a:pt x="712" y="41"/>
                  </a:lnTo>
                  <a:lnTo>
                    <a:pt x="711" y="33"/>
                  </a:lnTo>
                  <a:lnTo>
                    <a:pt x="711" y="23"/>
                  </a:lnTo>
                  <a:lnTo>
                    <a:pt x="692" y="22"/>
                  </a:lnTo>
                  <a:lnTo>
                    <a:pt x="673" y="22"/>
                  </a:lnTo>
                  <a:lnTo>
                    <a:pt x="656" y="24"/>
                  </a:lnTo>
                  <a:lnTo>
                    <a:pt x="640" y="26"/>
                  </a:lnTo>
                  <a:lnTo>
                    <a:pt x="624" y="30"/>
                  </a:lnTo>
                  <a:lnTo>
                    <a:pt x="610" y="34"/>
                  </a:lnTo>
                  <a:lnTo>
                    <a:pt x="596" y="39"/>
                  </a:lnTo>
                  <a:lnTo>
                    <a:pt x="582" y="44"/>
                  </a:lnTo>
                  <a:lnTo>
                    <a:pt x="557" y="56"/>
                  </a:lnTo>
                  <a:lnTo>
                    <a:pt x="532" y="67"/>
                  </a:lnTo>
                  <a:lnTo>
                    <a:pt x="518" y="74"/>
                  </a:lnTo>
                  <a:lnTo>
                    <a:pt x="505" y="79"/>
                  </a:lnTo>
                  <a:lnTo>
                    <a:pt x="492" y="84"/>
                  </a:lnTo>
                  <a:lnTo>
                    <a:pt x="477" y="88"/>
                  </a:lnTo>
                  <a:lnTo>
                    <a:pt x="474" y="81"/>
                  </a:lnTo>
                  <a:lnTo>
                    <a:pt x="470" y="75"/>
                  </a:lnTo>
                  <a:lnTo>
                    <a:pt x="464" y="70"/>
                  </a:lnTo>
                  <a:lnTo>
                    <a:pt x="458" y="65"/>
                  </a:lnTo>
                  <a:lnTo>
                    <a:pt x="452" y="62"/>
                  </a:lnTo>
                  <a:lnTo>
                    <a:pt x="443" y="59"/>
                  </a:lnTo>
                  <a:lnTo>
                    <a:pt x="435" y="57"/>
                  </a:lnTo>
                  <a:lnTo>
                    <a:pt x="426" y="55"/>
                  </a:lnTo>
                  <a:lnTo>
                    <a:pt x="408" y="53"/>
                  </a:lnTo>
                  <a:lnTo>
                    <a:pt x="388" y="52"/>
                  </a:lnTo>
                  <a:lnTo>
                    <a:pt x="366" y="52"/>
                  </a:lnTo>
                  <a:lnTo>
                    <a:pt x="346" y="52"/>
                  </a:lnTo>
                  <a:lnTo>
                    <a:pt x="346" y="43"/>
                  </a:lnTo>
                  <a:lnTo>
                    <a:pt x="346" y="36"/>
                  </a:lnTo>
                  <a:lnTo>
                    <a:pt x="346" y="30"/>
                  </a:lnTo>
                  <a:lnTo>
                    <a:pt x="345" y="23"/>
                  </a:lnTo>
                  <a:lnTo>
                    <a:pt x="344" y="18"/>
                  </a:lnTo>
                  <a:lnTo>
                    <a:pt x="342" y="13"/>
                  </a:lnTo>
                  <a:lnTo>
                    <a:pt x="339" y="8"/>
                  </a:lnTo>
                  <a:lnTo>
                    <a:pt x="337" y="4"/>
                  </a:lnTo>
                  <a:lnTo>
                    <a:pt x="323" y="2"/>
                  </a:lnTo>
                  <a:lnTo>
                    <a:pt x="312" y="0"/>
                  </a:lnTo>
                  <a:lnTo>
                    <a:pt x="299" y="0"/>
                  </a:lnTo>
                  <a:lnTo>
                    <a:pt x="287" y="0"/>
                  </a:lnTo>
                  <a:lnTo>
                    <a:pt x="277" y="1"/>
                  </a:lnTo>
                  <a:lnTo>
                    <a:pt x="266" y="3"/>
                  </a:lnTo>
                  <a:lnTo>
                    <a:pt x="256" y="6"/>
                  </a:lnTo>
                  <a:lnTo>
                    <a:pt x="246" y="10"/>
                  </a:lnTo>
                  <a:lnTo>
                    <a:pt x="227" y="18"/>
                  </a:lnTo>
                  <a:lnTo>
                    <a:pt x="209" y="28"/>
                  </a:lnTo>
                  <a:lnTo>
                    <a:pt x="192" y="40"/>
                  </a:lnTo>
                  <a:lnTo>
                    <a:pt x="174" y="53"/>
                  </a:lnTo>
                  <a:lnTo>
                    <a:pt x="157" y="64"/>
                  </a:lnTo>
                  <a:lnTo>
                    <a:pt x="140" y="77"/>
                  </a:lnTo>
                  <a:lnTo>
                    <a:pt x="122" y="87"/>
                  </a:lnTo>
                  <a:lnTo>
                    <a:pt x="104" y="97"/>
                  </a:lnTo>
                  <a:lnTo>
                    <a:pt x="95" y="100"/>
                  </a:lnTo>
                  <a:lnTo>
                    <a:pt x="84" y="104"/>
                  </a:lnTo>
                  <a:lnTo>
                    <a:pt x="75" y="106"/>
                  </a:lnTo>
                  <a:lnTo>
                    <a:pt x="64" y="108"/>
                  </a:lnTo>
                  <a:lnTo>
                    <a:pt x="54" y="110"/>
                  </a:lnTo>
                  <a:lnTo>
                    <a:pt x="42" y="110"/>
                  </a:lnTo>
                  <a:lnTo>
                    <a:pt x="31" y="110"/>
                  </a:lnTo>
                  <a:lnTo>
                    <a:pt x="18" y="107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32" name="Vejen kant"/>
            <p:cNvSpPr>
              <a:spLocks/>
            </p:cNvSpPr>
            <p:nvPr/>
          </p:nvSpPr>
          <p:spPr bwMode="auto">
            <a:xfrm>
              <a:off x="1025525" y="5016500"/>
              <a:ext cx="434975" cy="476250"/>
            </a:xfrm>
            <a:custGeom>
              <a:avLst/>
              <a:gdLst>
                <a:gd name="T0" fmla="*/ 0 w 823"/>
                <a:gd name="T1" fmla="*/ 61 h 899"/>
                <a:gd name="T2" fmla="*/ 34 w 823"/>
                <a:gd name="T3" fmla="*/ 86 h 899"/>
                <a:gd name="T4" fmla="*/ 54 w 823"/>
                <a:gd name="T5" fmla="*/ 110 h 899"/>
                <a:gd name="T6" fmla="*/ 59 w 823"/>
                <a:gd name="T7" fmla="*/ 135 h 899"/>
                <a:gd name="T8" fmla="*/ 47 w 823"/>
                <a:gd name="T9" fmla="*/ 139 h 899"/>
                <a:gd name="T10" fmla="*/ 41 w 823"/>
                <a:gd name="T11" fmla="*/ 149 h 899"/>
                <a:gd name="T12" fmla="*/ 40 w 823"/>
                <a:gd name="T13" fmla="*/ 164 h 899"/>
                <a:gd name="T14" fmla="*/ 51 w 823"/>
                <a:gd name="T15" fmla="*/ 165 h 899"/>
                <a:gd name="T16" fmla="*/ 53 w 823"/>
                <a:gd name="T17" fmla="*/ 189 h 899"/>
                <a:gd name="T18" fmla="*/ 72 w 823"/>
                <a:gd name="T19" fmla="*/ 191 h 899"/>
                <a:gd name="T20" fmla="*/ 81 w 823"/>
                <a:gd name="T21" fmla="*/ 192 h 899"/>
                <a:gd name="T22" fmla="*/ 80 w 823"/>
                <a:gd name="T23" fmla="*/ 202 h 899"/>
                <a:gd name="T24" fmla="*/ 85 w 823"/>
                <a:gd name="T25" fmla="*/ 215 h 899"/>
                <a:gd name="T26" fmla="*/ 76 w 823"/>
                <a:gd name="T27" fmla="*/ 220 h 899"/>
                <a:gd name="T28" fmla="*/ 71 w 823"/>
                <a:gd name="T29" fmla="*/ 227 h 899"/>
                <a:gd name="T30" fmla="*/ 66 w 823"/>
                <a:gd name="T31" fmla="*/ 236 h 899"/>
                <a:gd name="T32" fmla="*/ 64 w 823"/>
                <a:gd name="T33" fmla="*/ 250 h 899"/>
                <a:gd name="T34" fmla="*/ 72 w 823"/>
                <a:gd name="T35" fmla="*/ 266 h 899"/>
                <a:gd name="T36" fmla="*/ 84 w 823"/>
                <a:gd name="T37" fmla="*/ 274 h 899"/>
                <a:gd name="T38" fmla="*/ 91 w 823"/>
                <a:gd name="T39" fmla="*/ 270 h 899"/>
                <a:gd name="T40" fmla="*/ 98 w 823"/>
                <a:gd name="T41" fmla="*/ 260 h 899"/>
                <a:gd name="T42" fmla="*/ 108 w 823"/>
                <a:gd name="T43" fmla="*/ 256 h 899"/>
                <a:gd name="T44" fmla="*/ 129 w 823"/>
                <a:gd name="T45" fmla="*/ 260 h 899"/>
                <a:gd name="T46" fmla="*/ 150 w 823"/>
                <a:gd name="T47" fmla="*/ 274 h 899"/>
                <a:gd name="T48" fmla="*/ 159 w 823"/>
                <a:gd name="T49" fmla="*/ 265 h 899"/>
                <a:gd name="T50" fmla="*/ 165 w 823"/>
                <a:gd name="T51" fmla="*/ 259 h 899"/>
                <a:gd name="T52" fmla="*/ 176 w 823"/>
                <a:gd name="T53" fmla="*/ 266 h 899"/>
                <a:gd name="T54" fmla="*/ 179 w 823"/>
                <a:gd name="T55" fmla="*/ 289 h 899"/>
                <a:gd name="T56" fmla="*/ 187 w 823"/>
                <a:gd name="T57" fmla="*/ 296 h 899"/>
                <a:gd name="T58" fmla="*/ 202 w 823"/>
                <a:gd name="T59" fmla="*/ 300 h 899"/>
                <a:gd name="T60" fmla="*/ 211 w 823"/>
                <a:gd name="T61" fmla="*/ 276 h 899"/>
                <a:gd name="T62" fmla="*/ 216 w 823"/>
                <a:gd name="T63" fmla="*/ 254 h 899"/>
                <a:gd name="T64" fmla="*/ 224 w 823"/>
                <a:gd name="T65" fmla="*/ 253 h 899"/>
                <a:gd name="T66" fmla="*/ 228 w 823"/>
                <a:gd name="T67" fmla="*/ 247 h 899"/>
                <a:gd name="T68" fmla="*/ 236 w 823"/>
                <a:gd name="T69" fmla="*/ 231 h 899"/>
                <a:gd name="T70" fmla="*/ 250 w 823"/>
                <a:gd name="T71" fmla="*/ 219 h 899"/>
                <a:gd name="T72" fmla="*/ 256 w 823"/>
                <a:gd name="T73" fmla="*/ 213 h 899"/>
                <a:gd name="T74" fmla="*/ 245 w 823"/>
                <a:gd name="T75" fmla="*/ 207 h 899"/>
                <a:gd name="T76" fmla="*/ 233 w 823"/>
                <a:gd name="T77" fmla="*/ 190 h 899"/>
                <a:gd name="T78" fmla="*/ 229 w 823"/>
                <a:gd name="T79" fmla="*/ 162 h 899"/>
                <a:gd name="T80" fmla="*/ 243 w 823"/>
                <a:gd name="T81" fmla="*/ 145 h 899"/>
                <a:gd name="T82" fmla="*/ 253 w 823"/>
                <a:gd name="T83" fmla="*/ 137 h 899"/>
                <a:gd name="T84" fmla="*/ 261 w 823"/>
                <a:gd name="T85" fmla="*/ 119 h 899"/>
                <a:gd name="T86" fmla="*/ 271 w 823"/>
                <a:gd name="T87" fmla="*/ 114 h 899"/>
                <a:gd name="T88" fmla="*/ 271 w 823"/>
                <a:gd name="T89" fmla="*/ 101 h 899"/>
                <a:gd name="T90" fmla="*/ 258 w 823"/>
                <a:gd name="T91" fmla="*/ 75 h 899"/>
                <a:gd name="T92" fmla="*/ 261 w 823"/>
                <a:gd name="T93" fmla="*/ 62 h 899"/>
                <a:gd name="T94" fmla="*/ 263 w 823"/>
                <a:gd name="T95" fmla="*/ 44 h 899"/>
                <a:gd name="T96" fmla="*/ 247 w 823"/>
                <a:gd name="T97" fmla="*/ 29 h 899"/>
                <a:gd name="T98" fmla="*/ 239 w 823"/>
                <a:gd name="T99" fmla="*/ 21 h 899"/>
                <a:gd name="T100" fmla="*/ 237 w 823"/>
                <a:gd name="T101" fmla="*/ 8 h 899"/>
                <a:gd name="T102" fmla="*/ 208 w 823"/>
                <a:gd name="T103" fmla="*/ 10 h 899"/>
                <a:gd name="T104" fmla="*/ 177 w 823"/>
                <a:gd name="T105" fmla="*/ 22 h 899"/>
                <a:gd name="T106" fmla="*/ 158 w 823"/>
                <a:gd name="T107" fmla="*/ 27 h 899"/>
                <a:gd name="T108" fmla="*/ 147 w 823"/>
                <a:gd name="T109" fmla="*/ 20 h 899"/>
                <a:gd name="T110" fmla="*/ 122 w 823"/>
                <a:gd name="T111" fmla="*/ 17 h 899"/>
                <a:gd name="T112" fmla="*/ 115 w 823"/>
                <a:gd name="T113" fmla="*/ 8 h 899"/>
                <a:gd name="T114" fmla="*/ 108 w 823"/>
                <a:gd name="T115" fmla="*/ 1 h 899"/>
                <a:gd name="T116" fmla="*/ 89 w 823"/>
                <a:gd name="T117" fmla="*/ 1 h 899"/>
                <a:gd name="T118" fmla="*/ 64 w 823"/>
                <a:gd name="T119" fmla="*/ 13 h 899"/>
                <a:gd name="T120" fmla="*/ 35 w 823"/>
                <a:gd name="T121" fmla="*/ 32 h 899"/>
                <a:gd name="T122" fmla="*/ 18 w 823"/>
                <a:gd name="T123" fmla="*/ 37 h 899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823" h="899">
                  <a:moveTo>
                    <a:pt x="18" y="107"/>
                  </a:moveTo>
                  <a:lnTo>
                    <a:pt x="16" y="128"/>
                  </a:lnTo>
                  <a:lnTo>
                    <a:pt x="12" y="147"/>
                  </a:lnTo>
                  <a:lnTo>
                    <a:pt x="6" y="165"/>
                  </a:lnTo>
                  <a:lnTo>
                    <a:pt x="0" y="182"/>
                  </a:lnTo>
                  <a:lnTo>
                    <a:pt x="29" y="204"/>
                  </a:lnTo>
                  <a:lnTo>
                    <a:pt x="59" y="225"/>
                  </a:lnTo>
                  <a:lnTo>
                    <a:pt x="74" y="237"/>
                  </a:lnTo>
                  <a:lnTo>
                    <a:pt x="88" y="247"/>
                  </a:lnTo>
                  <a:lnTo>
                    <a:pt x="102" y="259"/>
                  </a:lnTo>
                  <a:lnTo>
                    <a:pt x="116" y="272"/>
                  </a:lnTo>
                  <a:lnTo>
                    <a:pt x="128" y="285"/>
                  </a:lnTo>
                  <a:lnTo>
                    <a:pt x="140" y="299"/>
                  </a:lnTo>
                  <a:lnTo>
                    <a:pt x="152" y="314"/>
                  </a:lnTo>
                  <a:lnTo>
                    <a:pt x="161" y="330"/>
                  </a:lnTo>
                  <a:lnTo>
                    <a:pt x="170" y="346"/>
                  </a:lnTo>
                  <a:lnTo>
                    <a:pt x="177" y="365"/>
                  </a:lnTo>
                  <a:lnTo>
                    <a:pt x="182" y="385"/>
                  </a:lnTo>
                  <a:lnTo>
                    <a:pt x="186" y="406"/>
                  </a:lnTo>
                  <a:lnTo>
                    <a:pt x="177" y="406"/>
                  </a:lnTo>
                  <a:lnTo>
                    <a:pt x="168" y="408"/>
                  </a:lnTo>
                  <a:lnTo>
                    <a:pt x="160" y="409"/>
                  </a:lnTo>
                  <a:lnTo>
                    <a:pt x="153" y="411"/>
                  </a:lnTo>
                  <a:lnTo>
                    <a:pt x="146" y="414"/>
                  </a:lnTo>
                  <a:lnTo>
                    <a:pt x="141" y="417"/>
                  </a:lnTo>
                  <a:lnTo>
                    <a:pt x="136" y="421"/>
                  </a:lnTo>
                  <a:lnTo>
                    <a:pt x="132" y="426"/>
                  </a:lnTo>
                  <a:lnTo>
                    <a:pt x="128" y="433"/>
                  </a:lnTo>
                  <a:lnTo>
                    <a:pt x="125" y="439"/>
                  </a:lnTo>
                  <a:lnTo>
                    <a:pt x="123" y="446"/>
                  </a:lnTo>
                  <a:lnTo>
                    <a:pt x="121" y="454"/>
                  </a:lnTo>
                  <a:lnTo>
                    <a:pt x="120" y="462"/>
                  </a:lnTo>
                  <a:lnTo>
                    <a:pt x="120" y="472"/>
                  </a:lnTo>
                  <a:lnTo>
                    <a:pt x="120" y="481"/>
                  </a:lnTo>
                  <a:lnTo>
                    <a:pt x="121" y="492"/>
                  </a:lnTo>
                  <a:lnTo>
                    <a:pt x="131" y="489"/>
                  </a:lnTo>
                  <a:lnTo>
                    <a:pt x="138" y="489"/>
                  </a:lnTo>
                  <a:lnTo>
                    <a:pt x="144" y="489"/>
                  </a:lnTo>
                  <a:lnTo>
                    <a:pt x="150" y="491"/>
                  </a:lnTo>
                  <a:lnTo>
                    <a:pt x="154" y="494"/>
                  </a:lnTo>
                  <a:lnTo>
                    <a:pt x="156" y="498"/>
                  </a:lnTo>
                  <a:lnTo>
                    <a:pt x="158" y="503"/>
                  </a:lnTo>
                  <a:lnTo>
                    <a:pt x="159" y="510"/>
                  </a:lnTo>
                  <a:lnTo>
                    <a:pt x="159" y="538"/>
                  </a:lnTo>
                  <a:lnTo>
                    <a:pt x="159" y="567"/>
                  </a:lnTo>
                  <a:lnTo>
                    <a:pt x="172" y="570"/>
                  </a:lnTo>
                  <a:lnTo>
                    <a:pt x="183" y="572"/>
                  </a:lnTo>
                  <a:lnTo>
                    <a:pt x="195" y="572"/>
                  </a:lnTo>
                  <a:lnTo>
                    <a:pt x="205" y="571"/>
                  </a:lnTo>
                  <a:lnTo>
                    <a:pt x="215" y="571"/>
                  </a:lnTo>
                  <a:lnTo>
                    <a:pt x="224" y="571"/>
                  </a:lnTo>
                  <a:lnTo>
                    <a:pt x="229" y="571"/>
                  </a:lnTo>
                  <a:lnTo>
                    <a:pt x="234" y="572"/>
                  </a:lnTo>
                  <a:lnTo>
                    <a:pt x="238" y="573"/>
                  </a:lnTo>
                  <a:lnTo>
                    <a:pt x="243" y="576"/>
                  </a:lnTo>
                  <a:lnTo>
                    <a:pt x="239" y="582"/>
                  </a:lnTo>
                  <a:lnTo>
                    <a:pt x="237" y="589"/>
                  </a:lnTo>
                  <a:lnTo>
                    <a:pt x="236" y="593"/>
                  </a:lnTo>
                  <a:lnTo>
                    <a:pt x="236" y="598"/>
                  </a:lnTo>
                  <a:lnTo>
                    <a:pt x="239" y="606"/>
                  </a:lnTo>
                  <a:lnTo>
                    <a:pt x="243" y="613"/>
                  </a:lnTo>
                  <a:lnTo>
                    <a:pt x="249" y="621"/>
                  </a:lnTo>
                  <a:lnTo>
                    <a:pt x="253" y="631"/>
                  </a:lnTo>
                  <a:lnTo>
                    <a:pt x="254" y="636"/>
                  </a:lnTo>
                  <a:lnTo>
                    <a:pt x="254" y="643"/>
                  </a:lnTo>
                  <a:lnTo>
                    <a:pt x="254" y="651"/>
                  </a:lnTo>
                  <a:lnTo>
                    <a:pt x="253" y="660"/>
                  </a:lnTo>
                  <a:lnTo>
                    <a:pt x="242" y="657"/>
                  </a:lnTo>
                  <a:lnTo>
                    <a:pt x="234" y="657"/>
                  </a:lnTo>
                  <a:lnTo>
                    <a:pt x="227" y="658"/>
                  </a:lnTo>
                  <a:lnTo>
                    <a:pt x="223" y="660"/>
                  </a:lnTo>
                  <a:lnTo>
                    <a:pt x="219" y="664"/>
                  </a:lnTo>
                  <a:lnTo>
                    <a:pt x="216" y="670"/>
                  </a:lnTo>
                  <a:lnTo>
                    <a:pt x="214" y="675"/>
                  </a:lnTo>
                  <a:lnTo>
                    <a:pt x="213" y="681"/>
                  </a:lnTo>
                  <a:lnTo>
                    <a:pt x="211" y="687"/>
                  </a:lnTo>
                  <a:lnTo>
                    <a:pt x="209" y="693"/>
                  </a:lnTo>
                  <a:lnTo>
                    <a:pt x="206" y="698"/>
                  </a:lnTo>
                  <a:lnTo>
                    <a:pt x="203" y="702"/>
                  </a:lnTo>
                  <a:lnTo>
                    <a:pt x="199" y="706"/>
                  </a:lnTo>
                  <a:lnTo>
                    <a:pt x="194" y="708"/>
                  </a:lnTo>
                  <a:lnTo>
                    <a:pt x="186" y="708"/>
                  </a:lnTo>
                  <a:lnTo>
                    <a:pt x="177" y="707"/>
                  </a:lnTo>
                  <a:lnTo>
                    <a:pt x="183" y="727"/>
                  </a:lnTo>
                  <a:lnTo>
                    <a:pt x="191" y="749"/>
                  </a:lnTo>
                  <a:lnTo>
                    <a:pt x="195" y="759"/>
                  </a:lnTo>
                  <a:lnTo>
                    <a:pt x="199" y="770"/>
                  </a:lnTo>
                  <a:lnTo>
                    <a:pt x="203" y="780"/>
                  </a:lnTo>
                  <a:lnTo>
                    <a:pt x="209" y="790"/>
                  </a:lnTo>
                  <a:lnTo>
                    <a:pt x="215" y="798"/>
                  </a:lnTo>
                  <a:lnTo>
                    <a:pt x="220" y="807"/>
                  </a:lnTo>
                  <a:lnTo>
                    <a:pt x="227" y="813"/>
                  </a:lnTo>
                  <a:lnTo>
                    <a:pt x="235" y="818"/>
                  </a:lnTo>
                  <a:lnTo>
                    <a:pt x="243" y="821"/>
                  </a:lnTo>
                  <a:lnTo>
                    <a:pt x="252" y="822"/>
                  </a:lnTo>
                  <a:lnTo>
                    <a:pt x="256" y="822"/>
                  </a:lnTo>
                  <a:lnTo>
                    <a:pt x="261" y="822"/>
                  </a:lnTo>
                  <a:lnTo>
                    <a:pt x="265" y="820"/>
                  </a:lnTo>
                  <a:lnTo>
                    <a:pt x="271" y="819"/>
                  </a:lnTo>
                  <a:lnTo>
                    <a:pt x="274" y="810"/>
                  </a:lnTo>
                  <a:lnTo>
                    <a:pt x="277" y="802"/>
                  </a:lnTo>
                  <a:lnTo>
                    <a:pt x="280" y="795"/>
                  </a:lnTo>
                  <a:lnTo>
                    <a:pt x="284" y="789"/>
                  </a:lnTo>
                  <a:lnTo>
                    <a:pt x="290" y="783"/>
                  </a:lnTo>
                  <a:lnTo>
                    <a:pt x="294" y="779"/>
                  </a:lnTo>
                  <a:lnTo>
                    <a:pt x="299" y="775"/>
                  </a:lnTo>
                  <a:lnTo>
                    <a:pt x="305" y="772"/>
                  </a:lnTo>
                  <a:lnTo>
                    <a:pt x="311" y="770"/>
                  </a:lnTo>
                  <a:lnTo>
                    <a:pt x="317" y="768"/>
                  </a:lnTo>
                  <a:lnTo>
                    <a:pt x="323" y="768"/>
                  </a:lnTo>
                  <a:lnTo>
                    <a:pt x="331" y="767"/>
                  </a:lnTo>
                  <a:lnTo>
                    <a:pt x="344" y="768"/>
                  </a:lnTo>
                  <a:lnTo>
                    <a:pt x="358" y="770"/>
                  </a:lnTo>
                  <a:lnTo>
                    <a:pt x="373" y="775"/>
                  </a:lnTo>
                  <a:lnTo>
                    <a:pt x="388" y="780"/>
                  </a:lnTo>
                  <a:lnTo>
                    <a:pt x="401" y="788"/>
                  </a:lnTo>
                  <a:lnTo>
                    <a:pt x="415" y="795"/>
                  </a:lnTo>
                  <a:lnTo>
                    <a:pt x="428" y="803"/>
                  </a:lnTo>
                  <a:lnTo>
                    <a:pt x="439" y="812"/>
                  </a:lnTo>
                  <a:lnTo>
                    <a:pt x="450" y="820"/>
                  </a:lnTo>
                  <a:lnTo>
                    <a:pt x="458" y="829"/>
                  </a:lnTo>
                  <a:lnTo>
                    <a:pt x="464" y="820"/>
                  </a:lnTo>
                  <a:lnTo>
                    <a:pt x="470" y="812"/>
                  </a:lnTo>
                  <a:lnTo>
                    <a:pt x="475" y="802"/>
                  </a:lnTo>
                  <a:lnTo>
                    <a:pt x="479" y="793"/>
                  </a:lnTo>
                  <a:lnTo>
                    <a:pt x="482" y="789"/>
                  </a:lnTo>
                  <a:lnTo>
                    <a:pt x="485" y="786"/>
                  </a:lnTo>
                  <a:lnTo>
                    <a:pt x="489" y="781"/>
                  </a:lnTo>
                  <a:lnTo>
                    <a:pt x="493" y="778"/>
                  </a:lnTo>
                  <a:lnTo>
                    <a:pt x="497" y="776"/>
                  </a:lnTo>
                  <a:lnTo>
                    <a:pt x="502" y="774"/>
                  </a:lnTo>
                  <a:lnTo>
                    <a:pt x="508" y="773"/>
                  </a:lnTo>
                  <a:lnTo>
                    <a:pt x="515" y="772"/>
                  </a:lnTo>
                  <a:lnTo>
                    <a:pt x="523" y="785"/>
                  </a:lnTo>
                  <a:lnTo>
                    <a:pt x="530" y="796"/>
                  </a:lnTo>
                  <a:lnTo>
                    <a:pt x="535" y="809"/>
                  </a:lnTo>
                  <a:lnTo>
                    <a:pt x="537" y="822"/>
                  </a:lnTo>
                  <a:lnTo>
                    <a:pt x="539" y="836"/>
                  </a:lnTo>
                  <a:lnTo>
                    <a:pt x="538" y="851"/>
                  </a:lnTo>
                  <a:lnTo>
                    <a:pt x="537" y="867"/>
                  </a:lnTo>
                  <a:lnTo>
                    <a:pt x="533" y="885"/>
                  </a:lnTo>
                  <a:lnTo>
                    <a:pt x="542" y="885"/>
                  </a:lnTo>
                  <a:lnTo>
                    <a:pt x="550" y="885"/>
                  </a:lnTo>
                  <a:lnTo>
                    <a:pt x="557" y="886"/>
                  </a:lnTo>
                  <a:lnTo>
                    <a:pt x="563" y="887"/>
                  </a:lnTo>
                  <a:lnTo>
                    <a:pt x="574" y="891"/>
                  </a:lnTo>
                  <a:lnTo>
                    <a:pt x="582" y="894"/>
                  </a:lnTo>
                  <a:lnTo>
                    <a:pt x="591" y="897"/>
                  </a:lnTo>
                  <a:lnTo>
                    <a:pt x="601" y="899"/>
                  </a:lnTo>
                  <a:lnTo>
                    <a:pt x="607" y="899"/>
                  </a:lnTo>
                  <a:lnTo>
                    <a:pt x="612" y="898"/>
                  </a:lnTo>
                  <a:lnTo>
                    <a:pt x="619" y="896"/>
                  </a:lnTo>
                  <a:lnTo>
                    <a:pt x="627" y="894"/>
                  </a:lnTo>
                  <a:lnTo>
                    <a:pt x="630" y="865"/>
                  </a:lnTo>
                  <a:lnTo>
                    <a:pt x="633" y="826"/>
                  </a:lnTo>
                  <a:lnTo>
                    <a:pt x="635" y="805"/>
                  </a:lnTo>
                  <a:lnTo>
                    <a:pt x="639" y="786"/>
                  </a:lnTo>
                  <a:lnTo>
                    <a:pt x="642" y="776"/>
                  </a:lnTo>
                  <a:lnTo>
                    <a:pt x="645" y="768"/>
                  </a:lnTo>
                  <a:lnTo>
                    <a:pt x="650" y="760"/>
                  </a:lnTo>
                  <a:lnTo>
                    <a:pt x="655" y="754"/>
                  </a:lnTo>
                  <a:lnTo>
                    <a:pt x="661" y="753"/>
                  </a:lnTo>
                  <a:lnTo>
                    <a:pt x="666" y="754"/>
                  </a:lnTo>
                  <a:lnTo>
                    <a:pt x="670" y="756"/>
                  </a:lnTo>
                  <a:lnTo>
                    <a:pt x="673" y="759"/>
                  </a:lnTo>
                  <a:lnTo>
                    <a:pt x="677" y="767"/>
                  </a:lnTo>
                  <a:lnTo>
                    <a:pt x="683" y="772"/>
                  </a:lnTo>
                  <a:lnTo>
                    <a:pt x="683" y="761"/>
                  </a:lnTo>
                  <a:lnTo>
                    <a:pt x="683" y="750"/>
                  </a:lnTo>
                  <a:lnTo>
                    <a:pt x="686" y="739"/>
                  </a:lnTo>
                  <a:lnTo>
                    <a:pt x="689" y="729"/>
                  </a:lnTo>
                  <a:lnTo>
                    <a:pt x="692" y="719"/>
                  </a:lnTo>
                  <a:lnTo>
                    <a:pt x="697" y="710"/>
                  </a:lnTo>
                  <a:lnTo>
                    <a:pt x="702" y="700"/>
                  </a:lnTo>
                  <a:lnTo>
                    <a:pt x="709" y="691"/>
                  </a:lnTo>
                  <a:lnTo>
                    <a:pt x="716" y="682"/>
                  </a:lnTo>
                  <a:lnTo>
                    <a:pt x="724" y="675"/>
                  </a:lnTo>
                  <a:lnTo>
                    <a:pt x="733" y="668"/>
                  </a:lnTo>
                  <a:lnTo>
                    <a:pt x="742" y="660"/>
                  </a:lnTo>
                  <a:lnTo>
                    <a:pt x="752" y="655"/>
                  </a:lnTo>
                  <a:lnTo>
                    <a:pt x="763" y="650"/>
                  </a:lnTo>
                  <a:lnTo>
                    <a:pt x="774" y="644"/>
                  </a:lnTo>
                  <a:lnTo>
                    <a:pt x="787" y="641"/>
                  </a:lnTo>
                  <a:lnTo>
                    <a:pt x="777" y="640"/>
                  </a:lnTo>
                  <a:lnTo>
                    <a:pt x="770" y="638"/>
                  </a:lnTo>
                  <a:lnTo>
                    <a:pt x="762" y="636"/>
                  </a:lnTo>
                  <a:lnTo>
                    <a:pt x="755" y="633"/>
                  </a:lnTo>
                  <a:lnTo>
                    <a:pt x="748" y="630"/>
                  </a:lnTo>
                  <a:lnTo>
                    <a:pt x="741" y="626"/>
                  </a:lnTo>
                  <a:lnTo>
                    <a:pt x="736" y="621"/>
                  </a:lnTo>
                  <a:lnTo>
                    <a:pt x="731" y="617"/>
                  </a:lnTo>
                  <a:lnTo>
                    <a:pt x="720" y="607"/>
                  </a:lnTo>
                  <a:lnTo>
                    <a:pt x="713" y="595"/>
                  </a:lnTo>
                  <a:lnTo>
                    <a:pt x="706" y="581"/>
                  </a:lnTo>
                  <a:lnTo>
                    <a:pt x="700" y="568"/>
                  </a:lnTo>
                  <a:lnTo>
                    <a:pt x="696" y="552"/>
                  </a:lnTo>
                  <a:lnTo>
                    <a:pt x="693" y="536"/>
                  </a:lnTo>
                  <a:lnTo>
                    <a:pt x="691" y="520"/>
                  </a:lnTo>
                  <a:lnTo>
                    <a:pt x="690" y="503"/>
                  </a:lnTo>
                  <a:lnTo>
                    <a:pt x="689" y="485"/>
                  </a:lnTo>
                  <a:lnTo>
                    <a:pt x="690" y="469"/>
                  </a:lnTo>
                  <a:lnTo>
                    <a:pt x="691" y="452"/>
                  </a:lnTo>
                  <a:lnTo>
                    <a:pt x="693" y="435"/>
                  </a:lnTo>
                  <a:lnTo>
                    <a:pt x="712" y="435"/>
                  </a:lnTo>
                  <a:lnTo>
                    <a:pt x="730" y="435"/>
                  </a:lnTo>
                  <a:lnTo>
                    <a:pt x="738" y="434"/>
                  </a:lnTo>
                  <a:lnTo>
                    <a:pt x="747" y="433"/>
                  </a:lnTo>
                  <a:lnTo>
                    <a:pt x="753" y="430"/>
                  </a:lnTo>
                  <a:lnTo>
                    <a:pt x="758" y="425"/>
                  </a:lnTo>
                  <a:lnTo>
                    <a:pt x="761" y="411"/>
                  </a:lnTo>
                  <a:lnTo>
                    <a:pt x="766" y="396"/>
                  </a:lnTo>
                  <a:lnTo>
                    <a:pt x="770" y="381"/>
                  </a:lnTo>
                  <a:lnTo>
                    <a:pt x="776" y="370"/>
                  </a:lnTo>
                  <a:lnTo>
                    <a:pt x="780" y="363"/>
                  </a:lnTo>
                  <a:lnTo>
                    <a:pt x="784" y="358"/>
                  </a:lnTo>
                  <a:lnTo>
                    <a:pt x="790" y="354"/>
                  </a:lnTo>
                  <a:lnTo>
                    <a:pt x="795" y="350"/>
                  </a:lnTo>
                  <a:lnTo>
                    <a:pt x="800" y="346"/>
                  </a:lnTo>
                  <a:lnTo>
                    <a:pt x="808" y="344"/>
                  </a:lnTo>
                  <a:lnTo>
                    <a:pt x="815" y="342"/>
                  </a:lnTo>
                  <a:lnTo>
                    <a:pt x="823" y="341"/>
                  </a:lnTo>
                  <a:lnTo>
                    <a:pt x="822" y="332"/>
                  </a:lnTo>
                  <a:lnTo>
                    <a:pt x="820" y="321"/>
                  </a:lnTo>
                  <a:lnTo>
                    <a:pt x="817" y="313"/>
                  </a:lnTo>
                  <a:lnTo>
                    <a:pt x="814" y="303"/>
                  </a:lnTo>
                  <a:lnTo>
                    <a:pt x="808" y="287"/>
                  </a:lnTo>
                  <a:lnTo>
                    <a:pt x="799" y="272"/>
                  </a:lnTo>
                  <a:lnTo>
                    <a:pt x="791" y="257"/>
                  </a:lnTo>
                  <a:lnTo>
                    <a:pt x="782" y="242"/>
                  </a:lnTo>
                  <a:lnTo>
                    <a:pt x="774" y="226"/>
                  </a:lnTo>
                  <a:lnTo>
                    <a:pt x="768" y="211"/>
                  </a:lnTo>
                  <a:lnTo>
                    <a:pt x="773" y="204"/>
                  </a:lnTo>
                  <a:lnTo>
                    <a:pt x="777" y="199"/>
                  </a:lnTo>
                  <a:lnTo>
                    <a:pt x="781" y="193"/>
                  </a:lnTo>
                  <a:lnTo>
                    <a:pt x="783" y="186"/>
                  </a:lnTo>
                  <a:lnTo>
                    <a:pt x="786" y="180"/>
                  </a:lnTo>
                  <a:lnTo>
                    <a:pt x="788" y="174"/>
                  </a:lnTo>
                  <a:lnTo>
                    <a:pt x="789" y="167"/>
                  </a:lnTo>
                  <a:lnTo>
                    <a:pt x="789" y="161"/>
                  </a:lnTo>
                  <a:lnTo>
                    <a:pt x="789" y="133"/>
                  </a:lnTo>
                  <a:lnTo>
                    <a:pt x="787" y="98"/>
                  </a:lnTo>
                  <a:lnTo>
                    <a:pt x="770" y="96"/>
                  </a:lnTo>
                  <a:lnTo>
                    <a:pt x="755" y="92"/>
                  </a:lnTo>
                  <a:lnTo>
                    <a:pt x="748" y="90"/>
                  </a:lnTo>
                  <a:lnTo>
                    <a:pt x="741" y="86"/>
                  </a:lnTo>
                  <a:lnTo>
                    <a:pt x="736" y="82"/>
                  </a:lnTo>
                  <a:lnTo>
                    <a:pt x="731" y="79"/>
                  </a:lnTo>
                  <a:lnTo>
                    <a:pt x="726" y="74"/>
                  </a:lnTo>
                  <a:lnTo>
                    <a:pt x="721" y="68"/>
                  </a:lnTo>
                  <a:lnTo>
                    <a:pt x="718" y="63"/>
                  </a:lnTo>
                  <a:lnTo>
                    <a:pt x="715" y="57"/>
                  </a:lnTo>
                  <a:lnTo>
                    <a:pt x="713" y="50"/>
                  </a:lnTo>
                  <a:lnTo>
                    <a:pt x="712" y="41"/>
                  </a:lnTo>
                  <a:lnTo>
                    <a:pt x="711" y="33"/>
                  </a:lnTo>
                  <a:lnTo>
                    <a:pt x="711" y="23"/>
                  </a:lnTo>
                  <a:lnTo>
                    <a:pt x="692" y="22"/>
                  </a:lnTo>
                  <a:lnTo>
                    <a:pt x="673" y="22"/>
                  </a:lnTo>
                  <a:lnTo>
                    <a:pt x="656" y="24"/>
                  </a:lnTo>
                  <a:lnTo>
                    <a:pt x="640" y="26"/>
                  </a:lnTo>
                  <a:lnTo>
                    <a:pt x="624" y="30"/>
                  </a:lnTo>
                  <a:lnTo>
                    <a:pt x="610" y="34"/>
                  </a:lnTo>
                  <a:lnTo>
                    <a:pt x="596" y="39"/>
                  </a:lnTo>
                  <a:lnTo>
                    <a:pt x="582" y="44"/>
                  </a:lnTo>
                  <a:lnTo>
                    <a:pt x="557" y="56"/>
                  </a:lnTo>
                  <a:lnTo>
                    <a:pt x="532" y="67"/>
                  </a:lnTo>
                  <a:lnTo>
                    <a:pt x="518" y="74"/>
                  </a:lnTo>
                  <a:lnTo>
                    <a:pt x="505" y="79"/>
                  </a:lnTo>
                  <a:lnTo>
                    <a:pt x="492" y="84"/>
                  </a:lnTo>
                  <a:lnTo>
                    <a:pt x="477" y="88"/>
                  </a:lnTo>
                  <a:lnTo>
                    <a:pt x="474" y="81"/>
                  </a:lnTo>
                  <a:lnTo>
                    <a:pt x="470" y="75"/>
                  </a:lnTo>
                  <a:lnTo>
                    <a:pt x="464" y="70"/>
                  </a:lnTo>
                  <a:lnTo>
                    <a:pt x="458" y="65"/>
                  </a:lnTo>
                  <a:lnTo>
                    <a:pt x="452" y="62"/>
                  </a:lnTo>
                  <a:lnTo>
                    <a:pt x="443" y="59"/>
                  </a:lnTo>
                  <a:lnTo>
                    <a:pt x="435" y="57"/>
                  </a:lnTo>
                  <a:lnTo>
                    <a:pt x="426" y="55"/>
                  </a:lnTo>
                  <a:lnTo>
                    <a:pt x="408" y="53"/>
                  </a:lnTo>
                  <a:lnTo>
                    <a:pt x="388" y="52"/>
                  </a:lnTo>
                  <a:lnTo>
                    <a:pt x="366" y="52"/>
                  </a:lnTo>
                  <a:lnTo>
                    <a:pt x="346" y="52"/>
                  </a:lnTo>
                  <a:lnTo>
                    <a:pt x="346" y="43"/>
                  </a:lnTo>
                  <a:lnTo>
                    <a:pt x="346" y="36"/>
                  </a:lnTo>
                  <a:lnTo>
                    <a:pt x="346" y="30"/>
                  </a:lnTo>
                  <a:lnTo>
                    <a:pt x="345" y="23"/>
                  </a:lnTo>
                  <a:lnTo>
                    <a:pt x="344" y="18"/>
                  </a:lnTo>
                  <a:lnTo>
                    <a:pt x="342" y="13"/>
                  </a:lnTo>
                  <a:lnTo>
                    <a:pt x="339" y="8"/>
                  </a:lnTo>
                  <a:lnTo>
                    <a:pt x="337" y="4"/>
                  </a:lnTo>
                  <a:lnTo>
                    <a:pt x="323" y="2"/>
                  </a:lnTo>
                  <a:lnTo>
                    <a:pt x="312" y="0"/>
                  </a:lnTo>
                  <a:lnTo>
                    <a:pt x="299" y="0"/>
                  </a:lnTo>
                  <a:lnTo>
                    <a:pt x="287" y="0"/>
                  </a:lnTo>
                  <a:lnTo>
                    <a:pt x="277" y="1"/>
                  </a:lnTo>
                  <a:lnTo>
                    <a:pt x="266" y="3"/>
                  </a:lnTo>
                  <a:lnTo>
                    <a:pt x="256" y="6"/>
                  </a:lnTo>
                  <a:lnTo>
                    <a:pt x="246" y="10"/>
                  </a:lnTo>
                  <a:lnTo>
                    <a:pt x="227" y="18"/>
                  </a:lnTo>
                  <a:lnTo>
                    <a:pt x="209" y="28"/>
                  </a:lnTo>
                  <a:lnTo>
                    <a:pt x="192" y="40"/>
                  </a:lnTo>
                  <a:lnTo>
                    <a:pt x="174" y="53"/>
                  </a:lnTo>
                  <a:lnTo>
                    <a:pt x="157" y="64"/>
                  </a:lnTo>
                  <a:lnTo>
                    <a:pt x="140" y="77"/>
                  </a:lnTo>
                  <a:lnTo>
                    <a:pt x="122" y="87"/>
                  </a:lnTo>
                  <a:lnTo>
                    <a:pt x="104" y="97"/>
                  </a:lnTo>
                  <a:lnTo>
                    <a:pt x="95" y="100"/>
                  </a:lnTo>
                  <a:lnTo>
                    <a:pt x="84" y="104"/>
                  </a:lnTo>
                  <a:lnTo>
                    <a:pt x="75" y="106"/>
                  </a:lnTo>
                  <a:lnTo>
                    <a:pt x="64" y="108"/>
                  </a:lnTo>
                  <a:lnTo>
                    <a:pt x="54" y="110"/>
                  </a:lnTo>
                  <a:lnTo>
                    <a:pt x="42" y="110"/>
                  </a:lnTo>
                  <a:lnTo>
                    <a:pt x="31" y="110"/>
                  </a:lnTo>
                  <a:lnTo>
                    <a:pt x="18" y="107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33" name="Kolding"/>
            <p:cNvSpPr>
              <a:spLocks/>
            </p:cNvSpPr>
            <p:nvPr/>
          </p:nvSpPr>
          <p:spPr bwMode="auto">
            <a:xfrm>
              <a:off x="1401763" y="5019675"/>
              <a:ext cx="381000" cy="441325"/>
            </a:xfrm>
            <a:custGeom>
              <a:avLst/>
              <a:gdLst>
                <a:gd name="T0" fmla="*/ 70 w 721"/>
                <a:gd name="T1" fmla="*/ 41 h 834"/>
                <a:gd name="T2" fmla="*/ 60 w 721"/>
                <a:gd name="T3" fmla="*/ 44 h 834"/>
                <a:gd name="T4" fmla="*/ 31 w 721"/>
                <a:gd name="T5" fmla="*/ 34 h 834"/>
                <a:gd name="T6" fmla="*/ 31 w 721"/>
                <a:gd name="T7" fmla="*/ 59 h 834"/>
                <a:gd name="T8" fmla="*/ 32 w 721"/>
                <a:gd name="T9" fmla="*/ 82 h 834"/>
                <a:gd name="T10" fmla="*/ 45 w 721"/>
                <a:gd name="T11" fmla="*/ 109 h 834"/>
                <a:gd name="T12" fmla="*/ 38 w 721"/>
                <a:gd name="T13" fmla="*/ 117 h 834"/>
                <a:gd name="T14" fmla="*/ 30 w 721"/>
                <a:gd name="T15" fmla="*/ 124 h 834"/>
                <a:gd name="T16" fmla="*/ 21 w 721"/>
                <a:gd name="T17" fmla="*/ 140 h 834"/>
                <a:gd name="T18" fmla="*/ 12 w 721"/>
                <a:gd name="T19" fmla="*/ 149 h 834"/>
                <a:gd name="T20" fmla="*/ 0 w 721"/>
                <a:gd name="T21" fmla="*/ 150 h 834"/>
                <a:gd name="T22" fmla="*/ 3 w 721"/>
                <a:gd name="T23" fmla="*/ 191 h 834"/>
                <a:gd name="T24" fmla="*/ 20 w 721"/>
                <a:gd name="T25" fmla="*/ 204 h 834"/>
                <a:gd name="T26" fmla="*/ 33 w 721"/>
                <a:gd name="T27" fmla="*/ 215 h 834"/>
                <a:gd name="T28" fmla="*/ 44 w 721"/>
                <a:gd name="T29" fmla="*/ 238 h 834"/>
                <a:gd name="T30" fmla="*/ 66 w 721"/>
                <a:gd name="T31" fmla="*/ 264 h 834"/>
                <a:gd name="T32" fmla="*/ 76 w 721"/>
                <a:gd name="T33" fmla="*/ 273 h 834"/>
                <a:gd name="T34" fmla="*/ 82 w 721"/>
                <a:gd name="T35" fmla="*/ 261 h 834"/>
                <a:gd name="T36" fmla="*/ 95 w 721"/>
                <a:gd name="T37" fmla="*/ 251 h 834"/>
                <a:gd name="T38" fmla="*/ 106 w 721"/>
                <a:gd name="T39" fmla="*/ 249 h 834"/>
                <a:gd name="T40" fmla="*/ 114 w 721"/>
                <a:gd name="T41" fmla="*/ 254 h 834"/>
                <a:gd name="T42" fmla="*/ 119 w 721"/>
                <a:gd name="T43" fmla="*/ 266 h 834"/>
                <a:gd name="T44" fmla="*/ 134 w 721"/>
                <a:gd name="T45" fmla="*/ 275 h 834"/>
                <a:gd name="T46" fmla="*/ 165 w 721"/>
                <a:gd name="T47" fmla="*/ 262 h 834"/>
                <a:gd name="T48" fmla="*/ 183 w 721"/>
                <a:gd name="T49" fmla="*/ 248 h 834"/>
                <a:gd name="T50" fmla="*/ 196 w 721"/>
                <a:gd name="T51" fmla="*/ 230 h 834"/>
                <a:gd name="T52" fmla="*/ 201 w 721"/>
                <a:gd name="T53" fmla="*/ 210 h 834"/>
                <a:gd name="T54" fmla="*/ 193 w 721"/>
                <a:gd name="T55" fmla="*/ 186 h 834"/>
                <a:gd name="T56" fmla="*/ 203 w 721"/>
                <a:gd name="T57" fmla="*/ 172 h 834"/>
                <a:gd name="T58" fmla="*/ 228 w 721"/>
                <a:gd name="T59" fmla="*/ 159 h 834"/>
                <a:gd name="T60" fmla="*/ 240 w 721"/>
                <a:gd name="T61" fmla="*/ 144 h 834"/>
                <a:gd name="T62" fmla="*/ 219 w 721"/>
                <a:gd name="T63" fmla="*/ 125 h 834"/>
                <a:gd name="T64" fmla="*/ 200 w 721"/>
                <a:gd name="T65" fmla="*/ 120 h 834"/>
                <a:gd name="T66" fmla="*/ 180 w 721"/>
                <a:gd name="T67" fmla="*/ 126 h 834"/>
                <a:gd name="T68" fmla="*/ 158 w 721"/>
                <a:gd name="T69" fmla="*/ 126 h 834"/>
                <a:gd name="T70" fmla="*/ 140 w 721"/>
                <a:gd name="T71" fmla="*/ 120 h 834"/>
                <a:gd name="T72" fmla="*/ 144 w 721"/>
                <a:gd name="T73" fmla="*/ 113 h 834"/>
                <a:gd name="T74" fmla="*/ 154 w 721"/>
                <a:gd name="T75" fmla="*/ 110 h 834"/>
                <a:gd name="T76" fmla="*/ 178 w 721"/>
                <a:gd name="T77" fmla="*/ 111 h 834"/>
                <a:gd name="T78" fmla="*/ 180 w 721"/>
                <a:gd name="T79" fmla="*/ 102 h 834"/>
                <a:gd name="T80" fmla="*/ 179 w 721"/>
                <a:gd name="T81" fmla="*/ 88 h 834"/>
                <a:gd name="T82" fmla="*/ 182 w 721"/>
                <a:gd name="T83" fmla="*/ 75 h 834"/>
                <a:gd name="T84" fmla="*/ 181 w 721"/>
                <a:gd name="T85" fmla="*/ 60 h 834"/>
                <a:gd name="T86" fmla="*/ 160 w 721"/>
                <a:gd name="T87" fmla="*/ 33 h 834"/>
                <a:gd name="T88" fmla="*/ 147 w 721"/>
                <a:gd name="T89" fmla="*/ 11 h 834"/>
                <a:gd name="T90" fmla="*/ 142 w 721"/>
                <a:gd name="T91" fmla="*/ 10 h 834"/>
                <a:gd name="T92" fmla="*/ 137 w 721"/>
                <a:gd name="T93" fmla="*/ 25 h 834"/>
                <a:gd name="T94" fmla="*/ 128 w 721"/>
                <a:gd name="T95" fmla="*/ 36 h 834"/>
                <a:gd name="T96" fmla="*/ 116 w 721"/>
                <a:gd name="T97" fmla="*/ 43 h 834"/>
                <a:gd name="T98" fmla="*/ 103 w 721"/>
                <a:gd name="T99" fmla="*/ 45 h 834"/>
                <a:gd name="T100" fmla="*/ 89 w 721"/>
                <a:gd name="T101" fmla="*/ 41 h 834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721" h="834">
                  <a:moveTo>
                    <a:pt x="235" y="103"/>
                  </a:moveTo>
                  <a:lnTo>
                    <a:pt x="227" y="107"/>
                  </a:lnTo>
                  <a:lnTo>
                    <a:pt x="221" y="111"/>
                  </a:lnTo>
                  <a:lnTo>
                    <a:pt x="216" y="116"/>
                  </a:lnTo>
                  <a:lnTo>
                    <a:pt x="210" y="122"/>
                  </a:lnTo>
                  <a:lnTo>
                    <a:pt x="206" y="128"/>
                  </a:lnTo>
                  <a:lnTo>
                    <a:pt x="201" y="133"/>
                  </a:lnTo>
                  <a:lnTo>
                    <a:pt x="195" y="137"/>
                  </a:lnTo>
                  <a:lnTo>
                    <a:pt x="187" y="140"/>
                  </a:lnTo>
                  <a:lnTo>
                    <a:pt x="179" y="133"/>
                  </a:lnTo>
                  <a:lnTo>
                    <a:pt x="168" y="128"/>
                  </a:lnTo>
                  <a:lnTo>
                    <a:pt x="157" y="122"/>
                  </a:lnTo>
                  <a:lnTo>
                    <a:pt x="145" y="118"/>
                  </a:lnTo>
                  <a:lnTo>
                    <a:pt x="119" y="111"/>
                  </a:lnTo>
                  <a:lnTo>
                    <a:pt x="93" y="103"/>
                  </a:lnTo>
                  <a:lnTo>
                    <a:pt x="98" y="121"/>
                  </a:lnTo>
                  <a:lnTo>
                    <a:pt x="99" y="137"/>
                  </a:lnTo>
                  <a:lnTo>
                    <a:pt x="99" y="151"/>
                  </a:lnTo>
                  <a:lnTo>
                    <a:pt x="97" y="165"/>
                  </a:lnTo>
                  <a:lnTo>
                    <a:pt x="92" y="176"/>
                  </a:lnTo>
                  <a:lnTo>
                    <a:pt x="87" y="189"/>
                  </a:lnTo>
                  <a:lnTo>
                    <a:pt x="82" y="201"/>
                  </a:lnTo>
                  <a:lnTo>
                    <a:pt x="76" y="216"/>
                  </a:lnTo>
                  <a:lnTo>
                    <a:pt x="86" y="230"/>
                  </a:lnTo>
                  <a:lnTo>
                    <a:pt x="96" y="245"/>
                  </a:lnTo>
                  <a:lnTo>
                    <a:pt x="105" y="260"/>
                  </a:lnTo>
                  <a:lnTo>
                    <a:pt x="114" y="276"/>
                  </a:lnTo>
                  <a:lnTo>
                    <a:pt x="121" y="293"/>
                  </a:lnTo>
                  <a:lnTo>
                    <a:pt x="128" y="310"/>
                  </a:lnTo>
                  <a:lnTo>
                    <a:pt x="135" y="328"/>
                  </a:lnTo>
                  <a:lnTo>
                    <a:pt x="141" y="347"/>
                  </a:lnTo>
                  <a:lnTo>
                    <a:pt x="134" y="347"/>
                  </a:lnTo>
                  <a:lnTo>
                    <a:pt x="126" y="348"/>
                  </a:lnTo>
                  <a:lnTo>
                    <a:pt x="120" y="349"/>
                  </a:lnTo>
                  <a:lnTo>
                    <a:pt x="115" y="351"/>
                  </a:lnTo>
                  <a:lnTo>
                    <a:pt x="109" y="353"/>
                  </a:lnTo>
                  <a:lnTo>
                    <a:pt x="104" y="356"/>
                  </a:lnTo>
                  <a:lnTo>
                    <a:pt x="100" y="359"/>
                  </a:lnTo>
                  <a:lnTo>
                    <a:pt x="97" y="364"/>
                  </a:lnTo>
                  <a:lnTo>
                    <a:pt x="89" y="372"/>
                  </a:lnTo>
                  <a:lnTo>
                    <a:pt x="84" y="381"/>
                  </a:lnTo>
                  <a:lnTo>
                    <a:pt x="79" y="391"/>
                  </a:lnTo>
                  <a:lnTo>
                    <a:pt x="73" y="401"/>
                  </a:lnTo>
                  <a:lnTo>
                    <a:pt x="68" y="412"/>
                  </a:lnTo>
                  <a:lnTo>
                    <a:pt x="63" y="421"/>
                  </a:lnTo>
                  <a:lnTo>
                    <a:pt x="57" y="430"/>
                  </a:lnTo>
                  <a:lnTo>
                    <a:pt x="49" y="438"/>
                  </a:lnTo>
                  <a:lnTo>
                    <a:pt x="45" y="441"/>
                  </a:lnTo>
                  <a:lnTo>
                    <a:pt x="40" y="445"/>
                  </a:lnTo>
                  <a:lnTo>
                    <a:pt x="35" y="447"/>
                  </a:lnTo>
                  <a:lnTo>
                    <a:pt x="29" y="449"/>
                  </a:lnTo>
                  <a:lnTo>
                    <a:pt x="23" y="450"/>
                  </a:lnTo>
                  <a:lnTo>
                    <a:pt x="16" y="451"/>
                  </a:lnTo>
                  <a:lnTo>
                    <a:pt x="8" y="451"/>
                  </a:lnTo>
                  <a:lnTo>
                    <a:pt x="0" y="450"/>
                  </a:lnTo>
                  <a:lnTo>
                    <a:pt x="2" y="484"/>
                  </a:lnTo>
                  <a:lnTo>
                    <a:pt x="2" y="524"/>
                  </a:lnTo>
                  <a:lnTo>
                    <a:pt x="4" y="544"/>
                  </a:lnTo>
                  <a:lnTo>
                    <a:pt x="6" y="564"/>
                  </a:lnTo>
                  <a:lnTo>
                    <a:pt x="8" y="573"/>
                  </a:lnTo>
                  <a:lnTo>
                    <a:pt x="11" y="583"/>
                  </a:lnTo>
                  <a:lnTo>
                    <a:pt x="15" y="592"/>
                  </a:lnTo>
                  <a:lnTo>
                    <a:pt x="19" y="599"/>
                  </a:lnTo>
                  <a:lnTo>
                    <a:pt x="39" y="606"/>
                  </a:lnTo>
                  <a:lnTo>
                    <a:pt x="60" y="611"/>
                  </a:lnTo>
                  <a:lnTo>
                    <a:pt x="69" y="614"/>
                  </a:lnTo>
                  <a:lnTo>
                    <a:pt x="78" y="617"/>
                  </a:lnTo>
                  <a:lnTo>
                    <a:pt x="86" y="623"/>
                  </a:lnTo>
                  <a:lnTo>
                    <a:pt x="93" y="628"/>
                  </a:lnTo>
                  <a:lnTo>
                    <a:pt x="98" y="646"/>
                  </a:lnTo>
                  <a:lnTo>
                    <a:pt x="103" y="662"/>
                  </a:lnTo>
                  <a:lnTo>
                    <a:pt x="109" y="676"/>
                  </a:lnTo>
                  <a:lnTo>
                    <a:pt x="116" y="690"/>
                  </a:lnTo>
                  <a:lnTo>
                    <a:pt x="123" y="703"/>
                  </a:lnTo>
                  <a:lnTo>
                    <a:pt x="131" y="714"/>
                  </a:lnTo>
                  <a:lnTo>
                    <a:pt x="140" y="726"/>
                  </a:lnTo>
                  <a:lnTo>
                    <a:pt x="148" y="737"/>
                  </a:lnTo>
                  <a:lnTo>
                    <a:pt x="167" y="758"/>
                  </a:lnTo>
                  <a:lnTo>
                    <a:pt x="186" y="781"/>
                  </a:lnTo>
                  <a:lnTo>
                    <a:pt x="197" y="793"/>
                  </a:lnTo>
                  <a:lnTo>
                    <a:pt x="206" y="806"/>
                  </a:lnTo>
                  <a:lnTo>
                    <a:pt x="216" y="819"/>
                  </a:lnTo>
                  <a:lnTo>
                    <a:pt x="225" y="834"/>
                  </a:lnTo>
                  <a:lnTo>
                    <a:pt x="226" y="826"/>
                  </a:lnTo>
                  <a:lnTo>
                    <a:pt x="228" y="818"/>
                  </a:lnTo>
                  <a:lnTo>
                    <a:pt x="230" y="811"/>
                  </a:lnTo>
                  <a:lnTo>
                    <a:pt x="234" y="804"/>
                  </a:lnTo>
                  <a:lnTo>
                    <a:pt x="237" y="797"/>
                  </a:lnTo>
                  <a:lnTo>
                    <a:pt x="241" y="790"/>
                  </a:lnTo>
                  <a:lnTo>
                    <a:pt x="246" y="784"/>
                  </a:lnTo>
                  <a:lnTo>
                    <a:pt x="250" y="778"/>
                  </a:lnTo>
                  <a:lnTo>
                    <a:pt x="262" y="768"/>
                  </a:lnTo>
                  <a:lnTo>
                    <a:pt x="274" y="758"/>
                  </a:lnTo>
                  <a:lnTo>
                    <a:pt x="280" y="755"/>
                  </a:lnTo>
                  <a:lnTo>
                    <a:pt x="285" y="752"/>
                  </a:lnTo>
                  <a:lnTo>
                    <a:pt x="291" y="750"/>
                  </a:lnTo>
                  <a:lnTo>
                    <a:pt x="298" y="748"/>
                  </a:lnTo>
                  <a:lnTo>
                    <a:pt x="304" y="747"/>
                  </a:lnTo>
                  <a:lnTo>
                    <a:pt x="310" y="747"/>
                  </a:lnTo>
                  <a:lnTo>
                    <a:pt x="317" y="747"/>
                  </a:lnTo>
                  <a:lnTo>
                    <a:pt x="322" y="748"/>
                  </a:lnTo>
                  <a:lnTo>
                    <a:pt x="327" y="750"/>
                  </a:lnTo>
                  <a:lnTo>
                    <a:pt x="333" y="752"/>
                  </a:lnTo>
                  <a:lnTo>
                    <a:pt x="338" y="756"/>
                  </a:lnTo>
                  <a:lnTo>
                    <a:pt x="342" y="761"/>
                  </a:lnTo>
                  <a:lnTo>
                    <a:pt x="346" y="766"/>
                  </a:lnTo>
                  <a:lnTo>
                    <a:pt x="349" y="772"/>
                  </a:lnTo>
                  <a:lnTo>
                    <a:pt x="351" y="781"/>
                  </a:lnTo>
                  <a:lnTo>
                    <a:pt x="355" y="789"/>
                  </a:lnTo>
                  <a:lnTo>
                    <a:pt x="356" y="798"/>
                  </a:lnTo>
                  <a:lnTo>
                    <a:pt x="357" y="809"/>
                  </a:lnTo>
                  <a:lnTo>
                    <a:pt x="357" y="821"/>
                  </a:lnTo>
                  <a:lnTo>
                    <a:pt x="356" y="834"/>
                  </a:lnTo>
                  <a:lnTo>
                    <a:pt x="380" y="830"/>
                  </a:lnTo>
                  <a:lnTo>
                    <a:pt x="404" y="825"/>
                  </a:lnTo>
                  <a:lnTo>
                    <a:pt x="430" y="816"/>
                  </a:lnTo>
                  <a:lnTo>
                    <a:pt x="456" y="806"/>
                  </a:lnTo>
                  <a:lnTo>
                    <a:pt x="469" y="799"/>
                  </a:lnTo>
                  <a:lnTo>
                    <a:pt x="482" y="793"/>
                  </a:lnTo>
                  <a:lnTo>
                    <a:pt x="495" y="787"/>
                  </a:lnTo>
                  <a:lnTo>
                    <a:pt x="506" y="779"/>
                  </a:lnTo>
                  <a:lnTo>
                    <a:pt x="518" y="771"/>
                  </a:lnTo>
                  <a:lnTo>
                    <a:pt x="529" y="763"/>
                  </a:lnTo>
                  <a:lnTo>
                    <a:pt x="540" y="754"/>
                  </a:lnTo>
                  <a:lnTo>
                    <a:pt x="551" y="745"/>
                  </a:lnTo>
                  <a:lnTo>
                    <a:pt x="560" y="734"/>
                  </a:lnTo>
                  <a:lnTo>
                    <a:pt x="568" y="725"/>
                  </a:lnTo>
                  <a:lnTo>
                    <a:pt x="577" y="714"/>
                  </a:lnTo>
                  <a:lnTo>
                    <a:pt x="584" y="703"/>
                  </a:lnTo>
                  <a:lnTo>
                    <a:pt x="589" y="691"/>
                  </a:lnTo>
                  <a:lnTo>
                    <a:pt x="595" y="679"/>
                  </a:lnTo>
                  <a:lnTo>
                    <a:pt x="599" y="668"/>
                  </a:lnTo>
                  <a:lnTo>
                    <a:pt x="601" y="655"/>
                  </a:lnTo>
                  <a:lnTo>
                    <a:pt x="603" y="643"/>
                  </a:lnTo>
                  <a:lnTo>
                    <a:pt x="603" y="629"/>
                  </a:lnTo>
                  <a:lnTo>
                    <a:pt x="602" y="615"/>
                  </a:lnTo>
                  <a:lnTo>
                    <a:pt x="599" y="602"/>
                  </a:lnTo>
                  <a:lnTo>
                    <a:pt x="595" y="588"/>
                  </a:lnTo>
                  <a:lnTo>
                    <a:pt x="588" y="573"/>
                  </a:lnTo>
                  <a:lnTo>
                    <a:pt x="581" y="558"/>
                  </a:lnTo>
                  <a:lnTo>
                    <a:pt x="572" y="544"/>
                  </a:lnTo>
                  <a:lnTo>
                    <a:pt x="580" y="535"/>
                  </a:lnTo>
                  <a:lnTo>
                    <a:pt x="588" y="528"/>
                  </a:lnTo>
                  <a:lnTo>
                    <a:pt x="599" y="521"/>
                  </a:lnTo>
                  <a:lnTo>
                    <a:pt x="609" y="516"/>
                  </a:lnTo>
                  <a:lnTo>
                    <a:pt x="632" y="506"/>
                  </a:lnTo>
                  <a:lnTo>
                    <a:pt x="655" y="495"/>
                  </a:lnTo>
                  <a:lnTo>
                    <a:pt x="666" y="490"/>
                  </a:lnTo>
                  <a:lnTo>
                    <a:pt x="677" y="485"/>
                  </a:lnTo>
                  <a:lnTo>
                    <a:pt x="686" y="478"/>
                  </a:lnTo>
                  <a:lnTo>
                    <a:pt x="696" y="471"/>
                  </a:lnTo>
                  <a:lnTo>
                    <a:pt x="704" y="464"/>
                  </a:lnTo>
                  <a:lnTo>
                    <a:pt x="712" y="454"/>
                  </a:lnTo>
                  <a:lnTo>
                    <a:pt x="717" y="444"/>
                  </a:lnTo>
                  <a:lnTo>
                    <a:pt x="721" y="431"/>
                  </a:lnTo>
                  <a:lnTo>
                    <a:pt x="707" y="421"/>
                  </a:lnTo>
                  <a:lnTo>
                    <a:pt x="694" y="412"/>
                  </a:lnTo>
                  <a:lnTo>
                    <a:pt x="682" y="400"/>
                  </a:lnTo>
                  <a:lnTo>
                    <a:pt x="671" y="389"/>
                  </a:lnTo>
                  <a:lnTo>
                    <a:pt x="659" y="376"/>
                  </a:lnTo>
                  <a:lnTo>
                    <a:pt x="646" y="366"/>
                  </a:lnTo>
                  <a:lnTo>
                    <a:pt x="633" y="355"/>
                  </a:lnTo>
                  <a:lnTo>
                    <a:pt x="618" y="347"/>
                  </a:lnTo>
                  <a:lnTo>
                    <a:pt x="609" y="354"/>
                  </a:lnTo>
                  <a:lnTo>
                    <a:pt x="600" y="360"/>
                  </a:lnTo>
                  <a:lnTo>
                    <a:pt x="589" y="366"/>
                  </a:lnTo>
                  <a:lnTo>
                    <a:pt x="578" y="371"/>
                  </a:lnTo>
                  <a:lnTo>
                    <a:pt x="566" y="374"/>
                  </a:lnTo>
                  <a:lnTo>
                    <a:pt x="555" y="377"/>
                  </a:lnTo>
                  <a:lnTo>
                    <a:pt x="542" y="379"/>
                  </a:lnTo>
                  <a:lnTo>
                    <a:pt x="528" y="381"/>
                  </a:lnTo>
                  <a:lnTo>
                    <a:pt x="516" y="381"/>
                  </a:lnTo>
                  <a:lnTo>
                    <a:pt x="502" y="381"/>
                  </a:lnTo>
                  <a:lnTo>
                    <a:pt x="488" y="381"/>
                  </a:lnTo>
                  <a:lnTo>
                    <a:pt x="475" y="379"/>
                  </a:lnTo>
                  <a:lnTo>
                    <a:pt x="461" y="377"/>
                  </a:lnTo>
                  <a:lnTo>
                    <a:pt x="447" y="374"/>
                  </a:lnTo>
                  <a:lnTo>
                    <a:pt x="435" y="370"/>
                  </a:lnTo>
                  <a:lnTo>
                    <a:pt x="422" y="366"/>
                  </a:lnTo>
                  <a:lnTo>
                    <a:pt x="422" y="359"/>
                  </a:lnTo>
                  <a:lnTo>
                    <a:pt x="424" y="354"/>
                  </a:lnTo>
                  <a:lnTo>
                    <a:pt x="425" y="349"/>
                  </a:lnTo>
                  <a:lnTo>
                    <a:pt x="427" y="345"/>
                  </a:lnTo>
                  <a:lnTo>
                    <a:pt x="430" y="341"/>
                  </a:lnTo>
                  <a:lnTo>
                    <a:pt x="433" y="338"/>
                  </a:lnTo>
                  <a:lnTo>
                    <a:pt x="436" y="336"/>
                  </a:lnTo>
                  <a:lnTo>
                    <a:pt x="439" y="334"/>
                  </a:lnTo>
                  <a:lnTo>
                    <a:pt x="446" y="331"/>
                  </a:lnTo>
                  <a:lnTo>
                    <a:pt x="455" y="330"/>
                  </a:lnTo>
                  <a:lnTo>
                    <a:pt x="464" y="330"/>
                  </a:lnTo>
                  <a:lnTo>
                    <a:pt x="474" y="330"/>
                  </a:lnTo>
                  <a:lnTo>
                    <a:pt x="494" y="333"/>
                  </a:lnTo>
                  <a:lnTo>
                    <a:pt x="515" y="335"/>
                  </a:lnTo>
                  <a:lnTo>
                    <a:pt x="524" y="335"/>
                  </a:lnTo>
                  <a:lnTo>
                    <a:pt x="535" y="334"/>
                  </a:lnTo>
                  <a:lnTo>
                    <a:pt x="544" y="332"/>
                  </a:lnTo>
                  <a:lnTo>
                    <a:pt x="553" y="328"/>
                  </a:lnTo>
                  <a:lnTo>
                    <a:pt x="548" y="320"/>
                  </a:lnTo>
                  <a:lnTo>
                    <a:pt x="545" y="313"/>
                  </a:lnTo>
                  <a:lnTo>
                    <a:pt x="542" y="305"/>
                  </a:lnTo>
                  <a:lnTo>
                    <a:pt x="540" y="297"/>
                  </a:lnTo>
                  <a:lnTo>
                    <a:pt x="539" y="289"/>
                  </a:lnTo>
                  <a:lnTo>
                    <a:pt x="538" y="280"/>
                  </a:lnTo>
                  <a:lnTo>
                    <a:pt x="537" y="272"/>
                  </a:lnTo>
                  <a:lnTo>
                    <a:pt x="537" y="263"/>
                  </a:lnTo>
                  <a:lnTo>
                    <a:pt x="538" y="256"/>
                  </a:lnTo>
                  <a:lnTo>
                    <a:pt x="539" y="248"/>
                  </a:lnTo>
                  <a:lnTo>
                    <a:pt x="541" y="240"/>
                  </a:lnTo>
                  <a:lnTo>
                    <a:pt x="544" y="233"/>
                  </a:lnTo>
                  <a:lnTo>
                    <a:pt x="547" y="226"/>
                  </a:lnTo>
                  <a:lnTo>
                    <a:pt x="552" y="218"/>
                  </a:lnTo>
                  <a:lnTo>
                    <a:pt x="557" y="212"/>
                  </a:lnTo>
                  <a:lnTo>
                    <a:pt x="562" y="207"/>
                  </a:lnTo>
                  <a:lnTo>
                    <a:pt x="554" y="193"/>
                  </a:lnTo>
                  <a:lnTo>
                    <a:pt x="545" y="180"/>
                  </a:lnTo>
                  <a:lnTo>
                    <a:pt x="537" y="169"/>
                  </a:lnTo>
                  <a:lnTo>
                    <a:pt x="527" y="157"/>
                  </a:lnTo>
                  <a:lnTo>
                    <a:pt x="508" y="134"/>
                  </a:lnTo>
                  <a:lnTo>
                    <a:pt x="489" y="111"/>
                  </a:lnTo>
                  <a:lnTo>
                    <a:pt x="480" y="99"/>
                  </a:lnTo>
                  <a:lnTo>
                    <a:pt x="472" y="87"/>
                  </a:lnTo>
                  <a:lnTo>
                    <a:pt x="463" y="74"/>
                  </a:lnTo>
                  <a:lnTo>
                    <a:pt x="455" y="60"/>
                  </a:lnTo>
                  <a:lnTo>
                    <a:pt x="447" y="47"/>
                  </a:lnTo>
                  <a:lnTo>
                    <a:pt x="441" y="32"/>
                  </a:lnTo>
                  <a:lnTo>
                    <a:pt x="436" y="17"/>
                  </a:lnTo>
                  <a:lnTo>
                    <a:pt x="430" y="0"/>
                  </a:lnTo>
                  <a:lnTo>
                    <a:pt x="430" y="11"/>
                  </a:lnTo>
                  <a:lnTo>
                    <a:pt x="429" y="21"/>
                  </a:lnTo>
                  <a:lnTo>
                    <a:pt x="427" y="31"/>
                  </a:lnTo>
                  <a:lnTo>
                    <a:pt x="425" y="40"/>
                  </a:lnTo>
                  <a:lnTo>
                    <a:pt x="423" y="50"/>
                  </a:lnTo>
                  <a:lnTo>
                    <a:pt x="419" y="58"/>
                  </a:lnTo>
                  <a:lnTo>
                    <a:pt x="416" y="67"/>
                  </a:lnTo>
                  <a:lnTo>
                    <a:pt x="412" y="75"/>
                  </a:lnTo>
                  <a:lnTo>
                    <a:pt x="406" y="82"/>
                  </a:lnTo>
                  <a:lnTo>
                    <a:pt x="401" y="90"/>
                  </a:lnTo>
                  <a:lnTo>
                    <a:pt x="396" y="96"/>
                  </a:lnTo>
                  <a:lnTo>
                    <a:pt x="390" y="102"/>
                  </a:lnTo>
                  <a:lnTo>
                    <a:pt x="384" y="108"/>
                  </a:lnTo>
                  <a:lnTo>
                    <a:pt x="378" y="113"/>
                  </a:lnTo>
                  <a:lnTo>
                    <a:pt x="370" y="118"/>
                  </a:lnTo>
                  <a:lnTo>
                    <a:pt x="363" y="122"/>
                  </a:lnTo>
                  <a:lnTo>
                    <a:pt x="357" y="126"/>
                  </a:lnTo>
                  <a:lnTo>
                    <a:pt x="348" y="129"/>
                  </a:lnTo>
                  <a:lnTo>
                    <a:pt x="341" y="131"/>
                  </a:lnTo>
                  <a:lnTo>
                    <a:pt x="334" y="133"/>
                  </a:lnTo>
                  <a:lnTo>
                    <a:pt x="325" y="134"/>
                  </a:lnTo>
                  <a:lnTo>
                    <a:pt x="317" y="135"/>
                  </a:lnTo>
                  <a:lnTo>
                    <a:pt x="308" y="135"/>
                  </a:lnTo>
                  <a:lnTo>
                    <a:pt x="301" y="134"/>
                  </a:lnTo>
                  <a:lnTo>
                    <a:pt x="293" y="133"/>
                  </a:lnTo>
                  <a:lnTo>
                    <a:pt x="284" y="131"/>
                  </a:lnTo>
                  <a:lnTo>
                    <a:pt x="276" y="128"/>
                  </a:lnTo>
                  <a:lnTo>
                    <a:pt x="267" y="124"/>
                  </a:lnTo>
                  <a:lnTo>
                    <a:pt x="259" y="120"/>
                  </a:lnTo>
                  <a:lnTo>
                    <a:pt x="250" y="115"/>
                  </a:lnTo>
                  <a:lnTo>
                    <a:pt x="242" y="110"/>
                  </a:lnTo>
                  <a:lnTo>
                    <a:pt x="235" y="103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34" name="Kolding kant"/>
            <p:cNvSpPr>
              <a:spLocks/>
            </p:cNvSpPr>
            <p:nvPr/>
          </p:nvSpPr>
          <p:spPr bwMode="auto">
            <a:xfrm>
              <a:off x="1401763" y="5019675"/>
              <a:ext cx="381000" cy="441325"/>
            </a:xfrm>
            <a:custGeom>
              <a:avLst/>
              <a:gdLst>
                <a:gd name="T0" fmla="*/ 70 w 721"/>
                <a:gd name="T1" fmla="*/ 41 h 834"/>
                <a:gd name="T2" fmla="*/ 60 w 721"/>
                <a:gd name="T3" fmla="*/ 44 h 834"/>
                <a:gd name="T4" fmla="*/ 31 w 721"/>
                <a:gd name="T5" fmla="*/ 34 h 834"/>
                <a:gd name="T6" fmla="*/ 31 w 721"/>
                <a:gd name="T7" fmla="*/ 59 h 834"/>
                <a:gd name="T8" fmla="*/ 32 w 721"/>
                <a:gd name="T9" fmla="*/ 82 h 834"/>
                <a:gd name="T10" fmla="*/ 45 w 721"/>
                <a:gd name="T11" fmla="*/ 109 h 834"/>
                <a:gd name="T12" fmla="*/ 38 w 721"/>
                <a:gd name="T13" fmla="*/ 117 h 834"/>
                <a:gd name="T14" fmla="*/ 30 w 721"/>
                <a:gd name="T15" fmla="*/ 124 h 834"/>
                <a:gd name="T16" fmla="*/ 21 w 721"/>
                <a:gd name="T17" fmla="*/ 140 h 834"/>
                <a:gd name="T18" fmla="*/ 12 w 721"/>
                <a:gd name="T19" fmla="*/ 149 h 834"/>
                <a:gd name="T20" fmla="*/ 0 w 721"/>
                <a:gd name="T21" fmla="*/ 150 h 834"/>
                <a:gd name="T22" fmla="*/ 3 w 721"/>
                <a:gd name="T23" fmla="*/ 191 h 834"/>
                <a:gd name="T24" fmla="*/ 20 w 721"/>
                <a:gd name="T25" fmla="*/ 204 h 834"/>
                <a:gd name="T26" fmla="*/ 33 w 721"/>
                <a:gd name="T27" fmla="*/ 215 h 834"/>
                <a:gd name="T28" fmla="*/ 44 w 721"/>
                <a:gd name="T29" fmla="*/ 238 h 834"/>
                <a:gd name="T30" fmla="*/ 66 w 721"/>
                <a:gd name="T31" fmla="*/ 264 h 834"/>
                <a:gd name="T32" fmla="*/ 76 w 721"/>
                <a:gd name="T33" fmla="*/ 273 h 834"/>
                <a:gd name="T34" fmla="*/ 82 w 721"/>
                <a:gd name="T35" fmla="*/ 261 h 834"/>
                <a:gd name="T36" fmla="*/ 95 w 721"/>
                <a:gd name="T37" fmla="*/ 251 h 834"/>
                <a:gd name="T38" fmla="*/ 106 w 721"/>
                <a:gd name="T39" fmla="*/ 249 h 834"/>
                <a:gd name="T40" fmla="*/ 114 w 721"/>
                <a:gd name="T41" fmla="*/ 254 h 834"/>
                <a:gd name="T42" fmla="*/ 119 w 721"/>
                <a:gd name="T43" fmla="*/ 266 h 834"/>
                <a:gd name="T44" fmla="*/ 134 w 721"/>
                <a:gd name="T45" fmla="*/ 275 h 834"/>
                <a:gd name="T46" fmla="*/ 165 w 721"/>
                <a:gd name="T47" fmla="*/ 262 h 834"/>
                <a:gd name="T48" fmla="*/ 183 w 721"/>
                <a:gd name="T49" fmla="*/ 248 h 834"/>
                <a:gd name="T50" fmla="*/ 196 w 721"/>
                <a:gd name="T51" fmla="*/ 230 h 834"/>
                <a:gd name="T52" fmla="*/ 201 w 721"/>
                <a:gd name="T53" fmla="*/ 210 h 834"/>
                <a:gd name="T54" fmla="*/ 193 w 721"/>
                <a:gd name="T55" fmla="*/ 186 h 834"/>
                <a:gd name="T56" fmla="*/ 203 w 721"/>
                <a:gd name="T57" fmla="*/ 172 h 834"/>
                <a:gd name="T58" fmla="*/ 228 w 721"/>
                <a:gd name="T59" fmla="*/ 159 h 834"/>
                <a:gd name="T60" fmla="*/ 240 w 721"/>
                <a:gd name="T61" fmla="*/ 144 h 834"/>
                <a:gd name="T62" fmla="*/ 219 w 721"/>
                <a:gd name="T63" fmla="*/ 125 h 834"/>
                <a:gd name="T64" fmla="*/ 200 w 721"/>
                <a:gd name="T65" fmla="*/ 120 h 834"/>
                <a:gd name="T66" fmla="*/ 180 w 721"/>
                <a:gd name="T67" fmla="*/ 126 h 834"/>
                <a:gd name="T68" fmla="*/ 158 w 721"/>
                <a:gd name="T69" fmla="*/ 126 h 834"/>
                <a:gd name="T70" fmla="*/ 140 w 721"/>
                <a:gd name="T71" fmla="*/ 120 h 834"/>
                <a:gd name="T72" fmla="*/ 144 w 721"/>
                <a:gd name="T73" fmla="*/ 113 h 834"/>
                <a:gd name="T74" fmla="*/ 154 w 721"/>
                <a:gd name="T75" fmla="*/ 110 h 834"/>
                <a:gd name="T76" fmla="*/ 178 w 721"/>
                <a:gd name="T77" fmla="*/ 111 h 834"/>
                <a:gd name="T78" fmla="*/ 180 w 721"/>
                <a:gd name="T79" fmla="*/ 102 h 834"/>
                <a:gd name="T80" fmla="*/ 179 w 721"/>
                <a:gd name="T81" fmla="*/ 88 h 834"/>
                <a:gd name="T82" fmla="*/ 182 w 721"/>
                <a:gd name="T83" fmla="*/ 75 h 834"/>
                <a:gd name="T84" fmla="*/ 181 w 721"/>
                <a:gd name="T85" fmla="*/ 60 h 834"/>
                <a:gd name="T86" fmla="*/ 160 w 721"/>
                <a:gd name="T87" fmla="*/ 33 h 834"/>
                <a:gd name="T88" fmla="*/ 147 w 721"/>
                <a:gd name="T89" fmla="*/ 11 h 834"/>
                <a:gd name="T90" fmla="*/ 142 w 721"/>
                <a:gd name="T91" fmla="*/ 10 h 834"/>
                <a:gd name="T92" fmla="*/ 137 w 721"/>
                <a:gd name="T93" fmla="*/ 25 h 834"/>
                <a:gd name="T94" fmla="*/ 128 w 721"/>
                <a:gd name="T95" fmla="*/ 36 h 834"/>
                <a:gd name="T96" fmla="*/ 116 w 721"/>
                <a:gd name="T97" fmla="*/ 43 h 834"/>
                <a:gd name="T98" fmla="*/ 103 w 721"/>
                <a:gd name="T99" fmla="*/ 45 h 834"/>
                <a:gd name="T100" fmla="*/ 89 w 721"/>
                <a:gd name="T101" fmla="*/ 41 h 834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721" h="834">
                  <a:moveTo>
                    <a:pt x="235" y="103"/>
                  </a:moveTo>
                  <a:lnTo>
                    <a:pt x="227" y="107"/>
                  </a:lnTo>
                  <a:lnTo>
                    <a:pt x="221" y="111"/>
                  </a:lnTo>
                  <a:lnTo>
                    <a:pt x="216" y="116"/>
                  </a:lnTo>
                  <a:lnTo>
                    <a:pt x="210" y="122"/>
                  </a:lnTo>
                  <a:lnTo>
                    <a:pt x="206" y="128"/>
                  </a:lnTo>
                  <a:lnTo>
                    <a:pt x="201" y="133"/>
                  </a:lnTo>
                  <a:lnTo>
                    <a:pt x="195" y="137"/>
                  </a:lnTo>
                  <a:lnTo>
                    <a:pt x="187" y="140"/>
                  </a:lnTo>
                  <a:lnTo>
                    <a:pt x="179" y="133"/>
                  </a:lnTo>
                  <a:lnTo>
                    <a:pt x="168" y="128"/>
                  </a:lnTo>
                  <a:lnTo>
                    <a:pt x="157" y="122"/>
                  </a:lnTo>
                  <a:lnTo>
                    <a:pt x="145" y="118"/>
                  </a:lnTo>
                  <a:lnTo>
                    <a:pt x="119" y="111"/>
                  </a:lnTo>
                  <a:lnTo>
                    <a:pt x="93" y="103"/>
                  </a:lnTo>
                  <a:lnTo>
                    <a:pt x="98" y="121"/>
                  </a:lnTo>
                  <a:lnTo>
                    <a:pt x="99" y="137"/>
                  </a:lnTo>
                  <a:lnTo>
                    <a:pt x="99" y="151"/>
                  </a:lnTo>
                  <a:lnTo>
                    <a:pt x="97" y="165"/>
                  </a:lnTo>
                  <a:lnTo>
                    <a:pt x="92" y="176"/>
                  </a:lnTo>
                  <a:lnTo>
                    <a:pt x="87" y="189"/>
                  </a:lnTo>
                  <a:lnTo>
                    <a:pt x="82" y="201"/>
                  </a:lnTo>
                  <a:lnTo>
                    <a:pt x="76" y="216"/>
                  </a:lnTo>
                  <a:lnTo>
                    <a:pt x="86" y="230"/>
                  </a:lnTo>
                  <a:lnTo>
                    <a:pt x="96" y="245"/>
                  </a:lnTo>
                  <a:lnTo>
                    <a:pt x="105" y="260"/>
                  </a:lnTo>
                  <a:lnTo>
                    <a:pt x="114" y="276"/>
                  </a:lnTo>
                  <a:lnTo>
                    <a:pt x="121" y="293"/>
                  </a:lnTo>
                  <a:lnTo>
                    <a:pt x="128" y="310"/>
                  </a:lnTo>
                  <a:lnTo>
                    <a:pt x="135" y="328"/>
                  </a:lnTo>
                  <a:lnTo>
                    <a:pt x="141" y="347"/>
                  </a:lnTo>
                  <a:lnTo>
                    <a:pt x="134" y="347"/>
                  </a:lnTo>
                  <a:lnTo>
                    <a:pt x="126" y="348"/>
                  </a:lnTo>
                  <a:lnTo>
                    <a:pt x="120" y="349"/>
                  </a:lnTo>
                  <a:lnTo>
                    <a:pt x="115" y="351"/>
                  </a:lnTo>
                  <a:lnTo>
                    <a:pt x="109" y="353"/>
                  </a:lnTo>
                  <a:lnTo>
                    <a:pt x="104" y="356"/>
                  </a:lnTo>
                  <a:lnTo>
                    <a:pt x="100" y="359"/>
                  </a:lnTo>
                  <a:lnTo>
                    <a:pt x="97" y="364"/>
                  </a:lnTo>
                  <a:lnTo>
                    <a:pt x="89" y="372"/>
                  </a:lnTo>
                  <a:lnTo>
                    <a:pt x="84" y="381"/>
                  </a:lnTo>
                  <a:lnTo>
                    <a:pt x="79" y="391"/>
                  </a:lnTo>
                  <a:lnTo>
                    <a:pt x="73" y="401"/>
                  </a:lnTo>
                  <a:lnTo>
                    <a:pt x="68" y="412"/>
                  </a:lnTo>
                  <a:lnTo>
                    <a:pt x="63" y="421"/>
                  </a:lnTo>
                  <a:lnTo>
                    <a:pt x="57" y="430"/>
                  </a:lnTo>
                  <a:lnTo>
                    <a:pt x="49" y="438"/>
                  </a:lnTo>
                  <a:lnTo>
                    <a:pt x="45" y="441"/>
                  </a:lnTo>
                  <a:lnTo>
                    <a:pt x="40" y="445"/>
                  </a:lnTo>
                  <a:lnTo>
                    <a:pt x="35" y="447"/>
                  </a:lnTo>
                  <a:lnTo>
                    <a:pt x="29" y="449"/>
                  </a:lnTo>
                  <a:lnTo>
                    <a:pt x="23" y="450"/>
                  </a:lnTo>
                  <a:lnTo>
                    <a:pt x="16" y="451"/>
                  </a:lnTo>
                  <a:lnTo>
                    <a:pt x="8" y="451"/>
                  </a:lnTo>
                  <a:lnTo>
                    <a:pt x="0" y="450"/>
                  </a:lnTo>
                  <a:lnTo>
                    <a:pt x="2" y="484"/>
                  </a:lnTo>
                  <a:lnTo>
                    <a:pt x="2" y="524"/>
                  </a:lnTo>
                  <a:lnTo>
                    <a:pt x="4" y="544"/>
                  </a:lnTo>
                  <a:lnTo>
                    <a:pt x="6" y="564"/>
                  </a:lnTo>
                  <a:lnTo>
                    <a:pt x="8" y="573"/>
                  </a:lnTo>
                  <a:lnTo>
                    <a:pt x="11" y="583"/>
                  </a:lnTo>
                  <a:lnTo>
                    <a:pt x="15" y="592"/>
                  </a:lnTo>
                  <a:lnTo>
                    <a:pt x="19" y="599"/>
                  </a:lnTo>
                  <a:lnTo>
                    <a:pt x="39" y="606"/>
                  </a:lnTo>
                  <a:lnTo>
                    <a:pt x="60" y="611"/>
                  </a:lnTo>
                  <a:lnTo>
                    <a:pt x="69" y="614"/>
                  </a:lnTo>
                  <a:lnTo>
                    <a:pt x="78" y="617"/>
                  </a:lnTo>
                  <a:lnTo>
                    <a:pt x="86" y="623"/>
                  </a:lnTo>
                  <a:lnTo>
                    <a:pt x="93" y="628"/>
                  </a:lnTo>
                  <a:lnTo>
                    <a:pt x="98" y="646"/>
                  </a:lnTo>
                  <a:lnTo>
                    <a:pt x="103" y="662"/>
                  </a:lnTo>
                  <a:lnTo>
                    <a:pt x="109" y="676"/>
                  </a:lnTo>
                  <a:lnTo>
                    <a:pt x="116" y="690"/>
                  </a:lnTo>
                  <a:lnTo>
                    <a:pt x="123" y="703"/>
                  </a:lnTo>
                  <a:lnTo>
                    <a:pt x="131" y="714"/>
                  </a:lnTo>
                  <a:lnTo>
                    <a:pt x="140" y="726"/>
                  </a:lnTo>
                  <a:lnTo>
                    <a:pt x="148" y="737"/>
                  </a:lnTo>
                  <a:lnTo>
                    <a:pt x="167" y="758"/>
                  </a:lnTo>
                  <a:lnTo>
                    <a:pt x="186" y="781"/>
                  </a:lnTo>
                  <a:lnTo>
                    <a:pt x="197" y="793"/>
                  </a:lnTo>
                  <a:lnTo>
                    <a:pt x="206" y="806"/>
                  </a:lnTo>
                  <a:lnTo>
                    <a:pt x="216" y="819"/>
                  </a:lnTo>
                  <a:lnTo>
                    <a:pt x="225" y="834"/>
                  </a:lnTo>
                  <a:lnTo>
                    <a:pt x="226" y="826"/>
                  </a:lnTo>
                  <a:lnTo>
                    <a:pt x="228" y="818"/>
                  </a:lnTo>
                  <a:lnTo>
                    <a:pt x="230" y="811"/>
                  </a:lnTo>
                  <a:lnTo>
                    <a:pt x="234" y="804"/>
                  </a:lnTo>
                  <a:lnTo>
                    <a:pt x="237" y="797"/>
                  </a:lnTo>
                  <a:lnTo>
                    <a:pt x="241" y="790"/>
                  </a:lnTo>
                  <a:lnTo>
                    <a:pt x="246" y="784"/>
                  </a:lnTo>
                  <a:lnTo>
                    <a:pt x="250" y="778"/>
                  </a:lnTo>
                  <a:lnTo>
                    <a:pt x="262" y="768"/>
                  </a:lnTo>
                  <a:lnTo>
                    <a:pt x="274" y="758"/>
                  </a:lnTo>
                  <a:lnTo>
                    <a:pt x="280" y="755"/>
                  </a:lnTo>
                  <a:lnTo>
                    <a:pt x="285" y="752"/>
                  </a:lnTo>
                  <a:lnTo>
                    <a:pt x="291" y="750"/>
                  </a:lnTo>
                  <a:lnTo>
                    <a:pt x="298" y="748"/>
                  </a:lnTo>
                  <a:lnTo>
                    <a:pt x="304" y="747"/>
                  </a:lnTo>
                  <a:lnTo>
                    <a:pt x="310" y="747"/>
                  </a:lnTo>
                  <a:lnTo>
                    <a:pt x="317" y="747"/>
                  </a:lnTo>
                  <a:lnTo>
                    <a:pt x="322" y="748"/>
                  </a:lnTo>
                  <a:lnTo>
                    <a:pt x="327" y="750"/>
                  </a:lnTo>
                  <a:lnTo>
                    <a:pt x="333" y="752"/>
                  </a:lnTo>
                  <a:lnTo>
                    <a:pt x="338" y="756"/>
                  </a:lnTo>
                  <a:lnTo>
                    <a:pt x="342" y="761"/>
                  </a:lnTo>
                  <a:lnTo>
                    <a:pt x="346" y="766"/>
                  </a:lnTo>
                  <a:lnTo>
                    <a:pt x="349" y="772"/>
                  </a:lnTo>
                  <a:lnTo>
                    <a:pt x="351" y="781"/>
                  </a:lnTo>
                  <a:lnTo>
                    <a:pt x="355" y="789"/>
                  </a:lnTo>
                  <a:lnTo>
                    <a:pt x="356" y="798"/>
                  </a:lnTo>
                  <a:lnTo>
                    <a:pt x="357" y="809"/>
                  </a:lnTo>
                  <a:lnTo>
                    <a:pt x="357" y="821"/>
                  </a:lnTo>
                  <a:lnTo>
                    <a:pt x="356" y="834"/>
                  </a:lnTo>
                  <a:lnTo>
                    <a:pt x="380" y="830"/>
                  </a:lnTo>
                  <a:lnTo>
                    <a:pt x="404" y="825"/>
                  </a:lnTo>
                  <a:lnTo>
                    <a:pt x="430" y="816"/>
                  </a:lnTo>
                  <a:lnTo>
                    <a:pt x="456" y="806"/>
                  </a:lnTo>
                  <a:lnTo>
                    <a:pt x="469" y="799"/>
                  </a:lnTo>
                  <a:lnTo>
                    <a:pt x="482" y="793"/>
                  </a:lnTo>
                  <a:lnTo>
                    <a:pt x="495" y="787"/>
                  </a:lnTo>
                  <a:lnTo>
                    <a:pt x="506" y="779"/>
                  </a:lnTo>
                  <a:lnTo>
                    <a:pt x="518" y="771"/>
                  </a:lnTo>
                  <a:lnTo>
                    <a:pt x="529" y="763"/>
                  </a:lnTo>
                  <a:lnTo>
                    <a:pt x="540" y="754"/>
                  </a:lnTo>
                  <a:lnTo>
                    <a:pt x="551" y="745"/>
                  </a:lnTo>
                  <a:lnTo>
                    <a:pt x="560" y="734"/>
                  </a:lnTo>
                  <a:lnTo>
                    <a:pt x="568" y="725"/>
                  </a:lnTo>
                  <a:lnTo>
                    <a:pt x="577" y="714"/>
                  </a:lnTo>
                  <a:lnTo>
                    <a:pt x="584" y="703"/>
                  </a:lnTo>
                  <a:lnTo>
                    <a:pt x="589" y="691"/>
                  </a:lnTo>
                  <a:lnTo>
                    <a:pt x="595" y="679"/>
                  </a:lnTo>
                  <a:lnTo>
                    <a:pt x="599" y="668"/>
                  </a:lnTo>
                  <a:lnTo>
                    <a:pt x="601" y="655"/>
                  </a:lnTo>
                  <a:lnTo>
                    <a:pt x="603" y="643"/>
                  </a:lnTo>
                  <a:lnTo>
                    <a:pt x="603" y="629"/>
                  </a:lnTo>
                  <a:lnTo>
                    <a:pt x="602" y="615"/>
                  </a:lnTo>
                  <a:lnTo>
                    <a:pt x="599" y="602"/>
                  </a:lnTo>
                  <a:lnTo>
                    <a:pt x="595" y="588"/>
                  </a:lnTo>
                  <a:lnTo>
                    <a:pt x="588" y="573"/>
                  </a:lnTo>
                  <a:lnTo>
                    <a:pt x="581" y="558"/>
                  </a:lnTo>
                  <a:lnTo>
                    <a:pt x="572" y="544"/>
                  </a:lnTo>
                  <a:lnTo>
                    <a:pt x="580" y="535"/>
                  </a:lnTo>
                  <a:lnTo>
                    <a:pt x="588" y="528"/>
                  </a:lnTo>
                  <a:lnTo>
                    <a:pt x="599" y="521"/>
                  </a:lnTo>
                  <a:lnTo>
                    <a:pt x="609" y="516"/>
                  </a:lnTo>
                  <a:lnTo>
                    <a:pt x="632" y="506"/>
                  </a:lnTo>
                  <a:lnTo>
                    <a:pt x="655" y="495"/>
                  </a:lnTo>
                  <a:lnTo>
                    <a:pt x="666" y="490"/>
                  </a:lnTo>
                  <a:lnTo>
                    <a:pt x="677" y="485"/>
                  </a:lnTo>
                  <a:lnTo>
                    <a:pt x="686" y="478"/>
                  </a:lnTo>
                  <a:lnTo>
                    <a:pt x="696" y="471"/>
                  </a:lnTo>
                  <a:lnTo>
                    <a:pt x="704" y="464"/>
                  </a:lnTo>
                  <a:lnTo>
                    <a:pt x="712" y="454"/>
                  </a:lnTo>
                  <a:lnTo>
                    <a:pt x="717" y="444"/>
                  </a:lnTo>
                  <a:lnTo>
                    <a:pt x="721" y="431"/>
                  </a:lnTo>
                  <a:lnTo>
                    <a:pt x="707" y="421"/>
                  </a:lnTo>
                  <a:lnTo>
                    <a:pt x="694" y="412"/>
                  </a:lnTo>
                  <a:lnTo>
                    <a:pt x="682" y="400"/>
                  </a:lnTo>
                  <a:lnTo>
                    <a:pt x="671" y="389"/>
                  </a:lnTo>
                  <a:lnTo>
                    <a:pt x="659" y="376"/>
                  </a:lnTo>
                  <a:lnTo>
                    <a:pt x="646" y="366"/>
                  </a:lnTo>
                  <a:lnTo>
                    <a:pt x="633" y="355"/>
                  </a:lnTo>
                  <a:lnTo>
                    <a:pt x="618" y="347"/>
                  </a:lnTo>
                  <a:lnTo>
                    <a:pt x="609" y="354"/>
                  </a:lnTo>
                  <a:lnTo>
                    <a:pt x="600" y="360"/>
                  </a:lnTo>
                  <a:lnTo>
                    <a:pt x="589" y="366"/>
                  </a:lnTo>
                  <a:lnTo>
                    <a:pt x="578" y="371"/>
                  </a:lnTo>
                  <a:lnTo>
                    <a:pt x="566" y="374"/>
                  </a:lnTo>
                  <a:lnTo>
                    <a:pt x="555" y="377"/>
                  </a:lnTo>
                  <a:lnTo>
                    <a:pt x="542" y="379"/>
                  </a:lnTo>
                  <a:lnTo>
                    <a:pt x="528" y="381"/>
                  </a:lnTo>
                  <a:lnTo>
                    <a:pt x="516" y="381"/>
                  </a:lnTo>
                  <a:lnTo>
                    <a:pt x="502" y="381"/>
                  </a:lnTo>
                  <a:lnTo>
                    <a:pt x="488" y="381"/>
                  </a:lnTo>
                  <a:lnTo>
                    <a:pt x="475" y="379"/>
                  </a:lnTo>
                  <a:lnTo>
                    <a:pt x="461" y="377"/>
                  </a:lnTo>
                  <a:lnTo>
                    <a:pt x="447" y="374"/>
                  </a:lnTo>
                  <a:lnTo>
                    <a:pt x="435" y="370"/>
                  </a:lnTo>
                  <a:lnTo>
                    <a:pt x="422" y="366"/>
                  </a:lnTo>
                  <a:lnTo>
                    <a:pt x="422" y="359"/>
                  </a:lnTo>
                  <a:lnTo>
                    <a:pt x="424" y="354"/>
                  </a:lnTo>
                  <a:lnTo>
                    <a:pt x="425" y="349"/>
                  </a:lnTo>
                  <a:lnTo>
                    <a:pt x="427" y="345"/>
                  </a:lnTo>
                  <a:lnTo>
                    <a:pt x="430" y="341"/>
                  </a:lnTo>
                  <a:lnTo>
                    <a:pt x="433" y="338"/>
                  </a:lnTo>
                  <a:lnTo>
                    <a:pt x="436" y="336"/>
                  </a:lnTo>
                  <a:lnTo>
                    <a:pt x="439" y="334"/>
                  </a:lnTo>
                  <a:lnTo>
                    <a:pt x="446" y="331"/>
                  </a:lnTo>
                  <a:lnTo>
                    <a:pt x="455" y="330"/>
                  </a:lnTo>
                  <a:lnTo>
                    <a:pt x="464" y="330"/>
                  </a:lnTo>
                  <a:lnTo>
                    <a:pt x="474" y="330"/>
                  </a:lnTo>
                  <a:lnTo>
                    <a:pt x="494" y="333"/>
                  </a:lnTo>
                  <a:lnTo>
                    <a:pt x="515" y="335"/>
                  </a:lnTo>
                  <a:lnTo>
                    <a:pt x="524" y="335"/>
                  </a:lnTo>
                  <a:lnTo>
                    <a:pt x="535" y="334"/>
                  </a:lnTo>
                  <a:lnTo>
                    <a:pt x="544" y="332"/>
                  </a:lnTo>
                  <a:lnTo>
                    <a:pt x="553" y="328"/>
                  </a:lnTo>
                  <a:lnTo>
                    <a:pt x="548" y="320"/>
                  </a:lnTo>
                  <a:lnTo>
                    <a:pt x="545" y="313"/>
                  </a:lnTo>
                  <a:lnTo>
                    <a:pt x="542" y="305"/>
                  </a:lnTo>
                  <a:lnTo>
                    <a:pt x="540" y="297"/>
                  </a:lnTo>
                  <a:lnTo>
                    <a:pt x="539" y="289"/>
                  </a:lnTo>
                  <a:lnTo>
                    <a:pt x="538" y="280"/>
                  </a:lnTo>
                  <a:lnTo>
                    <a:pt x="537" y="272"/>
                  </a:lnTo>
                  <a:lnTo>
                    <a:pt x="537" y="263"/>
                  </a:lnTo>
                  <a:lnTo>
                    <a:pt x="538" y="256"/>
                  </a:lnTo>
                  <a:lnTo>
                    <a:pt x="539" y="248"/>
                  </a:lnTo>
                  <a:lnTo>
                    <a:pt x="541" y="240"/>
                  </a:lnTo>
                  <a:lnTo>
                    <a:pt x="544" y="233"/>
                  </a:lnTo>
                  <a:lnTo>
                    <a:pt x="547" y="226"/>
                  </a:lnTo>
                  <a:lnTo>
                    <a:pt x="552" y="218"/>
                  </a:lnTo>
                  <a:lnTo>
                    <a:pt x="557" y="212"/>
                  </a:lnTo>
                  <a:lnTo>
                    <a:pt x="562" y="207"/>
                  </a:lnTo>
                  <a:lnTo>
                    <a:pt x="554" y="193"/>
                  </a:lnTo>
                  <a:lnTo>
                    <a:pt x="545" y="180"/>
                  </a:lnTo>
                  <a:lnTo>
                    <a:pt x="537" y="169"/>
                  </a:lnTo>
                  <a:lnTo>
                    <a:pt x="527" y="157"/>
                  </a:lnTo>
                  <a:lnTo>
                    <a:pt x="508" y="134"/>
                  </a:lnTo>
                  <a:lnTo>
                    <a:pt x="489" y="111"/>
                  </a:lnTo>
                  <a:lnTo>
                    <a:pt x="480" y="99"/>
                  </a:lnTo>
                  <a:lnTo>
                    <a:pt x="472" y="87"/>
                  </a:lnTo>
                  <a:lnTo>
                    <a:pt x="463" y="74"/>
                  </a:lnTo>
                  <a:lnTo>
                    <a:pt x="455" y="60"/>
                  </a:lnTo>
                  <a:lnTo>
                    <a:pt x="447" y="47"/>
                  </a:lnTo>
                  <a:lnTo>
                    <a:pt x="441" y="32"/>
                  </a:lnTo>
                  <a:lnTo>
                    <a:pt x="436" y="17"/>
                  </a:lnTo>
                  <a:lnTo>
                    <a:pt x="430" y="0"/>
                  </a:lnTo>
                  <a:lnTo>
                    <a:pt x="430" y="11"/>
                  </a:lnTo>
                  <a:lnTo>
                    <a:pt x="429" y="21"/>
                  </a:lnTo>
                  <a:lnTo>
                    <a:pt x="427" y="31"/>
                  </a:lnTo>
                  <a:lnTo>
                    <a:pt x="425" y="40"/>
                  </a:lnTo>
                  <a:lnTo>
                    <a:pt x="423" y="50"/>
                  </a:lnTo>
                  <a:lnTo>
                    <a:pt x="419" y="58"/>
                  </a:lnTo>
                  <a:lnTo>
                    <a:pt x="416" y="67"/>
                  </a:lnTo>
                  <a:lnTo>
                    <a:pt x="412" y="75"/>
                  </a:lnTo>
                  <a:lnTo>
                    <a:pt x="406" y="82"/>
                  </a:lnTo>
                  <a:lnTo>
                    <a:pt x="401" y="90"/>
                  </a:lnTo>
                  <a:lnTo>
                    <a:pt x="396" y="96"/>
                  </a:lnTo>
                  <a:lnTo>
                    <a:pt x="390" y="102"/>
                  </a:lnTo>
                  <a:lnTo>
                    <a:pt x="384" y="108"/>
                  </a:lnTo>
                  <a:lnTo>
                    <a:pt x="378" y="113"/>
                  </a:lnTo>
                  <a:lnTo>
                    <a:pt x="370" y="118"/>
                  </a:lnTo>
                  <a:lnTo>
                    <a:pt x="363" y="122"/>
                  </a:lnTo>
                  <a:lnTo>
                    <a:pt x="357" y="126"/>
                  </a:lnTo>
                  <a:lnTo>
                    <a:pt x="348" y="129"/>
                  </a:lnTo>
                  <a:lnTo>
                    <a:pt x="341" y="131"/>
                  </a:lnTo>
                  <a:lnTo>
                    <a:pt x="334" y="133"/>
                  </a:lnTo>
                  <a:lnTo>
                    <a:pt x="325" y="134"/>
                  </a:lnTo>
                  <a:lnTo>
                    <a:pt x="317" y="135"/>
                  </a:lnTo>
                  <a:lnTo>
                    <a:pt x="308" y="135"/>
                  </a:lnTo>
                  <a:lnTo>
                    <a:pt x="301" y="134"/>
                  </a:lnTo>
                  <a:lnTo>
                    <a:pt x="293" y="133"/>
                  </a:lnTo>
                  <a:lnTo>
                    <a:pt x="284" y="131"/>
                  </a:lnTo>
                  <a:lnTo>
                    <a:pt x="276" y="128"/>
                  </a:lnTo>
                  <a:lnTo>
                    <a:pt x="267" y="124"/>
                  </a:lnTo>
                  <a:lnTo>
                    <a:pt x="259" y="120"/>
                  </a:lnTo>
                  <a:lnTo>
                    <a:pt x="250" y="115"/>
                  </a:lnTo>
                  <a:lnTo>
                    <a:pt x="242" y="110"/>
                  </a:lnTo>
                  <a:lnTo>
                    <a:pt x="235" y="103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35" name="Nordfyn"/>
            <p:cNvSpPr>
              <a:spLocks/>
            </p:cNvSpPr>
            <p:nvPr/>
          </p:nvSpPr>
          <p:spPr bwMode="auto">
            <a:xfrm>
              <a:off x="2020888" y="5024438"/>
              <a:ext cx="415925" cy="296863"/>
            </a:xfrm>
            <a:custGeom>
              <a:avLst/>
              <a:gdLst>
                <a:gd name="T0" fmla="*/ 164 w 786"/>
                <a:gd name="T1" fmla="*/ 30 h 562"/>
                <a:gd name="T2" fmla="*/ 155 w 786"/>
                <a:gd name="T3" fmla="*/ 31 h 562"/>
                <a:gd name="T4" fmla="*/ 150 w 786"/>
                <a:gd name="T5" fmla="*/ 28 h 562"/>
                <a:gd name="T6" fmla="*/ 152 w 786"/>
                <a:gd name="T7" fmla="*/ 22 h 562"/>
                <a:gd name="T8" fmla="*/ 153 w 786"/>
                <a:gd name="T9" fmla="*/ 9 h 562"/>
                <a:gd name="T10" fmla="*/ 134 w 786"/>
                <a:gd name="T11" fmla="*/ 13 h 562"/>
                <a:gd name="T12" fmla="*/ 124 w 786"/>
                <a:gd name="T13" fmla="*/ 16 h 562"/>
                <a:gd name="T14" fmla="*/ 116 w 786"/>
                <a:gd name="T15" fmla="*/ 22 h 562"/>
                <a:gd name="T16" fmla="*/ 109 w 786"/>
                <a:gd name="T17" fmla="*/ 29 h 562"/>
                <a:gd name="T18" fmla="*/ 99 w 786"/>
                <a:gd name="T19" fmla="*/ 34 h 562"/>
                <a:gd name="T20" fmla="*/ 77 w 786"/>
                <a:gd name="T21" fmla="*/ 39 h 562"/>
                <a:gd name="T22" fmla="*/ 55 w 786"/>
                <a:gd name="T23" fmla="*/ 47 h 562"/>
                <a:gd name="T24" fmla="*/ 35 w 786"/>
                <a:gd name="T25" fmla="*/ 58 h 562"/>
                <a:gd name="T26" fmla="*/ 16 w 786"/>
                <a:gd name="T27" fmla="*/ 72 h 562"/>
                <a:gd name="T28" fmla="*/ 0 w 786"/>
                <a:gd name="T29" fmla="*/ 87 h 562"/>
                <a:gd name="T30" fmla="*/ 14 w 786"/>
                <a:gd name="T31" fmla="*/ 98 h 562"/>
                <a:gd name="T32" fmla="*/ 24 w 786"/>
                <a:gd name="T33" fmla="*/ 112 h 562"/>
                <a:gd name="T34" fmla="*/ 36 w 786"/>
                <a:gd name="T35" fmla="*/ 133 h 562"/>
                <a:gd name="T36" fmla="*/ 53 w 786"/>
                <a:gd name="T37" fmla="*/ 165 h 562"/>
                <a:gd name="T38" fmla="*/ 66 w 786"/>
                <a:gd name="T39" fmla="*/ 167 h 562"/>
                <a:gd name="T40" fmla="*/ 84 w 786"/>
                <a:gd name="T41" fmla="*/ 173 h 562"/>
                <a:gd name="T42" fmla="*/ 103 w 786"/>
                <a:gd name="T43" fmla="*/ 183 h 562"/>
                <a:gd name="T44" fmla="*/ 111 w 786"/>
                <a:gd name="T45" fmla="*/ 181 h 562"/>
                <a:gd name="T46" fmla="*/ 118 w 786"/>
                <a:gd name="T47" fmla="*/ 174 h 562"/>
                <a:gd name="T48" fmla="*/ 127 w 786"/>
                <a:gd name="T49" fmla="*/ 167 h 562"/>
                <a:gd name="T50" fmla="*/ 130 w 786"/>
                <a:gd name="T51" fmla="*/ 161 h 562"/>
                <a:gd name="T52" fmla="*/ 128 w 786"/>
                <a:gd name="T53" fmla="*/ 153 h 562"/>
                <a:gd name="T54" fmla="*/ 134 w 786"/>
                <a:gd name="T55" fmla="*/ 150 h 562"/>
                <a:gd name="T56" fmla="*/ 141 w 786"/>
                <a:gd name="T57" fmla="*/ 144 h 562"/>
                <a:gd name="T58" fmla="*/ 147 w 786"/>
                <a:gd name="T59" fmla="*/ 140 h 562"/>
                <a:gd name="T60" fmla="*/ 153 w 786"/>
                <a:gd name="T61" fmla="*/ 140 h 562"/>
                <a:gd name="T62" fmla="*/ 155 w 786"/>
                <a:gd name="T63" fmla="*/ 128 h 562"/>
                <a:gd name="T64" fmla="*/ 160 w 786"/>
                <a:gd name="T65" fmla="*/ 119 h 562"/>
                <a:gd name="T66" fmla="*/ 167 w 786"/>
                <a:gd name="T67" fmla="*/ 120 h 562"/>
                <a:gd name="T68" fmla="*/ 168 w 786"/>
                <a:gd name="T69" fmla="*/ 128 h 562"/>
                <a:gd name="T70" fmla="*/ 170 w 786"/>
                <a:gd name="T71" fmla="*/ 130 h 562"/>
                <a:gd name="T72" fmla="*/ 175 w 786"/>
                <a:gd name="T73" fmla="*/ 130 h 562"/>
                <a:gd name="T74" fmla="*/ 179 w 786"/>
                <a:gd name="T75" fmla="*/ 126 h 562"/>
                <a:gd name="T76" fmla="*/ 187 w 786"/>
                <a:gd name="T77" fmla="*/ 121 h 562"/>
                <a:gd name="T78" fmla="*/ 198 w 786"/>
                <a:gd name="T79" fmla="*/ 120 h 562"/>
                <a:gd name="T80" fmla="*/ 219 w 786"/>
                <a:gd name="T81" fmla="*/ 125 h 562"/>
                <a:gd name="T82" fmla="*/ 236 w 786"/>
                <a:gd name="T83" fmla="*/ 123 h 562"/>
                <a:gd name="T84" fmla="*/ 246 w 786"/>
                <a:gd name="T85" fmla="*/ 113 h 562"/>
                <a:gd name="T86" fmla="*/ 258 w 786"/>
                <a:gd name="T87" fmla="*/ 105 h 562"/>
                <a:gd name="T88" fmla="*/ 261 w 786"/>
                <a:gd name="T89" fmla="*/ 98 h 562"/>
                <a:gd name="T90" fmla="*/ 258 w 786"/>
                <a:gd name="T91" fmla="*/ 92 h 562"/>
                <a:gd name="T92" fmla="*/ 252 w 786"/>
                <a:gd name="T93" fmla="*/ 82 h 562"/>
                <a:gd name="T94" fmla="*/ 251 w 786"/>
                <a:gd name="T95" fmla="*/ 73 h 562"/>
                <a:gd name="T96" fmla="*/ 258 w 786"/>
                <a:gd name="T97" fmla="*/ 70 h 562"/>
                <a:gd name="T98" fmla="*/ 261 w 786"/>
                <a:gd name="T99" fmla="*/ 66 h 562"/>
                <a:gd name="T100" fmla="*/ 262 w 786"/>
                <a:gd name="T101" fmla="*/ 62 h 562"/>
                <a:gd name="T102" fmla="*/ 248 w 786"/>
                <a:gd name="T103" fmla="*/ 47 h 562"/>
                <a:gd name="T104" fmla="*/ 231 w 786"/>
                <a:gd name="T105" fmla="*/ 32 h 562"/>
                <a:gd name="T106" fmla="*/ 213 w 786"/>
                <a:gd name="T107" fmla="*/ 19 h 562"/>
                <a:gd name="T108" fmla="*/ 194 w 786"/>
                <a:gd name="T109" fmla="*/ 9 h 562"/>
                <a:gd name="T110" fmla="*/ 175 w 786"/>
                <a:gd name="T111" fmla="*/ 1 h 562"/>
                <a:gd name="T112" fmla="*/ 170 w 786"/>
                <a:gd name="T113" fmla="*/ 2 h 562"/>
                <a:gd name="T114" fmla="*/ 172 w 786"/>
                <a:gd name="T115" fmla="*/ 9 h 562"/>
                <a:gd name="T116" fmla="*/ 174 w 786"/>
                <a:gd name="T117" fmla="*/ 20 h 562"/>
                <a:gd name="T118" fmla="*/ 176 w 786"/>
                <a:gd name="T119" fmla="*/ 24 h 56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786" h="562">
                  <a:moveTo>
                    <a:pt x="534" y="74"/>
                  </a:moveTo>
                  <a:lnTo>
                    <a:pt x="515" y="83"/>
                  </a:lnTo>
                  <a:lnTo>
                    <a:pt x="493" y="90"/>
                  </a:lnTo>
                  <a:lnTo>
                    <a:pt x="481" y="92"/>
                  </a:lnTo>
                  <a:lnTo>
                    <a:pt x="469" y="92"/>
                  </a:lnTo>
                  <a:lnTo>
                    <a:pt x="464" y="92"/>
                  </a:lnTo>
                  <a:lnTo>
                    <a:pt x="459" y="90"/>
                  </a:lnTo>
                  <a:lnTo>
                    <a:pt x="454" y="87"/>
                  </a:lnTo>
                  <a:lnTo>
                    <a:pt x="449" y="84"/>
                  </a:lnTo>
                  <a:lnTo>
                    <a:pt x="453" y="80"/>
                  </a:lnTo>
                  <a:lnTo>
                    <a:pt x="456" y="73"/>
                  </a:lnTo>
                  <a:lnTo>
                    <a:pt x="457" y="67"/>
                  </a:lnTo>
                  <a:lnTo>
                    <a:pt x="459" y="61"/>
                  </a:lnTo>
                  <a:lnTo>
                    <a:pt x="459" y="45"/>
                  </a:lnTo>
                  <a:lnTo>
                    <a:pt x="459" y="28"/>
                  </a:lnTo>
                  <a:lnTo>
                    <a:pt x="435" y="31"/>
                  </a:lnTo>
                  <a:lnTo>
                    <a:pt x="412" y="36"/>
                  </a:lnTo>
                  <a:lnTo>
                    <a:pt x="402" y="39"/>
                  </a:lnTo>
                  <a:lnTo>
                    <a:pt x="391" y="42"/>
                  </a:lnTo>
                  <a:lnTo>
                    <a:pt x="382" y="46"/>
                  </a:lnTo>
                  <a:lnTo>
                    <a:pt x="372" y="49"/>
                  </a:lnTo>
                  <a:lnTo>
                    <a:pt x="364" y="54"/>
                  </a:lnTo>
                  <a:lnTo>
                    <a:pt x="356" y="60"/>
                  </a:lnTo>
                  <a:lnTo>
                    <a:pt x="348" y="65"/>
                  </a:lnTo>
                  <a:lnTo>
                    <a:pt x="341" y="71"/>
                  </a:lnTo>
                  <a:lnTo>
                    <a:pt x="335" y="79"/>
                  </a:lnTo>
                  <a:lnTo>
                    <a:pt x="328" y="86"/>
                  </a:lnTo>
                  <a:lnTo>
                    <a:pt x="323" y="93"/>
                  </a:lnTo>
                  <a:lnTo>
                    <a:pt x="318" y="103"/>
                  </a:lnTo>
                  <a:lnTo>
                    <a:pt x="297" y="103"/>
                  </a:lnTo>
                  <a:lnTo>
                    <a:pt x="275" y="106"/>
                  </a:lnTo>
                  <a:lnTo>
                    <a:pt x="252" y="109"/>
                  </a:lnTo>
                  <a:lnTo>
                    <a:pt x="231" y="116"/>
                  </a:lnTo>
                  <a:lnTo>
                    <a:pt x="209" y="122"/>
                  </a:lnTo>
                  <a:lnTo>
                    <a:pt x="188" y="130"/>
                  </a:lnTo>
                  <a:lnTo>
                    <a:pt x="166" y="140"/>
                  </a:lnTo>
                  <a:lnTo>
                    <a:pt x="146" y="149"/>
                  </a:lnTo>
                  <a:lnTo>
                    <a:pt x="125" y="161"/>
                  </a:lnTo>
                  <a:lnTo>
                    <a:pt x="105" y="173"/>
                  </a:lnTo>
                  <a:lnTo>
                    <a:pt x="86" y="186"/>
                  </a:lnTo>
                  <a:lnTo>
                    <a:pt x="67" y="201"/>
                  </a:lnTo>
                  <a:lnTo>
                    <a:pt x="49" y="216"/>
                  </a:lnTo>
                  <a:lnTo>
                    <a:pt x="31" y="230"/>
                  </a:lnTo>
                  <a:lnTo>
                    <a:pt x="16" y="246"/>
                  </a:lnTo>
                  <a:lnTo>
                    <a:pt x="0" y="262"/>
                  </a:lnTo>
                  <a:lnTo>
                    <a:pt x="14" y="271"/>
                  </a:lnTo>
                  <a:lnTo>
                    <a:pt x="28" y="283"/>
                  </a:lnTo>
                  <a:lnTo>
                    <a:pt x="41" y="295"/>
                  </a:lnTo>
                  <a:lnTo>
                    <a:pt x="52" y="307"/>
                  </a:lnTo>
                  <a:lnTo>
                    <a:pt x="63" y="321"/>
                  </a:lnTo>
                  <a:lnTo>
                    <a:pt x="73" y="336"/>
                  </a:lnTo>
                  <a:lnTo>
                    <a:pt x="83" y="350"/>
                  </a:lnTo>
                  <a:lnTo>
                    <a:pt x="92" y="366"/>
                  </a:lnTo>
                  <a:lnTo>
                    <a:pt x="109" y="399"/>
                  </a:lnTo>
                  <a:lnTo>
                    <a:pt x="125" y="431"/>
                  </a:lnTo>
                  <a:lnTo>
                    <a:pt x="142" y="464"/>
                  </a:lnTo>
                  <a:lnTo>
                    <a:pt x="159" y="496"/>
                  </a:lnTo>
                  <a:lnTo>
                    <a:pt x="172" y="498"/>
                  </a:lnTo>
                  <a:lnTo>
                    <a:pt x="185" y="499"/>
                  </a:lnTo>
                  <a:lnTo>
                    <a:pt x="198" y="502"/>
                  </a:lnTo>
                  <a:lnTo>
                    <a:pt x="209" y="504"/>
                  </a:lnTo>
                  <a:lnTo>
                    <a:pt x="231" y="511"/>
                  </a:lnTo>
                  <a:lnTo>
                    <a:pt x="252" y="519"/>
                  </a:lnTo>
                  <a:lnTo>
                    <a:pt x="272" y="528"/>
                  </a:lnTo>
                  <a:lnTo>
                    <a:pt x="291" y="539"/>
                  </a:lnTo>
                  <a:lnTo>
                    <a:pt x="310" y="549"/>
                  </a:lnTo>
                  <a:lnTo>
                    <a:pt x="327" y="562"/>
                  </a:lnTo>
                  <a:lnTo>
                    <a:pt x="329" y="553"/>
                  </a:lnTo>
                  <a:lnTo>
                    <a:pt x="332" y="545"/>
                  </a:lnTo>
                  <a:lnTo>
                    <a:pt x="337" y="539"/>
                  </a:lnTo>
                  <a:lnTo>
                    <a:pt x="342" y="533"/>
                  </a:lnTo>
                  <a:lnTo>
                    <a:pt x="355" y="522"/>
                  </a:lnTo>
                  <a:lnTo>
                    <a:pt x="368" y="513"/>
                  </a:lnTo>
                  <a:lnTo>
                    <a:pt x="375" y="507"/>
                  </a:lnTo>
                  <a:lnTo>
                    <a:pt x="380" y="502"/>
                  </a:lnTo>
                  <a:lnTo>
                    <a:pt x="385" y="497"/>
                  </a:lnTo>
                  <a:lnTo>
                    <a:pt x="388" y="491"/>
                  </a:lnTo>
                  <a:lnTo>
                    <a:pt x="389" y="484"/>
                  </a:lnTo>
                  <a:lnTo>
                    <a:pt x="390" y="477"/>
                  </a:lnTo>
                  <a:lnTo>
                    <a:pt x="388" y="468"/>
                  </a:lnTo>
                  <a:lnTo>
                    <a:pt x="384" y="459"/>
                  </a:lnTo>
                  <a:lnTo>
                    <a:pt x="391" y="457"/>
                  </a:lnTo>
                  <a:lnTo>
                    <a:pt x="398" y="455"/>
                  </a:lnTo>
                  <a:lnTo>
                    <a:pt x="403" y="451"/>
                  </a:lnTo>
                  <a:lnTo>
                    <a:pt x="407" y="448"/>
                  </a:lnTo>
                  <a:lnTo>
                    <a:pt x="416" y="441"/>
                  </a:lnTo>
                  <a:lnTo>
                    <a:pt x="422" y="432"/>
                  </a:lnTo>
                  <a:lnTo>
                    <a:pt x="429" y="426"/>
                  </a:lnTo>
                  <a:lnTo>
                    <a:pt x="437" y="421"/>
                  </a:lnTo>
                  <a:lnTo>
                    <a:pt x="441" y="420"/>
                  </a:lnTo>
                  <a:lnTo>
                    <a:pt x="446" y="420"/>
                  </a:lnTo>
                  <a:lnTo>
                    <a:pt x="451" y="420"/>
                  </a:lnTo>
                  <a:lnTo>
                    <a:pt x="459" y="421"/>
                  </a:lnTo>
                  <a:lnTo>
                    <a:pt x="460" y="408"/>
                  </a:lnTo>
                  <a:lnTo>
                    <a:pt x="462" y="397"/>
                  </a:lnTo>
                  <a:lnTo>
                    <a:pt x="465" y="386"/>
                  </a:lnTo>
                  <a:lnTo>
                    <a:pt x="469" y="376"/>
                  </a:lnTo>
                  <a:lnTo>
                    <a:pt x="475" y="367"/>
                  </a:lnTo>
                  <a:lnTo>
                    <a:pt x="481" y="359"/>
                  </a:lnTo>
                  <a:lnTo>
                    <a:pt x="488" y="352"/>
                  </a:lnTo>
                  <a:lnTo>
                    <a:pt x="496" y="346"/>
                  </a:lnTo>
                  <a:lnTo>
                    <a:pt x="500" y="361"/>
                  </a:lnTo>
                  <a:lnTo>
                    <a:pt x="503" y="377"/>
                  </a:lnTo>
                  <a:lnTo>
                    <a:pt x="504" y="381"/>
                  </a:lnTo>
                  <a:lnTo>
                    <a:pt x="505" y="384"/>
                  </a:lnTo>
                  <a:lnTo>
                    <a:pt x="507" y="387"/>
                  </a:lnTo>
                  <a:lnTo>
                    <a:pt x="509" y="389"/>
                  </a:lnTo>
                  <a:lnTo>
                    <a:pt x="511" y="391"/>
                  </a:lnTo>
                  <a:lnTo>
                    <a:pt x="515" y="392"/>
                  </a:lnTo>
                  <a:lnTo>
                    <a:pt x="519" y="394"/>
                  </a:lnTo>
                  <a:lnTo>
                    <a:pt x="524" y="392"/>
                  </a:lnTo>
                  <a:lnTo>
                    <a:pt x="528" y="387"/>
                  </a:lnTo>
                  <a:lnTo>
                    <a:pt x="531" y="383"/>
                  </a:lnTo>
                  <a:lnTo>
                    <a:pt x="536" y="379"/>
                  </a:lnTo>
                  <a:lnTo>
                    <a:pt x="541" y="375"/>
                  </a:lnTo>
                  <a:lnTo>
                    <a:pt x="550" y="368"/>
                  </a:lnTo>
                  <a:lnTo>
                    <a:pt x="560" y="365"/>
                  </a:lnTo>
                  <a:lnTo>
                    <a:pt x="571" y="362"/>
                  </a:lnTo>
                  <a:lnTo>
                    <a:pt x="582" y="362"/>
                  </a:lnTo>
                  <a:lnTo>
                    <a:pt x="594" y="362"/>
                  </a:lnTo>
                  <a:lnTo>
                    <a:pt x="606" y="363"/>
                  </a:lnTo>
                  <a:lnTo>
                    <a:pt x="630" y="368"/>
                  </a:lnTo>
                  <a:lnTo>
                    <a:pt x="656" y="375"/>
                  </a:lnTo>
                  <a:lnTo>
                    <a:pt x="680" y="380"/>
                  </a:lnTo>
                  <a:lnTo>
                    <a:pt x="702" y="384"/>
                  </a:lnTo>
                  <a:lnTo>
                    <a:pt x="708" y="370"/>
                  </a:lnTo>
                  <a:lnTo>
                    <a:pt x="717" y="359"/>
                  </a:lnTo>
                  <a:lnTo>
                    <a:pt x="726" y="348"/>
                  </a:lnTo>
                  <a:lnTo>
                    <a:pt x="737" y="339"/>
                  </a:lnTo>
                  <a:lnTo>
                    <a:pt x="748" y="330"/>
                  </a:lnTo>
                  <a:lnTo>
                    <a:pt x="760" y="323"/>
                  </a:lnTo>
                  <a:lnTo>
                    <a:pt x="774" y="316"/>
                  </a:lnTo>
                  <a:lnTo>
                    <a:pt x="786" y="308"/>
                  </a:lnTo>
                  <a:lnTo>
                    <a:pt x="785" y="302"/>
                  </a:lnTo>
                  <a:lnTo>
                    <a:pt x="784" y="296"/>
                  </a:lnTo>
                  <a:lnTo>
                    <a:pt x="782" y="289"/>
                  </a:lnTo>
                  <a:lnTo>
                    <a:pt x="780" y="284"/>
                  </a:lnTo>
                  <a:lnTo>
                    <a:pt x="775" y="275"/>
                  </a:lnTo>
                  <a:lnTo>
                    <a:pt x="768" y="265"/>
                  </a:lnTo>
                  <a:lnTo>
                    <a:pt x="762" y="257"/>
                  </a:lnTo>
                  <a:lnTo>
                    <a:pt x="757" y="247"/>
                  </a:lnTo>
                  <a:lnTo>
                    <a:pt x="752" y="237"/>
                  </a:lnTo>
                  <a:lnTo>
                    <a:pt x="748" y="224"/>
                  </a:lnTo>
                  <a:lnTo>
                    <a:pt x="754" y="220"/>
                  </a:lnTo>
                  <a:lnTo>
                    <a:pt x="760" y="217"/>
                  </a:lnTo>
                  <a:lnTo>
                    <a:pt x="766" y="213"/>
                  </a:lnTo>
                  <a:lnTo>
                    <a:pt x="773" y="210"/>
                  </a:lnTo>
                  <a:lnTo>
                    <a:pt x="778" y="207"/>
                  </a:lnTo>
                  <a:lnTo>
                    <a:pt x="782" y="202"/>
                  </a:lnTo>
                  <a:lnTo>
                    <a:pt x="784" y="199"/>
                  </a:lnTo>
                  <a:lnTo>
                    <a:pt x="785" y="196"/>
                  </a:lnTo>
                  <a:lnTo>
                    <a:pt x="786" y="191"/>
                  </a:lnTo>
                  <a:lnTo>
                    <a:pt x="786" y="187"/>
                  </a:lnTo>
                  <a:lnTo>
                    <a:pt x="773" y="171"/>
                  </a:lnTo>
                  <a:lnTo>
                    <a:pt x="759" y="157"/>
                  </a:lnTo>
                  <a:lnTo>
                    <a:pt x="744" y="141"/>
                  </a:lnTo>
                  <a:lnTo>
                    <a:pt x="727" y="126"/>
                  </a:lnTo>
                  <a:lnTo>
                    <a:pt x="710" y="111"/>
                  </a:lnTo>
                  <a:lnTo>
                    <a:pt x="694" y="97"/>
                  </a:lnTo>
                  <a:lnTo>
                    <a:pt x="676" y="83"/>
                  </a:lnTo>
                  <a:lnTo>
                    <a:pt x="657" y="70"/>
                  </a:lnTo>
                  <a:lnTo>
                    <a:pt x="639" y="58"/>
                  </a:lnTo>
                  <a:lnTo>
                    <a:pt x="620" y="46"/>
                  </a:lnTo>
                  <a:lnTo>
                    <a:pt x="600" y="36"/>
                  </a:lnTo>
                  <a:lnTo>
                    <a:pt x="581" y="26"/>
                  </a:lnTo>
                  <a:lnTo>
                    <a:pt x="562" y="18"/>
                  </a:lnTo>
                  <a:lnTo>
                    <a:pt x="543" y="10"/>
                  </a:lnTo>
                  <a:lnTo>
                    <a:pt x="524" y="4"/>
                  </a:lnTo>
                  <a:lnTo>
                    <a:pt x="505" y="0"/>
                  </a:lnTo>
                  <a:lnTo>
                    <a:pt x="508" y="3"/>
                  </a:lnTo>
                  <a:lnTo>
                    <a:pt x="510" y="7"/>
                  </a:lnTo>
                  <a:lnTo>
                    <a:pt x="513" y="11"/>
                  </a:lnTo>
                  <a:lnTo>
                    <a:pt x="514" y="17"/>
                  </a:lnTo>
                  <a:lnTo>
                    <a:pt x="516" y="28"/>
                  </a:lnTo>
                  <a:lnTo>
                    <a:pt x="517" y="40"/>
                  </a:lnTo>
                  <a:lnTo>
                    <a:pt x="519" y="51"/>
                  </a:lnTo>
                  <a:lnTo>
                    <a:pt x="521" y="61"/>
                  </a:lnTo>
                  <a:lnTo>
                    <a:pt x="523" y="66"/>
                  </a:lnTo>
                  <a:lnTo>
                    <a:pt x="526" y="69"/>
                  </a:lnTo>
                  <a:lnTo>
                    <a:pt x="529" y="72"/>
                  </a:lnTo>
                  <a:lnTo>
                    <a:pt x="534" y="74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36" name="Nordfyn kant"/>
            <p:cNvSpPr>
              <a:spLocks/>
            </p:cNvSpPr>
            <p:nvPr/>
          </p:nvSpPr>
          <p:spPr bwMode="auto">
            <a:xfrm>
              <a:off x="2020888" y="5024438"/>
              <a:ext cx="415925" cy="296863"/>
            </a:xfrm>
            <a:custGeom>
              <a:avLst/>
              <a:gdLst>
                <a:gd name="T0" fmla="*/ 164 w 786"/>
                <a:gd name="T1" fmla="*/ 30 h 562"/>
                <a:gd name="T2" fmla="*/ 155 w 786"/>
                <a:gd name="T3" fmla="*/ 31 h 562"/>
                <a:gd name="T4" fmla="*/ 150 w 786"/>
                <a:gd name="T5" fmla="*/ 28 h 562"/>
                <a:gd name="T6" fmla="*/ 152 w 786"/>
                <a:gd name="T7" fmla="*/ 22 h 562"/>
                <a:gd name="T8" fmla="*/ 153 w 786"/>
                <a:gd name="T9" fmla="*/ 9 h 562"/>
                <a:gd name="T10" fmla="*/ 134 w 786"/>
                <a:gd name="T11" fmla="*/ 13 h 562"/>
                <a:gd name="T12" fmla="*/ 124 w 786"/>
                <a:gd name="T13" fmla="*/ 16 h 562"/>
                <a:gd name="T14" fmla="*/ 116 w 786"/>
                <a:gd name="T15" fmla="*/ 22 h 562"/>
                <a:gd name="T16" fmla="*/ 109 w 786"/>
                <a:gd name="T17" fmla="*/ 29 h 562"/>
                <a:gd name="T18" fmla="*/ 99 w 786"/>
                <a:gd name="T19" fmla="*/ 34 h 562"/>
                <a:gd name="T20" fmla="*/ 77 w 786"/>
                <a:gd name="T21" fmla="*/ 39 h 562"/>
                <a:gd name="T22" fmla="*/ 55 w 786"/>
                <a:gd name="T23" fmla="*/ 47 h 562"/>
                <a:gd name="T24" fmla="*/ 35 w 786"/>
                <a:gd name="T25" fmla="*/ 58 h 562"/>
                <a:gd name="T26" fmla="*/ 16 w 786"/>
                <a:gd name="T27" fmla="*/ 72 h 562"/>
                <a:gd name="T28" fmla="*/ 0 w 786"/>
                <a:gd name="T29" fmla="*/ 87 h 562"/>
                <a:gd name="T30" fmla="*/ 14 w 786"/>
                <a:gd name="T31" fmla="*/ 98 h 562"/>
                <a:gd name="T32" fmla="*/ 24 w 786"/>
                <a:gd name="T33" fmla="*/ 112 h 562"/>
                <a:gd name="T34" fmla="*/ 36 w 786"/>
                <a:gd name="T35" fmla="*/ 133 h 562"/>
                <a:gd name="T36" fmla="*/ 53 w 786"/>
                <a:gd name="T37" fmla="*/ 165 h 562"/>
                <a:gd name="T38" fmla="*/ 66 w 786"/>
                <a:gd name="T39" fmla="*/ 167 h 562"/>
                <a:gd name="T40" fmla="*/ 84 w 786"/>
                <a:gd name="T41" fmla="*/ 173 h 562"/>
                <a:gd name="T42" fmla="*/ 103 w 786"/>
                <a:gd name="T43" fmla="*/ 183 h 562"/>
                <a:gd name="T44" fmla="*/ 111 w 786"/>
                <a:gd name="T45" fmla="*/ 181 h 562"/>
                <a:gd name="T46" fmla="*/ 118 w 786"/>
                <a:gd name="T47" fmla="*/ 174 h 562"/>
                <a:gd name="T48" fmla="*/ 127 w 786"/>
                <a:gd name="T49" fmla="*/ 167 h 562"/>
                <a:gd name="T50" fmla="*/ 130 w 786"/>
                <a:gd name="T51" fmla="*/ 161 h 562"/>
                <a:gd name="T52" fmla="*/ 128 w 786"/>
                <a:gd name="T53" fmla="*/ 153 h 562"/>
                <a:gd name="T54" fmla="*/ 134 w 786"/>
                <a:gd name="T55" fmla="*/ 150 h 562"/>
                <a:gd name="T56" fmla="*/ 141 w 786"/>
                <a:gd name="T57" fmla="*/ 144 h 562"/>
                <a:gd name="T58" fmla="*/ 147 w 786"/>
                <a:gd name="T59" fmla="*/ 140 h 562"/>
                <a:gd name="T60" fmla="*/ 153 w 786"/>
                <a:gd name="T61" fmla="*/ 140 h 562"/>
                <a:gd name="T62" fmla="*/ 155 w 786"/>
                <a:gd name="T63" fmla="*/ 128 h 562"/>
                <a:gd name="T64" fmla="*/ 160 w 786"/>
                <a:gd name="T65" fmla="*/ 119 h 562"/>
                <a:gd name="T66" fmla="*/ 167 w 786"/>
                <a:gd name="T67" fmla="*/ 120 h 562"/>
                <a:gd name="T68" fmla="*/ 168 w 786"/>
                <a:gd name="T69" fmla="*/ 128 h 562"/>
                <a:gd name="T70" fmla="*/ 170 w 786"/>
                <a:gd name="T71" fmla="*/ 130 h 562"/>
                <a:gd name="T72" fmla="*/ 175 w 786"/>
                <a:gd name="T73" fmla="*/ 130 h 562"/>
                <a:gd name="T74" fmla="*/ 179 w 786"/>
                <a:gd name="T75" fmla="*/ 126 h 562"/>
                <a:gd name="T76" fmla="*/ 187 w 786"/>
                <a:gd name="T77" fmla="*/ 121 h 562"/>
                <a:gd name="T78" fmla="*/ 198 w 786"/>
                <a:gd name="T79" fmla="*/ 120 h 562"/>
                <a:gd name="T80" fmla="*/ 219 w 786"/>
                <a:gd name="T81" fmla="*/ 125 h 562"/>
                <a:gd name="T82" fmla="*/ 236 w 786"/>
                <a:gd name="T83" fmla="*/ 123 h 562"/>
                <a:gd name="T84" fmla="*/ 246 w 786"/>
                <a:gd name="T85" fmla="*/ 113 h 562"/>
                <a:gd name="T86" fmla="*/ 258 w 786"/>
                <a:gd name="T87" fmla="*/ 105 h 562"/>
                <a:gd name="T88" fmla="*/ 261 w 786"/>
                <a:gd name="T89" fmla="*/ 98 h 562"/>
                <a:gd name="T90" fmla="*/ 258 w 786"/>
                <a:gd name="T91" fmla="*/ 92 h 562"/>
                <a:gd name="T92" fmla="*/ 252 w 786"/>
                <a:gd name="T93" fmla="*/ 82 h 562"/>
                <a:gd name="T94" fmla="*/ 251 w 786"/>
                <a:gd name="T95" fmla="*/ 73 h 562"/>
                <a:gd name="T96" fmla="*/ 258 w 786"/>
                <a:gd name="T97" fmla="*/ 70 h 562"/>
                <a:gd name="T98" fmla="*/ 261 w 786"/>
                <a:gd name="T99" fmla="*/ 66 h 562"/>
                <a:gd name="T100" fmla="*/ 262 w 786"/>
                <a:gd name="T101" fmla="*/ 62 h 562"/>
                <a:gd name="T102" fmla="*/ 248 w 786"/>
                <a:gd name="T103" fmla="*/ 47 h 562"/>
                <a:gd name="T104" fmla="*/ 231 w 786"/>
                <a:gd name="T105" fmla="*/ 32 h 562"/>
                <a:gd name="T106" fmla="*/ 213 w 786"/>
                <a:gd name="T107" fmla="*/ 19 h 562"/>
                <a:gd name="T108" fmla="*/ 194 w 786"/>
                <a:gd name="T109" fmla="*/ 9 h 562"/>
                <a:gd name="T110" fmla="*/ 175 w 786"/>
                <a:gd name="T111" fmla="*/ 1 h 562"/>
                <a:gd name="T112" fmla="*/ 170 w 786"/>
                <a:gd name="T113" fmla="*/ 2 h 562"/>
                <a:gd name="T114" fmla="*/ 172 w 786"/>
                <a:gd name="T115" fmla="*/ 9 h 562"/>
                <a:gd name="T116" fmla="*/ 174 w 786"/>
                <a:gd name="T117" fmla="*/ 20 h 562"/>
                <a:gd name="T118" fmla="*/ 176 w 786"/>
                <a:gd name="T119" fmla="*/ 24 h 56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786" h="562">
                  <a:moveTo>
                    <a:pt x="534" y="74"/>
                  </a:moveTo>
                  <a:lnTo>
                    <a:pt x="515" y="83"/>
                  </a:lnTo>
                  <a:lnTo>
                    <a:pt x="493" y="90"/>
                  </a:lnTo>
                  <a:lnTo>
                    <a:pt x="481" y="92"/>
                  </a:lnTo>
                  <a:lnTo>
                    <a:pt x="469" y="92"/>
                  </a:lnTo>
                  <a:lnTo>
                    <a:pt x="464" y="92"/>
                  </a:lnTo>
                  <a:lnTo>
                    <a:pt x="459" y="90"/>
                  </a:lnTo>
                  <a:lnTo>
                    <a:pt x="454" y="87"/>
                  </a:lnTo>
                  <a:lnTo>
                    <a:pt x="449" y="84"/>
                  </a:lnTo>
                  <a:lnTo>
                    <a:pt x="453" y="80"/>
                  </a:lnTo>
                  <a:lnTo>
                    <a:pt x="456" y="73"/>
                  </a:lnTo>
                  <a:lnTo>
                    <a:pt x="457" y="67"/>
                  </a:lnTo>
                  <a:lnTo>
                    <a:pt x="459" y="61"/>
                  </a:lnTo>
                  <a:lnTo>
                    <a:pt x="459" y="45"/>
                  </a:lnTo>
                  <a:lnTo>
                    <a:pt x="459" y="28"/>
                  </a:lnTo>
                  <a:lnTo>
                    <a:pt x="435" y="31"/>
                  </a:lnTo>
                  <a:lnTo>
                    <a:pt x="412" y="36"/>
                  </a:lnTo>
                  <a:lnTo>
                    <a:pt x="402" y="39"/>
                  </a:lnTo>
                  <a:lnTo>
                    <a:pt x="391" y="42"/>
                  </a:lnTo>
                  <a:lnTo>
                    <a:pt x="382" y="46"/>
                  </a:lnTo>
                  <a:lnTo>
                    <a:pt x="372" y="49"/>
                  </a:lnTo>
                  <a:lnTo>
                    <a:pt x="364" y="54"/>
                  </a:lnTo>
                  <a:lnTo>
                    <a:pt x="356" y="60"/>
                  </a:lnTo>
                  <a:lnTo>
                    <a:pt x="348" y="65"/>
                  </a:lnTo>
                  <a:lnTo>
                    <a:pt x="341" y="71"/>
                  </a:lnTo>
                  <a:lnTo>
                    <a:pt x="335" y="79"/>
                  </a:lnTo>
                  <a:lnTo>
                    <a:pt x="328" y="86"/>
                  </a:lnTo>
                  <a:lnTo>
                    <a:pt x="323" y="93"/>
                  </a:lnTo>
                  <a:lnTo>
                    <a:pt x="318" y="103"/>
                  </a:lnTo>
                  <a:lnTo>
                    <a:pt x="297" y="103"/>
                  </a:lnTo>
                  <a:lnTo>
                    <a:pt x="275" y="106"/>
                  </a:lnTo>
                  <a:lnTo>
                    <a:pt x="252" y="109"/>
                  </a:lnTo>
                  <a:lnTo>
                    <a:pt x="231" y="116"/>
                  </a:lnTo>
                  <a:lnTo>
                    <a:pt x="209" y="122"/>
                  </a:lnTo>
                  <a:lnTo>
                    <a:pt x="188" y="130"/>
                  </a:lnTo>
                  <a:lnTo>
                    <a:pt x="166" y="140"/>
                  </a:lnTo>
                  <a:lnTo>
                    <a:pt x="146" y="149"/>
                  </a:lnTo>
                  <a:lnTo>
                    <a:pt x="125" y="161"/>
                  </a:lnTo>
                  <a:lnTo>
                    <a:pt x="105" y="173"/>
                  </a:lnTo>
                  <a:lnTo>
                    <a:pt x="86" y="186"/>
                  </a:lnTo>
                  <a:lnTo>
                    <a:pt x="67" y="201"/>
                  </a:lnTo>
                  <a:lnTo>
                    <a:pt x="49" y="216"/>
                  </a:lnTo>
                  <a:lnTo>
                    <a:pt x="31" y="230"/>
                  </a:lnTo>
                  <a:lnTo>
                    <a:pt x="16" y="246"/>
                  </a:lnTo>
                  <a:lnTo>
                    <a:pt x="0" y="262"/>
                  </a:lnTo>
                  <a:lnTo>
                    <a:pt x="14" y="271"/>
                  </a:lnTo>
                  <a:lnTo>
                    <a:pt x="28" y="283"/>
                  </a:lnTo>
                  <a:lnTo>
                    <a:pt x="41" y="295"/>
                  </a:lnTo>
                  <a:lnTo>
                    <a:pt x="52" y="307"/>
                  </a:lnTo>
                  <a:lnTo>
                    <a:pt x="63" y="321"/>
                  </a:lnTo>
                  <a:lnTo>
                    <a:pt x="73" y="336"/>
                  </a:lnTo>
                  <a:lnTo>
                    <a:pt x="83" y="350"/>
                  </a:lnTo>
                  <a:lnTo>
                    <a:pt x="92" y="366"/>
                  </a:lnTo>
                  <a:lnTo>
                    <a:pt x="109" y="399"/>
                  </a:lnTo>
                  <a:lnTo>
                    <a:pt x="125" y="431"/>
                  </a:lnTo>
                  <a:lnTo>
                    <a:pt x="142" y="464"/>
                  </a:lnTo>
                  <a:lnTo>
                    <a:pt x="159" y="496"/>
                  </a:lnTo>
                  <a:lnTo>
                    <a:pt x="172" y="498"/>
                  </a:lnTo>
                  <a:lnTo>
                    <a:pt x="185" y="499"/>
                  </a:lnTo>
                  <a:lnTo>
                    <a:pt x="198" y="502"/>
                  </a:lnTo>
                  <a:lnTo>
                    <a:pt x="209" y="504"/>
                  </a:lnTo>
                  <a:lnTo>
                    <a:pt x="231" y="511"/>
                  </a:lnTo>
                  <a:lnTo>
                    <a:pt x="252" y="519"/>
                  </a:lnTo>
                  <a:lnTo>
                    <a:pt x="272" y="528"/>
                  </a:lnTo>
                  <a:lnTo>
                    <a:pt x="291" y="539"/>
                  </a:lnTo>
                  <a:lnTo>
                    <a:pt x="310" y="549"/>
                  </a:lnTo>
                  <a:lnTo>
                    <a:pt x="327" y="562"/>
                  </a:lnTo>
                  <a:lnTo>
                    <a:pt x="329" y="553"/>
                  </a:lnTo>
                  <a:lnTo>
                    <a:pt x="332" y="545"/>
                  </a:lnTo>
                  <a:lnTo>
                    <a:pt x="337" y="539"/>
                  </a:lnTo>
                  <a:lnTo>
                    <a:pt x="342" y="533"/>
                  </a:lnTo>
                  <a:lnTo>
                    <a:pt x="355" y="522"/>
                  </a:lnTo>
                  <a:lnTo>
                    <a:pt x="368" y="513"/>
                  </a:lnTo>
                  <a:lnTo>
                    <a:pt x="375" y="507"/>
                  </a:lnTo>
                  <a:lnTo>
                    <a:pt x="380" y="502"/>
                  </a:lnTo>
                  <a:lnTo>
                    <a:pt x="385" y="497"/>
                  </a:lnTo>
                  <a:lnTo>
                    <a:pt x="388" y="491"/>
                  </a:lnTo>
                  <a:lnTo>
                    <a:pt x="389" y="484"/>
                  </a:lnTo>
                  <a:lnTo>
                    <a:pt x="390" y="477"/>
                  </a:lnTo>
                  <a:lnTo>
                    <a:pt x="388" y="468"/>
                  </a:lnTo>
                  <a:lnTo>
                    <a:pt x="384" y="459"/>
                  </a:lnTo>
                  <a:lnTo>
                    <a:pt x="391" y="457"/>
                  </a:lnTo>
                  <a:lnTo>
                    <a:pt x="398" y="455"/>
                  </a:lnTo>
                  <a:lnTo>
                    <a:pt x="403" y="451"/>
                  </a:lnTo>
                  <a:lnTo>
                    <a:pt x="407" y="448"/>
                  </a:lnTo>
                  <a:lnTo>
                    <a:pt x="416" y="441"/>
                  </a:lnTo>
                  <a:lnTo>
                    <a:pt x="422" y="432"/>
                  </a:lnTo>
                  <a:lnTo>
                    <a:pt x="429" y="426"/>
                  </a:lnTo>
                  <a:lnTo>
                    <a:pt x="437" y="421"/>
                  </a:lnTo>
                  <a:lnTo>
                    <a:pt x="441" y="420"/>
                  </a:lnTo>
                  <a:lnTo>
                    <a:pt x="446" y="420"/>
                  </a:lnTo>
                  <a:lnTo>
                    <a:pt x="451" y="420"/>
                  </a:lnTo>
                  <a:lnTo>
                    <a:pt x="459" y="421"/>
                  </a:lnTo>
                  <a:lnTo>
                    <a:pt x="460" y="408"/>
                  </a:lnTo>
                  <a:lnTo>
                    <a:pt x="462" y="397"/>
                  </a:lnTo>
                  <a:lnTo>
                    <a:pt x="465" y="386"/>
                  </a:lnTo>
                  <a:lnTo>
                    <a:pt x="469" y="376"/>
                  </a:lnTo>
                  <a:lnTo>
                    <a:pt x="475" y="367"/>
                  </a:lnTo>
                  <a:lnTo>
                    <a:pt x="481" y="359"/>
                  </a:lnTo>
                  <a:lnTo>
                    <a:pt x="488" y="352"/>
                  </a:lnTo>
                  <a:lnTo>
                    <a:pt x="496" y="346"/>
                  </a:lnTo>
                  <a:lnTo>
                    <a:pt x="500" y="361"/>
                  </a:lnTo>
                  <a:lnTo>
                    <a:pt x="503" y="377"/>
                  </a:lnTo>
                  <a:lnTo>
                    <a:pt x="504" y="381"/>
                  </a:lnTo>
                  <a:lnTo>
                    <a:pt x="505" y="384"/>
                  </a:lnTo>
                  <a:lnTo>
                    <a:pt x="507" y="387"/>
                  </a:lnTo>
                  <a:lnTo>
                    <a:pt x="509" y="389"/>
                  </a:lnTo>
                  <a:lnTo>
                    <a:pt x="511" y="391"/>
                  </a:lnTo>
                  <a:lnTo>
                    <a:pt x="515" y="392"/>
                  </a:lnTo>
                  <a:lnTo>
                    <a:pt x="519" y="394"/>
                  </a:lnTo>
                  <a:lnTo>
                    <a:pt x="524" y="392"/>
                  </a:lnTo>
                  <a:lnTo>
                    <a:pt x="528" y="387"/>
                  </a:lnTo>
                  <a:lnTo>
                    <a:pt x="531" y="383"/>
                  </a:lnTo>
                  <a:lnTo>
                    <a:pt x="536" y="379"/>
                  </a:lnTo>
                  <a:lnTo>
                    <a:pt x="541" y="375"/>
                  </a:lnTo>
                  <a:lnTo>
                    <a:pt x="550" y="368"/>
                  </a:lnTo>
                  <a:lnTo>
                    <a:pt x="560" y="365"/>
                  </a:lnTo>
                  <a:lnTo>
                    <a:pt x="571" y="362"/>
                  </a:lnTo>
                  <a:lnTo>
                    <a:pt x="582" y="362"/>
                  </a:lnTo>
                  <a:lnTo>
                    <a:pt x="594" y="362"/>
                  </a:lnTo>
                  <a:lnTo>
                    <a:pt x="606" y="363"/>
                  </a:lnTo>
                  <a:lnTo>
                    <a:pt x="630" y="368"/>
                  </a:lnTo>
                  <a:lnTo>
                    <a:pt x="656" y="375"/>
                  </a:lnTo>
                  <a:lnTo>
                    <a:pt x="680" y="380"/>
                  </a:lnTo>
                  <a:lnTo>
                    <a:pt x="702" y="384"/>
                  </a:lnTo>
                  <a:lnTo>
                    <a:pt x="708" y="370"/>
                  </a:lnTo>
                  <a:lnTo>
                    <a:pt x="717" y="359"/>
                  </a:lnTo>
                  <a:lnTo>
                    <a:pt x="726" y="348"/>
                  </a:lnTo>
                  <a:lnTo>
                    <a:pt x="737" y="339"/>
                  </a:lnTo>
                  <a:lnTo>
                    <a:pt x="748" y="330"/>
                  </a:lnTo>
                  <a:lnTo>
                    <a:pt x="760" y="323"/>
                  </a:lnTo>
                  <a:lnTo>
                    <a:pt x="774" y="316"/>
                  </a:lnTo>
                  <a:lnTo>
                    <a:pt x="786" y="308"/>
                  </a:lnTo>
                  <a:lnTo>
                    <a:pt x="785" y="302"/>
                  </a:lnTo>
                  <a:lnTo>
                    <a:pt x="784" y="296"/>
                  </a:lnTo>
                  <a:lnTo>
                    <a:pt x="782" y="289"/>
                  </a:lnTo>
                  <a:lnTo>
                    <a:pt x="780" y="284"/>
                  </a:lnTo>
                  <a:lnTo>
                    <a:pt x="775" y="275"/>
                  </a:lnTo>
                  <a:lnTo>
                    <a:pt x="768" y="265"/>
                  </a:lnTo>
                  <a:lnTo>
                    <a:pt x="762" y="257"/>
                  </a:lnTo>
                  <a:lnTo>
                    <a:pt x="757" y="247"/>
                  </a:lnTo>
                  <a:lnTo>
                    <a:pt x="752" y="237"/>
                  </a:lnTo>
                  <a:lnTo>
                    <a:pt x="748" y="224"/>
                  </a:lnTo>
                  <a:lnTo>
                    <a:pt x="754" y="220"/>
                  </a:lnTo>
                  <a:lnTo>
                    <a:pt x="760" y="217"/>
                  </a:lnTo>
                  <a:lnTo>
                    <a:pt x="766" y="213"/>
                  </a:lnTo>
                  <a:lnTo>
                    <a:pt x="773" y="210"/>
                  </a:lnTo>
                  <a:lnTo>
                    <a:pt x="778" y="207"/>
                  </a:lnTo>
                  <a:lnTo>
                    <a:pt x="782" y="202"/>
                  </a:lnTo>
                  <a:lnTo>
                    <a:pt x="784" y="199"/>
                  </a:lnTo>
                  <a:lnTo>
                    <a:pt x="785" y="196"/>
                  </a:lnTo>
                  <a:lnTo>
                    <a:pt x="786" y="191"/>
                  </a:lnTo>
                  <a:lnTo>
                    <a:pt x="786" y="187"/>
                  </a:lnTo>
                  <a:lnTo>
                    <a:pt x="773" y="171"/>
                  </a:lnTo>
                  <a:lnTo>
                    <a:pt x="759" y="157"/>
                  </a:lnTo>
                  <a:lnTo>
                    <a:pt x="744" y="141"/>
                  </a:lnTo>
                  <a:lnTo>
                    <a:pt x="727" y="126"/>
                  </a:lnTo>
                  <a:lnTo>
                    <a:pt x="710" y="111"/>
                  </a:lnTo>
                  <a:lnTo>
                    <a:pt x="694" y="97"/>
                  </a:lnTo>
                  <a:lnTo>
                    <a:pt x="676" y="83"/>
                  </a:lnTo>
                  <a:lnTo>
                    <a:pt x="657" y="70"/>
                  </a:lnTo>
                  <a:lnTo>
                    <a:pt x="639" y="58"/>
                  </a:lnTo>
                  <a:lnTo>
                    <a:pt x="620" y="46"/>
                  </a:lnTo>
                  <a:lnTo>
                    <a:pt x="600" y="36"/>
                  </a:lnTo>
                  <a:lnTo>
                    <a:pt x="581" y="26"/>
                  </a:lnTo>
                  <a:lnTo>
                    <a:pt x="562" y="18"/>
                  </a:lnTo>
                  <a:lnTo>
                    <a:pt x="543" y="10"/>
                  </a:lnTo>
                  <a:lnTo>
                    <a:pt x="524" y="4"/>
                  </a:lnTo>
                  <a:lnTo>
                    <a:pt x="505" y="0"/>
                  </a:lnTo>
                  <a:lnTo>
                    <a:pt x="508" y="3"/>
                  </a:lnTo>
                  <a:lnTo>
                    <a:pt x="510" y="7"/>
                  </a:lnTo>
                  <a:lnTo>
                    <a:pt x="513" y="11"/>
                  </a:lnTo>
                  <a:lnTo>
                    <a:pt x="514" y="17"/>
                  </a:lnTo>
                  <a:lnTo>
                    <a:pt x="516" y="28"/>
                  </a:lnTo>
                  <a:lnTo>
                    <a:pt x="517" y="40"/>
                  </a:lnTo>
                  <a:lnTo>
                    <a:pt x="519" y="51"/>
                  </a:lnTo>
                  <a:lnTo>
                    <a:pt x="521" y="61"/>
                  </a:lnTo>
                  <a:lnTo>
                    <a:pt x="523" y="66"/>
                  </a:lnTo>
                  <a:lnTo>
                    <a:pt x="526" y="69"/>
                  </a:lnTo>
                  <a:lnTo>
                    <a:pt x="529" y="72"/>
                  </a:lnTo>
                  <a:lnTo>
                    <a:pt x="534" y="74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37" name="Kerteminde"/>
            <p:cNvSpPr>
              <a:spLocks/>
            </p:cNvSpPr>
            <p:nvPr/>
          </p:nvSpPr>
          <p:spPr bwMode="auto">
            <a:xfrm>
              <a:off x="2446338" y="5064125"/>
              <a:ext cx="198438" cy="371475"/>
            </a:xfrm>
            <a:custGeom>
              <a:avLst/>
              <a:gdLst>
                <a:gd name="T0" fmla="*/ 65 w 375"/>
                <a:gd name="T1" fmla="*/ 232 h 702"/>
                <a:gd name="T2" fmla="*/ 76 w 375"/>
                <a:gd name="T3" fmla="*/ 224 h 702"/>
                <a:gd name="T4" fmla="*/ 81 w 375"/>
                <a:gd name="T5" fmla="*/ 216 h 702"/>
                <a:gd name="T6" fmla="*/ 79 w 375"/>
                <a:gd name="T7" fmla="*/ 211 h 702"/>
                <a:gd name="T8" fmla="*/ 67 w 375"/>
                <a:gd name="T9" fmla="*/ 205 h 702"/>
                <a:gd name="T10" fmla="*/ 63 w 375"/>
                <a:gd name="T11" fmla="*/ 202 h 702"/>
                <a:gd name="T12" fmla="*/ 66 w 375"/>
                <a:gd name="T13" fmla="*/ 197 h 702"/>
                <a:gd name="T14" fmla="*/ 77 w 375"/>
                <a:gd name="T15" fmla="*/ 193 h 702"/>
                <a:gd name="T16" fmla="*/ 83 w 375"/>
                <a:gd name="T17" fmla="*/ 187 h 702"/>
                <a:gd name="T18" fmla="*/ 84 w 375"/>
                <a:gd name="T19" fmla="*/ 182 h 702"/>
                <a:gd name="T20" fmla="*/ 82 w 375"/>
                <a:gd name="T21" fmla="*/ 171 h 702"/>
                <a:gd name="T22" fmla="*/ 81 w 375"/>
                <a:gd name="T23" fmla="*/ 164 h 702"/>
                <a:gd name="T24" fmla="*/ 88 w 375"/>
                <a:gd name="T25" fmla="*/ 158 h 702"/>
                <a:gd name="T26" fmla="*/ 97 w 375"/>
                <a:gd name="T27" fmla="*/ 156 h 702"/>
                <a:gd name="T28" fmla="*/ 111 w 375"/>
                <a:gd name="T29" fmla="*/ 156 h 702"/>
                <a:gd name="T30" fmla="*/ 105 w 375"/>
                <a:gd name="T31" fmla="*/ 148 h 702"/>
                <a:gd name="T32" fmla="*/ 96 w 375"/>
                <a:gd name="T33" fmla="*/ 141 h 702"/>
                <a:gd name="T34" fmla="*/ 72 w 375"/>
                <a:gd name="T35" fmla="*/ 133 h 702"/>
                <a:gd name="T36" fmla="*/ 52 w 375"/>
                <a:gd name="T37" fmla="*/ 124 h 702"/>
                <a:gd name="T38" fmla="*/ 47 w 375"/>
                <a:gd name="T39" fmla="*/ 128 h 702"/>
                <a:gd name="T40" fmla="*/ 46 w 375"/>
                <a:gd name="T41" fmla="*/ 144 h 702"/>
                <a:gd name="T42" fmla="*/ 43 w 375"/>
                <a:gd name="T43" fmla="*/ 150 h 702"/>
                <a:gd name="T44" fmla="*/ 32 w 375"/>
                <a:gd name="T45" fmla="*/ 143 h 702"/>
                <a:gd name="T46" fmla="*/ 23 w 375"/>
                <a:gd name="T47" fmla="*/ 129 h 702"/>
                <a:gd name="T48" fmla="*/ 27 w 375"/>
                <a:gd name="T49" fmla="*/ 119 h 702"/>
                <a:gd name="T50" fmla="*/ 38 w 375"/>
                <a:gd name="T51" fmla="*/ 112 h 702"/>
                <a:gd name="T52" fmla="*/ 51 w 375"/>
                <a:gd name="T53" fmla="*/ 109 h 702"/>
                <a:gd name="T54" fmla="*/ 58 w 375"/>
                <a:gd name="T55" fmla="*/ 111 h 702"/>
                <a:gd name="T56" fmla="*/ 62 w 375"/>
                <a:gd name="T57" fmla="*/ 117 h 702"/>
                <a:gd name="T58" fmla="*/ 75 w 375"/>
                <a:gd name="T59" fmla="*/ 116 h 702"/>
                <a:gd name="T60" fmla="*/ 85 w 375"/>
                <a:gd name="T61" fmla="*/ 112 h 702"/>
                <a:gd name="T62" fmla="*/ 93 w 375"/>
                <a:gd name="T63" fmla="*/ 101 h 702"/>
                <a:gd name="T64" fmla="*/ 109 w 375"/>
                <a:gd name="T65" fmla="*/ 94 h 702"/>
                <a:gd name="T66" fmla="*/ 123 w 375"/>
                <a:gd name="T67" fmla="*/ 89 h 702"/>
                <a:gd name="T68" fmla="*/ 118 w 375"/>
                <a:gd name="T69" fmla="*/ 81 h 702"/>
                <a:gd name="T70" fmla="*/ 106 w 375"/>
                <a:gd name="T71" fmla="*/ 62 h 702"/>
                <a:gd name="T72" fmla="*/ 96 w 375"/>
                <a:gd name="T73" fmla="*/ 38 h 702"/>
                <a:gd name="T74" fmla="*/ 84 w 375"/>
                <a:gd name="T75" fmla="*/ 14 h 702"/>
                <a:gd name="T76" fmla="*/ 74 w 375"/>
                <a:gd name="T77" fmla="*/ 2 h 702"/>
                <a:gd name="T78" fmla="*/ 67 w 375"/>
                <a:gd name="T79" fmla="*/ 24 h 702"/>
                <a:gd name="T80" fmla="*/ 65 w 375"/>
                <a:gd name="T81" fmla="*/ 40 h 702"/>
                <a:gd name="T82" fmla="*/ 70 w 375"/>
                <a:gd name="T83" fmla="*/ 55 h 702"/>
                <a:gd name="T84" fmla="*/ 70 w 375"/>
                <a:gd name="T85" fmla="*/ 61 h 702"/>
                <a:gd name="T86" fmla="*/ 63 w 375"/>
                <a:gd name="T87" fmla="*/ 62 h 702"/>
                <a:gd name="T88" fmla="*/ 59 w 375"/>
                <a:gd name="T89" fmla="*/ 65 h 702"/>
                <a:gd name="T90" fmla="*/ 64 w 375"/>
                <a:gd name="T91" fmla="*/ 67 h 702"/>
                <a:gd name="T92" fmla="*/ 68 w 375"/>
                <a:gd name="T93" fmla="*/ 72 h 702"/>
                <a:gd name="T94" fmla="*/ 60 w 375"/>
                <a:gd name="T95" fmla="*/ 92 h 702"/>
                <a:gd name="T96" fmla="*/ 26 w 375"/>
                <a:gd name="T97" fmla="*/ 104 h 702"/>
                <a:gd name="T98" fmla="*/ 4 w 375"/>
                <a:gd name="T99" fmla="*/ 109 h 702"/>
                <a:gd name="T100" fmla="*/ 3 w 375"/>
                <a:gd name="T101" fmla="*/ 118 h 702"/>
                <a:gd name="T102" fmla="*/ 17 w 375"/>
                <a:gd name="T103" fmla="*/ 139 h 702"/>
                <a:gd name="T104" fmla="*/ 22 w 375"/>
                <a:gd name="T105" fmla="*/ 152 h 702"/>
                <a:gd name="T106" fmla="*/ 21 w 375"/>
                <a:gd name="T107" fmla="*/ 160 h 702"/>
                <a:gd name="T108" fmla="*/ 19 w 375"/>
                <a:gd name="T109" fmla="*/ 165 h 702"/>
                <a:gd name="T110" fmla="*/ 25 w 375"/>
                <a:gd name="T111" fmla="*/ 168 h 702"/>
                <a:gd name="T112" fmla="*/ 34 w 375"/>
                <a:gd name="T113" fmla="*/ 181 h 702"/>
                <a:gd name="T114" fmla="*/ 51 w 375"/>
                <a:gd name="T115" fmla="*/ 216 h 702"/>
                <a:gd name="T116" fmla="*/ 61 w 375"/>
                <a:gd name="T117" fmla="*/ 234 h 702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375" h="702">
                  <a:moveTo>
                    <a:pt x="188" y="698"/>
                  </a:moveTo>
                  <a:lnTo>
                    <a:pt x="189" y="699"/>
                  </a:lnTo>
                  <a:lnTo>
                    <a:pt x="191" y="698"/>
                  </a:lnTo>
                  <a:lnTo>
                    <a:pt x="194" y="697"/>
                  </a:lnTo>
                  <a:lnTo>
                    <a:pt x="198" y="694"/>
                  </a:lnTo>
                  <a:lnTo>
                    <a:pt x="208" y="689"/>
                  </a:lnTo>
                  <a:lnTo>
                    <a:pt x="218" y="681"/>
                  </a:lnTo>
                  <a:lnTo>
                    <a:pt x="228" y="672"/>
                  </a:lnTo>
                  <a:lnTo>
                    <a:pt x="236" y="663"/>
                  </a:lnTo>
                  <a:lnTo>
                    <a:pt x="239" y="658"/>
                  </a:lnTo>
                  <a:lnTo>
                    <a:pt x="242" y="653"/>
                  </a:lnTo>
                  <a:lnTo>
                    <a:pt x="244" y="649"/>
                  </a:lnTo>
                  <a:lnTo>
                    <a:pt x="244" y="645"/>
                  </a:lnTo>
                  <a:lnTo>
                    <a:pt x="242" y="641"/>
                  </a:lnTo>
                  <a:lnTo>
                    <a:pt x="240" y="638"/>
                  </a:lnTo>
                  <a:lnTo>
                    <a:pt x="237" y="634"/>
                  </a:lnTo>
                  <a:lnTo>
                    <a:pt x="233" y="631"/>
                  </a:lnTo>
                  <a:lnTo>
                    <a:pt x="222" y="626"/>
                  </a:lnTo>
                  <a:lnTo>
                    <a:pt x="212" y="621"/>
                  </a:lnTo>
                  <a:lnTo>
                    <a:pt x="201" y="616"/>
                  </a:lnTo>
                  <a:lnTo>
                    <a:pt x="193" y="612"/>
                  </a:lnTo>
                  <a:lnTo>
                    <a:pt x="191" y="610"/>
                  </a:lnTo>
                  <a:lnTo>
                    <a:pt x="189" y="608"/>
                  </a:lnTo>
                  <a:lnTo>
                    <a:pt x="188" y="605"/>
                  </a:lnTo>
                  <a:lnTo>
                    <a:pt x="189" y="603"/>
                  </a:lnTo>
                  <a:lnTo>
                    <a:pt x="192" y="599"/>
                  </a:lnTo>
                  <a:lnTo>
                    <a:pt x="195" y="595"/>
                  </a:lnTo>
                  <a:lnTo>
                    <a:pt x="198" y="592"/>
                  </a:lnTo>
                  <a:lnTo>
                    <a:pt x="202" y="590"/>
                  </a:lnTo>
                  <a:lnTo>
                    <a:pt x="212" y="586"/>
                  </a:lnTo>
                  <a:lnTo>
                    <a:pt x="221" y="582"/>
                  </a:lnTo>
                  <a:lnTo>
                    <a:pt x="231" y="578"/>
                  </a:lnTo>
                  <a:lnTo>
                    <a:pt x="239" y="573"/>
                  </a:lnTo>
                  <a:lnTo>
                    <a:pt x="242" y="570"/>
                  </a:lnTo>
                  <a:lnTo>
                    <a:pt x="247" y="566"/>
                  </a:lnTo>
                  <a:lnTo>
                    <a:pt x="249" y="562"/>
                  </a:lnTo>
                  <a:lnTo>
                    <a:pt x="251" y="558"/>
                  </a:lnTo>
                  <a:lnTo>
                    <a:pt x="253" y="553"/>
                  </a:lnTo>
                  <a:lnTo>
                    <a:pt x="253" y="549"/>
                  </a:lnTo>
                  <a:lnTo>
                    <a:pt x="253" y="545"/>
                  </a:lnTo>
                  <a:lnTo>
                    <a:pt x="252" y="540"/>
                  </a:lnTo>
                  <a:lnTo>
                    <a:pt x="251" y="531"/>
                  </a:lnTo>
                  <a:lnTo>
                    <a:pt x="248" y="522"/>
                  </a:lnTo>
                  <a:lnTo>
                    <a:pt x="245" y="512"/>
                  </a:lnTo>
                  <a:lnTo>
                    <a:pt x="242" y="504"/>
                  </a:lnTo>
                  <a:lnTo>
                    <a:pt x="242" y="501"/>
                  </a:lnTo>
                  <a:lnTo>
                    <a:pt x="241" y="496"/>
                  </a:lnTo>
                  <a:lnTo>
                    <a:pt x="242" y="493"/>
                  </a:lnTo>
                  <a:lnTo>
                    <a:pt x="244" y="490"/>
                  </a:lnTo>
                  <a:lnTo>
                    <a:pt x="250" y="484"/>
                  </a:lnTo>
                  <a:lnTo>
                    <a:pt x="257" y="477"/>
                  </a:lnTo>
                  <a:lnTo>
                    <a:pt x="264" y="474"/>
                  </a:lnTo>
                  <a:lnTo>
                    <a:pt x="271" y="471"/>
                  </a:lnTo>
                  <a:lnTo>
                    <a:pt x="278" y="469"/>
                  </a:lnTo>
                  <a:lnTo>
                    <a:pt x="285" y="468"/>
                  </a:lnTo>
                  <a:lnTo>
                    <a:pt x="292" y="468"/>
                  </a:lnTo>
                  <a:lnTo>
                    <a:pt x="298" y="468"/>
                  </a:lnTo>
                  <a:lnTo>
                    <a:pt x="321" y="472"/>
                  </a:lnTo>
                  <a:lnTo>
                    <a:pt x="335" y="474"/>
                  </a:lnTo>
                  <a:lnTo>
                    <a:pt x="333" y="467"/>
                  </a:lnTo>
                  <a:lnTo>
                    <a:pt x="329" y="461"/>
                  </a:lnTo>
                  <a:lnTo>
                    <a:pt x="326" y="454"/>
                  </a:lnTo>
                  <a:lnTo>
                    <a:pt x="320" y="448"/>
                  </a:lnTo>
                  <a:lnTo>
                    <a:pt x="316" y="443"/>
                  </a:lnTo>
                  <a:lnTo>
                    <a:pt x="311" y="439"/>
                  </a:lnTo>
                  <a:lnTo>
                    <a:pt x="306" y="434"/>
                  </a:lnTo>
                  <a:lnTo>
                    <a:pt x="299" y="430"/>
                  </a:lnTo>
                  <a:lnTo>
                    <a:pt x="288" y="423"/>
                  </a:lnTo>
                  <a:lnTo>
                    <a:pt x="274" y="416"/>
                  </a:lnTo>
                  <a:lnTo>
                    <a:pt x="260" y="412"/>
                  </a:lnTo>
                  <a:lnTo>
                    <a:pt x="246" y="407"/>
                  </a:lnTo>
                  <a:lnTo>
                    <a:pt x="216" y="399"/>
                  </a:lnTo>
                  <a:lnTo>
                    <a:pt x="188" y="388"/>
                  </a:lnTo>
                  <a:lnTo>
                    <a:pt x="174" y="383"/>
                  </a:lnTo>
                  <a:lnTo>
                    <a:pt x="161" y="375"/>
                  </a:lnTo>
                  <a:lnTo>
                    <a:pt x="156" y="371"/>
                  </a:lnTo>
                  <a:lnTo>
                    <a:pt x="151" y="367"/>
                  </a:lnTo>
                  <a:lnTo>
                    <a:pt x="146" y="362"/>
                  </a:lnTo>
                  <a:lnTo>
                    <a:pt x="140" y="356"/>
                  </a:lnTo>
                  <a:lnTo>
                    <a:pt x="140" y="384"/>
                  </a:lnTo>
                  <a:lnTo>
                    <a:pt x="141" y="413"/>
                  </a:lnTo>
                  <a:lnTo>
                    <a:pt x="141" y="421"/>
                  </a:lnTo>
                  <a:lnTo>
                    <a:pt x="140" y="427"/>
                  </a:lnTo>
                  <a:lnTo>
                    <a:pt x="139" y="433"/>
                  </a:lnTo>
                  <a:lnTo>
                    <a:pt x="138" y="437"/>
                  </a:lnTo>
                  <a:lnTo>
                    <a:pt x="135" y="443"/>
                  </a:lnTo>
                  <a:lnTo>
                    <a:pt x="132" y="446"/>
                  </a:lnTo>
                  <a:lnTo>
                    <a:pt x="128" y="449"/>
                  </a:lnTo>
                  <a:lnTo>
                    <a:pt x="121" y="450"/>
                  </a:lnTo>
                  <a:lnTo>
                    <a:pt x="112" y="444"/>
                  </a:lnTo>
                  <a:lnTo>
                    <a:pt x="103" y="436"/>
                  </a:lnTo>
                  <a:lnTo>
                    <a:pt x="95" y="428"/>
                  </a:lnTo>
                  <a:lnTo>
                    <a:pt x="88" y="420"/>
                  </a:lnTo>
                  <a:lnTo>
                    <a:pt x="80" y="409"/>
                  </a:lnTo>
                  <a:lnTo>
                    <a:pt x="75" y="399"/>
                  </a:lnTo>
                  <a:lnTo>
                    <a:pt x="70" y="387"/>
                  </a:lnTo>
                  <a:lnTo>
                    <a:pt x="66" y="375"/>
                  </a:lnTo>
                  <a:lnTo>
                    <a:pt x="69" y="370"/>
                  </a:lnTo>
                  <a:lnTo>
                    <a:pt x="74" y="364"/>
                  </a:lnTo>
                  <a:lnTo>
                    <a:pt x="80" y="358"/>
                  </a:lnTo>
                  <a:lnTo>
                    <a:pt x="89" y="352"/>
                  </a:lnTo>
                  <a:lnTo>
                    <a:pt x="97" y="346"/>
                  </a:lnTo>
                  <a:lnTo>
                    <a:pt x="106" y="341"/>
                  </a:lnTo>
                  <a:lnTo>
                    <a:pt x="115" y="335"/>
                  </a:lnTo>
                  <a:lnTo>
                    <a:pt x="126" y="332"/>
                  </a:lnTo>
                  <a:lnTo>
                    <a:pt x="135" y="329"/>
                  </a:lnTo>
                  <a:lnTo>
                    <a:pt x="145" y="327"/>
                  </a:lnTo>
                  <a:lnTo>
                    <a:pt x="154" y="327"/>
                  </a:lnTo>
                  <a:lnTo>
                    <a:pt x="163" y="328"/>
                  </a:lnTo>
                  <a:lnTo>
                    <a:pt x="167" y="330"/>
                  </a:lnTo>
                  <a:lnTo>
                    <a:pt x="171" y="332"/>
                  </a:lnTo>
                  <a:lnTo>
                    <a:pt x="174" y="334"/>
                  </a:lnTo>
                  <a:lnTo>
                    <a:pt x="178" y="337"/>
                  </a:lnTo>
                  <a:lnTo>
                    <a:pt x="180" y="342"/>
                  </a:lnTo>
                  <a:lnTo>
                    <a:pt x="183" y="346"/>
                  </a:lnTo>
                  <a:lnTo>
                    <a:pt x="186" y="351"/>
                  </a:lnTo>
                  <a:lnTo>
                    <a:pt x="188" y="356"/>
                  </a:lnTo>
                  <a:lnTo>
                    <a:pt x="202" y="353"/>
                  </a:lnTo>
                  <a:lnTo>
                    <a:pt x="217" y="349"/>
                  </a:lnTo>
                  <a:lnTo>
                    <a:pt x="225" y="347"/>
                  </a:lnTo>
                  <a:lnTo>
                    <a:pt x="233" y="346"/>
                  </a:lnTo>
                  <a:lnTo>
                    <a:pt x="242" y="346"/>
                  </a:lnTo>
                  <a:lnTo>
                    <a:pt x="253" y="347"/>
                  </a:lnTo>
                  <a:lnTo>
                    <a:pt x="255" y="335"/>
                  </a:lnTo>
                  <a:lnTo>
                    <a:pt x="259" y="325"/>
                  </a:lnTo>
                  <a:lnTo>
                    <a:pt x="265" y="316"/>
                  </a:lnTo>
                  <a:lnTo>
                    <a:pt x="272" y="309"/>
                  </a:lnTo>
                  <a:lnTo>
                    <a:pt x="279" y="303"/>
                  </a:lnTo>
                  <a:lnTo>
                    <a:pt x="288" y="297"/>
                  </a:lnTo>
                  <a:lnTo>
                    <a:pt x="297" y="292"/>
                  </a:lnTo>
                  <a:lnTo>
                    <a:pt x="307" y="289"/>
                  </a:lnTo>
                  <a:lnTo>
                    <a:pt x="327" y="282"/>
                  </a:lnTo>
                  <a:lnTo>
                    <a:pt x="346" y="276"/>
                  </a:lnTo>
                  <a:lnTo>
                    <a:pt x="354" y="273"/>
                  </a:lnTo>
                  <a:lnTo>
                    <a:pt x="362" y="270"/>
                  </a:lnTo>
                  <a:lnTo>
                    <a:pt x="369" y="267"/>
                  </a:lnTo>
                  <a:lnTo>
                    <a:pt x="375" y="263"/>
                  </a:lnTo>
                  <a:lnTo>
                    <a:pt x="368" y="256"/>
                  </a:lnTo>
                  <a:lnTo>
                    <a:pt x="360" y="250"/>
                  </a:lnTo>
                  <a:lnTo>
                    <a:pt x="354" y="244"/>
                  </a:lnTo>
                  <a:lnTo>
                    <a:pt x="349" y="236"/>
                  </a:lnTo>
                  <a:lnTo>
                    <a:pt x="337" y="221"/>
                  </a:lnTo>
                  <a:lnTo>
                    <a:pt x="328" y="204"/>
                  </a:lnTo>
                  <a:lnTo>
                    <a:pt x="319" y="187"/>
                  </a:lnTo>
                  <a:lnTo>
                    <a:pt x="311" y="169"/>
                  </a:lnTo>
                  <a:lnTo>
                    <a:pt x="302" y="150"/>
                  </a:lnTo>
                  <a:lnTo>
                    <a:pt x="295" y="131"/>
                  </a:lnTo>
                  <a:lnTo>
                    <a:pt x="288" y="113"/>
                  </a:lnTo>
                  <a:lnTo>
                    <a:pt x="280" y="94"/>
                  </a:lnTo>
                  <a:lnTo>
                    <a:pt x="272" y="76"/>
                  </a:lnTo>
                  <a:lnTo>
                    <a:pt x="262" y="58"/>
                  </a:lnTo>
                  <a:lnTo>
                    <a:pt x="253" y="43"/>
                  </a:lnTo>
                  <a:lnTo>
                    <a:pt x="241" y="27"/>
                  </a:lnTo>
                  <a:lnTo>
                    <a:pt x="236" y="19"/>
                  </a:lnTo>
                  <a:lnTo>
                    <a:pt x="230" y="13"/>
                  </a:lnTo>
                  <a:lnTo>
                    <a:pt x="222" y="7"/>
                  </a:lnTo>
                  <a:lnTo>
                    <a:pt x="215" y="0"/>
                  </a:lnTo>
                  <a:lnTo>
                    <a:pt x="211" y="28"/>
                  </a:lnTo>
                  <a:lnTo>
                    <a:pt x="207" y="51"/>
                  </a:lnTo>
                  <a:lnTo>
                    <a:pt x="201" y="72"/>
                  </a:lnTo>
                  <a:lnTo>
                    <a:pt x="197" y="91"/>
                  </a:lnTo>
                  <a:lnTo>
                    <a:pt x="196" y="102"/>
                  </a:lnTo>
                  <a:lnTo>
                    <a:pt x="196" y="111"/>
                  </a:lnTo>
                  <a:lnTo>
                    <a:pt x="196" y="121"/>
                  </a:lnTo>
                  <a:lnTo>
                    <a:pt x="197" y="131"/>
                  </a:lnTo>
                  <a:lnTo>
                    <a:pt x="200" y="142"/>
                  </a:lnTo>
                  <a:lnTo>
                    <a:pt x="203" y="153"/>
                  </a:lnTo>
                  <a:lnTo>
                    <a:pt x="209" y="166"/>
                  </a:lnTo>
                  <a:lnTo>
                    <a:pt x="215" y="178"/>
                  </a:lnTo>
                  <a:lnTo>
                    <a:pt x="214" y="181"/>
                  </a:lnTo>
                  <a:lnTo>
                    <a:pt x="212" y="183"/>
                  </a:lnTo>
                  <a:lnTo>
                    <a:pt x="210" y="184"/>
                  </a:lnTo>
                  <a:lnTo>
                    <a:pt x="208" y="185"/>
                  </a:lnTo>
                  <a:lnTo>
                    <a:pt x="201" y="186"/>
                  </a:lnTo>
                  <a:lnTo>
                    <a:pt x="195" y="186"/>
                  </a:lnTo>
                  <a:lnTo>
                    <a:pt x="189" y="187"/>
                  </a:lnTo>
                  <a:lnTo>
                    <a:pt x="183" y="189"/>
                  </a:lnTo>
                  <a:lnTo>
                    <a:pt x="181" y="190"/>
                  </a:lnTo>
                  <a:lnTo>
                    <a:pt x="179" y="192"/>
                  </a:lnTo>
                  <a:lnTo>
                    <a:pt x="178" y="194"/>
                  </a:lnTo>
                  <a:lnTo>
                    <a:pt x="178" y="197"/>
                  </a:lnTo>
                  <a:lnTo>
                    <a:pt x="183" y="197"/>
                  </a:lnTo>
                  <a:lnTo>
                    <a:pt x="189" y="198"/>
                  </a:lnTo>
                  <a:lnTo>
                    <a:pt x="193" y="202"/>
                  </a:lnTo>
                  <a:lnTo>
                    <a:pt x="197" y="204"/>
                  </a:lnTo>
                  <a:lnTo>
                    <a:pt x="199" y="208"/>
                  </a:lnTo>
                  <a:lnTo>
                    <a:pt x="201" y="212"/>
                  </a:lnTo>
                  <a:lnTo>
                    <a:pt x="203" y="216"/>
                  </a:lnTo>
                  <a:lnTo>
                    <a:pt x="205" y="222"/>
                  </a:lnTo>
                  <a:lnTo>
                    <a:pt x="206" y="247"/>
                  </a:lnTo>
                  <a:lnTo>
                    <a:pt x="206" y="272"/>
                  </a:lnTo>
                  <a:lnTo>
                    <a:pt x="181" y="277"/>
                  </a:lnTo>
                  <a:lnTo>
                    <a:pt x="156" y="285"/>
                  </a:lnTo>
                  <a:lnTo>
                    <a:pt x="130" y="294"/>
                  </a:lnTo>
                  <a:lnTo>
                    <a:pt x="103" y="303"/>
                  </a:lnTo>
                  <a:lnTo>
                    <a:pt x="78" y="312"/>
                  </a:lnTo>
                  <a:lnTo>
                    <a:pt x="52" y="320"/>
                  </a:lnTo>
                  <a:lnTo>
                    <a:pt x="38" y="323"/>
                  </a:lnTo>
                  <a:lnTo>
                    <a:pt x="26" y="326"/>
                  </a:lnTo>
                  <a:lnTo>
                    <a:pt x="13" y="327"/>
                  </a:lnTo>
                  <a:lnTo>
                    <a:pt x="0" y="328"/>
                  </a:lnTo>
                  <a:lnTo>
                    <a:pt x="1" y="336"/>
                  </a:lnTo>
                  <a:lnTo>
                    <a:pt x="4" y="345"/>
                  </a:lnTo>
                  <a:lnTo>
                    <a:pt x="10" y="354"/>
                  </a:lnTo>
                  <a:lnTo>
                    <a:pt x="16" y="364"/>
                  </a:lnTo>
                  <a:lnTo>
                    <a:pt x="30" y="385"/>
                  </a:lnTo>
                  <a:lnTo>
                    <a:pt x="44" y="407"/>
                  </a:lnTo>
                  <a:lnTo>
                    <a:pt x="52" y="417"/>
                  </a:lnTo>
                  <a:lnTo>
                    <a:pt x="57" y="429"/>
                  </a:lnTo>
                  <a:lnTo>
                    <a:pt x="61" y="441"/>
                  </a:lnTo>
                  <a:lnTo>
                    <a:pt x="64" y="451"/>
                  </a:lnTo>
                  <a:lnTo>
                    <a:pt x="66" y="457"/>
                  </a:lnTo>
                  <a:lnTo>
                    <a:pt x="66" y="463"/>
                  </a:lnTo>
                  <a:lnTo>
                    <a:pt x="66" y="468"/>
                  </a:lnTo>
                  <a:lnTo>
                    <a:pt x="64" y="473"/>
                  </a:lnTo>
                  <a:lnTo>
                    <a:pt x="62" y="480"/>
                  </a:lnTo>
                  <a:lnTo>
                    <a:pt x="60" y="485"/>
                  </a:lnTo>
                  <a:lnTo>
                    <a:pt x="57" y="490"/>
                  </a:lnTo>
                  <a:lnTo>
                    <a:pt x="53" y="495"/>
                  </a:lnTo>
                  <a:lnTo>
                    <a:pt x="57" y="494"/>
                  </a:lnTo>
                  <a:lnTo>
                    <a:pt x="61" y="494"/>
                  </a:lnTo>
                  <a:lnTo>
                    <a:pt x="67" y="496"/>
                  </a:lnTo>
                  <a:lnTo>
                    <a:pt x="71" y="501"/>
                  </a:lnTo>
                  <a:lnTo>
                    <a:pt x="76" y="505"/>
                  </a:lnTo>
                  <a:lnTo>
                    <a:pt x="81" y="511"/>
                  </a:lnTo>
                  <a:lnTo>
                    <a:pt x="87" y="518"/>
                  </a:lnTo>
                  <a:lnTo>
                    <a:pt x="92" y="525"/>
                  </a:lnTo>
                  <a:lnTo>
                    <a:pt x="102" y="543"/>
                  </a:lnTo>
                  <a:lnTo>
                    <a:pt x="113" y="563"/>
                  </a:lnTo>
                  <a:lnTo>
                    <a:pt x="123" y="584"/>
                  </a:lnTo>
                  <a:lnTo>
                    <a:pt x="134" y="606"/>
                  </a:lnTo>
                  <a:lnTo>
                    <a:pt x="154" y="647"/>
                  </a:lnTo>
                  <a:lnTo>
                    <a:pt x="170" y="682"/>
                  </a:lnTo>
                  <a:lnTo>
                    <a:pt x="176" y="693"/>
                  </a:lnTo>
                  <a:lnTo>
                    <a:pt x="181" y="701"/>
                  </a:lnTo>
                  <a:lnTo>
                    <a:pt x="183" y="702"/>
                  </a:lnTo>
                  <a:lnTo>
                    <a:pt x="186" y="702"/>
                  </a:lnTo>
                  <a:lnTo>
                    <a:pt x="187" y="701"/>
                  </a:lnTo>
                  <a:lnTo>
                    <a:pt x="188" y="698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38" name="Kerteminde kant"/>
            <p:cNvSpPr>
              <a:spLocks/>
            </p:cNvSpPr>
            <p:nvPr/>
          </p:nvSpPr>
          <p:spPr bwMode="auto">
            <a:xfrm>
              <a:off x="2446338" y="5064125"/>
              <a:ext cx="198438" cy="371475"/>
            </a:xfrm>
            <a:custGeom>
              <a:avLst/>
              <a:gdLst>
                <a:gd name="T0" fmla="*/ 65 w 375"/>
                <a:gd name="T1" fmla="*/ 232 h 702"/>
                <a:gd name="T2" fmla="*/ 76 w 375"/>
                <a:gd name="T3" fmla="*/ 224 h 702"/>
                <a:gd name="T4" fmla="*/ 81 w 375"/>
                <a:gd name="T5" fmla="*/ 216 h 702"/>
                <a:gd name="T6" fmla="*/ 79 w 375"/>
                <a:gd name="T7" fmla="*/ 211 h 702"/>
                <a:gd name="T8" fmla="*/ 67 w 375"/>
                <a:gd name="T9" fmla="*/ 205 h 702"/>
                <a:gd name="T10" fmla="*/ 63 w 375"/>
                <a:gd name="T11" fmla="*/ 202 h 702"/>
                <a:gd name="T12" fmla="*/ 66 w 375"/>
                <a:gd name="T13" fmla="*/ 197 h 702"/>
                <a:gd name="T14" fmla="*/ 77 w 375"/>
                <a:gd name="T15" fmla="*/ 193 h 702"/>
                <a:gd name="T16" fmla="*/ 83 w 375"/>
                <a:gd name="T17" fmla="*/ 187 h 702"/>
                <a:gd name="T18" fmla="*/ 84 w 375"/>
                <a:gd name="T19" fmla="*/ 182 h 702"/>
                <a:gd name="T20" fmla="*/ 82 w 375"/>
                <a:gd name="T21" fmla="*/ 171 h 702"/>
                <a:gd name="T22" fmla="*/ 81 w 375"/>
                <a:gd name="T23" fmla="*/ 164 h 702"/>
                <a:gd name="T24" fmla="*/ 88 w 375"/>
                <a:gd name="T25" fmla="*/ 158 h 702"/>
                <a:gd name="T26" fmla="*/ 97 w 375"/>
                <a:gd name="T27" fmla="*/ 156 h 702"/>
                <a:gd name="T28" fmla="*/ 111 w 375"/>
                <a:gd name="T29" fmla="*/ 156 h 702"/>
                <a:gd name="T30" fmla="*/ 105 w 375"/>
                <a:gd name="T31" fmla="*/ 148 h 702"/>
                <a:gd name="T32" fmla="*/ 96 w 375"/>
                <a:gd name="T33" fmla="*/ 141 h 702"/>
                <a:gd name="T34" fmla="*/ 72 w 375"/>
                <a:gd name="T35" fmla="*/ 133 h 702"/>
                <a:gd name="T36" fmla="*/ 52 w 375"/>
                <a:gd name="T37" fmla="*/ 124 h 702"/>
                <a:gd name="T38" fmla="*/ 47 w 375"/>
                <a:gd name="T39" fmla="*/ 128 h 702"/>
                <a:gd name="T40" fmla="*/ 46 w 375"/>
                <a:gd name="T41" fmla="*/ 144 h 702"/>
                <a:gd name="T42" fmla="*/ 43 w 375"/>
                <a:gd name="T43" fmla="*/ 150 h 702"/>
                <a:gd name="T44" fmla="*/ 32 w 375"/>
                <a:gd name="T45" fmla="*/ 143 h 702"/>
                <a:gd name="T46" fmla="*/ 23 w 375"/>
                <a:gd name="T47" fmla="*/ 129 h 702"/>
                <a:gd name="T48" fmla="*/ 27 w 375"/>
                <a:gd name="T49" fmla="*/ 119 h 702"/>
                <a:gd name="T50" fmla="*/ 38 w 375"/>
                <a:gd name="T51" fmla="*/ 112 h 702"/>
                <a:gd name="T52" fmla="*/ 51 w 375"/>
                <a:gd name="T53" fmla="*/ 109 h 702"/>
                <a:gd name="T54" fmla="*/ 58 w 375"/>
                <a:gd name="T55" fmla="*/ 111 h 702"/>
                <a:gd name="T56" fmla="*/ 62 w 375"/>
                <a:gd name="T57" fmla="*/ 117 h 702"/>
                <a:gd name="T58" fmla="*/ 75 w 375"/>
                <a:gd name="T59" fmla="*/ 116 h 702"/>
                <a:gd name="T60" fmla="*/ 85 w 375"/>
                <a:gd name="T61" fmla="*/ 112 h 702"/>
                <a:gd name="T62" fmla="*/ 93 w 375"/>
                <a:gd name="T63" fmla="*/ 101 h 702"/>
                <a:gd name="T64" fmla="*/ 109 w 375"/>
                <a:gd name="T65" fmla="*/ 94 h 702"/>
                <a:gd name="T66" fmla="*/ 123 w 375"/>
                <a:gd name="T67" fmla="*/ 89 h 702"/>
                <a:gd name="T68" fmla="*/ 118 w 375"/>
                <a:gd name="T69" fmla="*/ 81 h 702"/>
                <a:gd name="T70" fmla="*/ 106 w 375"/>
                <a:gd name="T71" fmla="*/ 62 h 702"/>
                <a:gd name="T72" fmla="*/ 96 w 375"/>
                <a:gd name="T73" fmla="*/ 38 h 702"/>
                <a:gd name="T74" fmla="*/ 84 w 375"/>
                <a:gd name="T75" fmla="*/ 14 h 702"/>
                <a:gd name="T76" fmla="*/ 74 w 375"/>
                <a:gd name="T77" fmla="*/ 2 h 702"/>
                <a:gd name="T78" fmla="*/ 67 w 375"/>
                <a:gd name="T79" fmla="*/ 24 h 702"/>
                <a:gd name="T80" fmla="*/ 65 w 375"/>
                <a:gd name="T81" fmla="*/ 40 h 702"/>
                <a:gd name="T82" fmla="*/ 70 w 375"/>
                <a:gd name="T83" fmla="*/ 55 h 702"/>
                <a:gd name="T84" fmla="*/ 70 w 375"/>
                <a:gd name="T85" fmla="*/ 61 h 702"/>
                <a:gd name="T86" fmla="*/ 63 w 375"/>
                <a:gd name="T87" fmla="*/ 62 h 702"/>
                <a:gd name="T88" fmla="*/ 59 w 375"/>
                <a:gd name="T89" fmla="*/ 65 h 702"/>
                <a:gd name="T90" fmla="*/ 64 w 375"/>
                <a:gd name="T91" fmla="*/ 67 h 702"/>
                <a:gd name="T92" fmla="*/ 68 w 375"/>
                <a:gd name="T93" fmla="*/ 72 h 702"/>
                <a:gd name="T94" fmla="*/ 60 w 375"/>
                <a:gd name="T95" fmla="*/ 92 h 702"/>
                <a:gd name="T96" fmla="*/ 26 w 375"/>
                <a:gd name="T97" fmla="*/ 104 h 702"/>
                <a:gd name="T98" fmla="*/ 4 w 375"/>
                <a:gd name="T99" fmla="*/ 109 h 702"/>
                <a:gd name="T100" fmla="*/ 3 w 375"/>
                <a:gd name="T101" fmla="*/ 118 h 702"/>
                <a:gd name="T102" fmla="*/ 17 w 375"/>
                <a:gd name="T103" fmla="*/ 139 h 702"/>
                <a:gd name="T104" fmla="*/ 22 w 375"/>
                <a:gd name="T105" fmla="*/ 152 h 702"/>
                <a:gd name="T106" fmla="*/ 21 w 375"/>
                <a:gd name="T107" fmla="*/ 160 h 702"/>
                <a:gd name="T108" fmla="*/ 19 w 375"/>
                <a:gd name="T109" fmla="*/ 165 h 702"/>
                <a:gd name="T110" fmla="*/ 25 w 375"/>
                <a:gd name="T111" fmla="*/ 168 h 702"/>
                <a:gd name="T112" fmla="*/ 34 w 375"/>
                <a:gd name="T113" fmla="*/ 181 h 702"/>
                <a:gd name="T114" fmla="*/ 51 w 375"/>
                <a:gd name="T115" fmla="*/ 216 h 702"/>
                <a:gd name="T116" fmla="*/ 61 w 375"/>
                <a:gd name="T117" fmla="*/ 234 h 702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0" t="0" r="r" b="b"/>
              <a:pathLst>
                <a:path w="375" h="702">
                  <a:moveTo>
                    <a:pt x="188" y="698"/>
                  </a:moveTo>
                  <a:lnTo>
                    <a:pt x="189" y="699"/>
                  </a:lnTo>
                  <a:lnTo>
                    <a:pt x="191" y="698"/>
                  </a:lnTo>
                  <a:lnTo>
                    <a:pt x="194" y="697"/>
                  </a:lnTo>
                  <a:lnTo>
                    <a:pt x="198" y="694"/>
                  </a:lnTo>
                  <a:lnTo>
                    <a:pt x="208" y="689"/>
                  </a:lnTo>
                  <a:lnTo>
                    <a:pt x="218" y="681"/>
                  </a:lnTo>
                  <a:lnTo>
                    <a:pt x="228" y="672"/>
                  </a:lnTo>
                  <a:lnTo>
                    <a:pt x="236" y="663"/>
                  </a:lnTo>
                  <a:lnTo>
                    <a:pt x="239" y="658"/>
                  </a:lnTo>
                  <a:lnTo>
                    <a:pt x="242" y="653"/>
                  </a:lnTo>
                  <a:lnTo>
                    <a:pt x="244" y="649"/>
                  </a:lnTo>
                  <a:lnTo>
                    <a:pt x="244" y="645"/>
                  </a:lnTo>
                  <a:lnTo>
                    <a:pt x="242" y="641"/>
                  </a:lnTo>
                  <a:lnTo>
                    <a:pt x="240" y="638"/>
                  </a:lnTo>
                  <a:lnTo>
                    <a:pt x="237" y="634"/>
                  </a:lnTo>
                  <a:lnTo>
                    <a:pt x="233" y="631"/>
                  </a:lnTo>
                  <a:lnTo>
                    <a:pt x="222" y="626"/>
                  </a:lnTo>
                  <a:lnTo>
                    <a:pt x="212" y="621"/>
                  </a:lnTo>
                  <a:lnTo>
                    <a:pt x="201" y="616"/>
                  </a:lnTo>
                  <a:lnTo>
                    <a:pt x="193" y="612"/>
                  </a:lnTo>
                  <a:lnTo>
                    <a:pt x="191" y="610"/>
                  </a:lnTo>
                  <a:lnTo>
                    <a:pt x="189" y="608"/>
                  </a:lnTo>
                  <a:lnTo>
                    <a:pt x="188" y="605"/>
                  </a:lnTo>
                  <a:lnTo>
                    <a:pt x="189" y="603"/>
                  </a:lnTo>
                  <a:lnTo>
                    <a:pt x="192" y="599"/>
                  </a:lnTo>
                  <a:lnTo>
                    <a:pt x="195" y="595"/>
                  </a:lnTo>
                  <a:lnTo>
                    <a:pt x="198" y="592"/>
                  </a:lnTo>
                  <a:lnTo>
                    <a:pt x="202" y="590"/>
                  </a:lnTo>
                  <a:lnTo>
                    <a:pt x="212" y="586"/>
                  </a:lnTo>
                  <a:lnTo>
                    <a:pt x="221" y="582"/>
                  </a:lnTo>
                  <a:lnTo>
                    <a:pt x="231" y="578"/>
                  </a:lnTo>
                  <a:lnTo>
                    <a:pt x="239" y="573"/>
                  </a:lnTo>
                  <a:lnTo>
                    <a:pt x="242" y="570"/>
                  </a:lnTo>
                  <a:lnTo>
                    <a:pt x="247" y="566"/>
                  </a:lnTo>
                  <a:lnTo>
                    <a:pt x="249" y="562"/>
                  </a:lnTo>
                  <a:lnTo>
                    <a:pt x="251" y="558"/>
                  </a:lnTo>
                  <a:lnTo>
                    <a:pt x="253" y="553"/>
                  </a:lnTo>
                  <a:lnTo>
                    <a:pt x="253" y="549"/>
                  </a:lnTo>
                  <a:lnTo>
                    <a:pt x="253" y="545"/>
                  </a:lnTo>
                  <a:lnTo>
                    <a:pt x="252" y="540"/>
                  </a:lnTo>
                  <a:lnTo>
                    <a:pt x="251" y="531"/>
                  </a:lnTo>
                  <a:lnTo>
                    <a:pt x="248" y="522"/>
                  </a:lnTo>
                  <a:lnTo>
                    <a:pt x="245" y="512"/>
                  </a:lnTo>
                  <a:lnTo>
                    <a:pt x="242" y="504"/>
                  </a:lnTo>
                  <a:lnTo>
                    <a:pt x="242" y="501"/>
                  </a:lnTo>
                  <a:lnTo>
                    <a:pt x="241" y="496"/>
                  </a:lnTo>
                  <a:lnTo>
                    <a:pt x="242" y="493"/>
                  </a:lnTo>
                  <a:lnTo>
                    <a:pt x="244" y="490"/>
                  </a:lnTo>
                  <a:lnTo>
                    <a:pt x="250" y="484"/>
                  </a:lnTo>
                  <a:lnTo>
                    <a:pt x="257" y="477"/>
                  </a:lnTo>
                  <a:lnTo>
                    <a:pt x="264" y="474"/>
                  </a:lnTo>
                  <a:lnTo>
                    <a:pt x="271" y="471"/>
                  </a:lnTo>
                  <a:lnTo>
                    <a:pt x="278" y="469"/>
                  </a:lnTo>
                  <a:lnTo>
                    <a:pt x="285" y="468"/>
                  </a:lnTo>
                  <a:lnTo>
                    <a:pt x="292" y="468"/>
                  </a:lnTo>
                  <a:lnTo>
                    <a:pt x="298" y="468"/>
                  </a:lnTo>
                  <a:lnTo>
                    <a:pt x="321" y="472"/>
                  </a:lnTo>
                  <a:lnTo>
                    <a:pt x="335" y="474"/>
                  </a:lnTo>
                  <a:lnTo>
                    <a:pt x="333" y="467"/>
                  </a:lnTo>
                  <a:lnTo>
                    <a:pt x="329" y="461"/>
                  </a:lnTo>
                  <a:lnTo>
                    <a:pt x="326" y="454"/>
                  </a:lnTo>
                  <a:lnTo>
                    <a:pt x="320" y="448"/>
                  </a:lnTo>
                  <a:lnTo>
                    <a:pt x="316" y="443"/>
                  </a:lnTo>
                  <a:lnTo>
                    <a:pt x="311" y="439"/>
                  </a:lnTo>
                  <a:lnTo>
                    <a:pt x="306" y="434"/>
                  </a:lnTo>
                  <a:lnTo>
                    <a:pt x="299" y="430"/>
                  </a:lnTo>
                  <a:lnTo>
                    <a:pt x="288" y="423"/>
                  </a:lnTo>
                  <a:lnTo>
                    <a:pt x="274" y="416"/>
                  </a:lnTo>
                  <a:lnTo>
                    <a:pt x="260" y="412"/>
                  </a:lnTo>
                  <a:lnTo>
                    <a:pt x="246" y="407"/>
                  </a:lnTo>
                  <a:lnTo>
                    <a:pt x="216" y="399"/>
                  </a:lnTo>
                  <a:lnTo>
                    <a:pt x="188" y="388"/>
                  </a:lnTo>
                  <a:lnTo>
                    <a:pt x="174" y="383"/>
                  </a:lnTo>
                  <a:lnTo>
                    <a:pt x="161" y="375"/>
                  </a:lnTo>
                  <a:lnTo>
                    <a:pt x="156" y="371"/>
                  </a:lnTo>
                  <a:lnTo>
                    <a:pt x="151" y="367"/>
                  </a:lnTo>
                  <a:lnTo>
                    <a:pt x="146" y="362"/>
                  </a:lnTo>
                  <a:lnTo>
                    <a:pt x="140" y="356"/>
                  </a:lnTo>
                  <a:lnTo>
                    <a:pt x="140" y="384"/>
                  </a:lnTo>
                  <a:lnTo>
                    <a:pt x="141" y="413"/>
                  </a:lnTo>
                  <a:lnTo>
                    <a:pt x="141" y="421"/>
                  </a:lnTo>
                  <a:lnTo>
                    <a:pt x="140" y="427"/>
                  </a:lnTo>
                  <a:lnTo>
                    <a:pt x="139" y="433"/>
                  </a:lnTo>
                  <a:lnTo>
                    <a:pt x="138" y="437"/>
                  </a:lnTo>
                  <a:lnTo>
                    <a:pt x="135" y="443"/>
                  </a:lnTo>
                  <a:lnTo>
                    <a:pt x="132" y="446"/>
                  </a:lnTo>
                  <a:lnTo>
                    <a:pt x="128" y="449"/>
                  </a:lnTo>
                  <a:lnTo>
                    <a:pt x="121" y="450"/>
                  </a:lnTo>
                  <a:lnTo>
                    <a:pt x="112" y="444"/>
                  </a:lnTo>
                  <a:lnTo>
                    <a:pt x="103" y="436"/>
                  </a:lnTo>
                  <a:lnTo>
                    <a:pt x="95" y="428"/>
                  </a:lnTo>
                  <a:lnTo>
                    <a:pt x="88" y="420"/>
                  </a:lnTo>
                  <a:lnTo>
                    <a:pt x="80" y="409"/>
                  </a:lnTo>
                  <a:lnTo>
                    <a:pt x="75" y="399"/>
                  </a:lnTo>
                  <a:lnTo>
                    <a:pt x="70" y="387"/>
                  </a:lnTo>
                  <a:lnTo>
                    <a:pt x="66" y="375"/>
                  </a:lnTo>
                  <a:lnTo>
                    <a:pt x="69" y="370"/>
                  </a:lnTo>
                  <a:lnTo>
                    <a:pt x="74" y="364"/>
                  </a:lnTo>
                  <a:lnTo>
                    <a:pt x="80" y="358"/>
                  </a:lnTo>
                  <a:lnTo>
                    <a:pt x="89" y="352"/>
                  </a:lnTo>
                  <a:lnTo>
                    <a:pt x="97" y="346"/>
                  </a:lnTo>
                  <a:lnTo>
                    <a:pt x="106" y="341"/>
                  </a:lnTo>
                  <a:lnTo>
                    <a:pt x="115" y="335"/>
                  </a:lnTo>
                  <a:lnTo>
                    <a:pt x="126" y="332"/>
                  </a:lnTo>
                  <a:lnTo>
                    <a:pt x="135" y="329"/>
                  </a:lnTo>
                  <a:lnTo>
                    <a:pt x="145" y="327"/>
                  </a:lnTo>
                  <a:lnTo>
                    <a:pt x="154" y="327"/>
                  </a:lnTo>
                  <a:lnTo>
                    <a:pt x="163" y="328"/>
                  </a:lnTo>
                  <a:lnTo>
                    <a:pt x="167" y="330"/>
                  </a:lnTo>
                  <a:lnTo>
                    <a:pt x="171" y="332"/>
                  </a:lnTo>
                  <a:lnTo>
                    <a:pt x="174" y="334"/>
                  </a:lnTo>
                  <a:lnTo>
                    <a:pt x="178" y="337"/>
                  </a:lnTo>
                  <a:lnTo>
                    <a:pt x="180" y="342"/>
                  </a:lnTo>
                  <a:lnTo>
                    <a:pt x="183" y="346"/>
                  </a:lnTo>
                  <a:lnTo>
                    <a:pt x="186" y="351"/>
                  </a:lnTo>
                  <a:lnTo>
                    <a:pt x="188" y="356"/>
                  </a:lnTo>
                  <a:lnTo>
                    <a:pt x="202" y="353"/>
                  </a:lnTo>
                  <a:lnTo>
                    <a:pt x="217" y="349"/>
                  </a:lnTo>
                  <a:lnTo>
                    <a:pt x="225" y="347"/>
                  </a:lnTo>
                  <a:lnTo>
                    <a:pt x="233" y="346"/>
                  </a:lnTo>
                  <a:lnTo>
                    <a:pt x="242" y="346"/>
                  </a:lnTo>
                  <a:lnTo>
                    <a:pt x="253" y="347"/>
                  </a:lnTo>
                  <a:lnTo>
                    <a:pt x="255" y="335"/>
                  </a:lnTo>
                  <a:lnTo>
                    <a:pt x="259" y="325"/>
                  </a:lnTo>
                  <a:lnTo>
                    <a:pt x="265" y="316"/>
                  </a:lnTo>
                  <a:lnTo>
                    <a:pt x="272" y="309"/>
                  </a:lnTo>
                  <a:lnTo>
                    <a:pt x="279" y="303"/>
                  </a:lnTo>
                  <a:lnTo>
                    <a:pt x="288" y="297"/>
                  </a:lnTo>
                  <a:lnTo>
                    <a:pt x="297" y="292"/>
                  </a:lnTo>
                  <a:lnTo>
                    <a:pt x="307" y="289"/>
                  </a:lnTo>
                  <a:lnTo>
                    <a:pt x="327" y="282"/>
                  </a:lnTo>
                  <a:lnTo>
                    <a:pt x="346" y="276"/>
                  </a:lnTo>
                  <a:lnTo>
                    <a:pt x="354" y="273"/>
                  </a:lnTo>
                  <a:lnTo>
                    <a:pt x="362" y="270"/>
                  </a:lnTo>
                  <a:lnTo>
                    <a:pt x="369" y="267"/>
                  </a:lnTo>
                  <a:lnTo>
                    <a:pt x="375" y="263"/>
                  </a:lnTo>
                  <a:lnTo>
                    <a:pt x="368" y="256"/>
                  </a:lnTo>
                  <a:lnTo>
                    <a:pt x="360" y="250"/>
                  </a:lnTo>
                  <a:lnTo>
                    <a:pt x="354" y="244"/>
                  </a:lnTo>
                  <a:lnTo>
                    <a:pt x="349" y="236"/>
                  </a:lnTo>
                  <a:lnTo>
                    <a:pt x="337" y="221"/>
                  </a:lnTo>
                  <a:lnTo>
                    <a:pt x="328" y="204"/>
                  </a:lnTo>
                  <a:lnTo>
                    <a:pt x="319" y="187"/>
                  </a:lnTo>
                  <a:lnTo>
                    <a:pt x="311" y="169"/>
                  </a:lnTo>
                  <a:lnTo>
                    <a:pt x="302" y="150"/>
                  </a:lnTo>
                  <a:lnTo>
                    <a:pt x="295" y="131"/>
                  </a:lnTo>
                  <a:lnTo>
                    <a:pt x="288" y="113"/>
                  </a:lnTo>
                  <a:lnTo>
                    <a:pt x="280" y="94"/>
                  </a:lnTo>
                  <a:lnTo>
                    <a:pt x="272" y="76"/>
                  </a:lnTo>
                  <a:lnTo>
                    <a:pt x="262" y="58"/>
                  </a:lnTo>
                  <a:lnTo>
                    <a:pt x="253" y="43"/>
                  </a:lnTo>
                  <a:lnTo>
                    <a:pt x="241" y="27"/>
                  </a:lnTo>
                  <a:lnTo>
                    <a:pt x="236" y="19"/>
                  </a:lnTo>
                  <a:lnTo>
                    <a:pt x="230" y="13"/>
                  </a:lnTo>
                  <a:lnTo>
                    <a:pt x="222" y="7"/>
                  </a:lnTo>
                  <a:lnTo>
                    <a:pt x="215" y="0"/>
                  </a:lnTo>
                  <a:lnTo>
                    <a:pt x="211" y="28"/>
                  </a:lnTo>
                  <a:lnTo>
                    <a:pt x="207" y="51"/>
                  </a:lnTo>
                  <a:lnTo>
                    <a:pt x="201" y="72"/>
                  </a:lnTo>
                  <a:lnTo>
                    <a:pt x="197" y="91"/>
                  </a:lnTo>
                  <a:lnTo>
                    <a:pt x="196" y="102"/>
                  </a:lnTo>
                  <a:lnTo>
                    <a:pt x="196" y="111"/>
                  </a:lnTo>
                  <a:lnTo>
                    <a:pt x="196" y="121"/>
                  </a:lnTo>
                  <a:lnTo>
                    <a:pt x="197" y="131"/>
                  </a:lnTo>
                  <a:lnTo>
                    <a:pt x="200" y="142"/>
                  </a:lnTo>
                  <a:lnTo>
                    <a:pt x="203" y="153"/>
                  </a:lnTo>
                  <a:lnTo>
                    <a:pt x="209" y="166"/>
                  </a:lnTo>
                  <a:lnTo>
                    <a:pt x="215" y="178"/>
                  </a:lnTo>
                  <a:lnTo>
                    <a:pt x="214" y="181"/>
                  </a:lnTo>
                  <a:lnTo>
                    <a:pt x="212" y="183"/>
                  </a:lnTo>
                  <a:lnTo>
                    <a:pt x="210" y="184"/>
                  </a:lnTo>
                  <a:lnTo>
                    <a:pt x="208" y="185"/>
                  </a:lnTo>
                  <a:lnTo>
                    <a:pt x="201" y="186"/>
                  </a:lnTo>
                  <a:lnTo>
                    <a:pt x="195" y="186"/>
                  </a:lnTo>
                  <a:lnTo>
                    <a:pt x="189" y="187"/>
                  </a:lnTo>
                  <a:lnTo>
                    <a:pt x="183" y="189"/>
                  </a:lnTo>
                  <a:lnTo>
                    <a:pt x="181" y="190"/>
                  </a:lnTo>
                  <a:lnTo>
                    <a:pt x="179" y="192"/>
                  </a:lnTo>
                  <a:lnTo>
                    <a:pt x="178" y="194"/>
                  </a:lnTo>
                  <a:lnTo>
                    <a:pt x="178" y="197"/>
                  </a:lnTo>
                  <a:lnTo>
                    <a:pt x="183" y="197"/>
                  </a:lnTo>
                  <a:lnTo>
                    <a:pt x="189" y="198"/>
                  </a:lnTo>
                  <a:lnTo>
                    <a:pt x="193" y="202"/>
                  </a:lnTo>
                  <a:lnTo>
                    <a:pt x="197" y="204"/>
                  </a:lnTo>
                  <a:lnTo>
                    <a:pt x="199" y="208"/>
                  </a:lnTo>
                  <a:lnTo>
                    <a:pt x="201" y="212"/>
                  </a:lnTo>
                  <a:lnTo>
                    <a:pt x="203" y="216"/>
                  </a:lnTo>
                  <a:lnTo>
                    <a:pt x="205" y="222"/>
                  </a:lnTo>
                  <a:lnTo>
                    <a:pt x="206" y="247"/>
                  </a:lnTo>
                  <a:lnTo>
                    <a:pt x="206" y="272"/>
                  </a:lnTo>
                  <a:lnTo>
                    <a:pt x="181" y="277"/>
                  </a:lnTo>
                  <a:lnTo>
                    <a:pt x="156" y="285"/>
                  </a:lnTo>
                  <a:lnTo>
                    <a:pt x="130" y="294"/>
                  </a:lnTo>
                  <a:lnTo>
                    <a:pt x="103" y="303"/>
                  </a:lnTo>
                  <a:lnTo>
                    <a:pt x="78" y="312"/>
                  </a:lnTo>
                  <a:lnTo>
                    <a:pt x="52" y="320"/>
                  </a:lnTo>
                  <a:lnTo>
                    <a:pt x="38" y="323"/>
                  </a:lnTo>
                  <a:lnTo>
                    <a:pt x="26" y="326"/>
                  </a:lnTo>
                  <a:lnTo>
                    <a:pt x="13" y="327"/>
                  </a:lnTo>
                  <a:lnTo>
                    <a:pt x="0" y="328"/>
                  </a:lnTo>
                  <a:lnTo>
                    <a:pt x="1" y="336"/>
                  </a:lnTo>
                  <a:lnTo>
                    <a:pt x="4" y="345"/>
                  </a:lnTo>
                  <a:lnTo>
                    <a:pt x="10" y="354"/>
                  </a:lnTo>
                  <a:lnTo>
                    <a:pt x="16" y="364"/>
                  </a:lnTo>
                  <a:lnTo>
                    <a:pt x="30" y="385"/>
                  </a:lnTo>
                  <a:lnTo>
                    <a:pt x="44" y="407"/>
                  </a:lnTo>
                  <a:lnTo>
                    <a:pt x="52" y="417"/>
                  </a:lnTo>
                  <a:lnTo>
                    <a:pt x="57" y="429"/>
                  </a:lnTo>
                  <a:lnTo>
                    <a:pt x="61" y="441"/>
                  </a:lnTo>
                  <a:lnTo>
                    <a:pt x="64" y="451"/>
                  </a:lnTo>
                  <a:lnTo>
                    <a:pt x="66" y="457"/>
                  </a:lnTo>
                  <a:lnTo>
                    <a:pt x="66" y="463"/>
                  </a:lnTo>
                  <a:lnTo>
                    <a:pt x="66" y="468"/>
                  </a:lnTo>
                  <a:lnTo>
                    <a:pt x="64" y="473"/>
                  </a:lnTo>
                  <a:lnTo>
                    <a:pt x="62" y="480"/>
                  </a:lnTo>
                  <a:lnTo>
                    <a:pt x="60" y="485"/>
                  </a:lnTo>
                  <a:lnTo>
                    <a:pt x="57" y="490"/>
                  </a:lnTo>
                  <a:lnTo>
                    <a:pt x="53" y="495"/>
                  </a:lnTo>
                  <a:lnTo>
                    <a:pt x="57" y="494"/>
                  </a:lnTo>
                  <a:lnTo>
                    <a:pt x="61" y="494"/>
                  </a:lnTo>
                  <a:lnTo>
                    <a:pt x="67" y="496"/>
                  </a:lnTo>
                  <a:lnTo>
                    <a:pt x="71" y="501"/>
                  </a:lnTo>
                  <a:lnTo>
                    <a:pt x="76" y="505"/>
                  </a:lnTo>
                  <a:lnTo>
                    <a:pt x="81" y="511"/>
                  </a:lnTo>
                  <a:lnTo>
                    <a:pt x="87" y="518"/>
                  </a:lnTo>
                  <a:lnTo>
                    <a:pt x="92" y="525"/>
                  </a:lnTo>
                  <a:lnTo>
                    <a:pt x="102" y="543"/>
                  </a:lnTo>
                  <a:lnTo>
                    <a:pt x="113" y="563"/>
                  </a:lnTo>
                  <a:lnTo>
                    <a:pt x="123" y="584"/>
                  </a:lnTo>
                  <a:lnTo>
                    <a:pt x="134" y="606"/>
                  </a:lnTo>
                  <a:lnTo>
                    <a:pt x="154" y="647"/>
                  </a:lnTo>
                  <a:lnTo>
                    <a:pt x="170" y="682"/>
                  </a:lnTo>
                  <a:lnTo>
                    <a:pt x="176" y="693"/>
                  </a:lnTo>
                  <a:lnTo>
                    <a:pt x="181" y="701"/>
                  </a:lnTo>
                  <a:lnTo>
                    <a:pt x="183" y="702"/>
                  </a:lnTo>
                  <a:lnTo>
                    <a:pt x="186" y="702"/>
                  </a:lnTo>
                  <a:lnTo>
                    <a:pt x="187" y="701"/>
                  </a:lnTo>
                  <a:lnTo>
                    <a:pt x="188" y="698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039" name="Group 995"/>
            <p:cNvGrpSpPr/>
            <p:nvPr/>
          </p:nvGrpSpPr>
          <p:grpSpPr>
            <a:xfrm>
              <a:off x="1687513" y="5018088"/>
              <a:ext cx="219075" cy="152400"/>
              <a:chOff x="1687513" y="5018088"/>
              <a:chExt cx="219075" cy="152400"/>
            </a:xfrm>
            <a:grpFill/>
          </p:grpSpPr>
          <p:sp>
            <p:nvSpPr>
              <p:cNvPr id="1103" name="Fredericia"/>
              <p:cNvSpPr>
                <a:spLocks/>
              </p:cNvSpPr>
              <p:nvPr/>
            </p:nvSpPr>
            <p:spPr bwMode="auto">
              <a:xfrm>
                <a:off x="1703388" y="5018088"/>
                <a:ext cx="203200" cy="50800"/>
              </a:xfrm>
              <a:custGeom>
                <a:avLst/>
                <a:gdLst>
                  <a:gd name="T0" fmla="*/ 84 w 383"/>
                  <a:gd name="T1" fmla="*/ 2 h 96"/>
                  <a:gd name="T2" fmla="*/ 89 w 383"/>
                  <a:gd name="T3" fmla="*/ 3 h 96"/>
                  <a:gd name="T4" fmla="*/ 97 w 383"/>
                  <a:gd name="T5" fmla="*/ 3 h 96"/>
                  <a:gd name="T6" fmla="*/ 108 w 383"/>
                  <a:gd name="T7" fmla="*/ 1 h 96"/>
                  <a:gd name="T8" fmla="*/ 118 w 383"/>
                  <a:gd name="T9" fmla="*/ 0 h 96"/>
                  <a:gd name="T10" fmla="*/ 124 w 383"/>
                  <a:gd name="T11" fmla="*/ 0 h 96"/>
                  <a:gd name="T12" fmla="*/ 125 w 383"/>
                  <a:gd name="T13" fmla="*/ 5 h 96"/>
                  <a:gd name="T14" fmla="*/ 114 w 383"/>
                  <a:gd name="T15" fmla="*/ 16 h 96"/>
                  <a:gd name="T16" fmla="*/ 104 w 383"/>
                  <a:gd name="T17" fmla="*/ 24 h 96"/>
                  <a:gd name="T18" fmla="*/ 99 w 383"/>
                  <a:gd name="T19" fmla="*/ 27 h 96"/>
                  <a:gd name="T20" fmla="*/ 95 w 383"/>
                  <a:gd name="T21" fmla="*/ 27 h 96"/>
                  <a:gd name="T22" fmla="*/ 93 w 383"/>
                  <a:gd name="T23" fmla="*/ 27 h 96"/>
                  <a:gd name="T24" fmla="*/ 92 w 383"/>
                  <a:gd name="T25" fmla="*/ 26 h 96"/>
                  <a:gd name="T26" fmla="*/ 91 w 383"/>
                  <a:gd name="T27" fmla="*/ 24 h 96"/>
                  <a:gd name="T28" fmla="*/ 88 w 383"/>
                  <a:gd name="T29" fmla="*/ 24 h 96"/>
                  <a:gd name="T30" fmla="*/ 82 w 383"/>
                  <a:gd name="T31" fmla="*/ 27 h 96"/>
                  <a:gd name="T32" fmla="*/ 77 w 383"/>
                  <a:gd name="T33" fmla="*/ 28 h 96"/>
                  <a:gd name="T34" fmla="*/ 75 w 383"/>
                  <a:gd name="T35" fmla="*/ 28 h 96"/>
                  <a:gd name="T36" fmla="*/ 72 w 383"/>
                  <a:gd name="T37" fmla="*/ 27 h 96"/>
                  <a:gd name="T38" fmla="*/ 70 w 383"/>
                  <a:gd name="T39" fmla="*/ 25 h 96"/>
                  <a:gd name="T40" fmla="*/ 69 w 383"/>
                  <a:gd name="T41" fmla="*/ 24 h 96"/>
                  <a:gd name="T42" fmla="*/ 68 w 383"/>
                  <a:gd name="T43" fmla="*/ 26 h 96"/>
                  <a:gd name="T44" fmla="*/ 64 w 383"/>
                  <a:gd name="T45" fmla="*/ 28 h 96"/>
                  <a:gd name="T46" fmla="*/ 60 w 383"/>
                  <a:gd name="T47" fmla="*/ 30 h 96"/>
                  <a:gd name="T48" fmla="*/ 56 w 383"/>
                  <a:gd name="T49" fmla="*/ 31 h 96"/>
                  <a:gd name="T50" fmla="*/ 51 w 383"/>
                  <a:gd name="T51" fmla="*/ 31 h 96"/>
                  <a:gd name="T52" fmla="*/ 47 w 383"/>
                  <a:gd name="T53" fmla="*/ 28 h 96"/>
                  <a:gd name="T54" fmla="*/ 44 w 383"/>
                  <a:gd name="T55" fmla="*/ 25 h 96"/>
                  <a:gd name="T56" fmla="*/ 42 w 383"/>
                  <a:gd name="T57" fmla="*/ 23 h 96"/>
                  <a:gd name="T58" fmla="*/ 40 w 383"/>
                  <a:gd name="T59" fmla="*/ 23 h 96"/>
                  <a:gd name="T60" fmla="*/ 37 w 383"/>
                  <a:gd name="T61" fmla="*/ 25 h 96"/>
                  <a:gd name="T62" fmla="*/ 35 w 383"/>
                  <a:gd name="T63" fmla="*/ 28 h 96"/>
                  <a:gd name="T64" fmla="*/ 32 w 383"/>
                  <a:gd name="T65" fmla="*/ 31 h 96"/>
                  <a:gd name="T66" fmla="*/ 30 w 383"/>
                  <a:gd name="T67" fmla="*/ 31 h 96"/>
                  <a:gd name="T68" fmla="*/ 27 w 383"/>
                  <a:gd name="T69" fmla="*/ 30 h 96"/>
                  <a:gd name="T70" fmla="*/ 21 w 383"/>
                  <a:gd name="T71" fmla="*/ 29 h 96"/>
                  <a:gd name="T72" fmla="*/ 8 w 383"/>
                  <a:gd name="T73" fmla="*/ 29 h 96"/>
                  <a:gd name="T74" fmla="*/ 3 w 383"/>
                  <a:gd name="T75" fmla="*/ 26 h 96"/>
                  <a:gd name="T76" fmla="*/ 9 w 383"/>
                  <a:gd name="T77" fmla="*/ 19 h 96"/>
                  <a:gd name="T78" fmla="*/ 15 w 383"/>
                  <a:gd name="T79" fmla="*/ 13 h 96"/>
                  <a:gd name="T80" fmla="*/ 19 w 383"/>
                  <a:gd name="T81" fmla="*/ 10 h 96"/>
                  <a:gd name="T82" fmla="*/ 24 w 383"/>
                  <a:gd name="T83" fmla="*/ 7 h 96"/>
                  <a:gd name="T84" fmla="*/ 30 w 383"/>
                  <a:gd name="T85" fmla="*/ 5 h 96"/>
                  <a:gd name="T86" fmla="*/ 34 w 383"/>
                  <a:gd name="T87" fmla="*/ 7 h 96"/>
                  <a:gd name="T88" fmla="*/ 34 w 383"/>
                  <a:gd name="T89" fmla="*/ 11 h 96"/>
                  <a:gd name="T90" fmla="*/ 36 w 383"/>
                  <a:gd name="T91" fmla="*/ 14 h 96"/>
                  <a:gd name="T92" fmla="*/ 37 w 383"/>
                  <a:gd name="T93" fmla="*/ 17 h 96"/>
                  <a:gd name="T94" fmla="*/ 45 w 383"/>
                  <a:gd name="T95" fmla="*/ 20 h 96"/>
                  <a:gd name="T96" fmla="*/ 56 w 383"/>
                  <a:gd name="T97" fmla="*/ 19 h 96"/>
                  <a:gd name="T98" fmla="*/ 62 w 383"/>
                  <a:gd name="T99" fmla="*/ 17 h 96"/>
                  <a:gd name="T100" fmla="*/ 68 w 383"/>
                  <a:gd name="T101" fmla="*/ 15 h 96"/>
                  <a:gd name="T102" fmla="*/ 73 w 383"/>
                  <a:gd name="T103" fmla="*/ 12 h 96"/>
                  <a:gd name="T104" fmla="*/ 77 w 383"/>
                  <a:gd name="T105" fmla="*/ 8 h 96"/>
                  <a:gd name="T106" fmla="*/ 80 w 383"/>
                  <a:gd name="T107" fmla="*/ 4 h 9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383" h="96">
                    <a:moveTo>
                      <a:pt x="243" y="2"/>
                    </a:moveTo>
                    <a:lnTo>
                      <a:pt x="251" y="5"/>
                    </a:lnTo>
                    <a:lnTo>
                      <a:pt x="259" y="8"/>
                    </a:lnTo>
                    <a:lnTo>
                      <a:pt x="266" y="9"/>
                    </a:lnTo>
                    <a:lnTo>
                      <a:pt x="274" y="10"/>
                    </a:lnTo>
                    <a:lnTo>
                      <a:pt x="290" y="9"/>
                    </a:lnTo>
                    <a:lnTo>
                      <a:pt x="307" y="6"/>
                    </a:lnTo>
                    <a:lnTo>
                      <a:pt x="324" y="3"/>
                    </a:lnTo>
                    <a:lnTo>
                      <a:pt x="343" y="1"/>
                    </a:lnTo>
                    <a:lnTo>
                      <a:pt x="352" y="0"/>
                    </a:lnTo>
                    <a:lnTo>
                      <a:pt x="362" y="0"/>
                    </a:lnTo>
                    <a:lnTo>
                      <a:pt x="372" y="1"/>
                    </a:lnTo>
                    <a:lnTo>
                      <a:pt x="383" y="2"/>
                    </a:lnTo>
                    <a:lnTo>
                      <a:pt x="373" y="15"/>
                    </a:lnTo>
                    <a:lnTo>
                      <a:pt x="359" y="31"/>
                    </a:lnTo>
                    <a:lnTo>
                      <a:pt x="341" y="49"/>
                    </a:lnTo>
                    <a:lnTo>
                      <a:pt x="322" y="64"/>
                    </a:lnTo>
                    <a:lnTo>
                      <a:pt x="312" y="71"/>
                    </a:lnTo>
                    <a:lnTo>
                      <a:pt x="304" y="76"/>
                    </a:lnTo>
                    <a:lnTo>
                      <a:pt x="295" y="80"/>
                    </a:lnTo>
                    <a:lnTo>
                      <a:pt x="288" y="82"/>
                    </a:lnTo>
                    <a:lnTo>
                      <a:pt x="285" y="82"/>
                    </a:lnTo>
                    <a:lnTo>
                      <a:pt x="282" y="82"/>
                    </a:lnTo>
                    <a:lnTo>
                      <a:pt x="279" y="81"/>
                    </a:lnTo>
                    <a:lnTo>
                      <a:pt x="277" y="80"/>
                    </a:lnTo>
                    <a:lnTo>
                      <a:pt x="274" y="78"/>
                    </a:lnTo>
                    <a:lnTo>
                      <a:pt x="272" y="76"/>
                    </a:lnTo>
                    <a:lnTo>
                      <a:pt x="271" y="72"/>
                    </a:lnTo>
                    <a:lnTo>
                      <a:pt x="271" y="68"/>
                    </a:lnTo>
                    <a:lnTo>
                      <a:pt x="263" y="73"/>
                    </a:lnTo>
                    <a:lnTo>
                      <a:pt x="254" y="77"/>
                    </a:lnTo>
                    <a:lnTo>
                      <a:pt x="245" y="82"/>
                    </a:lnTo>
                    <a:lnTo>
                      <a:pt x="236" y="84"/>
                    </a:lnTo>
                    <a:lnTo>
                      <a:pt x="231" y="85"/>
                    </a:lnTo>
                    <a:lnTo>
                      <a:pt x="227" y="85"/>
                    </a:lnTo>
                    <a:lnTo>
                      <a:pt x="223" y="85"/>
                    </a:lnTo>
                    <a:lnTo>
                      <a:pt x="220" y="83"/>
                    </a:lnTo>
                    <a:lnTo>
                      <a:pt x="215" y="81"/>
                    </a:lnTo>
                    <a:lnTo>
                      <a:pt x="212" y="78"/>
                    </a:lnTo>
                    <a:lnTo>
                      <a:pt x="208" y="74"/>
                    </a:lnTo>
                    <a:lnTo>
                      <a:pt x="206" y="68"/>
                    </a:lnTo>
                    <a:lnTo>
                      <a:pt x="206" y="72"/>
                    </a:lnTo>
                    <a:lnTo>
                      <a:pt x="205" y="75"/>
                    </a:lnTo>
                    <a:lnTo>
                      <a:pt x="202" y="78"/>
                    </a:lnTo>
                    <a:lnTo>
                      <a:pt x="198" y="82"/>
                    </a:lnTo>
                    <a:lnTo>
                      <a:pt x="192" y="85"/>
                    </a:lnTo>
                    <a:lnTo>
                      <a:pt x="187" y="88"/>
                    </a:lnTo>
                    <a:lnTo>
                      <a:pt x="181" y="90"/>
                    </a:lnTo>
                    <a:lnTo>
                      <a:pt x="173" y="92"/>
                    </a:lnTo>
                    <a:lnTo>
                      <a:pt x="167" y="92"/>
                    </a:lnTo>
                    <a:lnTo>
                      <a:pt x="160" y="92"/>
                    </a:lnTo>
                    <a:lnTo>
                      <a:pt x="152" y="92"/>
                    </a:lnTo>
                    <a:lnTo>
                      <a:pt x="147" y="90"/>
                    </a:lnTo>
                    <a:lnTo>
                      <a:pt x="141" y="85"/>
                    </a:lnTo>
                    <a:lnTo>
                      <a:pt x="136" y="81"/>
                    </a:lnTo>
                    <a:lnTo>
                      <a:pt x="132" y="75"/>
                    </a:lnTo>
                    <a:lnTo>
                      <a:pt x="130" y="68"/>
                    </a:lnTo>
                    <a:lnTo>
                      <a:pt x="126" y="68"/>
                    </a:lnTo>
                    <a:lnTo>
                      <a:pt x="123" y="69"/>
                    </a:lnTo>
                    <a:lnTo>
                      <a:pt x="120" y="70"/>
                    </a:lnTo>
                    <a:lnTo>
                      <a:pt x="116" y="71"/>
                    </a:lnTo>
                    <a:lnTo>
                      <a:pt x="112" y="74"/>
                    </a:lnTo>
                    <a:lnTo>
                      <a:pt x="108" y="79"/>
                    </a:lnTo>
                    <a:lnTo>
                      <a:pt x="105" y="83"/>
                    </a:lnTo>
                    <a:lnTo>
                      <a:pt x="102" y="89"/>
                    </a:lnTo>
                    <a:lnTo>
                      <a:pt x="97" y="93"/>
                    </a:lnTo>
                    <a:lnTo>
                      <a:pt x="93" y="96"/>
                    </a:lnTo>
                    <a:lnTo>
                      <a:pt x="89" y="93"/>
                    </a:lnTo>
                    <a:lnTo>
                      <a:pt x="85" y="91"/>
                    </a:lnTo>
                    <a:lnTo>
                      <a:pt x="81" y="90"/>
                    </a:lnTo>
                    <a:lnTo>
                      <a:pt x="75" y="88"/>
                    </a:lnTo>
                    <a:lnTo>
                      <a:pt x="64" y="86"/>
                    </a:lnTo>
                    <a:lnTo>
                      <a:pt x="51" y="86"/>
                    </a:lnTo>
                    <a:lnTo>
                      <a:pt x="25" y="86"/>
                    </a:lnTo>
                    <a:lnTo>
                      <a:pt x="0" y="86"/>
                    </a:lnTo>
                    <a:lnTo>
                      <a:pt x="9" y="78"/>
                    </a:lnTo>
                    <a:lnTo>
                      <a:pt x="19" y="69"/>
                    </a:lnTo>
                    <a:lnTo>
                      <a:pt x="28" y="57"/>
                    </a:lnTo>
                    <a:lnTo>
                      <a:pt x="39" y="45"/>
                    </a:lnTo>
                    <a:lnTo>
                      <a:pt x="44" y="40"/>
                    </a:lnTo>
                    <a:lnTo>
                      <a:pt x="50" y="34"/>
                    </a:lnTo>
                    <a:lnTo>
                      <a:pt x="57" y="29"/>
                    </a:lnTo>
                    <a:lnTo>
                      <a:pt x="65" y="24"/>
                    </a:lnTo>
                    <a:lnTo>
                      <a:pt x="73" y="20"/>
                    </a:lnTo>
                    <a:lnTo>
                      <a:pt x="82" y="16"/>
                    </a:lnTo>
                    <a:lnTo>
                      <a:pt x="91" y="14"/>
                    </a:lnTo>
                    <a:lnTo>
                      <a:pt x="103" y="12"/>
                    </a:lnTo>
                    <a:lnTo>
                      <a:pt x="101" y="20"/>
                    </a:lnTo>
                    <a:lnTo>
                      <a:pt x="101" y="28"/>
                    </a:lnTo>
                    <a:lnTo>
                      <a:pt x="103" y="32"/>
                    </a:lnTo>
                    <a:lnTo>
                      <a:pt x="106" y="37"/>
                    </a:lnTo>
                    <a:lnTo>
                      <a:pt x="108" y="41"/>
                    </a:lnTo>
                    <a:lnTo>
                      <a:pt x="111" y="45"/>
                    </a:lnTo>
                    <a:lnTo>
                      <a:pt x="112" y="51"/>
                    </a:lnTo>
                    <a:lnTo>
                      <a:pt x="112" y="58"/>
                    </a:lnTo>
                    <a:lnTo>
                      <a:pt x="135" y="59"/>
                    </a:lnTo>
                    <a:lnTo>
                      <a:pt x="158" y="57"/>
                    </a:lnTo>
                    <a:lnTo>
                      <a:pt x="167" y="56"/>
                    </a:lnTo>
                    <a:lnTo>
                      <a:pt x="178" y="54"/>
                    </a:lnTo>
                    <a:lnTo>
                      <a:pt x="187" y="52"/>
                    </a:lnTo>
                    <a:lnTo>
                      <a:pt x="195" y="49"/>
                    </a:lnTo>
                    <a:lnTo>
                      <a:pt x="204" y="45"/>
                    </a:lnTo>
                    <a:lnTo>
                      <a:pt x="211" y="41"/>
                    </a:lnTo>
                    <a:lnTo>
                      <a:pt x="219" y="36"/>
                    </a:lnTo>
                    <a:lnTo>
                      <a:pt x="225" y="31"/>
                    </a:lnTo>
                    <a:lnTo>
                      <a:pt x="230" y="24"/>
                    </a:lnTo>
                    <a:lnTo>
                      <a:pt x="235" y="18"/>
                    </a:lnTo>
                    <a:lnTo>
                      <a:pt x="240" y="11"/>
                    </a:lnTo>
                    <a:lnTo>
                      <a:pt x="243" y="2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04" name="Fredericia kant"/>
              <p:cNvSpPr>
                <a:spLocks/>
              </p:cNvSpPr>
              <p:nvPr/>
            </p:nvSpPr>
            <p:spPr bwMode="auto">
              <a:xfrm>
                <a:off x="1703388" y="5018088"/>
                <a:ext cx="203200" cy="50800"/>
              </a:xfrm>
              <a:custGeom>
                <a:avLst/>
                <a:gdLst>
                  <a:gd name="T0" fmla="*/ 37 w 383"/>
                  <a:gd name="T1" fmla="*/ 17 h 96"/>
                  <a:gd name="T2" fmla="*/ 36 w 383"/>
                  <a:gd name="T3" fmla="*/ 14 h 96"/>
                  <a:gd name="T4" fmla="*/ 34 w 383"/>
                  <a:gd name="T5" fmla="*/ 11 h 96"/>
                  <a:gd name="T6" fmla="*/ 34 w 383"/>
                  <a:gd name="T7" fmla="*/ 7 h 96"/>
                  <a:gd name="T8" fmla="*/ 30 w 383"/>
                  <a:gd name="T9" fmla="*/ 5 h 96"/>
                  <a:gd name="T10" fmla="*/ 24 w 383"/>
                  <a:gd name="T11" fmla="*/ 7 h 96"/>
                  <a:gd name="T12" fmla="*/ 19 w 383"/>
                  <a:gd name="T13" fmla="*/ 10 h 96"/>
                  <a:gd name="T14" fmla="*/ 15 w 383"/>
                  <a:gd name="T15" fmla="*/ 13 h 96"/>
                  <a:gd name="T16" fmla="*/ 9 w 383"/>
                  <a:gd name="T17" fmla="*/ 19 h 96"/>
                  <a:gd name="T18" fmla="*/ 3 w 383"/>
                  <a:gd name="T19" fmla="*/ 26 h 96"/>
                  <a:gd name="T20" fmla="*/ 8 w 383"/>
                  <a:gd name="T21" fmla="*/ 29 h 96"/>
                  <a:gd name="T22" fmla="*/ 21 w 383"/>
                  <a:gd name="T23" fmla="*/ 29 h 96"/>
                  <a:gd name="T24" fmla="*/ 27 w 383"/>
                  <a:gd name="T25" fmla="*/ 30 h 96"/>
                  <a:gd name="T26" fmla="*/ 30 w 383"/>
                  <a:gd name="T27" fmla="*/ 31 h 96"/>
                  <a:gd name="T28" fmla="*/ 32 w 383"/>
                  <a:gd name="T29" fmla="*/ 31 h 96"/>
                  <a:gd name="T30" fmla="*/ 35 w 383"/>
                  <a:gd name="T31" fmla="*/ 28 h 96"/>
                  <a:gd name="T32" fmla="*/ 37 w 383"/>
                  <a:gd name="T33" fmla="*/ 25 h 96"/>
                  <a:gd name="T34" fmla="*/ 40 w 383"/>
                  <a:gd name="T35" fmla="*/ 23 h 96"/>
                  <a:gd name="T36" fmla="*/ 42 w 383"/>
                  <a:gd name="T37" fmla="*/ 23 h 96"/>
                  <a:gd name="T38" fmla="*/ 44 w 383"/>
                  <a:gd name="T39" fmla="*/ 25 h 96"/>
                  <a:gd name="T40" fmla="*/ 47 w 383"/>
                  <a:gd name="T41" fmla="*/ 28 h 96"/>
                  <a:gd name="T42" fmla="*/ 51 w 383"/>
                  <a:gd name="T43" fmla="*/ 31 h 96"/>
                  <a:gd name="T44" fmla="*/ 56 w 383"/>
                  <a:gd name="T45" fmla="*/ 31 h 96"/>
                  <a:gd name="T46" fmla="*/ 60 w 383"/>
                  <a:gd name="T47" fmla="*/ 30 h 96"/>
                  <a:gd name="T48" fmla="*/ 64 w 383"/>
                  <a:gd name="T49" fmla="*/ 28 h 96"/>
                  <a:gd name="T50" fmla="*/ 68 w 383"/>
                  <a:gd name="T51" fmla="*/ 26 h 96"/>
                  <a:gd name="T52" fmla="*/ 69 w 383"/>
                  <a:gd name="T53" fmla="*/ 24 h 96"/>
                  <a:gd name="T54" fmla="*/ 70 w 383"/>
                  <a:gd name="T55" fmla="*/ 25 h 96"/>
                  <a:gd name="T56" fmla="*/ 72 w 383"/>
                  <a:gd name="T57" fmla="*/ 27 h 96"/>
                  <a:gd name="T58" fmla="*/ 75 w 383"/>
                  <a:gd name="T59" fmla="*/ 28 h 96"/>
                  <a:gd name="T60" fmla="*/ 77 w 383"/>
                  <a:gd name="T61" fmla="*/ 28 h 96"/>
                  <a:gd name="T62" fmla="*/ 82 w 383"/>
                  <a:gd name="T63" fmla="*/ 27 h 96"/>
                  <a:gd name="T64" fmla="*/ 88 w 383"/>
                  <a:gd name="T65" fmla="*/ 24 h 96"/>
                  <a:gd name="T66" fmla="*/ 91 w 383"/>
                  <a:gd name="T67" fmla="*/ 24 h 96"/>
                  <a:gd name="T68" fmla="*/ 92 w 383"/>
                  <a:gd name="T69" fmla="*/ 26 h 96"/>
                  <a:gd name="T70" fmla="*/ 93 w 383"/>
                  <a:gd name="T71" fmla="*/ 27 h 96"/>
                  <a:gd name="T72" fmla="*/ 95 w 383"/>
                  <a:gd name="T73" fmla="*/ 27 h 96"/>
                  <a:gd name="T74" fmla="*/ 99 w 383"/>
                  <a:gd name="T75" fmla="*/ 27 h 96"/>
                  <a:gd name="T76" fmla="*/ 104 w 383"/>
                  <a:gd name="T77" fmla="*/ 24 h 96"/>
                  <a:gd name="T78" fmla="*/ 114 w 383"/>
                  <a:gd name="T79" fmla="*/ 16 h 96"/>
                  <a:gd name="T80" fmla="*/ 125 w 383"/>
                  <a:gd name="T81" fmla="*/ 5 h 96"/>
                  <a:gd name="T82" fmla="*/ 124 w 383"/>
                  <a:gd name="T83" fmla="*/ 0 h 96"/>
                  <a:gd name="T84" fmla="*/ 118 w 383"/>
                  <a:gd name="T85" fmla="*/ 0 h 96"/>
                  <a:gd name="T86" fmla="*/ 108 w 383"/>
                  <a:gd name="T87" fmla="*/ 1 h 96"/>
                  <a:gd name="T88" fmla="*/ 97 w 383"/>
                  <a:gd name="T89" fmla="*/ 3 h 96"/>
                  <a:gd name="T90" fmla="*/ 89 w 383"/>
                  <a:gd name="T91" fmla="*/ 3 h 96"/>
                  <a:gd name="T92" fmla="*/ 84 w 383"/>
                  <a:gd name="T93" fmla="*/ 2 h 96"/>
                  <a:gd name="T94" fmla="*/ 80 w 383"/>
                  <a:gd name="T95" fmla="*/ 4 h 96"/>
                  <a:gd name="T96" fmla="*/ 77 w 383"/>
                  <a:gd name="T97" fmla="*/ 8 h 96"/>
                  <a:gd name="T98" fmla="*/ 73 w 383"/>
                  <a:gd name="T99" fmla="*/ 12 h 96"/>
                  <a:gd name="T100" fmla="*/ 68 w 383"/>
                  <a:gd name="T101" fmla="*/ 15 h 96"/>
                  <a:gd name="T102" fmla="*/ 62 w 383"/>
                  <a:gd name="T103" fmla="*/ 17 h 96"/>
                  <a:gd name="T104" fmla="*/ 56 w 383"/>
                  <a:gd name="T105" fmla="*/ 19 h 96"/>
                  <a:gd name="T106" fmla="*/ 45 w 383"/>
                  <a:gd name="T107" fmla="*/ 20 h 9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383" h="96">
                    <a:moveTo>
                      <a:pt x="112" y="58"/>
                    </a:moveTo>
                    <a:lnTo>
                      <a:pt x="112" y="51"/>
                    </a:lnTo>
                    <a:lnTo>
                      <a:pt x="111" y="45"/>
                    </a:lnTo>
                    <a:lnTo>
                      <a:pt x="108" y="41"/>
                    </a:lnTo>
                    <a:lnTo>
                      <a:pt x="106" y="37"/>
                    </a:lnTo>
                    <a:lnTo>
                      <a:pt x="103" y="32"/>
                    </a:lnTo>
                    <a:lnTo>
                      <a:pt x="101" y="28"/>
                    </a:lnTo>
                    <a:lnTo>
                      <a:pt x="101" y="20"/>
                    </a:lnTo>
                    <a:lnTo>
                      <a:pt x="103" y="12"/>
                    </a:lnTo>
                    <a:lnTo>
                      <a:pt x="91" y="14"/>
                    </a:lnTo>
                    <a:lnTo>
                      <a:pt x="82" y="16"/>
                    </a:lnTo>
                    <a:lnTo>
                      <a:pt x="73" y="20"/>
                    </a:lnTo>
                    <a:lnTo>
                      <a:pt x="65" y="24"/>
                    </a:lnTo>
                    <a:lnTo>
                      <a:pt x="57" y="29"/>
                    </a:lnTo>
                    <a:lnTo>
                      <a:pt x="50" y="34"/>
                    </a:lnTo>
                    <a:lnTo>
                      <a:pt x="44" y="40"/>
                    </a:lnTo>
                    <a:lnTo>
                      <a:pt x="39" y="45"/>
                    </a:lnTo>
                    <a:lnTo>
                      <a:pt x="28" y="57"/>
                    </a:lnTo>
                    <a:lnTo>
                      <a:pt x="19" y="69"/>
                    </a:lnTo>
                    <a:lnTo>
                      <a:pt x="9" y="78"/>
                    </a:lnTo>
                    <a:lnTo>
                      <a:pt x="0" y="86"/>
                    </a:lnTo>
                    <a:lnTo>
                      <a:pt x="25" y="86"/>
                    </a:lnTo>
                    <a:lnTo>
                      <a:pt x="51" y="86"/>
                    </a:lnTo>
                    <a:lnTo>
                      <a:pt x="64" y="86"/>
                    </a:lnTo>
                    <a:lnTo>
                      <a:pt x="75" y="88"/>
                    </a:lnTo>
                    <a:lnTo>
                      <a:pt x="81" y="90"/>
                    </a:lnTo>
                    <a:lnTo>
                      <a:pt x="85" y="91"/>
                    </a:lnTo>
                    <a:lnTo>
                      <a:pt x="89" y="93"/>
                    </a:lnTo>
                    <a:lnTo>
                      <a:pt x="93" y="96"/>
                    </a:lnTo>
                    <a:lnTo>
                      <a:pt x="97" y="93"/>
                    </a:lnTo>
                    <a:lnTo>
                      <a:pt x="102" y="89"/>
                    </a:lnTo>
                    <a:lnTo>
                      <a:pt x="105" y="83"/>
                    </a:lnTo>
                    <a:lnTo>
                      <a:pt x="108" y="79"/>
                    </a:lnTo>
                    <a:lnTo>
                      <a:pt x="112" y="74"/>
                    </a:lnTo>
                    <a:lnTo>
                      <a:pt x="116" y="71"/>
                    </a:lnTo>
                    <a:lnTo>
                      <a:pt x="120" y="70"/>
                    </a:lnTo>
                    <a:lnTo>
                      <a:pt x="123" y="69"/>
                    </a:lnTo>
                    <a:lnTo>
                      <a:pt x="126" y="68"/>
                    </a:lnTo>
                    <a:lnTo>
                      <a:pt x="130" y="68"/>
                    </a:lnTo>
                    <a:lnTo>
                      <a:pt x="132" y="75"/>
                    </a:lnTo>
                    <a:lnTo>
                      <a:pt x="136" y="81"/>
                    </a:lnTo>
                    <a:lnTo>
                      <a:pt x="141" y="85"/>
                    </a:lnTo>
                    <a:lnTo>
                      <a:pt x="147" y="90"/>
                    </a:lnTo>
                    <a:lnTo>
                      <a:pt x="152" y="92"/>
                    </a:lnTo>
                    <a:lnTo>
                      <a:pt x="160" y="92"/>
                    </a:lnTo>
                    <a:lnTo>
                      <a:pt x="167" y="92"/>
                    </a:lnTo>
                    <a:lnTo>
                      <a:pt x="173" y="92"/>
                    </a:lnTo>
                    <a:lnTo>
                      <a:pt x="181" y="90"/>
                    </a:lnTo>
                    <a:lnTo>
                      <a:pt x="187" y="88"/>
                    </a:lnTo>
                    <a:lnTo>
                      <a:pt x="192" y="85"/>
                    </a:lnTo>
                    <a:lnTo>
                      <a:pt x="198" y="82"/>
                    </a:lnTo>
                    <a:lnTo>
                      <a:pt x="202" y="78"/>
                    </a:lnTo>
                    <a:lnTo>
                      <a:pt x="205" y="75"/>
                    </a:lnTo>
                    <a:lnTo>
                      <a:pt x="206" y="72"/>
                    </a:lnTo>
                    <a:lnTo>
                      <a:pt x="206" y="68"/>
                    </a:lnTo>
                    <a:lnTo>
                      <a:pt x="208" y="74"/>
                    </a:lnTo>
                    <a:lnTo>
                      <a:pt x="212" y="78"/>
                    </a:lnTo>
                    <a:lnTo>
                      <a:pt x="215" y="81"/>
                    </a:lnTo>
                    <a:lnTo>
                      <a:pt x="220" y="83"/>
                    </a:lnTo>
                    <a:lnTo>
                      <a:pt x="223" y="85"/>
                    </a:lnTo>
                    <a:lnTo>
                      <a:pt x="227" y="85"/>
                    </a:lnTo>
                    <a:lnTo>
                      <a:pt x="231" y="85"/>
                    </a:lnTo>
                    <a:lnTo>
                      <a:pt x="236" y="84"/>
                    </a:lnTo>
                    <a:lnTo>
                      <a:pt x="245" y="82"/>
                    </a:lnTo>
                    <a:lnTo>
                      <a:pt x="254" y="77"/>
                    </a:lnTo>
                    <a:lnTo>
                      <a:pt x="263" y="73"/>
                    </a:lnTo>
                    <a:lnTo>
                      <a:pt x="271" y="68"/>
                    </a:lnTo>
                    <a:lnTo>
                      <a:pt x="271" y="72"/>
                    </a:lnTo>
                    <a:lnTo>
                      <a:pt x="272" y="76"/>
                    </a:lnTo>
                    <a:lnTo>
                      <a:pt x="274" y="78"/>
                    </a:lnTo>
                    <a:lnTo>
                      <a:pt x="277" y="80"/>
                    </a:lnTo>
                    <a:lnTo>
                      <a:pt x="279" y="81"/>
                    </a:lnTo>
                    <a:lnTo>
                      <a:pt x="282" y="82"/>
                    </a:lnTo>
                    <a:lnTo>
                      <a:pt x="285" y="82"/>
                    </a:lnTo>
                    <a:lnTo>
                      <a:pt x="288" y="82"/>
                    </a:lnTo>
                    <a:lnTo>
                      <a:pt x="295" y="80"/>
                    </a:lnTo>
                    <a:lnTo>
                      <a:pt x="304" y="76"/>
                    </a:lnTo>
                    <a:lnTo>
                      <a:pt x="312" y="71"/>
                    </a:lnTo>
                    <a:lnTo>
                      <a:pt x="322" y="64"/>
                    </a:lnTo>
                    <a:lnTo>
                      <a:pt x="341" y="49"/>
                    </a:lnTo>
                    <a:lnTo>
                      <a:pt x="359" y="31"/>
                    </a:lnTo>
                    <a:lnTo>
                      <a:pt x="373" y="15"/>
                    </a:lnTo>
                    <a:lnTo>
                      <a:pt x="383" y="2"/>
                    </a:lnTo>
                    <a:lnTo>
                      <a:pt x="372" y="1"/>
                    </a:lnTo>
                    <a:lnTo>
                      <a:pt x="362" y="0"/>
                    </a:lnTo>
                    <a:lnTo>
                      <a:pt x="352" y="0"/>
                    </a:lnTo>
                    <a:lnTo>
                      <a:pt x="343" y="1"/>
                    </a:lnTo>
                    <a:lnTo>
                      <a:pt x="324" y="3"/>
                    </a:lnTo>
                    <a:lnTo>
                      <a:pt x="307" y="6"/>
                    </a:lnTo>
                    <a:lnTo>
                      <a:pt x="290" y="9"/>
                    </a:lnTo>
                    <a:lnTo>
                      <a:pt x="274" y="10"/>
                    </a:lnTo>
                    <a:lnTo>
                      <a:pt x="266" y="9"/>
                    </a:lnTo>
                    <a:lnTo>
                      <a:pt x="259" y="8"/>
                    </a:lnTo>
                    <a:lnTo>
                      <a:pt x="251" y="5"/>
                    </a:lnTo>
                    <a:lnTo>
                      <a:pt x="243" y="2"/>
                    </a:lnTo>
                    <a:lnTo>
                      <a:pt x="240" y="11"/>
                    </a:lnTo>
                    <a:lnTo>
                      <a:pt x="235" y="18"/>
                    </a:lnTo>
                    <a:lnTo>
                      <a:pt x="230" y="24"/>
                    </a:lnTo>
                    <a:lnTo>
                      <a:pt x="225" y="31"/>
                    </a:lnTo>
                    <a:lnTo>
                      <a:pt x="219" y="36"/>
                    </a:lnTo>
                    <a:lnTo>
                      <a:pt x="211" y="41"/>
                    </a:lnTo>
                    <a:lnTo>
                      <a:pt x="204" y="45"/>
                    </a:lnTo>
                    <a:lnTo>
                      <a:pt x="195" y="49"/>
                    </a:lnTo>
                    <a:lnTo>
                      <a:pt x="187" y="52"/>
                    </a:lnTo>
                    <a:lnTo>
                      <a:pt x="178" y="54"/>
                    </a:lnTo>
                    <a:lnTo>
                      <a:pt x="167" y="56"/>
                    </a:lnTo>
                    <a:lnTo>
                      <a:pt x="158" y="57"/>
                    </a:lnTo>
                    <a:lnTo>
                      <a:pt x="135" y="59"/>
                    </a:lnTo>
                    <a:lnTo>
                      <a:pt x="112" y="58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05" name="Fredericia"/>
              <p:cNvSpPr>
                <a:spLocks/>
              </p:cNvSpPr>
              <p:nvPr/>
            </p:nvSpPr>
            <p:spPr bwMode="auto">
              <a:xfrm>
                <a:off x="1687513" y="5067300"/>
                <a:ext cx="165100" cy="103188"/>
              </a:xfrm>
              <a:custGeom>
                <a:avLst/>
                <a:gdLst>
                  <a:gd name="T0" fmla="*/ 0 w 312"/>
                  <a:gd name="T1" fmla="*/ 7 h 194"/>
                  <a:gd name="T2" fmla="*/ 1 w 312"/>
                  <a:gd name="T3" fmla="*/ 13 h 194"/>
                  <a:gd name="T4" fmla="*/ 5 w 312"/>
                  <a:gd name="T5" fmla="*/ 23 h 194"/>
                  <a:gd name="T6" fmla="*/ 9 w 312"/>
                  <a:gd name="T7" fmla="*/ 33 h 194"/>
                  <a:gd name="T8" fmla="*/ 12 w 312"/>
                  <a:gd name="T9" fmla="*/ 39 h 194"/>
                  <a:gd name="T10" fmla="*/ 12 w 312"/>
                  <a:gd name="T11" fmla="*/ 46 h 194"/>
                  <a:gd name="T12" fmla="*/ 11 w 312"/>
                  <a:gd name="T13" fmla="*/ 52 h 194"/>
                  <a:gd name="T14" fmla="*/ 8 w 312"/>
                  <a:gd name="T15" fmla="*/ 55 h 194"/>
                  <a:gd name="T16" fmla="*/ 9 w 312"/>
                  <a:gd name="T17" fmla="*/ 59 h 194"/>
                  <a:gd name="T18" fmla="*/ 15 w 312"/>
                  <a:gd name="T19" fmla="*/ 62 h 194"/>
                  <a:gd name="T20" fmla="*/ 20 w 312"/>
                  <a:gd name="T21" fmla="*/ 64 h 194"/>
                  <a:gd name="T22" fmla="*/ 25 w 312"/>
                  <a:gd name="T23" fmla="*/ 65 h 194"/>
                  <a:gd name="T24" fmla="*/ 31 w 312"/>
                  <a:gd name="T25" fmla="*/ 65 h 194"/>
                  <a:gd name="T26" fmla="*/ 40 w 312"/>
                  <a:gd name="T27" fmla="*/ 62 h 194"/>
                  <a:gd name="T28" fmla="*/ 49 w 312"/>
                  <a:gd name="T29" fmla="*/ 59 h 194"/>
                  <a:gd name="T30" fmla="*/ 59 w 312"/>
                  <a:gd name="T31" fmla="*/ 56 h 194"/>
                  <a:gd name="T32" fmla="*/ 66 w 312"/>
                  <a:gd name="T33" fmla="*/ 55 h 194"/>
                  <a:gd name="T34" fmla="*/ 71 w 312"/>
                  <a:gd name="T35" fmla="*/ 55 h 194"/>
                  <a:gd name="T36" fmla="*/ 77 w 312"/>
                  <a:gd name="T37" fmla="*/ 56 h 194"/>
                  <a:gd name="T38" fmla="*/ 82 w 312"/>
                  <a:gd name="T39" fmla="*/ 59 h 194"/>
                  <a:gd name="T40" fmla="*/ 84 w 312"/>
                  <a:gd name="T41" fmla="*/ 56 h 194"/>
                  <a:gd name="T42" fmla="*/ 82 w 312"/>
                  <a:gd name="T43" fmla="*/ 49 h 194"/>
                  <a:gd name="T44" fmla="*/ 80 w 312"/>
                  <a:gd name="T45" fmla="*/ 42 h 194"/>
                  <a:gd name="T46" fmla="*/ 78 w 312"/>
                  <a:gd name="T47" fmla="*/ 34 h 194"/>
                  <a:gd name="T48" fmla="*/ 82 w 312"/>
                  <a:gd name="T49" fmla="*/ 27 h 194"/>
                  <a:gd name="T50" fmla="*/ 90 w 312"/>
                  <a:gd name="T51" fmla="*/ 23 h 194"/>
                  <a:gd name="T52" fmla="*/ 97 w 312"/>
                  <a:gd name="T53" fmla="*/ 20 h 194"/>
                  <a:gd name="T54" fmla="*/ 101 w 312"/>
                  <a:gd name="T55" fmla="*/ 16 h 194"/>
                  <a:gd name="T56" fmla="*/ 103 w 312"/>
                  <a:gd name="T57" fmla="*/ 12 h 194"/>
                  <a:gd name="T58" fmla="*/ 101 w 312"/>
                  <a:gd name="T59" fmla="*/ 9 h 194"/>
                  <a:gd name="T60" fmla="*/ 93 w 312"/>
                  <a:gd name="T61" fmla="*/ 10 h 194"/>
                  <a:gd name="T62" fmla="*/ 86 w 312"/>
                  <a:gd name="T63" fmla="*/ 10 h 194"/>
                  <a:gd name="T64" fmla="*/ 80 w 312"/>
                  <a:gd name="T65" fmla="*/ 10 h 194"/>
                  <a:gd name="T66" fmla="*/ 77 w 312"/>
                  <a:gd name="T67" fmla="*/ 8 h 194"/>
                  <a:gd name="T68" fmla="*/ 73 w 312"/>
                  <a:gd name="T69" fmla="*/ 4 h 194"/>
                  <a:gd name="T70" fmla="*/ 72 w 312"/>
                  <a:gd name="T71" fmla="*/ 2 h 194"/>
                  <a:gd name="T72" fmla="*/ 74 w 312"/>
                  <a:gd name="T73" fmla="*/ 5 h 194"/>
                  <a:gd name="T74" fmla="*/ 75 w 312"/>
                  <a:gd name="T75" fmla="*/ 8 h 194"/>
                  <a:gd name="T76" fmla="*/ 74 w 312"/>
                  <a:gd name="T77" fmla="*/ 9 h 194"/>
                  <a:gd name="T78" fmla="*/ 71 w 312"/>
                  <a:gd name="T79" fmla="*/ 11 h 194"/>
                  <a:gd name="T80" fmla="*/ 65 w 312"/>
                  <a:gd name="T81" fmla="*/ 12 h 194"/>
                  <a:gd name="T82" fmla="*/ 55 w 312"/>
                  <a:gd name="T83" fmla="*/ 12 h 194"/>
                  <a:gd name="T84" fmla="*/ 43 w 312"/>
                  <a:gd name="T85" fmla="*/ 11 h 194"/>
                  <a:gd name="T86" fmla="*/ 36 w 312"/>
                  <a:gd name="T87" fmla="*/ 9 h 194"/>
                  <a:gd name="T88" fmla="*/ 31 w 312"/>
                  <a:gd name="T89" fmla="*/ 6 h 194"/>
                  <a:gd name="T90" fmla="*/ 27 w 312"/>
                  <a:gd name="T91" fmla="*/ 3 h 194"/>
                  <a:gd name="T92" fmla="*/ 24 w 312"/>
                  <a:gd name="T93" fmla="*/ 0 h 194"/>
                  <a:gd name="T94" fmla="*/ 21 w 312"/>
                  <a:gd name="T95" fmla="*/ 0 h 194"/>
                  <a:gd name="T96" fmla="*/ 20 w 312"/>
                  <a:gd name="T97" fmla="*/ 3 h 194"/>
                  <a:gd name="T98" fmla="*/ 19 w 312"/>
                  <a:gd name="T99" fmla="*/ 8 h 194"/>
                  <a:gd name="T100" fmla="*/ 18 w 312"/>
                  <a:gd name="T101" fmla="*/ 10 h 194"/>
                  <a:gd name="T102" fmla="*/ 15 w 312"/>
                  <a:gd name="T103" fmla="*/ 10 h 194"/>
                  <a:gd name="T104" fmla="*/ 13 w 312"/>
                  <a:gd name="T105" fmla="*/ 7 h 194"/>
                  <a:gd name="T106" fmla="*/ 13 w 312"/>
                  <a:gd name="T107" fmla="*/ 3 h 194"/>
                  <a:gd name="T108" fmla="*/ 11 w 312"/>
                  <a:gd name="T109" fmla="*/ 1 h 194"/>
                  <a:gd name="T110" fmla="*/ 11 w 312"/>
                  <a:gd name="T111" fmla="*/ 3 h 194"/>
                  <a:gd name="T112" fmla="*/ 10 w 312"/>
                  <a:gd name="T113" fmla="*/ 7 h 194"/>
                  <a:gd name="T114" fmla="*/ 9 w 312"/>
                  <a:gd name="T115" fmla="*/ 9 h 194"/>
                  <a:gd name="T116" fmla="*/ 8 w 312"/>
                  <a:gd name="T117" fmla="*/ 9 h 194"/>
                  <a:gd name="T118" fmla="*/ 6 w 312"/>
                  <a:gd name="T119" fmla="*/ 9 h 194"/>
                  <a:gd name="T120" fmla="*/ 2 w 312"/>
                  <a:gd name="T121" fmla="*/ 6 h 194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312" h="194">
                    <a:moveTo>
                      <a:pt x="2" y="11"/>
                    </a:moveTo>
                    <a:lnTo>
                      <a:pt x="0" y="21"/>
                    </a:lnTo>
                    <a:lnTo>
                      <a:pt x="0" y="30"/>
                    </a:lnTo>
                    <a:lnTo>
                      <a:pt x="2" y="40"/>
                    </a:lnTo>
                    <a:lnTo>
                      <a:pt x="5" y="49"/>
                    </a:lnTo>
                    <a:lnTo>
                      <a:pt x="14" y="68"/>
                    </a:lnTo>
                    <a:lnTo>
                      <a:pt x="23" y="87"/>
                    </a:lnTo>
                    <a:lnTo>
                      <a:pt x="28" y="97"/>
                    </a:lnTo>
                    <a:lnTo>
                      <a:pt x="32" y="106"/>
                    </a:lnTo>
                    <a:lnTo>
                      <a:pt x="35" y="117"/>
                    </a:lnTo>
                    <a:lnTo>
                      <a:pt x="36" y="126"/>
                    </a:lnTo>
                    <a:lnTo>
                      <a:pt x="36" y="137"/>
                    </a:lnTo>
                    <a:lnTo>
                      <a:pt x="34" y="148"/>
                    </a:lnTo>
                    <a:lnTo>
                      <a:pt x="32" y="154"/>
                    </a:lnTo>
                    <a:lnTo>
                      <a:pt x="28" y="159"/>
                    </a:lnTo>
                    <a:lnTo>
                      <a:pt x="25" y="165"/>
                    </a:lnTo>
                    <a:lnTo>
                      <a:pt x="21" y="170"/>
                    </a:lnTo>
                    <a:lnTo>
                      <a:pt x="28" y="177"/>
                    </a:lnTo>
                    <a:lnTo>
                      <a:pt x="37" y="181"/>
                    </a:lnTo>
                    <a:lnTo>
                      <a:pt x="44" y="185"/>
                    </a:lnTo>
                    <a:lnTo>
                      <a:pt x="52" y="188"/>
                    </a:lnTo>
                    <a:lnTo>
                      <a:pt x="59" y="190"/>
                    </a:lnTo>
                    <a:lnTo>
                      <a:pt x="66" y="193"/>
                    </a:lnTo>
                    <a:lnTo>
                      <a:pt x="74" y="194"/>
                    </a:lnTo>
                    <a:lnTo>
                      <a:pt x="80" y="194"/>
                    </a:lnTo>
                    <a:lnTo>
                      <a:pt x="94" y="193"/>
                    </a:lnTo>
                    <a:lnTo>
                      <a:pt x="107" y="189"/>
                    </a:lnTo>
                    <a:lnTo>
                      <a:pt x="121" y="185"/>
                    </a:lnTo>
                    <a:lnTo>
                      <a:pt x="135" y="181"/>
                    </a:lnTo>
                    <a:lnTo>
                      <a:pt x="148" y="176"/>
                    </a:lnTo>
                    <a:lnTo>
                      <a:pt x="162" y="171"/>
                    </a:lnTo>
                    <a:lnTo>
                      <a:pt x="176" y="167"/>
                    </a:lnTo>
                    <a:lnTo>
                      <a:pt x="191" y="165"/>
                    </a:lnTo>
                    <a:lnTo>
                      <a:pt x="198" y="165"/>
                    </a:lnTo>
                    <a:lnTo>
                      <a:pt x="205" y="165"/>
                    </a:lnTo>
                    <a:lnTo>
                      <a:pt x="214" y="165"/>
                    </a:lnTo>
                    <a:lnTo>
                      <a:pt x="221" y="167"/>
                    </a:lnTo>
                    <a:lnTo>
                      <a:pt x="230" y="168"/>
                    </a:lnTo>
                    <a:lnTo>
                      <a:pt x="238" y="171"/>
                    </a:lnTo>
                    <a:lnTo>
                      <a:pt x="246" y="176"/>
                    </a:lnTo>
                    <a:lnTo>
                      <a:pt x="255" y="180"/>
                    </a:lnTo>
                    <a:lnTo>
                      <a:pt x="253" y="168"/>
                    </a:lnTo>
                    <a:lnTo>
                      <a:pt x="250" y="157"/>
                    </a:lnTo>
                    <a:lnTo>
                      <a:pt x="245" y="147"/>
                    </a:lnTo>
                    <a:lnTo>
                      <a:pt x="242" y="137"/>
                    </a:lnTo>
                    <a:lnTo>
                      <a:pt x="239" y="126"/>
                    </a:lnTo>
                    <a:lnTo>
                      <a:pt x="236" y="115"/>
                    </a:lnTo>
                    <a:lnTo>
                      <a:pt x="235" y="101"/>
                    </a:lnTo>
                    <a:lnTo>
                      <a:pt x="237" y="86"/>
                    </a:lnTo>
                    <a:lnTo>
                      <a:pt x="246" y="80"/>
                    </a:lnTo>
                    <a:lnTo>
                      <a:pt x="257" y="74"/>
                    </a:lnTo>
                    <a:lnTo>
                      <a:pt x="269" y="69"/>
                    </a:lnTo>
                    <a:lnTo>
                      <a:pt x="280" y="64"/>
                    </a:lnTo>
                    <a:lnTo>
                      <a:pt x="291" y="59"/>
                    </a:lnTo>
                    <a:lnTo>
                      <a:pt x="300" y="51"/>
                    </a:lnTo>
                    <a:lnTo>
                      <a:pt x="303" y="47"/>
                    </a:lnTo>
                    <a:lnTo>
                      <a:pt x="306" y="42"/>
                    </a:lnTo>
                    <a:lnTo>
                      <a:pt x="310" y="37"/>
                    </a:lnTo>
                    <a:lnTo>
                      <a:pt x="312" y="30"/>
                    </a:lnTo>
                    <a:lnTo>
                      <a:pt x="302" y="28"/>
                    </a:lnTo>
                    <a:lnTo>
                      <a:pt x="292" y="29"/>
                    </a:lnTo>
                    <a:lnTo>
                      <a:pt x="280" y="30"/>
                    </a:lnTo>
                    <a:lnTo>
                      <a:pt x="269" y="31"/>
                    </a:lnTo>
                    <a:lnTo>
                      <a:pt x="257" y="31"/>
                    </a:lnTo>
                    <a:lnTo>
                      <a:pt x="246" y="30"/>
                    </a:lnTo>
                    <a:lnTo>
                      <a:pt x="241" y="29"/>
                    </a:lnTo>
                    <a:lnTo>
                      <a:pt x="236" y="27"/>
                    </a:lnTo>
                    <a:lnTo>
                      <a:pt x="232" y="24"/>
                    </a:lnTo>
                    <a:lnTo>
                      <a:pt x="227" y="21"/>
                    </a:lnTo>
                    <a:lnTo>
                      <a:pt x="219" y="11"/>
                    </a:lnTo>
                    <a:lnTo>
                      <a:pt x="216" y="7"/>
                    </a:lnTo>
                    <a:lnTo>
                      <a:pt x="217" y="7"/>
                    </a:lnTo>
                    <a:lnTo>
                      <a:pt x="219" y="9"/>
                    </a:lnTo>
                    <a:lnTo>
                      <a:pt x="222" y="15"/>
                    </a:lnTo>
                    <a:lnTo>
                      <a:pt x="224" y="20"/>
                    </a:lnTo>
                    <a:lnTo>
                      <a:pt x="224" y="23"/>
                    </a:lnTo>
                    <a:lnTo>
                      <a:pt x="223" y="25"/>
                    </a:lnTo>
                    <a:lnTo>
                      <a:pt x="221" y="28"/>
                    </a:lnTo>
                    <a:lnTo>
                      <a:pt x="218" y="30"/>
                    </a:lnTo>
                    <a:lnTo>
                      <a:pt x="212" y="32"/>
                    </a:lnTo>
                    <a:lnTo>
                      <a:pt x="204" y="34"/>
                    </a:lnTo>
                    <a:lnTo>
                      <a:pt x="196" y="36"/>
                    </a:lnTo>
                    <a:lnTo>
                      <a:pt x="185" y="36"/>
                    </a:lnTo>
                    <a:lnTo>
                      <a:pt x="164" y="37"/>
                    </a:lnTo>
                    <a:lnTo>
                      <a:pt x="141" y="35"/>
                    </a:lnTo>
                    <a:lnTo>
                      <a:pt x="130" y="32"/>
                    </a:lnTo>
                    <a:lnTo>
                      <a:pt x="119" y="30"/>
                    </a:lnTo>
                    <a:lnTo>
                      <a:pt x="108" y="27"/>
                    </a:lnTo>
                    <a:lnTo>
                      <a:pt x="99" y="24"/>
                    </a:lnTo>
                    <a:lnTo>
                      <a:pt x="92" y="19"/>
                    </a:lnTo>
                    <a:lnTo>
                      <a:pt x="85" y="15"/>
                    </a:lnTo>
                    <a:lnTo>
                      <a:pt x="80" y="8"/>
                    </a:lnTo>
                    <a:lnTo>
                      <a:pt x="77" y="2"/>
                    </a:lnTo>
                    <a:lnTo>
                      <a:pt x="72" y="0"/>
                    </a:lnTo>
                    <a:lnTo>
                      <a:pt x="66" y="0"/>
                    </a:lnTo>
                    <a:lnTo>
                      <a:pt x="63" y="1"/>
                    </a:lnTo>
                    <a:lnTo>
                      <a:pt x="61" y="2"/>
                    </a:lnTo>
                    <a:lnTo>
                      <a:pt x="59" y="8"/>
                    </a:lnTo>
                    <a:lnTo>
                      <a:pt x="59" y="16"/>
                    </a:lnTo>
                    <a:lnTo>
                      <a:pt x="58" y="24"/>
                    </a:lnTo>
                    <a:lnTo>
                      <a:pt x="56" y="29"/>
                    </a:lnTo>
                    <a:lnTo>
                      <a:pt x="54" y="31"/>
                    </a:lnTo>
                    <a:lnTo>
                      <a:pt x="51" y="32"/>
                    </a:lnTo>
                    <a:lnTo>
                      <a:pt x="45" y="31"/>
                    </a:lnTo>
                    <a:lnTo>
                      <a:pt x="40" y="30"/>
                    </a:lnTo>
                    <a:lnTo>
                      <a:pt x="39" y="21"/>
                    </a:lnTo>
                    <a:lnTo>
                      <a:pt x="39" y="12"/>
                    </a:lnTo>
                    <a:lnTo>
                      <a:pt x="38" y="8"/>
                    </a:lnTo>
                    <a:lnTo>
                      <a:pt x="36" y="5"/>
                    </a:lnTo>
                    <a:lnTo>
                      <a:pt x="34" y="3"/>
                    </a:lnTo>
                    <a:lnTo>
                      <a:pt x="31" y="2"/>
                    </a:lnTo>
                    <a:lnTo>
                      <a:pt x="32" y="9"/>
                    </a:lnTo>
                    <a:lnTo>
                      <a:pt x="32" y="15"/>
                    </a:lnTo>
                    <a:lnTo>
                      <a:pt x="31" y="20"/>
                    </a:lnTo>
                    <a:lnTo>
                      <a:pt x="30" y="23"/>
                    </a:lnTo>
                    <a:lnTo>
                      <a:pt x="28" y="26"/>
                    </a:lnTo>
                    <a:lnTo>
                      <a:pt x="26" y="27"/>
                    </a:lnTo>
                    <a:lnTo>
                      <a:pt x="24" y="28"/>
                    </a:lnTo>
                    <a:lnTo>
                      <a:pt x="22" y="28"/>
                    </a:lnTo>
                    <a:lnTo>
                      <a:pt x="17" y="26"/>
                    </a:lnTo>
                    <a:lnTo>
                      <a:pt x="12" y="22"/>
                    </a:lnTo>
                    <a:lnTo>
                      <a:pt x="6" y="17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06" name="Fredericia kant"/>
              <p:cNvSpPr>
                <a:spLocks/>
              </p:cNvSpPr>
              <p:nvPr/>
            </p:nvSpPr>
            <p:spPr bwMode="auto">
              <a:xfrm>
                <a:off x="1687513" y="5067300"/>
                <a:ext cx="165100" cy="103188"/>
              </a:xfrm>
              <a:custGeom>
                <a:avLst/>
                <a:gdLst>
                  <a:gd name="T0" fmla="*/ 0 w 312"/>
                  <a:gd name="T1" fmla="*/ 7 h 194"/>
                  <a:gd name="T2" fmla="*/ 1 w 312"/>
                  <a:gd name="T3" fmla="*/ 13 h 194"/>
                  <a:gd name="T4" fmla="*/ 5 w 312"/>
                  <a:gd name="T5" fmla="*/ 23 h 194"/>
                  <a:gd name="T6" fmla="*/ 9 w 312"/>
                  <a:gd name="T7" fmla="*/ 33 h 194"/>
                  <a:gd name="T8" fmla="*/ 12 w 312"/>
                  <a:gd name="T9" fmla="*/ 39 h 194"/>
                  <a:gd name="T10" fmla="*/ 12 w 312"/>
                  <a:gd name="T11" fmla="*/ 46 h 194"/>
                  <a:gd name="T12" fmla="*/ 11 w 312"/>
                  <a:gd name="T13" fmla="*/ 52 h 194"/>
                  <a:gd name="T14" fmla="*/ 8 w 312"/>
                  <a:gd name="T15" fmla="*/ 55 h 194"/>
                  <a:gd name="T16" fmla="*/ 9 w 312"/>
                  <a:gd name="T17" fmla="*/ 59 h 194"/>
                  <a:gd name="T18" fmla="*/ 15 w 312"/>
                  <a:gd name="T19" fmla="*/ 62 h 194"/>
                  <a:gd name="T20" fmla="*/ 20 w 312"/>
                  <a:gd name="T21" fmla="*/ 64 h 194"/>
                  <a:gd name="T22" fmla="*/ 25 w 312"/>
                  <a:gd name="T23" fmla="*/ 65 h 194"/>
                  <a:gd name="T24" fmla="*/ 31 w 312"/>
                  <a:gd name="T25" fmla="*/ 65 h 194"/>
                  <a:gd name="T26" fmla="*/ 40 w 312"/>
                  <a:gd name="T27" fmla="*/ 62 h 194"/>
                  <a:gd name="T28" fmla="*/ 49 w 312"/>
                  <a:gd name="T29" fmla="*/ 59 h 194"/>
                  <a:gd name="T30" fmla="*/ 59 w 312"/>
                  <a:gd name="T31" fmla="*/ 56 h 194"/>
                  <a:gd name="T32" fmla="*/ 66 w 312"/>
                  <a:gd name="T33" fmla="*/ 55 h 194"/>
                  <a:gd name="T34" fmla="*/ 71 w 312"/>
                  <a:gd name="T35" fmla="*/ 55 h 194"/>
                  <a:gd name="T36" fmla="*/ 77 w 312"/>
                  <a:gd name="T37" fmla="*/ 56 h 194"/>
                  <a:gd name="T38" fmla="*/ 82 w 312"/>
                  <a:gd name="T39" fmla="*/ 59 h 194"/>
                  <a:gd name="T40" fmla="*/ 84 w 312"/>
                  <a:gd name="T41" fmla="*/ 56 h 194"/>
                  <a:gd name="T42" fmla="*/ 82 w 312"/>
                  <a:gd name="T43" fmla="*/ 49 h 194"/>
                  <a:gd name="T44" fmla="*/ 80 w 312"/>
                  <a:gd name="T45" fmla="*/ 42 h 194"/>
                  <a:gd name="T46" fmla="*/ 78 w 312"/>
                  <a:gd name="T47" fmla="*/ 34 h 194"/>
                  <a:gd name="T48" fmla="*/ 82 w 312"/>
                  <a:gd name="T49" fmla="*/ 27 h 194"/>
                  <a:gd name="T50" fmla="*/ 90 w 312"/>
                  <a:gd name="T51" fmla="*/ 23 h 194"/>
                  <a:gd name="T52" fmla="*/ 97 w 312"/>
                  <a:gd name="T53" fmla="*/ 20 h 194"/>
                  <a:gd name="T54" fmla="*/ 101 w 312"/>
                  <a:gd name="T55" fmla="*/ 16 h 194"/>
                  <a:gd name="T56" fmla="*/ 103 w 312"/>
                  <a:gd name="T57" fmla="*/ 12 h 194"/>
                  <a:gd name="T58" fmla="*/ 101 w 312"/>
                  <a:gd name="T59" fmla="*/ 9 h 194"/>
                  <a:gd name="T60" fmla="*/ 93 w 312"/>
                  <a:gd name="T61" fmla="*/ 10 h 194"/>
                  <a:gd name="T62" fmla="*/ 86 w 312"/>
                  <a:gd name="T63" fmla="*/ 10 h 194"/>
                  <a:gd name="T64" fmla="*/ 80 w 312"/>
                  <a:gd name="T65" fmla="*/ 10 h 194"/>
                  <a:gd name="T66" fmla="*/ 77 w 312"/>
                  <a:gd name="T67" fmla="*/ 8 h 194"/>
                  <a:gd name="T68" fmla="*/ 73 w 312"/>
                  <a:gd name="T69" fmla="*/ 4 h 194"/>
                  <a:gd name="T70" fmla="*/ 72 w 312"/>
                  <a:gd name="T71" fmla="*/ 2 h 194"/>
                  <a:gd name="T72" fmla="*/ 74 w 312"/>
                  <a:gd name="T73" fmla="*/ 5 h 194"/>
                  <a:gd name="T74" fmla="*/ 75 w 312"/>
                  <a:gd name="T75" fmla="*/ 8 h 194"/>
                  <a:gd name="T76" fmla="*/ 74 w 312"/>
                  <a:gd name="T77" fmla="*/ 9 h 194"/>
                  <a:gd name="T78" fmla="*/ 71 w 312"/>
                  <a:gd name="T79" fmla="*/ 11 h 194"/>
                  <a:gd name="T80" fmla="*/ 65 w 312"/>
                  <a:gd name="T81" fmla="*/ 12 h 194"/>
                  <a:gd name="T82" fmla="*/ 55 w 312"/>
                  <a:gd name="T83" fmla="*/ 12 h 194"/>
                  <a:gd name="T84" fmla="*/ 43 w 312"/>
                  <a:gd name="T85" fmla="*/ 11 h 194"/>
                  <a:gd name="T86" fmla="*/ 36 w 312"/>
                  <a:gd name="T87" fmla="*/ 9 h 194"/>
                  <a:gd name="T88" fmla="*/ 31 w 312"/>
                  <a:gd name="T89" fmla="*/ 6 h 194"/>
                  <a:gd name="T90" fmla="*/ 27 w 312"/>
                  <a:gd name="T91" fmla="*/ 3 h 194"/>
                  <a:gd name="T92" fmla="*/ 24 w 312"/>
                  <a:gd name="T93" fmla="*/ 0 h 194"/>
                  <a:gd name="T94" fmla="*/ 21 w 312"/>
                  <a:gd name="T95" fmla="*/ 0 h 194"/>
                  <a:gd name="T96" fmla="*/ 20 w 312"/>
                  <a:gd name="T97" fmla="*/ 3 h 194"/>
                  <a:gd name="T98" fmla="*/ 19 w 312"/>
                  <a:gd name="T99" fmla="*/ 8 h 194"/>
                  <a:gd name="T100" fmla="*/ 18 w 312"/>
                  <a:gd name="T101" fmla="*/ 10 h 194"/>
                  <a:gd name="T102" fmla="*/ 15 w 312"/>
                  <a:gd name="T103" fmla="*/ 10 h 194"/>
                  <a:gd name="T104" fmla="*/ 13 w 312"/>
                  <a:gd name="T105" fmla="*/ 7 h 194"/>
                  <a:gd name="T106" fmla="*/ 13 w 312"/>
                  <a:gd name="T107" fmla="*/ 3 h 194"/>
                  <a:gd name="T108" fmla="*/ 11 w 312"/>
                  <a:gd name="T109" fmla="*/ 1 h 194"/>
                  <a:gd name="T110" fmla="*/ 11 w 312"/>
                  <a:gd name="T111" fmla="*/ 3 h 194"/>
                  <a:gd name="T112" fmla="*/ 10 w 312"/>
                  <a:gd name="T113" fmla="*/ 7 h 194"/>
                  <a:gd name="T114" fmla="*/ 9 w 312"/>
                  <a:gd name="T115" fmla="*/ 9 h 194"/>
                  <a:gd name="T116" fmla="*/ 8 w 312"/>
                  <a:gd name="T117" fmla="*/ 9 h 194"/>
                  <a:gd name="T118" fmla="*/ 6 w 312"/>
                  <a:gd name="T119" fmla="*/ 9 h 194"/>
                  <a:gd name="T120" fmla="*/ 2 w 312"/>
                  <a:gd name="T121" fmla="*/ 6 h 194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312" h="194">
                    <a:moveTo>
                      <a:pt x="2" y="11"/>
                    </a:moveTo>
                    <a:lnTo>
                      <a:pt x="0" y="21"/>
                    </a:lnTo>
                    <a:lnTo>
                      <a:pt x="0" y="30"/>
                    </a:lnTo>
                    <a:lnTo>
                      <a:pt x="2" y="40"/>
                    </a:lnTo>
                    <a:lnTo>
                      <a:pt x="5" y="49"/>
                    </a:lnTo>
                    <a:lnTo>
                      <a:pt x="14" y="68"/>
                    </a:lnTo>
                    <a:lnTo>
                      <a:pt x="23" y="87"/>
                    </a:lnTo>
                    <a:lnTo>
                      <a:pt x="28" y="97"/>
                    </a:lnTo>
                    <a:lnTo>
                      <a:pt x="32" y="106"/>
                    </a:lnTo>
                    <a:lnTo>
                      <a:pt x="35" y="117"/>
                    </a:lnTo>
                    <a:lnTo>
                      <a:pt x="36" y="126"/>
                    </a:lnTo>
                    <a:lnTo>
                      <a:pt x="36" y="137"/>
                    </a:lnTo>
                    <a:lnTo>
                      <a:pt x="34" y="148"/>
                    </a:lnTo>
                    <a:lnTo>
                      <a:pt x="32" y="154"/>
                    </a:lnTo>
                    <a:lnTo>
                      <a:pt x="28" y="159"/>
                    </a:lnTo>
                    <a:lnTo>
                      <a:pt x="25" y="165"/>
                    </a:lnTo>
                    <a:lnTo>
                      <a:pt x="21" y="170"/>
                    </a:lnTo>
                    <a:lnTo>
                      <a:pt x="28" y="177"/>
                    </a:lnTo>
                    <a:lnTo>
                      <a:pt x="37" y="181"/>
                    </a:lnTo>
                    <a:lnTo>
                      <a:pt x="44" y="185"/>
                    </a:lnTo>
                    <a:lnTo>
                      <a:pt x="52" y="188"/>
                    </a:lnTo>
                    <a:lnTo>
                      <a:pt x="59" y="190"/>
                    </a:lnTo>
                    <a:lnTo>
                      <a:pt x="66" y="193"/>
                    </a:lnTo>
                    <a:lnTo>
                      <a:pt x="74" y="194"/>
                    </a:lnTo>
                    <a:lnTo>
                      <a:pt x="80" y="194"/>
                    </a:lnTo>
                    <a:lnTo>
                      <a:pt x="94" y="193"/>
                    </a:lnTo>
                    <a:lnTo>
                      <a:pt x="107" y="189"/>
                    </a:lnTo>
                    <a:lnTo>
                      <a:pt x="121" y="185"/>
                    </a:lnTo>
                    <a:lnTo>
                      <a:pt x="135" y="181"/>
                    </a:lnTo>
                    <a:lnTo>
                      <a:pt x="148" y="176"/>
                    </a:lnTo>
                    <a:lnTo>
                      <a:pt x="162" y="171"/>
                    </a:lnTo>
                    <a:lnTo>
                      <a:pt x="176" y="167"/>
                    </a:lnTo>
                    <a:lnTo>
                      <a:pt x="191" y="165"/>
                    </a:lnTo>
                    <a:lnTo>
                      <a:pt x="198" y="165"/>
                    </a:lnTo>
                    <a:lnTo>
                      <a:pt x="205" y="165"/>
                    </a:lnTo>
                    <a:lnTo>
                      <a:pt x="214" y="165"/>
                    </a:lnTo>
                    <a:lnTo>
                      <a:pt x="221" y="167"/>
                    </a:lnTo>
                    <a:lnTo>
                      <a:pt x="230" y="168"/>
                    </a:lnTo>
                    <a:lnTo>
                      <a:pt x="238" y="171"/>
                    </a:lnTo>
                    <a:lnTo>
                      <a:pt x="246" y="176"/>
                    </a:lnTo>
                    <a:lnTo>
                      <a:pt x="255" y="180"/>
                    </a:lnTo>
                    <a:lnTo>
                      <a:pt x="253" y="168"/>
                    </a:lnTo>
                    <a:lnTo>
                      <a:pt x="250" y="157"/>
                    </a:lnTo>
                    <a:lnTo>
                      <a:pt x="245" y="147"/>
                    </a:lnTo>
                    <a:lnTo>
                      <a:pt x="242" y="137"/>
                    </a:lnTo>
                    <a:lnTo>
                      <a:pt x="239" y="126"/>
                    </a:lnTo>
                    <a:lnTo>
                      <a:pt x="236" y="115"/>
                    </a:lnTo>
                    <a:lnTo>
                      <a:pt x="235" y="101"/>
                    </a:lnTo>
                    <a:lnTo>
                      <a:pt x="237" y="86"/>
                    </a:lnTo>
                    <a:lnTo>
                      <a:pt x="246" y="80"/>
                    </a:lnTo>
                    <a:lnTo>
                      <a:pt x="257" y="74"/>
                    </a:lnTo>
                    <a:lnTo>
                      <a:pt x="269" y="69"/>
                    </a:lnTo>
                    <a:lnTo>
                      <a:pt x="280" y="64"/>
                    </a:lnTo>
                    <a:lnTo>
                      <a:pt x="291" y="59"/>
                    </a:lnTo>
                    <a:lnTo>
                      <a:pt x="300" y="51"/>
                    </a:lnTo>
                    <a:lnTo>
                      <a:pt x="303" y="47"/>
                    </a:lnTo>
                    <a:lnTo>
                      <a:pt x="306" y="42"/>
                    </a:lnTo>
                    <a:lnTo>
                      <a:pt x="310" y="37"/>
                    </a:lnTo>
                    <a:lnTo>
                      <a:pt x="312" y="30"/>
                    </a:lnTo>
                    <a:lnTo>
                      <a:pt x="302" y="28"/>
                    </a:lnTo>
                    <a:lnTo>
                      <a:pt x="292" y="29"/>
                    </a:lnTo>
                    <a:lnTo>
                      <a:pt x="280" y="30"/>
                    </a:lnTo>
                    <a:lnTo>
                      <a:pt x="269" y="31"/>
                    </a:lnTo>
                    <a:lnTo>
                      <a:pt x="257" y="31"/>
                    </a:lnTo>
                    <a:lnTo>
                      <a:pt x="246" y="30"/>
                    </a:lnTo>
                    <a:lnTo>
                      <a:pt x="241" y="29"/>
                    </a:lnTo>
                    <a:lnTo>
                      <a:pt x="236" y="27"/>
                    </a:lnTo>
                    <a:lnTo>
                      <a:pt x="232" y="24"/>
                    </a:lnTo>
                    <a:lnTo>
                      <a:pt x="227" y="21"/>
                    </a:lnTo>
                    <a:lnTo>
                      <a:pt x="219" y="11"/>
                    </a:lnTo>
                    <a:lnTo>
                      <a:pt x="216" y="7"/>
                    </a:lnTo>
                    <a:lnTo>
                      <a:pt x="217" y="7"/>
                    </a:lnTo>
                    <a:lnTo>
                      <a:pt x="219" y="9"/>
                    </a:lnTo>
                    <a:lnTo>
                      <a:pt x="222" y="15"/>
                    </a:lnTo>
                    <a:lnTo>
                      <a:pt x="224" y="20"/>
                    </a:lnTo>
                    <a:lnTo>
                      <a:pt x="224" y="23"/>
                    </a:lnTo>
                    <a:lnTo>
                      <a:pt x="223" y="25"/>
                    </a:lnTo>
                    <a:lnTo>
                      <a:pt x="221" y="28"/>
                    </a:lnTo>
                    <a:lnTo>
                      <a:pt x="218" y="30"/>
                    </a:lnTo>
                    <a:lnTo>
                      <a:pt x="212" y="32"/>
                    </a:lnTo>
                    <a:lnTo>
                      <a:pt x="204" y="34"/>
                    </a:lnTo>
                    <a:lnTo>
                      <a:pt x="196" y="36"/>
                    </a:lnTo>
                    <a:lnTo>
                      <a:pt x="185" y="36"/>
                    </a:lnTo>
                    <a:lnTo>
                      <a:pt x="164" y="37"/>
                    </a:lnTo>
                    <a:lnTo>
                      <a:pt x="141" y="35"/>
                    </a:lnTo>
                    <a:lnTo>
                      <a:pt x="130" y="32"/>
                    </a:lnTo>
                    <a:lnTo>
                      <a:pt x="119" y="30"/>
                    </a:lnTo>
                    <a:lnTo>
                      <a:pt x="108" y="27"/>
                    </a:lnTo>
                    <a:lnTo>
                      <a:pt x="99" y="24"/>
                    </a:lnTo>
                    <a:lnTo>
                      <a:pt x="92" y="19"/>
                    </a:lnTo>
                    <a:lnTo>
                      <a:pt x="85" y="15"/>
                    </a:lnTo>
                    <a:lnTo>
                      <a:pt x="80" y="8"/>
                    </a:lnTo>
                    <a:lnTo>
                      <a:pt x="77" y="2"/>
                    </a:lnTo>
                    <a:lnTo>
                      <a:pt x="72" y="0"/>
                    </a:lnTo>
                    <a:lnTo>
                      <a:pt x="66" y="0"/>
                    </a:lnTo>
                    <a:lnTo>
                      <a:pt x="63" y="1"/>
                    </a:lnTo>
                    <a:lnTo>
                      <a:pt x="61" y="2"/>
                    </a:lnTo>
                    <a:lnTo>
                      <a:pt x="59" y="8"/>
                    </a:lnTo>
                    <a:lnTo>
                      <a:pt x="59" y="16"/>
                    </a:lnTo>
                    <a:lnTo>
                      <a:pt x="58" y="24"/>
                    </a:lnTo>
                    <a:lnTo>
                      <a:pt x="56" y="29"/>
                    </a:lnTo>
                    <a:lnTo>
                      <a:pt x="54" y="31"/>
                    </a:lnTo>
                    <a:lnTo>
                      <a:pt x="51" y="32"/>
                    </a:lnTo>
                    <a:lnTo>
                      <a:pt x="45" y="31"/>
                    </a:lnTo>
                    <a:lnTo>
                      <a:pt x="40" y="30"/>
                    </a:lnTo>
                    <a:lnTo>
                      <a:pt x="39" y="21"/>
                    </a:lnTo>
                    <a:lnTo>
                      <a:pt x="39" y="12"/>
                    </a:lnTo>
                    <a:lnTo>
                      <a:pt x="38" y="8"/>
                    </a:lnTo>
                    <a:lnTo>
                      <a:pt x="36" y="5"/>
                    </a:lnTo>
                    <a:lnTo>
                      <a:pt x="34" y="3"/>
                    </a:lnTo>
                    <a:lnTo>
                      <a:pt x="31" y="2"/>
                    </a:lnTo>
                    <a:lnTo>
                      <a:pt x="32" y="9"/>
                    </a:lnTo>
                    <a:lnTo>
                      <a:pt x="32" y="15"/>
                    </a:lnTo>
                    <a:lnTo>
                      <a:pt x="31" y="20"/>
                    </a:lnTo>
                    <a:lnTo>
                      <a:pt x="30" y="23"/>
                    </a:lnTo>
                    <a:lnTo>
                      <a:pt x="28" y="26"/>
                    </a:lnTo>
                    <a:lnTo>
                      <a:pt x="26" y="27"/>
                    </a:lnTo>
                    <a:lnTo>
                      <a:pt x="24" y="28"/>
                    </a:lnTo>
                    <a:lnTo>
                      <a:pt x="22" y="28"/>
                    </a:lnTo>
                    <a:lnTo>
                      <a:pt x="17" y="26"/>
                    </a:lnTo>
                    <a:lnTo>
                      <a:pt x="12" y="22"/>
                    </a:lnTo>
                    <a:lnTo>
                      <a:pt x="6" y="17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040" name="Middelfart"/>
            <p:cNvSpPr>
              <a:spLocks/>
            </p:cNvSpPr>
            <p:nvPr/>
          </p:nvSpPr>
          <p:spPr bwMode="auto">
            <a:xfrm>
              <a:off x="1787525" y="5119688"/>
              <a:ext cx="307975" cy="290513"/>
            </a:xfrm>
            <a:custGeom>
              <a:avLst/>
              <a:gdLst>
                <a:gd name="T0" fmla="*/ 175 w 580"/>
                <a:gd name="T1" fmla="*/ 71 h 549"/>
                <a:gd name="T2" fmla="*/ 153 w 580"/>
                <a:gd name="T3" fmla="*/ 40 h 549"/>
                <a:gd name="T4" fmla="*/ 139 w 580"/>
                <a:gd name="T5" fmla="*/ 29 h 549"/>
                <a:gd name="T6" fmla="*/ 130 w 580"/>
                <a:gd name="T7" fmla="*/ 37 h 549"/>
                <a:gd name="T8" fmla="*/ 119 w 580"/>
                <a:gd name="T9" fmla="*/ 41 h 549"/>
                <a:gd name="T10" fmla="*/ 106 w 580"/>
                <a:gd name="T11" fmla="*/ 42 h 549"/>
                <a:gd name="T12" fmla="*/ 94 w 580"/>
                <a:gd name="T13" fmla="*/ 39 h 549"/>
                <a:gd name="T14" fmla="*/ 83 w 580"/>
                <a:gd name="T15" fmla="*/ 33 h 549"/>
                <a:gd name="T16" fmla="*/ 77 w 580"/>
                <a:gd name="T17" fmla="*/ 25 h 549"/>
                <a:gd name="T18" fmla="*/ 75 w 580"/>
                <a:gd name="T19" fmla="*/ 13 h 549"/>
                <a:gd name="T20" fmla="*/ 75 w 580"/>
                <a:gd name="T21" fmla="*/ 1 h 549"/>
                <a:gd name="T22" fmla="*/ 64 w 580"/>
                <a:gd name="T23" fmla="*/ 0 h 549"/>
                <a:gd name="T24" fmla="*/ 56 w 580"/>
                <a:gd name="T25" fmla="*/ 3 h 549"/>
                <a:gd name="T26" fmla="*/ 48 w 580"/>
                <a:gd name="T27" fmla="*/ 12 h 549"/>
                <a:gd name="T28" fmla="*/ 33 w 580"/>
                <a:gd name="T29" fmla="*/ 37 h 549"/>
                <a:gd name="T30" fmla="*/ 24 w 580"/>
                <a:gd name="T31" fmla="*/ 45 h 549"/>
                <a:gd name="T32" fmla="*/ 17 w 580"/>
                <a:gd name="T33" fmla="*/ 45 h 549"/>
                <a:gd name="T34" fmla="*/ 9 w 580"/>
                <a:gd name="T35" fmla="*/ 39 h 549"/>
                <a:gd name="T36" fmla="*/ 3 w 580"/>
                <a:gd name="T37" fmla="*/ 37 h 549"/>
                <a:gd name="T38" fmla="*/ 5 w 580"/>
                <a:gd name="T39" fmla="*/ 42 h 549"/>
                <a:gd name="T40" fmla="*/ 24 w 580"/>
                <a:gd name="T41" fmla="*/ 56 h 549"/>
                <a:gd name="T42" fmla="*/ 37 w 580"/>
                <a:gd name="T43" fmla="*/ 70 h 549"/>
                <a:gd name="T44" fmla="*/ 46 w 580"/>
                <a:gd name="T45" fmla="*/ 72 h 549"/>
                <a:gd name="T46" fmla="*/ 56 w 580"/>
                <a:gd name="T47" fmla="*/ 77 h 549"/>
                <a:gd name="T48" fmla="*/ 66 w 580"/>
                <a:gd name="T49" fmla="*/ 92 h 549"/>
                <a:gd name="T50" fmla="*/ 69 w 580"/>
                <a:gd name="T51" fmla="*/ 113 h 549"/>
                <a:gd name="T52" fmla="*/ 68 w 580"/>
                <a:gd name="T53" fmla="*/ 131 h 549"/>
                <a:gd name="T54" fmla="*/ 75 w 580"/>
                <a:gd name="T55" fmla="*/ 134 h 549"/>
                <a:gd name="T56" fmla="*/ 80 w 580"/>
                <a:gd name="T57" fmla="*/ 139 h 549"/>
                <a:gd name="T58" fmla="*/ 82 w 580"/>
                <a:gd name="T59" fmla="*/ 149 h 549"/>
                <a:gd name="T60" fmla="*/ 76 w 580"/>
                <a:gd name="T61" fmla="*/ 158 h 549"/>
                <a:gd name="T62" fmla="*/ 62 w 580"/>
                <a:gd name="T63" fmla="*/ 161 h 549"/>
                <a:gd name="T64" fmla="*/ 54 w 580"/>
                <a:gd name="T65" fmla="*/ 166 h 549"/>
                <a:gd name="T66" fmla="*/ 57 w 580"/>
                <a:gd name="T67" fmla="*/ 171 h 549"/>
                <a:gd name="T68" fmla="*/ 68 w 580"/>
                <a:gd name="T69" fmla="*/ 175 h 549"/>
                <a:gd name="T70" fmla="*/ 83 w 580"/>
                <a:gd name="T71" fmla="*/ 175 h 549"/>
                <a:gd name="T72" fmla="*/ 95 w 580"/>
                <a:gd name="T73" fmla="*/ 176 h 549"/>
                <a:gd name="T74" fmla="*/ 98 w 580"/>
                <a:gd name="T75" fmla="*/ 179 h 549"/>
                <a:gd name="T76" fmla="*/ 103 w 580"/>
                <a:gd name="T77" fmla="*/ 182 h 549"/>
                <a:gd name="T78" fmla="*/ 111 w 580"/>
                <a:gd name="T79" fmla="*/ 176 h 549"/>
                <a:gd name="T80" fmla="*/ 117 w 580"/>
                <a:gd name="T81" fmla="*/ 163 h 549"/>
                <a:gd name="T82" fmla="*/ 123 w 580"/>
                <a:gd name="T83" fmla="*/ 151 h 549"/>
                <a:gd name="T84" fmla="*/ 136 w 580"/>
                <a:gd name="T85" fmla="*/ 151 h 549"/>
                <a:gd name="T86" fmla="*/ 153 w 580"/>
                <a:gd name="T87" fmla="*/ 143 h 549"/>
                <a:gd name="T88" fmla="*/ 149 w 580"/>
                <a:gd name="T89" fmla="*/ 130 h 549"/>
                <a:gd name="T90" fmla="*/ 144 w 580"/>
                <a:gd name="T91" fmla="*/ 117 h 549"/>
                <a:gd name="T92" fmla="*/ 146 w 580"/>
                <a:gd name="T93" fmla="*/ 107 h 549"/>
                <a:gd name="T94" fmla="*/ 157 w 580"/>
                <a:gd name="T95" fmla="*/ 109 h 549"/>
                <a:gd name="T96" fmla="*/ 170 w 580"/>
                <a:gd name="T97" fmla="*/ 108 h 549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580" h="549">
                  <a:moveTo>
                    <a:pt x="580" y="305"/>
                  </a:moveTo>
                  <a:lnTo>
                    <a:pt x="560" y="273"/>
                  </a:lnTo>
                  <a:lnTo>
                    <a:pt x="541" y="242"/>
                  </a:lnTo>
                  <a:lnTo>
                    <a:pt x="523" y="213"/>
                  </a:lnTo>
                  <a:lnTo>
                    <a:pt x="506" y="185"/>
                  </a:lnTo>
                  <a:lnTo>
                    <a:pt x="488" y="158"/>
                  </a:lnTo>
                  <a:lnTo>
                    <a:pt x="468" y="131"/>
                  </a:lnTo>
                  <a:lnTo>
                    <a:pt x="458" y="119"/>
                  </a:lnTo>
                  <a:lnTo>
                    <a:pt x="446" y="106"/>
                  </a:lnTo>
                  <a:lnTo>
                    <a:pt x="434" y="94"/>
                  </a:lnTo>
                  <a:lnTo>
                    <a:pt x="421" y="81"/>
                  </a:lnTo>
                  <a:lnTo>
                    <a:pt x="417" y="88"/>
                  </a:lnTo>
                  <a:lnTo>
                    <a:pt x="411" y="96"/>
                  </a:lnTo>
                  <a:lnTo>
                    <a:pt x="405" y="101"/>
                  </a:lnTo>
                  <a:lnTo>
                    <a:pt x="398" y="107"/>
                  </a:lnTo>
                  <a:lnTo>
                    <a:pt x="390" y="111"/>
                  </a:lnTo>
                  <a:lnTo>
                    <a:pt x="382" y="116"/>
                  </a:lnTo>
                  <a:lnTo>
                    <a:pt x="373" y="119"/>
                  </a:lnTo>
                  <a:lnTo>
                    <a:pt x="365" y="122"/>
                  </a:lnTo>
                  <a:lnTo>
                    <a:pt x="355" y="124"/>
                  </a:lnTo>
                  <a:lnTo>
                    <a:pt x="346" y="125"/>
                  </a:lnTo>
                  <a:lnTo>
                    <a:pt x="337" y="126"/>
                  </a:lnTo>
                  <a:lnTo>
                    <a:pt x="327" y="126"/>
                  </a:lnTo>
                  <a:lnTo>
                    <a:pt x="318" y="126"/>
                  </a:lnTo>
                  <a:lnTo>
                    <a:pt x="308" y="125"/>
                  </a:lnTo>
                  <a:lnTo>
                    <a:pt x="299" y="123"/>
                  </a:lnTo>
                  <a:lnTo>
                    <a:pt x="289" y="121"/>
                  </a:lnTo>
                  <a:lnTo>
                    <a:pt x="281" y="118"/>
                  </a:lnTo>
                  <a:lnTo>
                    <a:pt x="272" y="115"/>
                  </a:lnTo>
                  <a:lnTo>
                    <a:pt x="264" y="110"/>
                  </a:lnTo>
                  <a:lnTo>
                    <a:pt x="256" y="105"/>
                  </a:lnTo>
                  <a:lnTo>
                    <a:pt x="249" y="100"/>
                  </a:lnTo>
                  <a:lnTo>
                    <a:pt x="244" y="95"/>
                  </a:lnTo>
                  <a:lnTo>
                    <a:pt x="238" y="88"/>
                  </a:lnTo>
                  <a:lnTo>
                    <a:pt x="233" y="81"/>
                  </a:lnTo>
                  <a:lnTo>
                    <a:pt x="229" y="74"/>
                  </a:lnTo>
                  <a:lnTo>
                    <a:pt x="226" y="65"/>
                  </a:lnTo>
                  <a:lnTo>
                    <a:pt x="225" y="57"/>
                  </a:lnTo>
                  <a:lnTo>
                    <a:pt x="224" y="48"/>
                  </a:lnTo>
                  <a:lnTo>
                    <a:pt x="224" y="38"/>
                  </a:lnTo>
                  <a:lnTo>
                    <a:pt x="226" y="28"/>
                  </a:lnTo>
                  <a:lnTo>
                    <a:pt x="229" y="17"/>
                  </a:lnTo>
                  <a:lnTo>
                    <a:pt x="233" y="6"/>
                  </a:lnTo>
                  <a:lnTo>
                    <a:pt x="224" y="3"/>
                  </a:lnTo>
                  <a:lnTo>
                    <a:pt x="214" y="1"/>
                  </a:lnTo>
                  <a:lnTo>
                    <a:pt x="206" y="0"/>
                  </a:lnTo>
                  <a:lnTo>
                    <a:pt x="199" y="0"/>
                  </a:lnTo>
                  <a:lnTo>
                    <a:pt x="190" y="1"/>
                  </a:lnTo>
                  <a:lnTo>
                    <a:pt x="184" y="2"/>
                  </a:lnTo>
                  <a:lnTo>
                    <a:pt x="178" y="4"/>
                  </a:lnTo>
                  <a:lnTo>
                    <a:pt x="171" y="7"/>
                  </a:lnTo>
                  <a:lnTo>
                    <a:pt x="166" y="10"/>
                  </a:lnTo>
                  <a:lnTo>
                    <a:pt x="161" y="15"/>
                  </a:lnTo>
                  <a:lnTo>
                    <a:pt x="156" y="19"/>
                  </a:lnTo>
                  <a:lnTo>
                    <a:pt x="151" y="24"/>
                  </a:lnTo>
                  <a:lnTo>
                    <a:pt x="144" y="35"/>
                  </a:lnTo>
                  <a:lnTo>
                    <a:pt x="135" y="47"/>
                  </a:lnTo>
                  <a:lnTo>
                    <a:pt x="122" y="74"/>
                  </a:lnTo>
                  <a:lnTo>
                    <a:pt x="107" y="100"/>
                  </a:lnTo>
                  <a:lnTo>
                    <a:pt x="99" y="111"/>
                  </a:lnTo>
                  <a:lnTo>
                    <a:pt x="89" y="122"/>
                  </a:lnTo>
                  <a:lnTo>
                    <a:pt x="84" y="126"/>
                  </a:lnTo>
                  <a:lnTo>
                    <a:pt x="77" y="130"/>
                  </a:lnTo>
                  <a:lnTo>
                    <a:pt x="72" y="135"/>
                  </a:lnTo>
                  <a:lnTo>
                    <a:pt x="65" y="137"/>
                  </a:lnTo>
                  <a:lnTo>
                    <a:pt x="60" y="138"/>
                  </a:lnTo>
                  <a:lnTo>
                    <a:pt x="55" y="137"/>
                  </a:lnTo>
                  <a:lnTo>
                    <a:pt x="50" y="135"/>
                  </a:lnTo>
                  <a:lnTo>
                    <a:pt x="46" y="133"/>
                  </a:lnTo>
                  <a:lnTo>
                    <a:pt x="37" y="126"/>
                  </a:lnTo>
                  <a:lnTo>
                    <a:pt x="29" y="119"/>
                  </a:lnTo>
                  <a:lnTo>
                    <a:pt x="26" y="116"/>
                  </a:lnTo>
                  <a:lnTo>
                    <a:pt x="22" y="114"/>
                  </a:lnTo>
                  <a:lnTo>
                    <a:pt x="17" y="111"/>
                  </a:lnTo>
                  <a:lnTo>
                    <a:pt x="14" y="110"/>
                  </a:lnTo>
                  <a:lnTo>
                    <a:pt x="10" y="110"/>
                  </a:lnTo>
                  <a:lnTo>
                    <a:pt x="7" y="111"/>
                  </a:lnTo>
                  <a:lnTo>
                    <a:pt x="4" y="114"/>
                  </a:lnTo>
                  <a:lnTo>
                    <a:pt x="0" y="119"/>
                  </a:lnTo>
                  <a:lnTo>
                    <a:pt x="16" y="126"/>
                  </a:lnTo>
                  <a:lnTo>
                    <a:pt x="32" y="136"/>
                  </a:lnTo>
                  <a:lnTo>
                    <a:pt x="47" y="145"/>
                  </a:lnTo>
                  <a:lnTo>
                    <a:pt x="61" y="156"/>
                  </a:lnTo>
                  <a:lnTo>
                    <a:pt x="73" y="168"/>
                  </a:lnTo>
                  <a:lnTo>
                    <a:pt x="84" y="181"/>
                  </a:lnTo>
                  <a:lnTo>
                    <a:pt x="94" y="196"/>
                  </a:lnTo>
                  <a:lnTo>
                    <a:pt x="103" y="211"/>
                  </a:lnTo>
                  <a:lnTo>
                    <a:pt x="110" y="211"/>
                  </a:lnTo>
                  <a:lnTo>
                    <a:pt x="118" y="211"/>
                  </a:lnTo>
                  <a:lnTo>
                    <a:pt x="125" y="213"/>
                  </a:lnTo>
                  <a:lnTo>
                    <a:pt x="132" y="214"/>
                  </a:lnTo>
                  <a:lnTo>
                    <a:pt x="139" y="216"/>
                  </a:lnTo>
                  <a:lnTo>
                    <a:pt x="145" y="218"/>
                  </a:lnTo>
                  <a:lnTo>
                    <a:pt x="151" y="220"/>
                  </a:lnTo>
                  <a:lnTo>
                    <a:pt x="156" y="223"/>
                  </a:lnTo>
                  <a:lnTo>
                    <a:pt x="167" y="231"/>
                  </a:lnTo>
                  <a:lnTo>
                    <a:pt x="176" y="240"/>
                  </a:lnTo>
                  <a:lnTo>
                    <a:pt x="185" y="250"/>
                  </a:lnTo>
                  <a:lnTo>
                    <a:pt x="192" y="263"/>
                  </a:lnTo>
                  <a:lnTo>
                    <a:pt x="198" y="276"/>
                  </a:lnTo>
                  <a:lnTo>
                    <a:pt x="202" y="290"/>
                  </a:lnTo>
                  <a:lnTo>
                    <a:pt x="205" y="305"/>
                  </a:lnTo>
                  <a:lnTo>
                    <a:pt x="206" y="321"/>
                  </a:lnTo>
                  <a:lnTo>
                    <a:pt x="206" y="338"/>
                  </a:lnTo>
                  <a:lnTo>
                    <a:pt x="205" y="355"/>
                  </a:lnTo>
                  <a:lnTo>
                    <a:pt x="201" y="373"/>
                  </a:lnTo>
                  <a:lnTo>
                    <a:pt x="196" y="389"/>
                  </a:lnTo>
                  <a:lnTo>
                    <a:pt x="203" y="392"/>
                  </a:lnTo>
                  <a:lnTo>
                    <a:pt x="208" y="393"/>
                  </a:lnTo>
                  <a:lnTo>
                    <a:pt x="214" y="395"/>
                  </a:lnTo>
                  <a:lnTo>
                    <a:pt x="219" y="398"/>
                  </a:lnTo>
                  <a:lnTo>
                    <a:pt x="224" y="401"/>
                  </a:lnTo>
                  <a:lnTo>
                    <a:pt x="228" y="404"/>
                  </a:lnTo>
                  <a:lnTo>
                    <a:pt x="231" y="408"/>
                  </a:lnTo>
                  <a:lnTo>
                    <a:pt x="234" y="413"/>
                  </a:lnTo>
                  <a:lnTo>
                    <a:pt x="238" y="417"/>
                  </a:lnTo>
                  <a:lnTo>
                    <a:pt x="240" y="422"/>
                  </a:lnTo>
                  <a:lnTo>
                    <a:pt x="242" y="428"/>
                  </a:lnTo>
                  <a:lnTo>
                    <a:pt x="243" y="435"/>
                  </a:lnTo>
                  <a:lnTo>
                    <a:pt x="244" y="448"/>
                  </a:lnTo>
                  <a:lnTo>
                    <a:pt x="243" y="465"/>
                  </a:lnTo>
                  <a:lnTo>
                    <a:pt x="239" y="468"/>
                  </a:lnTo>
                  <a:lnTo>
                    <a:pt x="234" y="471"/>
                  </a:lnTo>
                  <a:lnTo>
                    <a:pt x="228" y="473"/>
                  </a:lnTo>
                  <a:lnTo>
                    <a:pt x="223" y="475"/>
                  </a:lnTo>
                  <a:lnTo>
                    <a:pt x="210" y="478"/>
                  </a:lnTo>
                  <a:lnTo>
                    <a:pt x="198" y="480"/>
                  </a:lnTo>
                  <a:lnTo>
                    <a:pt x="185" y="482"/>
                  </a:lnTo>
                  <a:lnTo>
                    <a:pt x="173" y="486"/>
                  </a:lnTo>
                  <a:lnTo>
                    <a:pt x="169" y="489"/>
                  </a:lnTo>
                  <a:lnTo>
                    <a:pt x="165" y="493"/>
                  </a:lnTo>
                  <a:lnTo>
                    <a:pt x="162" y="497"/>
                  </a:lnTo>
                  <a:lnTo>
                    <a:pt x="159" y="502"/>
                  </a:lnTo>
                  <a:lnTo>
                    <a:pt x="162" y="506"/>
                  </a:lnTo>
                  <a:lnTo>
                    <a:pt x="165" y="511"/>
                  </a:lnTo>
                  <a:lnTo>
                    <a:pt x="169" y="514"/>
                  </a:lnTo>
                  <a:lnTo>
                    <a:pt x="172" y="517"/>
                  </a:lnTo>
                  <a:lnTo>
                    <a:pt x="182" y="520"/>
                  </a:lnTo>
                  <a:lnTo>
                    <a:pt x="192" y="523"/>
                  </a:lnTo>
                  <a:lnTo>
                    <a:pt x="203" y="524"/>
                  </a:lnTo>
                  <a:lnTo>
                    <a:pt x="214" y="525"/>
                  </a:lnTo>
                  <a:lnTo>
                    <a:pt x="226" y="524"/>
                  </a:lnTo>
                  <a:lnTo>
                    <a:pt x="238" y="524"/>
                  </a:lnTo>
                  <a:lnTo>
                    <a:pt x="248" y="524"/>
                  </a:lnTo>
                  <a:lnTo>
                    <a:pt x="260" y="524"/>
                  </a:lnTo>
                  <a:lnTo>
                    <a:pt x="269" y="524"/>
                  </a:lnTo>
                  <a:lnTo>
                    <a:pt x="279" y="526"/>
                  </a:lnTo>
                  <a:lnTo>
                    <a:pt x="283" y="527"/>
                  </a:lnTo>
                  <a:lnTo>
                    <a:pt x="286" y="529"/>
                  </a:lnTo>
                  <a:lnTo>
                    <a:pt x="289" y="532"/>
                  </a:lnTo>
                  <a:lnTo>
                    <a:pt x="292" y="534"/>
                  </a:lnTo>
                  <a:lnTo>
                    <a:pt x="294" y="537"/>
                  </a:lnTo>
                  <a:lnTo>
                    <a:pt x="297" y="540"/>
                  </a:lnTo>
                  <a:lnTo>
                    <a:pt x="299" y="544"/>
                  </a:lnTo>
                  <a:lnTo>
                    <a:pt x="300" y="549"/>
                  </a:lnTo>
                  <a:lnTo>
                    <a:pt x="308" y="547"/>
                  </a:lnTo>
                  <a:lnTo>
                    <a:pt x="315" y="543"/>
                  </a:lnTo>
                  <a:lnTo>
                    <a:pt x="323" y="539"/>
                  </a:lnTo>
                  <a:lnTo>
                    <a:pt x="328" y="534"/>
                  </a:lnTo>
                  <a:lnTo>
                    <a:pt x="332" y="527"/>
                  </a:lnTo>
                  <a:lnTo>
                    <a:pt x="337" y="520"/>
                  </a:lnTo>
                  <a:lnTo>
                    <a:pt x="341" y="513"/>
                  </a:lnTo>
                  <a:lnTo>
                    <a:pt x="344" y="505"/>
                  </a:lnTo>
                  <a:lnTo>
                    <a:pt x="350" y="488"/>
                  </a:lnTo>
                  <a:lnTo>
                    <a:pt x="357" y="473"/>
                  </a:lnTo>
                  <a:lnTo>
                    <a:pt x="360" y="465"/>
                  </a:lnTo>
                  <a:lnTo>
                    <a:pt x="364" y="458"/>
                  </a:lnTo>
                  <a:lnTo>
                    <a:pt x="369" y="452"/>
                  </a:lnTo>
                  <a:lnTo>
                    <a:pt x="374" y="446"/>
                  </a:lnTo>
                  <a:lnTo>
                    <a:pt x="385" y="451"/>
                  </a:lnTo>
                  <a:lnTo>
                    <a:pt x="395" y="452"/>
                  </a:lnTo>
                  <a:lnTo>
                    <a:pt x="406" y="452"/>
                  </a:lnTo>
                  <a:lnTo>
                    <a:pt x="417" y="451"/>
                  </a:lnTo>
                  <a:lnTo>
                    <a:pt x="438" y="445"/>
                  </a:lnTo>
                  <a:lnTo>
                    <a:pt x="459" y="437"/>
                  </a:lnTo>
                  <a:lnTo>
                    <a:pt x="458" y="429"/>
                  </a:lnTo>
                  <a:lnTo>
                    <a:pt x="456" y="422"/>
                  </a:lnTo>
                  <a:lnTo>
                    <a:pt x="453" y="414"/>
                  </a:lnTo>
                  <a:lnTo>
                    <a:pt x="451" y="406"/>
                  </a:lnTo>
                  <a:lnTo>
                    <a:pt x="445" y="390"/>
                  </a:lnTo>
                  <a:lnTo>
                    <a:pt x="439" y="375"/>
                  </a:lnTo>
                  <a:lnTo>
                    <a:pt x="437" y="366"/>
                  </a:lnTo>
                  <a:lnTo>
                    <a:pt x="434" y="359"/>
                  </a:lnTo>
                  <a:lnTo>
                    <a:pt x="432" y="350"/>
                  </a:lnTo>
                  <a:lnTo>
                    <a:pt x="432" y="343"/>
                  </a:lnTo>
                  <a:lnTo>
                    <a:pt x="432" y="336"/>
                  </a:lnTo>
                  <a:lnTo>
                    <a:pt x="433" y="328"/>
                  </a:lnTo>
                  <a:lnTo>
                    <a:pt x="436" y="322"/>
                  </a:lnTo>
                  <a:lnTo>
                    <a:pt x="440" y="315"/>
                  </a:lnTo>
                  <a:lnTo>
                    <a:pt x="450" y="320"/>
                  </a:lnTo>
                  <a:lnTo>
                    <a:pt x="460" y="323"/>
                  </a:lnTo>
                  <a:lnTo>
                    <a:pt x="470" y="326"/>
                  </a:lnTo>
                  <a:lnTo>
                    <a:pt x="480" y="327"/>
                  </a:lnTo>
                  <a:lnTo>
                    <a:pt x="489" y="327"/>
                  </a:lnTo>
                  <a:lnTo>
                    <a:pt x="499" y="326"/>
                  </a:lnTo>
                  <a:lnTo>
                    <a:pt x="508" y="325"/>
                  </a:lnTo>
                  <a:lnTo>
                    <a:pt x="518" y="323"/>
                  </a:lnTo>
                  <a:lnTo>
                    <a:pt x="551" y="313"/>
                  </a:lnTo>
                  <a:lnTo>
                    <a:pt x="580" y="305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41" name="Middelfart kant"/>
            <p:cNvSpPr>
              <a:spLocks/>
            </p:cNvSpPr>
            <p:nvPr/>
          </p:nvSpPr>
          <p:spPr bwMode="auto">
            <a:xfrm>
              <a:off x="1787525" y="5119688"/>
              <a:ext cx="307975" cy="290513"/>
            </a:xfrm>
            <a:custGeom>
              <a:avLst/>
              <a:gdLst>
                <a:gd name="T0" fmla="*/ 175 w 580"/>
                <a:gd name="T1" fmla="*/ 71 h 549"/>
                <a:gd name="T2" fmla="*/ 153 w 580"/>
                <a:gd name="T3" fmla="*/ 40 h 549"/>
                <a:gd name="T4" fmla="*/ 139 w 580"/>
                <a:gd name="T5" fmla="*/ 29 h 549"/>
                <a:gd name="T6" fmla="*/ 130 w 580"/>
                <a:gd name="T7" fmla="*/ 37 h 549"/>
                <a:gd name="T8" fmla="*/ 119 w 580"/>
                <a:gd name="T9" fmla="*/ 41 h 549"/>
                <a:gd name="T10" fmla="*/ 106 w 580"/>
                <a:gd name="T11" fmla="*/ 42 h 549"/>
                <a:gd name="T12" fmla="*/ 94 w 580"/>
                <a:gd name="T13" fmla="*/ 39 h 549"/>
                <a:gd name="T14" fmla="*/ 83 w 580"/>
                <a:gd name="T15" fmla="*/ 33 h 549"/>
                <a:gd name="T16" fmla="*/ 77 w 580"/>
                <a:gd name="T17" fmla="*/ 25 h 549"/>
                <a:gd name="T18" fmla="*/ 75 w 580"/>
                <a:gd name="T19" fmla="*/ 13 h 549"/>
                <a:gd name="T20" fmla="*/ 75 w 580"/>
                <a:gd name="T21" fmla="*/ 1 h 549"/>
                <a:gd name="T22" fmla="*/ 64 w 580"/>
                <a:gd name="T23" fmla="*/ 0 h 549"/>
                <a:gd name="T24" fmla="*/ 56 w 580"/>
                <a:gd name="T25" fmla="*/ 3 h 549"/>
                <a:gd name="T26" fmla="*/ 48 w 580"/>
                <a:gd name="T27" fmla="*/ 12 h 549"/>
                <a:gd name="T28" fmla="*/ 33 w 580"/>
                <a:gd name="T29" fmla="*/ 37 h 549"/>
                <a:gd name="T30" fmla="*/ 24 w 580"/>
                <a:gd name="T31" fmla="*/ 45 h 549"/>
                <a:gd name="T32" fmla="*/ 17 w 580"/>
                <a:gd name="T33" fmla="*/ 45 h 549"/>
                <a:gd name="T34" fmla="*/ 9 w 580"/>
                <a:gd name="T35" fmla="*/ 39 h 549"/>
                <a:gd name="T36" fmla="*/ 3 w 580"/>
                <a:gd name="T37" fmla="*/ 37 h 549"/>
                <a:gd name="T38" fmla="*/ 5 w 580"/>
                <a:gd name="T39" fmla="*/ 42 h 549"/>
                <a:gd name="T40" fmla="*/ 24 w 580"/>
                <a:gd name="T41" fmla="*/ 56 h 549"/>
                <a:gd name="T42" fmla="*/ 37 w 580"/>
                <a:gd name="T43" fmla="*/ 70 h 549"/>
                <a:gd name="T44" fmla="*/ 46 w 580"/>
                <a:gd name="T45" fmla="*/ 72 h 549"/>
                <a:gd name="T46" fmla="*/ 56 w 580"/>
                <a:gd name="T47" fmla="*/ 77 h 549"/>
                <a:gd name="T48" fmla="*/ 66 w 580"/>
                <a:gd name="T49" fmla="*/ 92 h 549"/>
                <a:gd name="T50" fmla="*/ 69 w 580"/>
                <a:gd name="T51" fmla="*/ 113 h 549"/>
                <a:gd name="T52" fmla="*/ 68 w 580"/>
                <a:gd name="T53" fmla="*/ 131 h 549"/>
                <a:gd name="T54" fmla="*/ 75 w 580"/>
                <a:gd name="T55" fmla="*/ 134 h 549"/>
                <a:gd name="T56" fmla="*/ 80 w 580"/>
                <a:gd name="T57" fmla="*/ 139 h 549"/>
                <a:gd name="T58" fmla="*/ 82 w 580"/>
                <a:gd name="T59" fmla="*/ 149 h 549"/>
                <a:gd name="T60" fmla="*/ 76 w 580"/>
                <a:gd name="T61" fmla="*/ 158 h 549"/>
                <a:gd name="T62" fmla="*/ 62 w 580"/>
                <a:gd name="T63" fmla="*/ 161 h 549"/>
                <a:gd name="T64" fmla="*/ 54 w 580"/>
                <a:gd name="T65" fmla="*/ 166 h 549"/>
                <a:gd name="T66" fmla="*/ 57 w 580"/>
                <a:gd name="T67" fmla="*/ 171 h 549"/>
                <a:gd name="T68" fmla="*/ 68 w 580"/>
                <a:gd name="T69" fmla="*/ 175 h 549"/>
                <a:gd name="T70" fmla="*/ 83 w 580"/>
                <a:gd name="T71" fmla="*/ 175 h 549"/>
                <a:gd name="T72" fmla="*/ 95 w 580"/>
                <a:gd name="T73" fmla="*/ 176 h 549"/>
                <a:gd name="T74" fmla="*/ 98 w 580"/>
                <a:gd name="T75" fmla="*/ 179 h 549"/>
                <a:gd name="T76" fmla="*/ 103 w 580"/>
                <a:gd name="T77" fmla="*/ 182 h 549"/>
                <a:gd name="T78" fmla="*/ 111 w 580"/>
                <a:gd name="T79" fmla="*/ 176 h 549"/>
                <a:gd name="T80" fmla="*/ 117 w 580"/>
                <a:gd name="T81" fmla="*/ 163 h 549"/>
                <a:gd name="T82" fmla="*/ 123 w 580"/>
                <a:gd name="T83" fmla="*/ 151 h 549"/>
                <a:gd name="T84" fmla="*/ 136 w 580"/>
                <a:gd name="T85" fmla="*/ 151 h 549"/>
                <a:gd name="T86" fmla="*/ 153 w 580"/>
                <a:gd name="T87" fmla="*/ 143 h 549"/>
                <a:gd name="T88" fmla="*/ 149 w 580"/>
                <a:gd name="T89" fmla="*/ 130 h 549"/>
                <a:gd name="T90" fmla="*/ 144 w 580"/>
                <a:gd name="T91" fmla="*/ 117 h 549"/>
                <a:gd name="T92" fmla="*/ 146 w 580"/>
                <a:gd name="T93" fmla="*/ 107 h 549"/>
                <a:gd name="T94" fmla="*/ 157 w 580"/>
                <a:gd name="T95" fmla="*/ 109 h 549"/>
                <a:gd name="T96" fmla="*/ 170 w 580"/>
                <a:gd name="T97" fmla="*/ 108 h 549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580" h="549">
                  <a:moveTo>
                    <a:pt x="580" y="305"/>
                  </a:moveTo>
                  <a:lnTo>
                    <a:pt x="560" y="273"/>
                  </a:lnTo>
                  <a:lnTo>
                    <a:pt x="541" y="242"/>
                  </a:lnTo>
                  <a:lnTo>
                    <a:pt x="523" y="213"/>
                  </a:lnTo>
                  <a:lnTo>
                    <a:pt x="506" y="185"/>
                  </a:lnTo>
                  <a:lnTo>
                    <a:pt x="488" y="158"/>
                  </a:lnTo>
                  <a:lnTo>
                    <a:pt x="468" y="131"/>
                  </a:lnTo>
                  <a:lnTo>
                    <a:pt x="458" y="119"/>
                  </a:lnTo>
                  <a:lnTo>
                    <a:pt x="446" y="106"/>
                  </a:lnTo>
                  <a:lnTo>
                    <a:pt x="434" y="94"/>
                  </a:lnTo>
                  <a:lnTo>
                    <a:pt x="421" y="81"/>
                  </a:lnTo>
                  <a:lnTo>
                    <a:pt x="417" y="88"/>
                  </a:lnTo>
                  <a:lnTo>
                    <a:pt x="411" y="96"/>
                  </a:lnTo>
                  <a:lnTo>
                    <a:pt x="405" y="101"/>
                  </a:lnTo>
                  <a:lnTo>
                    <a:pt x="398" y="107"/>
                  </a:lnTo>
                  <a:lnTo>
                    <a:pt x="390" y="111"/>
                  </a:lnTo>
                  <a:lnTo>
                    <a:pt x="382" y="116"/>
                  </a:lnTo>
                  <a:lnTo>
                    <a:pt x="373" y="119"/>
                  </a:lnTo>
                  <a:lnTo>
                    <a:pt x="365" y="122"/>
                  </a:lnTo>
                  <a:lnTo>
                    <a:pt x="355" y="124"/>
                  </a:lnTo>
                  <a:lnTo>
                    <a:pt x="346" y="125"/>
                  </a:lnTo>
                  <a:lnTo>
                    <a:pt x="337" y="126"/>
                  </a:lnTo>
                  <a:lnTo>
                    <a:pt x="327" y="126"/>
                  </a:lnTo>
                  <a:lnTo>
                    <a:pt x="318" y="126"/>
                  </a:lnTo>
                  <a:lnTo>
                    <a:pt x="308" y="125"/>
                  </a:lnTo>
                  <a:lnTo>
                    <a:pt x="299" y="123"/>
                  </a:lnTo>
                  <a:lnTo>
                    <a:pt x="289" y="121"/>
                  </a:lnTo>
                  <a:lnTo>
                    <a:pt x="281" y="118"/>
                  </a:lnTo>
                  <a:lnTo>
                    <a:pt x="272" y="115"/>
                  </a:lnTo>
                  <a:lnTo>
                    <a:pt x="264" y="110"/>
                  </a:lnTo>
                  <a:lnTo>
                    <a:pt x="256" y="105"/>
                  </a:lnTo>
                  <a:lnTo>
                    <a:pt x="249" y="100"/>
                  </a:lnTo>
                  <a:lnTo>
                    <a:pt x="244" y="95"/>
                  </a:lnTo>
                  <a:lnTo>
                    <a:pt x="238" y="88"/>
                  </a:lnTo>
                  <a:lnTo>
                    <a:pt x="233" y="81"/>
                  </a:lnTo>
                  <a:lnTo>
                    <a:pt x="229" y="74"/>
                  </a:lnTo>
                  <a:lnTo>
                    <a:pt x="226" y="65"/>
                  </a:lnTo>
                  <a:lnTo>
                    <a:pt x="225" y="57"/>
                  </a:lnTo>
                  <a:lnTo>
                    <a:pt x="224" y="48"/>
                  </a:lnTo>
                  <a:lnTo>
                    <a:pt x="224" y="38"/>
                  </a:lnTo>
                  <a:lnTo>
                    <a:pt x="226" y="28"/>
                  </a:lnTo>
                  <a:lnTo>
                    <a:pt x="229" y="17"/>
                  </a:lnTo>
                  <a:lnTo>
                    <a:pt x="233" y="6"/>
                  </a:lnTo>
                  <a:lnTo>
                    <a:pt x="224" y="3"/>
                  </a:lnTo>
                  <a:lnTo>
                    <a:pt x="214" y="1"/>
                  </a:lnTo>
                  <a:lnTo>
                    <a:pt x="206" y="0"/>
                  </a:lnTo>
                  <a:lnTo>
                    <a:pt x="199" y="0"/>
                  </a:lnTo>
                  <a:lnTo>
                    <a:pt x="190" y="1"/>
                  </a:lnTo>
                  <a:lnTo>
                    <a:pt x="184" y="2"/>
                  </a:lnTo>
                  <a:lnTo>
                    <a:pt x="178" y="4"/>
                  </a:lnTo>
                  <a:lnTo>
                    <a:pt x="171" y="7"/>
                  </a:lnTo>
                  <a:lnTo>
                    <a:pt x="166" y="10"/>
                  </a:lnTo>
                  <a:lnTo>
                    <a:pt x="161" y="15"/>
                  </a:lnTo>
                  <a:lnTo>
                    <a:pt x="156" y="19"/>
                  </a:lnTo>
                  <a:lnTo>
                    <a:pt x="151" y="24"/>
                  </a:lnTo>
                  <a:lnTo>
                    <a:pt x="144" y="35"/>
                  </a:lnTo>
                  <a:lnTo>
                    <a:pt x="135" y="47"/>
                  </a:lnTo>
                  <a:lnTo>
                    <a:pt x="122" y="74"/>
                  </a:lnTo>
                  <a:lnTo>
                    <a:pt x="107" y="100"/>
                  </a:lnTo>
                  <a:lnTo>
                    <a:pt x="99" y="111"/>
                  </a:lnTo>
                  <a:lnTo>
                    <a:pt x="89" y="122"/>
                  </a:lnTo>
                  <a:lnTo>
                    <a:pt x="84" y="126"/>
                  </a:lnTo>
                  <a:lnTo>
                    <a:pt x="77" y="130"/>
                  </a:lnTo>
                  <a:lnTo>
                    <a:pt x="72" y="135"/>
                  </a:lnTo>
                  <a:lnTo>
                    <a:pt x="65" y="137"/>
                  </a:lnTo>
                  <a:lnTo>
                    <a:pt x="60" y="138"/>
                  </a:lnTo>
                  <a:lnTo>
                    <a:pt x="55" y="137"/>
                  </a:lnTo>
                  <a:lnTo>
                    <a:pt x="50" y="135"/>
                  </a:lnTo>
                  <a:lnTo>
                    <a:pt x="46" y="133"/>
                  </a:lnTo>
                  <a:lnTo>
                    <a:pt x="37" y="126"/>
                  </a:lnTo>
                  <a:lnTo>
                    <a:pt x="29" y="119"/>
                  </a:lnTo>
                  <a:lnTo>
                    <a:pt x="26" y="116"/>
                  </a:lnTo>
                  <a:lnTo>
                    <a:pt x="22" y="114"/>
                  </a:lnTo>
                  <a:lnTo>
                    <a:pt x="17" y="111"/>
                  </a:lnTo>
                  <a:lnTo>
                    <a:pt x="14" y="110"/>
                  </a:lnTo>
                  <a:lnTo>
                    <a:pt x="10" y="110"/>
                  </a:lnTo>
                  <a:lnTo>
                    <a:pt x="7" y="111"/>
                  </a:lnTo>
                  <a:lnTo>
                    <a:pt x="4" y="114"/>
                  </a:lnTo>
                  <a:lnTo>
                    <a:pt x="0" y="119"/>
                  </a:lnTo>
                  <a:lnTo>
                    <a:pt x="16" y="126"/>
                  </a:lnTo>
                  <a:lnTo>
                    <a:pt x="32" y="136"/>
                  </a:lnTo>
                  <a:lnTo>
                    <a:pt x="47" y="145"/>
                  </a:lnTo>
                  <a:lnTo>
                    <a:pt x="61" y="156"/>
                  </a:lnTo>
                  <a:lnTo>
                    <a:pt x="73" y="168"/>
                  </a:lnTo>
                  <a:lnTo>
                    <a:pt x="84" y="181"/>
                  </a:lnTo>
                  <a:lnTo>
                    <a:pt x="94" y="196"/>
                  </a:lnTo>
                  <a:lnTo>
                    <a:pt x="103" y="211"/>
                  </a:lnTo>
                  <a:lnTo>
                    <a:pt x="110" y="211"/>
                  </a:lnTo>
                  <a:lnTo>
                    <a:pt x="118" y="211"/>
                  </a:lnTo>
                  <a:lnTo>
                    <a:pt x="125" y="213"/>
                  </a:lnTo>
                  <a:lnTo>
                    <a:pt x="132" y="214"/>
                  </a:lnTo>
                  <a:lnTo>
                    <a:pt x="139" y="216"/>
                  </a:lnTo>
                  <a:lnTo>
                    <a:pt x="145" y="218"/>
                  </a:lnTo>
                  <a:lnTo>
                    <a:pt x="151" y="220"/>
                  </a:lnTo>
                  <a:lnTo>
                    <a:pt x="156" y="223"/>
                  </a:lnTo>
                  <a:lnTo>
                    <a:pt x="167" y="231"/>
                  </a:lnTo>
                  <a:lnTo>
                    <a:pt x="176" y="240"/>
                  </a:lnTo>
                  <a:lnTo>
                    <a:pt x="185" y="250"/>
                  </a:lnTo>
                  <a:lnTo>
                    <a:pt x="192" y="263"/>
                  </a:lnTo>
                  <a:lnTo>
                    <a:pt x="198" y="276"/>
                  </a:lnTo>
                  <a:lnTo>
                    <a:pt x="202" y="290"/>
                  </a:lnTo>
                  <a:lnTo>
                    <a:pt x="205" y="305"/>
                  </a:lnTo>
                  <a:lnTo>
                    <a:pt x="206" y="321"/>
                  </a:lnTo>
                  <a:lnTo>
                    <a:pt x="206" y="338"/>
                  </a:lnTo>
                  <a:lnTo>
                    <a:pt x="205" y="355"/>
                  </a:lnTo>
                  <a:lnTo>
                    <a:pt x="201" y="373"/>
                  </a:lnTo>
                  <a:lnTo>
                    <a:pt x="196" y="389"/>
                  </a:lnTo>
                  <a:lnTo>
                    <a:pt x="203" y="392"/>
                  </a:lnTo>
                  <a:lnTo>
                    <a:pt x="208" y="393"/>
                  </a:lnTo>
                  <a:lnTo>
                    <a:pt x="214" y="395"/>
                  </a:lnTo>
                  <a:lnTo>
                    <a:pt x="219" y="398"/>
                  </a:lnTo>
                  <a:lnTo>
                    <a:pt x="224" y="401"/>
                  </a:lnTo>
                  <a:lnTo>
                    <a:pt x="228" y="404"/>
                  </a:lnTo>
                  <a:lnTo>
                    <a:pt x="231" y="408"/>
                  </a:lnTo>
                  <a:lnTo>
                    <a:pt x="234" y="413"/>
                  </a:lnTo>
                  <a:lnTo>
                    <a:pt x="238" y="417"/>
                  </a:lnTo>
                  <a:lnTo>
                    <a:pt x="240" y="422"/>
                  </a:lnTo>
                  <a:lnTo>
                    <a:pt x="242" y="428"/>
                  </a:lnTo>
                  <a:lnTo>
                    <a:pt x="243" y="435"/>
                  </a:lnTo>
                  <a:lnTo>
                    <a:pt x="244" y="448"/>
                  </a:lnTo>
                  <a:lnTo>
                    <a:pt x="243" y="465"/>
                  </a:lnTo>
                  <a:lnTo>
                    <a:pt x="239" y="468"/>
                  </a:lnTo>
                  <a:lnTo>
                    <a:pt x="234" y="471"/>
                  </a:lnTo>
                  <a:lnTo>
                    <a:pt x="228" y="473"/>
                  </a:lnTo>
                  <a:lnTo>
                    <a:pt x="223" y="475"/>
                  </a:lnTo>
                  <a:lnTo>
                    <a:pt x="210" y="478"/>
                  </a:lnTo>
                  <a:lnTo>
                    <a:pt x="198" y="480"/>
                  </a:lnTo>
                  <a:lnTo>
                    <a:pt x="185" y="482"/>
                  </a:lnTo>
                  <a:lnTo>
                    <a:pt x="173" y="486"/>
                  </a:lnTo>
                  <a:lnTo>
                    <a:pt x="169" y="489"/>
                  </a:lnTo>
                  <a:lnTo>
                    <a:pt x="165" y="493"/>
                  </a:lnTo>
                  <a:lnTo>
                    <a:pt x="162" y="497"/>
                  </a:lnTo>
                  <a:lnTo>
                    <a:pt x="159" y="502"/>
                  </a:lnTo>
                  <a:lnTo>
                    <a:pt x="162" y="506"/>
                  </a:lnTo>
                  <a:lnTo>
                    <a:pt x="165" y="511"/>
                  </a:lnTo>
                  <a:lnTo>
                    <a:pt x="169" y="514"/>
                  </a:lnTo>
                  <a:lnTo>
                    <a:pt x="172" y="517"/>
                  </a:lnTo>
                  <a:lnTo>
                    <a:pt x="182" y="520"/>
                  </a:lnTo>
                  <a:lnTo>
                    <a:pt x="192" y="523"/>
                  </a:lnTo>
                  <a:lnTo>
                    <a:pt x="203" y="524"/>
                  </a:lnTo>
                  <a:lnTo>
                    <a:pt x="214" y="525"/>
                  </a:lnTo>
                  <a:lnTo>
                    <a:pt x="226" y="524"/>
                  </a:lnTo>
                  <a:lnTo>
                    <a:pt x="238" y="524"/>
                  </a:lnTo>
                  <a:lnTo>
                    <a:pt x="248" y="524"/>
                  </a:lnTo>
                  <a:lnTo>
                    <a:pt x="260" y="524"/>
                  </a:lnTo>
                  <a:lnTo>
                    <a:pt x="269" y="524"/>
                  </a:lnTo>
                  <a:lnTo>
                    <a:pt x="279" y="526"/>
                  </a:lnTo>
                  <a:lnTo>
                    <a:pt x="283" y="527"/>
                  </a:lnTo>
                  <a:lnTo>
                    <a:pt x="286" y="529"/>
                  </a:lnTo>
                  <a:lnTo>
                    <a:pt x="289" y="532"/>
                  </a:lnTo>
                  <a:lnTo>
                    <a:pt x="292" y="534"/>
                  </a:lnTo>
                  <a:lnTo>
                    <a:pt x="294" y="537"/>
                  </a:lnTo>
                  <a:lnTo>
                    <a:pt x="297" y="540"/>
                  </a:lnTo>
                  <a:lnTo>
                    <a:pt x="299" y="544"/>
                  </a:lnTo>
                  <a:lnTo>
                    <a:pt x="300" y="549"/>
                  </a:lnTo>
                  <a:lnTo>
                    <a:pt x="308" y="547"/>
                  </a:lnTo>
                  <a:lnTo>
                    <a:pt x="315" y="543"/>
                  </a:lnTo>
                  <a:lnTo>
                    <a:pt x="323" y="539"/>
                  </a:lnTo>
                  <a:lnTo>
                    <a:pt x="328" y="534"/>
                  </a:lnTo>
                  <a:lnTo>
                    <a:pt x="332" y="527"/>
                  </a:lnTo>
                  <a:lnTo>
                    <a:pt x="337" y="520"/>
                  </a:lnTo>
                  <a:lnTo>
                    <a:pt x="341" y="513"/>
                  </a:lnTo>
                  <a:lnTo>
                    <a:pt x="344" y="505"/>
                  </a:lnTo>
                  <a:lnTo>
                    <a:pt x="350" y="488"/>
                  </a:lnTo>
                  <a:lnTo>
                    <a:pt x="357" y="473"/>
                  </a:lnTo>
                  <a:lnTo>
                    <a:pt x="360" y="465"/>
                  </a:lnTo>
                  <a:lnTo>
                    <a:pt x="364" y="458"/>
                  </a:lnTo>
                  <a:lnTo>
                    <a:pt x="369" y="452"/>
                  </a:lnTo>
                  <a:lnTo>
                    <a:pt x="374" y="446"/>
                  </a:lnTo>
                  <a:lnTo>
                    <a:pt x="385" y="451"/>
                  </a:lnTo>
                  <a:lnTo>
                    <a:pt x="395" y="452"/>
                  </a:lnTo>
                  <a:lnTo>
                    <a:pt x="406" y="452"/>
                  </a:lnTo>
                  <a:lnTo>
                    <a:pt x="417" y="451"/>
                  </a:lnTo>
                  <a:lnTo>
                    <a:pt x="438" y="445"/>
                  </a:lnTo>
                  <a:lnTo>
                    <a:pt x="459" y="437"/>
                  </a:lnTo>
                  <a:lnTo>
                    <a:pt x="458" y="429"/>
                  </a:lnTo>
                  <a:lnTo>
                    <a:pt x="456" y="422"/>
                  </a:lnTo>
                  <a:lnTo>
                    <a:pt x="453" y="414"/>
                  </a:lnTo>
                  <a:lnTo>
                    <a:pt x="451" y="406"/>
                  </a:lnTo>
                  <a:lnTo>
                    <a:pt x="445" y="390"/>
                  </a:lnTo>
                  <a:lnTo>
                    <a:pt x="439" y="375"/>
                  </a:lnTo>
                  <a:lnTo>
                    <a:pt x="437" y="366"/>
                  </a:lnTo>
                  <a:lnTo>
                    <a:pt x="434" y="359"/>
                  </a:lnTo>
                  <a:lnTo>
                    <a:pt x="432" y="350"/>
                  </a:lnTo>
                  <a:lnTo>
                    <a:pt x="432" y="343"/>
                  </a:lnTo>
                  <a:lnTo>
                    <a:pt x="432" y="336"/>
                  </a:lnTo>
                  <a:lnTo>
                    <a:pt x="433" y="328"/>
                  </a:lnTo>
                  <a:lnTo>
                    <a:pt x="436" y="322"/>
                  </a:lnTo>
                  <a:lnTo>
                    <a:pt x="440" y="315"/>
                  </a:lnTo>
                  <a:lnTo>
                    <a:pt x="450" y="320"/>
                  </a:lnTo>
                  <a:lnTo>
                    <a:pt x="460" y="323"/>
                  </a:lnTo>
                  <a:lnTo>
                    <a:pt x="470" y="326"/>
                  </a:lnTo>
                  <a:lnTo>
                    <a:pt x="480" y="327"/>
                  </a:lnTo>
                  <a:lnTo>
                    <a:pt x="489" y="327"/>
                  </a:lnTo>
                  <a:lnTo>
                    <a:pt x="499" y="326"/>
                  </a:lnTo>
                  <a:lnTo>
                    <a:pt x="508" y="325"/>
                  </a:lnTo>
                  <a:lnTo>
                    <a:pt x="518" y="323"/>
                  </a:lnTo>
                  <a:lnTo>
                    <a:pt x="551" y="313"/>
                  </a:lnTo>
                  <a:lnTo>
                    <a:pt x="580" y="305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42" name="Odense"/>
            <p:cNvSpPr>
              <a:spLocks/>
            </p:cNvSpPr>
            <p:nvPr/>
          </p:nvSpPr>
          <p:spPr bwMode="auto">
            <a:xfrm>
              <a:off x="2189163" y="5230813"/>
              <a:ext cx="327025" cy="254000"/>
            </a:xfrm>
            <a:custGeom>
              <a:avLst/>
              <a:gdLst>
                <a:gd name="T0" fmla="*/ 53 w 618"/>
                <a:gd name="T1" fmla="*/ 10 h 482"/>
                <a:gd name="T2" fmla="*/ 51 w 618"/>
                <a:gd name="T3" fmla="*/ 15 h 482"/>
                <a:gd name="T4" fmla="*/ 47 w 618"/>
                <a:gd name="T5" fmla="*/ 18 h 482"/>
                <a:gd name="T6" fmla="*/ 37 w 618"/>
                <a:gd name="T7" fmla="*/ 20 h 482"/>
                <a:gd name="T8" fmla="*/ 30 w 618"/>
                <a:gd name="T9" fmla="*/ 31 h 482"/>
                <a:gd name="T10" fmla="*/ 20 w 618"/>
                <a:gd name="T11" fmla="*/ 48 h 482"/>
                <a:gd name="T12" fmla="*/ 9 w 618"/>
                <a:gd name="T13" fmla="*/ 63 h 482"/>
                <a:gd name="T14" fmla="*/ 3 w 618"/>
                <a:gd name="T15" fmla="*/ 76 h 482"/>
                <a:gd name="T16" fmla="*/ 0 w 618"/>
                <a:gd name="T17" fmla="*/ 95 h 482"/>
                <a:gd name="T18" fmla="*/ 7 w 618"/>
                <a:gd name="T19" fmla="*/ 93 h 482"/>
                <a:gd name="T20" fmla="*/ 14 w 618"/>
                <a:gd name="T21" fmla="*/ 93 h 482"/>
                <a:gd name="T22" fmla="*/ 22 w 618"/>
                <a:gd name="T23" fmla="*/ 96 h 482"/>
                <a:gd name="T24" fmla="*/ 31 w 618"/>
                <a:gd name="T25" fmla="*/ 105 h 482"/>
                <a:gd name="T26" fmla="*/ 38 w 618"/>
                <a:gd name="T27" fmla="*/ 117 h 482"/>
                <a:gd name="T28" fmla="*/ 41 w 618"/>
                <a:gd name="T29" fmla="*/ 129 h 482"/>
                <a:gd name="T30" fmla="*/ 44 w 618"/>
                <a:gd name="T31" fmla="*/ 137 h 482"/>
                <a:gd name="T32" fmla="*/ 52 w 618"/>
                <a:gd name="T33" fmla="*/ 138 h 482"/>
                <a:gd name="T34" fmla="*/ 55 w 618"/>
                <a:gd name="T35" fmla="*/ 143 h 482"/>
                <a:gd name="T36" fmla="*/ 56 w 618"/>
                <a:gd name="T37" fmla="*/ 149 h 482"/>
                <a:gd name="T38" fmla="*/ 54 w 618"/>
                <a:gd name="T39" fmla="*/ 155 h 482"/>
                <a:gd name="T40" fmla="*/ 50 w 618"/>
                <a:gd name="T41" fmla="*/ 160 h 482"/>
                <a:gd name="T42" fmla="*/ 67 w 618"/>
                <a:gd name="T43" fmla="*/ 157 h 482"/>
                <a:gd name="T44" fmla="*/ 75 w 618"/>
                <a:gd name="T45" fmla="*/ 154 h 482"/>
                <a:gd name="T46" fmla="*/ 73 w 618"/>
                <a:gd name="T47" fmla="*/ 147 h 482"/>
                <a:gd name="T48" fmla="*/ 74 w 618"/>
                <a:gd name="T49" fmla="*/ 142 h 482"/>
                <a:gd name="T50" fmla="*/ 77 w 618"/>
                <a:gd name="T51" fmla="*/ 137 h 482"/>
                <a:gd name="T52" fmla="*/ 82 w 618"/>
                <a:gd name="T53" fmla="*/ 134 h 482"/>
                <a:gd name="T54" fmla="*/ 94 w 618"/>
                <a:gd name="T55" fmla="*/ 129 h 482"/>
                <a:gd name="T56" fmla="*/ 109 w 618"/>
                <a:gd name="T57" fmla="*/ 125 h 482"/>
                <a:gd name="T58" fmla="*/ 127 w 618"/>
                <a:gd name="T59" fmla="*/ 125 h 482"/>
                <a:gd name="T60" fmla="*/ 129 w 618"/>
                <a:gd name="T61" fmla="*/ 131 h 482"/>
                <a:gd name="T62" fmla="*/ 131 w 618"/>
                <a:gd name="T63" fmla="*/ 136 h 482"/>
                <a:gd name="T64" fmla="*/ 141 w 618"/>
                <a:gd name="T65" fmla="*/ 135 h 482"/>
                <a:gd name="T66" fmla="*/ 162 w 618"/>
                <a:gd name="T67" fmla="*/ 132 h 482"/>
                <a:gd name="T68" fmla="*/ 183 w 618"/>
                <a:gd name="T69" fmla="*/ 128 h 482"/>
                <a:gd name="T70" fmla="*/ 197 w 618"/>
                <a:gd name="T71" fmla="*/ 122 h 482"/>
                <a:gd name="T72" fmla="*/ 203 w 618"/>
                <a:gd name="T73" fmla="*/ 117 h 482"/>
                <a:gd name="T74" fmla="*/ 203 w 618"/>
                <a:gd name="T75" fmla="*/ 113 h 482"/>
                <a:gd name="T76" fmla="*/ 196 w 618"/>
                <a:gd name="T77" fmla="*/ 109 h 482"/>
                <a:gd name="T78" fmla="*/ 191 w 618"/>
                <a:gd name="T79" fmla="*/ 103 h 482"/>
                <a:gd name="T80" fmla="*/ 182 w 618"/>
                <a:gd name="T81" fmla="*/ 91 h 482"/>
                <a:gd name="T82" fmla="*/ 174 w 618"/>
                <a:gd name="T83" fmla="*/ 75 h 482"/>
                <a:gd name="T84" fmla="*/ 165 w 618"/>
                <a:gd name="T85" fmla="*/ 63 h 482"/>
                <a:gd name="T86" fmla="*/ 160 w 618"/>
                <a:gd name="T87" fmla="*/ 60 h 482"/>
                <a:gd name="T88" fmla="*/ 154 w 618"/>
                <a:gd name="T89" fmla="*/ 59 h 482"/>
                <a:gd name="T90" fmla="*/ 150 w 618"/>
                <a:gd name="T91" fmla="*/ 58 h 482"/>
                <a:gd name="T92" fmla="*/ 149 w 618"/>
                <a:gd name="T93" fmla="*/ 49 h 482"/>
                <a:gd name="T94" fmla="*/ 150 w 618"/>
                <a:gd name="T95" fmla="*/ 43 h 482"/>
                <a:gd name="T96" fmla="*/ 153 w 618"/>
                <a:gd name="T97" fmla="*/ 42 h 482"/>
                <a:gd name="T98" fmla="*/ 156 w 618"/>
                <a:gd name="T99" fmla="*/ 43 h 482"/>
                <a:gd name="T100" fmla="*/ 163 w 618"/>
                <a:gd name="T101" fmla="*/ 43 h 482"/>
                <a:gd name="T102" fmla="*/ 174 w 618"/>
                <a:gd name="T103" fmla="*/ 41 h 482"/>
                <a:gd name="T104" fmla="*/ 177 w 618"/>
                <a:gd name="T105" fmla="*/ 35 h 482"/>
                <a:gd name="T106" fmla="*/ 173 w 618"/>
                <a:gd name="T107" fmla="*/ 27 h 482"/>
                <a:gd name="T108" fmla="*/ 166 w 618"/>
                <a:gd name="T109" fmla="*/ 23 h 482"/>
                <a:gd name="T110" fmla="*/ 139 w 618"/>
                <a:gd name="T111" fmla="*/ 31 h 482"/>
                <a:gd name="T112" fmla="*/ 128 w 618"/>
                <a:gd name="T113" fmla="*/ 31 h 482"/>
                <a:gd name="T114" fmla="*/ 123 w 618"/>
                <a:gd name="T115" fmla="*/ 26 h 482"/>
                <a:gd name="T116" fmla="*/ 126 w 618"/>
                <a:gd name="T117" fmla="*/ 16 h 482"/>
                <a:gd name="T118" fmla="*/ 123 w 618"/>
                <a:gd name="T119" fmla="*/ 1 h 482"/>
                <a:gd name="T120" fmla="*/ 110 w 618"/>
                <a:gd name="T121" fmla="*/ 0 h 482"/>
                <a:gd name="T122" fmla="*/ 82 w 618"/>
                <a:gd name="T123" fmla="*/ 3 h 482"/>
                <a:gd name="T124" fmla="*/ 63 w 618"/>
                <a:gd name="T125" fmla="*/ 5 h 482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618" h="482">
                  <a:moveTo>
                    <a:pt x="160" y="13"/>
                  </a:moveTo>
                  <a:lnTo>
                    <a:pt x="159" y="22"/>
                  </a:lnTo>
                  <a:lnTo>
                    <a:pt x="159" y="30"/>
                  </a:lnTo>
                  <a:lnTo>
                    <a:pt x="157" y="36"/>
                  </a:lnTo>
                  <a:lnTo>
                    <a:pt x="155" y="41"/>
                  </a:lnTo>
                  <a:lnTo>
                    <a:pt x="152" y="46"/>
                  </a:lnTo>
                  <a:lnTo>
                    <a:pt x="149" y="49"/>
                  </a:lnTo>
                  <a:lnTo>
                    <a:pt x="145" y="52"/>
                  </a:lnTo>
                  <a:lnTo>
                    <a:pt x="141" y="54"/>
                  </a:lnTo>
                  <a:lnTo>
                    <a:pt x="132" y="57"/>
                  </a:lnTo>
                  <a:lnTo>
                    <a:pt x="122" y="58"/>
                  </a:lnTo>
                  <a:lnTo>
                    <a:pt x="112" y="59"/>
                  </a:lnTo>
                  <a:lnTo>
                    <a:pt x="103" y="60"/>
                  </a:lnTo>
                  <a:lnTo>
                    <a:pt x="98" y="78"/>
                  </a:lnTo>
                  <a:lnTo>
                    <a:pt x="90" y="94"/>
                  </a:lnTo>
                  <a:lnTo>
                    <a:pt x="83" y="109"/>
                  </a:lnTo>
                  <a:lnTo>
                    <a:pt x="76" y="121"/>
                  </a:lnTo>
                  <a:lnTo>
                    <a:pt x="59" y="145"/>
                  </a:lnTo>
                  <a:lnTo>
                    <a:pt x="42" y="167"/>
                  </a:lnTo>
                  <a:lnTo>
                    <a:pt x="33" y="177"/>
                  </a:lnTo>
                  <a:lnTo>
                    <a:pt x="26" y="189"/>
                  </a:lnTo>
                  <a:lnTo>
                    <a:pt x="19" y="200"/>
                  </a:lnTo>
                  <a:lnTo>
                    <a:pt x="12" y="214"/>
                  </a:lnTo>
                  <a:lnTo>
                    <a:pt x="8" y="229"/>
                  </a:lnTo>
                  <a:lnTo>
                    <a:pt x="4" y="246"/>
                  </a:lnTo>
                  <a:lnTo>
                    <a:pt x="1" y="264"/>
                  </a:lnTo>
                  <a:lnTo>
                    <a:pt x="0" y="285"/>
                  </a:lnTo>
                  <a:lnTo>
                    <a:pt x="7" y="283"/>
                  </a:lnTo>
                  <a:lnTo>
                    <a:pt x="14" y="281"/>
                  </a:lnTo>
                  <a:lnTo>
                    <a:pt x="22" y="280"/>
                  </a:lnTo>
                  <a:lnTo>
                    <a:pt x="28" y="280"/>
                  </a:lnTo>
                  <a:lnTo>
                    <a:pt x="36" y="280"/>
                  </a:lnTo>
                  <a:lnTo>
                    <a:pt x="42" y="281"/>
                  </a:lnTo>
                  <a:lnTo>
                    <a:pt x="48" y="283"/>
                  </a:lnTo>
                  <a:lnTo>
                    <a:pt x="54" y="285"/>
                  </a:lnTo>
                  <a:lnTo>
                    <a:pt x="66" y="290"/>
                  </a:lnTo>
                  <a:lnTo>
                    <a:pt x="77" y="297"/>
                  </a:lnTo>
                  <a:lnTo>
                    <a:pt x="86" y="306"/>
                  </a:lnTo>
                  <a:lnTo>
                    <a:pt x="94" y="316"/>
                  </a:lnTo>
                  <a:lnTo>
                    <a:pt x="103" y="327"/>
                  </a:lnTo>
                  <a:lnTo>
                    <a:pt x="109" y="338"/>
                  </a:lnTo>
                  <a:lnTo>
                    <a:pt x="115" y="351"/>
                  </a:lnTo>
                  <a:lnTo>
                    <a:pt x="119" y="364"/>
                  </a:lnTo>
                  <a:lnTo>
                    <a:pt x="122" y="377"/>
                  </a:lnTo>
                  <a:lnTo>
                    <a:pt x="123" y="390"/>
                  </a:lnTo>
                  <a:lnTo>
                    <a:pt x="123" y="404"/>
                  </a:lnTo>
                  <a:lnTo>
                    <a:pt x="122" y="416"/>
                  </a:lnTo>
                  <a:lnTo>
                    <a:pt x="132" y="414"/>
                  </a:lnTo>
                  <a:lnTo>
                    <a:pt x="141" y="413"/>
                  </a:lnTo>
                  <a:lnTo>
                    <a:pt x="148" y="414"/>
                  </a:lnTo>
                  <a:lnTo>
                    <a:pt x="155" y="417"/>
                  </a:lnTo>
                  <a:lnTo>
                    <a:pt x="160" y="420"/>
                  </a:lnTo>
                  <a:lnTo>
                    <a:pt x="163" y="425"/>
                  </a:lnTo>
                  <a:lnTo>
                    <a:pt x="166" y="430"/>
                  </a:lnTo>
                  <a:lnTo>
                    <a:pt x="167" y="436"/>
                  </a:lnTo>
                  <a:lnTo>
                    <a:pt x="168" y="443"/>
                  </a:lnTo>
                  <a:lnTo>
                    <a:pt x="168" y="449"/>
                  </a:lnTo>
                  <a:lnTo>
                    <a:pt x="167" y="455"/>
                  </a:lnTo>
                  <a:lnTo>
                    <a:pt x="165" y="462"/>
                  </a:lnTo>
                  <a:lnTo>
                    <a:pt x="162" y="468"/>
                  </a:lnTo>
                  <a:lnTo>
                    <a:pt x="159" y="473"/>
                  </a:lnTo>
                  <a:lnTo>
                    <a:pt x="155" y="477"/>
                  </a:lnTo>
                  <a:lnTo>
                    <a:pt x="150" y="482"/>
                  </a:lnTo>
                  <a:lnTo>
                    <a:pt x="170" y="478"/>
                  </a:lnTo>
                  <a:lnTo>
                    <a:pt x="190" y="475"/>
                  </a:lnTo>
                  <a:lnTo>
                    <a:pt x="201" y="473"/>
                  </a:lnTo>
                  <a:lnTo>
                    <a:pt x="209" y="471"/>
                  </a:lnTo>
                  <a:lnTo>
                    <a:pt x="218" y="468"/>
                  </a:lnTo>
                  <a:lnTo>
                    <a:pt x="225" y="463"/>
                  </a:lnTo>
                  <a:lnTo>
                    <a:pt x="223" y="456"/>
                  </a:lnTo>
                  <a:lnTo>
                    <a:pt x="221" y="449"/>
                  </a:lnTo>
                  <a:lnTo>
                    <a:pt x="220" y="443"/>
                  </a:lnTo>
                  <a:lnTo>
                    <a:pt x="221" y="437"/>
                  </a:lnTo>
                  <a:lnTo>
                    <a:pt x="221" y="432"/>
                  </a:lnTo>
                  <a:lnTo>
                    <a:pt x="223" y="427"/>
                  </a:lnTo>
                  <a:lnTo>
                    <a:pt x="225" y="423"/>
                  </a:lnTo>
                  <a:lnTo>
                    <a:pt x="228" y="417"/>
                  </a:lnTo>
                  <a:lnTo>
                    <a:pt x="231" y="413"/>
                  </a:lnTo>
                  <a:lnTo>
                    <a:pt x="236" y="410"/>
                  </a:lnTo>
                  <a:lnTo>
                    <a:pt x="240" y="407"/>
                  </a:lnTo>
                  <a:lnTo>
                    <a:pt x="245" y="403"/>
                  </a:lnTo>
                  <a:lnTo>
                    <a:pt x="257" y="397"/>
                  </a:lnTo>
                  <a:lnTo>
                    <a:pt x="269" y="392"/>
                  </a:lnTo>
                  <a:lnTo>
                    <a:pt x="283" y="388"/>
                  </a:lnTo>
                  <a:lnTo>
                    <a:pt x="298" y="385"/>
                  </a:lnTo>
                  <a:lnTo>
                    <a:pt x="312" y="382"/>
                  </a:lnTo>
                  <a:lnTo>
                    <a:pt x="328" y="378"/>
                  </a:lnTo>
                  <a:lnTo>
                    <a:pt x="358" y="374"/>
                  </a:lnTo>
                  <a:lnTo>
                    <a:pt x="384" y="369"/>
                  </a:lnTo>
                  <a:lnTo>
                    <a:pt x="382" y="378"/>
                  </a:lnTo>
                  <a:lnTo>
                    <a:pt x="383" y="385"/>
                  </a:lnTo>
                  <a:lnTo>
                    <a:pt x="385" y="390"/>
                  </a:lnTo>
                  <a:lnTo>
                    <a:pt x="387" y="394"/>
                  </a:lnTo>
                  <a:lnTo>
                    <a:pt x="390" y="398"/>
                  </a:lnTo>
                  <a:lnTo>
                    <a:pt x="392" y="403"/>
                  </a:lnTo>
                  <a:lnTo>
                    <a:pt x="394" y="409"/>
                  </a:lnTo>
                  <a:lnTo>
                    <a:pt x="394" y="416"/>
                  </a:lnTo>
                  <a:lnTo>
                    <a:pt x="407" y="412"/>
                  </a:lnTo>
                  <a:lnTo>
                    <a:pt x="423" y="408"/>
                  </a:lnTo>
                  <a:lnTo>
                    <a:pt x="439" y="405"/>
                  </a:lnTo>
                  <a:lnTo>
                    <a:pt x="455" y="403"/>
                  </a:lnTo>
                  <a:lnTo>
                    <a:pt x="487" y="397"/>
                  </a:lnTo>
                  <a:lnTo>
                    <a:pt x="520" y="392"/>
                  </a:lnTo>
                  <a:lnTo>
                    <a:pt x="536" y="389"/>
                  </a:lnTo>
                  <a:lnTo>
                    <a:pt x="550" y="386"/>
                  </a:lnTo>
                  <a:lnTo>
                    <a:pt x="564" y="382"/>
                  </a:lnTo>
                  <a:lnTo>
                    <a:pt x="578" y="376"/>
                  </a:lnTo>
                  <a:lnTo>
                    <a:pt x="590" y="369"/>
                  </a:lnTo>
                  <a:lnTo>
                    <a:pt x="601" y="362"/>
                  </a:lnTo>
                  <a:lnTo>
                    <a:pt x="606" y="357"/>
                  </a:lnTo>
                  <a:lnTo>
                    <a:pt x="610" y="352"/>
                  </a:lnTo>
                  <a:lnTo>
                    <a:pt x="615" y="347"/>
                  </a:lnTo>
                  <a:lnTo>
                    <a:pt x="618" y="341"/>
                  </a:lnTo>
                  <a:lnTo>
                    <a:pt x="610" y="339"/>
                  </a:lnTo>
                  <a:lnTo>
                    <a:pt x="603" y="336"/>
                  </a:lnTo>
                  <a:lnTo>
                    <a:pt x="597" y="332"/>
                  </a:lnTo>
                  <a:lnTo>
                    <a:pt x="589" y="328"/>
                  </a:lnTo>
                  <a:lnTo>
                    <a:pt x="583" y="323"/>
                  </a:lnTo>
                  <a:lnTo>
                    <a:pt x="578" y="317"/>
                  </a:lnTo>
                  <a:lnTo>
                    <a:pt x="573" y="311"/>
                  </a:lnTo>
                  <a:lnTo>
                    <a:pt x="567" y="304"/>
                  </a:lnTo>
                  <a:lnTo>
                    <a:pt x="557" y="290"/>
                  </a:lnTo>
                  <a:lnTo>
                    <a:pt x="547" y="274"/>
                  </a:lnTo>
                  <a:lnTo>
                    <a:pt x="539" y="258"/>
                  </a:lnTo>
                  <a:lnTo>
                    <a:pt x="530" y="243"/>
                  </a:lnTo>
                  <a:lnTo>
                    <a:pt x="522" y="227"/>
                  </a:lnTo>
                  <a:lnTo>
                    <a:pt x="514" y="213"/>
                  </a:lnTo>
                  <a:lnTo>
                    <a:pt x="505" y="200"/>
                  </a:lnTo>
                  <a:lnTo>
                    <a:pt x="496" y="190"/>
                  </a:lnTo>
                  <a:lnTo>
                    <a:pt x="491" y="186"/>
                  </a:lnTo>
                  <a:lnTo>
                    <a:pt x="486" y="182"/>
                  </a:lnTo>
                  <a:lnTo>
                    <a:pt x="481" y="180"/>
                  </a:lnTo>
                  <a:lnTo>
                    <a:pt x="475" y="178"/>
                  </a:lnTo>
                  <a:lnTo>
                    <a:pt x="469" y="177"/>
                  </a:lnTo>
                  <a:lnTo>
                    <a:pt x="463" y="178"/>
                  </a:lnTo>
                  <a:lnTo>
                    <a:pt x="457" y="179"/>
                  </a:lnTo>
                  <a:lnTo>
                    <a:pt x="449" y="181"/>
                  </a:lnTo>
                  <a:lnTo>
                    <a:pt x="450" y="175"/>
                  </a:lnTo>
                  <a:lnTo>
                    <a:pt x="450" y="167"/>
                  </a:lnTo>
                  <a:lnTo>
                    <a:pt x="449" y="157"/>
                  </a:lnTo>
                  <a:lnTo>
                    <a:pt x="448" y="148"/>
                  </a:lnTo>
                  <a:lnTo>
                    <a:pt x="448" y="139"/>
                  </a:lnTo>
                  <a:lnTo>
                    <a:pt x="449" y="133"/>
                  </a:lnTo>
                  <a:lnTo>
                    <a:pt x="450" y="130"/>
                  </a:lnTo>
                  <a:lnTo>
                    <a:pt x="453" y="128"/>
                  </a:lnTo>
                  <a:lnTo>
                    <a:pt x="456" y="127"/>
                  </a:lnTo>
                  <a:lnTo>
                    <a:pt x="459" y="126"/>
                  </a:lnTo>
                  <a:lnTo>
                    <a:pt x="462" y="128"/>
                  </a:lnTo>
                  <a:lnTo>
                    <a:pt x="465" y="130"/>
                  </a:lnTo>
                  <a:lnTo>
                    <a:pt x="468" y="131"/>
                  </a:lnTo>
                  <a:lnTo>
                    <a:pt x="473" y="131"/>
                  </a:lnTo>
                  <a:lnTo>
                    <a:pt x="480" y="130"/>
                  </a:lnTo>
                  <a:lnTo>
                    <a:pt x="488" y="129"/>
                  </a:lnTo>
                  <a:lnTo>
                    <a:pt x="499" y="126"/>
                  </a:lnTo>
                  <a:lnTo>
                    <a:pt x="509" y="125"/>
                  </a:lnTo>
                  <a:lnTo>
                    <a:pt x="521" y="124"/>
                  </a:lnTo>
                  <a:lnTo>
                    <a:pt x="534" y="126"/>
                  </a:lnTo>
                  <a:lnTo>
                    <a:pt x="534" y="115"/>
                  </a:lnTo>
                  <a:lnTo>
                    <a:pt x="531" y="105"/>
                  </a:lnTo>
                  <a:lnTo>
                    <a:pt x="528" y="96"/>
                  </a:lnTo>
                  <a:lnTo>
                    <a:pt x="524" y="89"/>
                  </a:lnTo>
                  <a:lnTo>
                    <a:pt x="519" y="81"/>
                  </a:lnTo>
                  <a:lnTo>
                    <a:pt x="513" y="76"/>
                  </a:lnTo>
                  <a:lnTo>
                    <a:pt x="505" y="72"/>
                  </a:lnTo>
                  <a:lnTo>
                    <a:pt x="497" y="70"/>
                  </a:lnTo>
                  <a:lnTo>
                    <a:pt x="462" y="80"/>
                  </a:lnTo>
                  <a:lnTo>
                    <a:pt x="431" y="90"/>
                  </a:lnTo>
                  <a:lnTo>
                    <a:pt x="416" y="92"/>
                  </a:lnTo>
                  <a:lnTo>
                    <a:pt x="400" y="93"/>
                  </a:lnTo>
                  <a:lnTo>
                    <a:pt x="391" y="93"/>
                  </a:lnTo>
                  <a:lnTo>
                    <a:pt x="383" y="92"/>
                  </a:lnTo>
                  <a:lnTo>
                    <a:pt x="375" y="91"/>
                  </a:lnTo>
                  <a:lnTo>
                    <a:pt x="365" y="89"/>
                  </a:lnTo>
                  <a:lnTo>
                    <a:pt x="369" y="79"/>
                  </a:lnTo>
                  <a:lnTo>
                    <a:pt x="372" y="70"/>
                  </a:lnTo>
                  <a:lnTo>
                    <a:pt x="375" y="59"/>
                  </a:lnTo>
                  <a:lnTo>
                    <a:pt x="377" y="49"/>
                  </a:lnTo>
                  <a:lnTo>
                    <a:pt x="381" y="27"/>
                  </a:lnTo>
                  <a:lnTo>
                    <a:pt x="384" y="3"/>
                  </a:lnTo>
                  <a:lnTo>
                    <a:pt x="370" y="2"/>
                  </a:lnTo>
                  <a:lnTo>
                    <a:pt x="357" y="1"/>
                  </a:lnTo>
                  <a:lnTo>
                    <a:pt x="343" y="0"/>
                  </a:lnTo>
                  <a:lnTo>
                    <a:pt x="329" y="1"/>
                  </a:lnTo>
                  <a:lnTo>
                    <a:pt x="302" y="3"/>
                  </a:lnTo>
                  <a:lnTo>
                    <a:pt x="275" y="7"/>
                  </a:lnTo>
                  <a:lnTo>
                    <a:pt x="246" y="10"/>
                  </a:lnTo>
                  <a:lnTo>
                    <a:pt x="218" y="13"/>
                  </a:lnTo>
                  <a:lnTo>
                    <a:pt x="203" y="14"/>
                  </a:lnTo>
                  <a:lnTo>
                    <a:pt x="188" y="14"/>
                  </a:lnTo>
                  <a:lnTo>
                    <a:pt x="175" y="14"/>
                  </a:lnTo>
                  <a:lnTo>
                    <a:pt x="160" y="13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43" name="Odense kant"/>
            <p:cNvSpPr>
              <a:spLocks/>
            </p:cNvSpPr>
            <p:nvPr/>
          </p:nvSpPr>
          <p:spPr bwMode="auto">
            <a:xfrm>
              <a:off x="2189163" y="5230813"/>
              <a:ext cx="327025" cy="254000"/>
            </a:xfrm>
            <a:custGeom>
              <a:avLst/>
              <a:gdLst>
                <a:gd name="T0" fmla="*/ 53 w 618"/>
                <a:gd name="T1" fmla="*/ 10 h 482"/>
                <a:gd name="T2" fmla="*/ 51 w 618"/>
                <a:gd name="T3" fmla="*/ 15 h 482"/>
                <a:gd name="T4" fmla="*/ 47 w 618"/>
                <a:gd name="T5" fmla="*/ 18 h 482"/>
                <a:gd name="T6" fmla="*/ 37 w 618"/>
                <a:gd name="T7" fmla="*/ 20 h 482"/>
                <a:gd name="T8" fmla="*/ 30 w 618"/>
                <a:gd name="T9" fmla="*/ 31 h 482"/>
                <a:gd name="T10" fmla="*/ 20 w 618"/>
                <a:gd name="T11" fmla="*/ 48 h 482"/>
                <a:gd name="T12" fmla="*/ 9 w 618"/>
                <a:gd name="T13" fmla="*/ 63 h 482"/>
                <a:gd name="T14" fmla="*/ 3 w 618"/>
                <a:gd name="T15" fmla="*/ 76 h 482"/>
                <a:gd name="T16" fmla="*/ 0 w 618"/>
                <a:gd name="T17" fmla="*/ 95 h 482"/>
                <a:gd name="T18" fmla="*/ 7 w 618"/>
                <a:gd name="T19" fmla="*/ 93 h 482"/>
                <a:gd name="T20" fmla="*/ 14 w 618"/>
                <a:gd name="T21" fmla="*/ 93 h 482"/>
                <a:gd name="T22" fmla="*/ 22 w 618"/>
                <a:gd name="T23" fmla="*/ 96 h 482"/>
                <a:gd name="T24" fmla="*/ 31 w 618"/>
                <a:gd name="T25" fmla="*/ 105 h 482"/>
                <a:gd name="T26" fmla="*/ 38 w 618"/>
                <a:gd name="T27" fmla="*/ 117 h 482"/>
                <a:gd name="T28" fmla="*/ 41 w 618"/>
                <a:gd name="T29" fmla="*/ 129 h 482"/>
                <a:gd name="T30" fmla="*/ 44 w 618"/>
                <a:gd name="T31" fmla="*/ 137 h 482"/>
                <a:gd name="T32" fmla="*/ 52 w 618"/>
                <a:gd name="T33" fmla="*/ 138 h 482"/>
                <a:gd name="T34" fmla="*/ 55 w 618"/>
                <a:gd name="T35" fmla="*/ 143 h 482"/>
                <a:gd name="T36" fmla="*/ 56 w 618"/>
                <a:gd name="T37" fmla="*/ 149 h 482"/>
                <a:gd name="T38" fmla="*/ 54 w 618"/>
                <a:gd name="T39" fmla="*/ 155 h 482"/>
                <a:gd name="T40" fmla="*/ 50 w 618"/>
                <a:gd name="T41" fmla="*/ 160 h 482"/>
                <a:gd name="T42" fmla="*/ 67 w 618"/>
                <a:gd name="T43" fmla="*/ 157 h 482"/>
                <a:gd name="T44" fmla="*/ 75 w 618"/>
                <a:gd name="T45" fmla="*/ 154 h 482"/>
                <a:gd name="T46" fmla="*/ 73 w 618"/>
                <a:gd name="T47" fmla="*/ 147 h 482"/>
                <a:gd name="T48" fmla="*/ 74 w 618"/>
                <a:gd name="T49" fmla="*/ 142 h 482"/>
                <a:gd name="T50" fmla="*/ 77 w 618"/>
                <a:gd name="T51" fmla="*/ 137 h 482"/>
                <a:gd name="T52" fmla="*/ 82 w 618"/>
                <a:gd name="T53" fmla="*/ 134 h 482"/>
                <a:gd name="T54" fmla="*/ 94 w 618"/>
                <a:gd name="T55" fmla="*/ 129 h 482"/>
                <a:gd name="T56" fmla="*/ 109 w 618"/>
                <a:gd name="T57" fmla="*/ 125 h 482"/>
                <a:gd name="T58" fmla="*/ 127 w 618"/>
                <a:gd name="T59" fmla="*/ 125 h 482"/>
                <a:gd name="T60" fmla="*/ 129 w 618"/>
                <a:gd name="T61" fmla="*/ 131 h 482"/>
                <a:gd name="T62" fmla="*/ 131 w 618"/>
                <a:gd name="T63" fmla="*/ 136 h 482"/>
                <a:gd name="T64" fmla="*/ 141 w 618"/>
                <a:gd name="T65" fmla="*/ 135 h 482"/>
                <a:gd name="T66" fmla="*/ 162 w 618"/>
                <a:gd name="T67" fmla="*/ 132 h 482"/>
                <a:gd name="T68" fmla="*/ 183 w 618"/>
                <a:gd name="T69" fmla="*/ 128 h 482"/>
                <a:gd name="T70" fmla="*/ 197 w 618"/>
                <a:gd name="T71" fmla="*/ 122 h 482"/>
                <a:gd name="T72" fmla="*/ 203 w 618"/>
                <a:gd name="T73" fmla="*/ 117 h 482"/>
                <a:gd name="T74" fmla="*/ 203 w 618"/>
                <a:gd name="T75" fmla="*/ 113 h 482"/>
                <a:gd name="T76" fmla="*/ 196 w 618"/>
                <a:gd name="T77" fmla="*/ 109 h 482"/>
                <a:gd name="T78" fmla="*/ 191 w 618"/>
                <a:gd name="T79" fmla="*/ 103 h 482"/>
                <a:gd name="T80" fmla="*/ 182 w 618"/>
                <a:gd name="T81" fmla="*/ 91 h 482"/>
                <a:gd name="T82" fmla="*/ 174 w 618"/>
                <a:gd name="T83" fmla="*/ 75 h 482"/>
                <a:gd name="T84" fmla="*/ 165 w 618"/>
                <a:gd name="T85" fmla="*/ 63 h 482"/>
                <a:gd name="T86" fmla="*/ 160 w 618"/>
                <a:gd name="T87" fmla="*/ 60 h 482"/>
                <a:gd name="T88" fmla="*/ 154 w 618"/>
                <a:gd name="T89" fmla="*/ 59 h 482"/>
                <a:gd name="T90" fmla="*/ 150 w 618"/>
                <a:gd name="T91" fmla="*/ 58 h 482"/>
                <a:gd name="T92" fmla="*/ 149 w 618"/>
                <a:gd name="T93" fmla="*/ 49 h 482"/>
                <a:gd name="T94" fmla="*/ 150 w 618"/>
                <a:gd name="T95" fmla="*/ 43 h 482"/>
                <a:gd name="T96" fmla="*/ 153 w 618"/>
                <a:gd name="T97" fmla="*/ 42 h 482"/>
                <a:gd name="T98" fmla="*/ 156 w 618"/>
                <a:gd name="T99" fmla="*/ 43 h 482"/>
                <a:gd name="T100" fmla="*/ 163 w 618"/>
                <a:gd name="T101" fmla="*/ 43 h 482"/>
                <a:gd name="T102" fmla="*/ 174 w 618"/>
                <a:gd name="T103" fmla="*/ 41 h 482"/>
                <a:gd name="T104" fmla="*/ 177 w 618"/>
                <a:gd name="T105" fmla="*/ 35 h 482"/>
                <a:gd name="T106" fmla="*/ 173 w 618"/>
                <a:gd name="T107" fmla="*/ 27 h 482"/>
                <a:gd name="T108" fmla="*/ 166 w 618"/>
                <a:gd name="T109" fmla="*/ 23 h 482"/>
                <a:gd name="T110" fmla="*/ 139 w 618"/>
                <a:gd name="T111" fmla="*/ 31 h 482"/>
                <a:gd name="T112" fmla="*/ 128 w 618"/>
                <a:gd name="T113" fmla="*/ 31 h 482"/>
                <a:gd name="T114" fmla="*/ 123 w 618"/>
                <a:gd name="T115" fmla="*/ 26 h 482"/>
                <a:gd name="T116" fmla="*/ 126 w 618"/>
                <a:gd name="T117" fmla="*/ 16 h 482"/>
                <a:gd name="T118" fmla="*/ 123 w 618"/>
                <a:gd name="T119" fmla="*/ 1 h 482"/>
                <a:gd name="T120" fmla="*/ 110 w 618"/>
                <a:gd name="T121" fmla="*/ 0 h 482"/>
                <a:gd name="T122" fmla="*/ 82 w 618"/>
                <a:gd name="T123" fmla="*/ 3 h 482"/>
                <a:gd name="T124" fmla="*/ 63 w 618"/>
                <a:gd name="T125" fmla="*/ 5 h 482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618" h="482">
                  <a:moveTo>
                    <a:pt x="160" y="13"/>
                  </a:moveTo>
                  <a:lnTo>
                    <a:pt x="159" y="22"/>
                  </a:lnTo>
                  <a:lnTo>
                    <a:pt x="159" y="30"/>
                  </a:lnTo>
                  <a:lnTo>
                    <a:pt x="157" y="36"/>
                  </a:lnTo>
                  <a:lnTo>
                    <a:pt x="155" y="41"/>
                  </a:lnTo>
                  <a:lnTo>
                    <a:pt x="152" y="46"/>
                  </a:lnTo>
                  <a:lnTo>
                    <a:pt x="149" y="49"/>
                  </a:lnTo>
                  <a:lnTo>
                    <a:pt x="145" y="52"/>
                  </a:lnTo>
                  <a:lnTo>
                    <a:pt x="141" y="54"/>
                  </a:lnTo>
                  <a:lnTo>
                    <a:pt x="132" y="57"/>
                  </a:lnTo>
                  <a:lnTo>
                    <a:pt x="122" y="58"/>
                  </a:lnTo>
                  <a:lnTo>
                    <a:pt x="112" y="59"/>
                  </a:lnTo>
                  <a:lnTo>
                    <a:pt x="103" y="60"/>
                  </a:lnTo>
                  <a:lnTo>
                    <a:pt x="98" y="78"/>
                  </a:lnTo>
                  <a:lnTo>
                    <a:pt x="90" y="94"/>
                  </a:lnTo>
                  <a:lnTo>
                    <a:pt x="83" y="109"/>
                  </a:lnTo>
                  <a:lnTo>
                    <a:pt x="76" y="121"/>
                  </a:lnTo>
                  <a:lnTo>
                    <a:pt x="59" y="145"/>
                  </a:lnTo>
                  <a:lnTo>
                    <a:pt x="42" y="167"/>
                  </a:lnTo>
                  <a:lnTo>
                    <a:pt x="33" y="177"/>
                  </a:lnTo>
                  <a:lnTo>
                    <a:pt x="26" y="189"/>
                  </a:lnTo>
                  <a:lnTo>
                    <a:pt x="19" y="200"/>
                  </a:lnTo>
                  <a:lnTo>
                    <a:pt x="12" y="214"/>
                  </a:lnTo>
                  <a:lnTo>
                    <a:pt x="8" y="229"/>
                  </a:lnTo>
                  <a:lnTo>
                    <a:pt x="4" y="246"/>
                  </a:lnTo>
                  <a:lnTo>
                    <a:pt x="1" y="264"/>
                  </a:lnTo>
                  <a:lnTo>
                    <a:pt x="0" y="285"/>
                  </a:lnTo>
                  <a:lnTo>
                    <a:pt x="7" y="283"/>
                  </a:lnTo>
                  <a:lnTo>
                    <a:pt x="14" y="281"/>
                  </a:lnTo>
                  <a:lnTo>
                    <a:pt x="22" y="280"/>
                  </a:lnTo>
                  <a:lnTo>
                    <a:pt x="28" y="280"/>
                  </a:lnTo>
                  <a:lnTo>
                    <a:pt x="36" y="280"/>
                  </a:lnTo>
                  <a:lnTo>
                    <a:pt x="42" y="281"/>
                  </a:lnTo>
                  <a:lnTo>
                    <a:pt x="48" y="283"/>
                  </a:lnTo>
                  <a:lnTo>
                    <a:pt x="54" y="285"/>
                  </a:lnTo>
                  <a:lnTo>
                    <a:pt x="66" y="290"/>
                  </a:lnTo>
                  <a:lnTo>
                    <a:pt x="77" y="297"/>
                  </a:lnTo>
                  <a:lnTo>
                    <a:pt x="86" y="306"/>
                  </a:lnTo>
                  <a:lnTo>
                    <a:pt x="94" y="316"/>
                  </a:lnTo>
                  <a:lnTo>
                    <a:pt x="103" y="327"/>
                  </a:lnTo>
                  <a:lnTo>
                    <a:pt x="109" y="338"/>
                  </a:lnTo>
                  <a:lnTo>
                    <a:pt x="115" y="351"/>
                  </a:lnTo>
                  <a:lnTo>
                    <a:pt x="119" y="364"/>
                  </a:lnTo>
                  <a:lnTo>
                    <a:pt x="122" y="377"/>
                  </a:lnTo>
                  <a:lnTo>
                    <a:pt x="123" y="390"/>
                  </a:lnTo>
                  <a:lnTo>
                    <a:pt x="123" y="404"/>
                  </a:lnTo>
                  <a:lnTo>
                    <a:pt x="122" y="416"/>
                  </a:lnTo>
                  <a:lnTo>
                    <a:pt x="132" y="414"/>
                  </a:lnTo>
                  <a:lnTo>
                    <a:pt x="141" y="413"/>
                  </a:lnTo>
                  <a:lnTo>
                    <a:pt x="148" y="414"/>
                  </a:lnTo>
                  <a:lnTo>
                    <a:pt x="155" y="417"/>
                  </a:lnTo>
                  <a:lnTo>
                    <a:pt x="160" y="420"/>
                  </a:lnTo>
                  <a:lnTo>
                    <a:pt x="163" y="425"/>
                  </a:lnTo>
                  <a:lnTo>
                    <a:pt x="166" y="430"/>
                  </a:lnTo>
                  <a:lnTo>
                    <a:pt x="167" y="436"/>
                  </a:lnTo>
                  <a:lnTo>
                    <a:pt x="168" y="443"/>
                  </a:lnTo>
                  <a:lnTo>
                    <a:pt x="168" y="449"/>
                  </a:lnTo>
                  <a:lnTo>
                    <a:pt x="167" y="455"/>
                  </a:lnTo>
                  <a:lnTo>
                    <a:pt x="165" y="462"/>
                  </a:lnTo>
                  <a:lnTo>
                    <a:pt x="162" y="468"/>
                  </a:lnTo>
                  <a:lnTo>
                    <a:pt x="159" y="473"/>
                  </a:lnTo>
                  <a:lnTo>
                    <a:pt x="155" y="477"/>
                  </a:lnTo>
                  <a:lnTo>
                    <a:pt x="150" y="482"/>
                  </a:lnTo>
                  <a:lnTo>
                    <a:pt x="170" y="478"/>
                  </a:lnTo>
                  <a:lnTo>
                    <a:pt x="190" y="475"/>
                  </a:lnTo>
                  <a:lnTo>
                    <a:pt x="201" y="473"/>
                  </a:lnTo>
                  <a:lnTo>
                    <a:pt x="209" y="471"/>
                  </a:lnTo>
                  <a:lnTo>
                    <a:pt x="218" y="468"/>
                  </a:lnTo>
                  <a:lnTo>
                    <a:pt x="225" y="463"/>
                  </a:lnTo>
                  <a:lnTo>
                    <a:pt x="223" y="456"/>
                  </a:lnTo>
                  <a:lnTo>
                    <a:pt x="221" y="449"/>
                  </a:lnTo>
                  <a:lnTo>
                    <a:pt x="220" y="443"/>
                  </a:lnTo>
                  <a:lnTo>
                    <a:pt x="221" y="437"/>
                  </a:lnTo>
                  <a:lnTo>
                    <a:pt x="221" y="432"/>
                  </a:lnTo>
                  <a:lnTo>
                    <a:pt x="223" y="427"/>
                  </a:lnTo>
                  <a:lnTo>
                    <a:pt x="225" y="423"/>
                  </a:lnTo>
                  <a:lnTo>
                    <a:pt x="228" y="417"/>
                  </a:lnTo>
                  <a:lnTo>
                    <a:pt x="231" y="413"/>
                  </a:lnTo>
                  <a:lnTo>
                    <a:pt x="236" y="410"/>
                  </a:lnTo>
                  <a:lnTo>
                    <a:pt x="240" y="407"/>
                  </a:lnTo>
                  <a:lnTo>
                    <a:pt x="245" y="403"/>
                  </a:lnTo>
                  <a:lnTo>
                    <a:pt x="257" y="397"/>
                  </a:lnTo>
                  <a:lnTo>
                    <a:pt x="269" y="392"/>
                  </a:lnTo>
                  <a:lnTo>
                    <a:pt x="283" y="388"/>
                  </a:lnTo>
                  <a:lnTo>
                    <a:pt x="298" y="385"/>
                  </a:lnTo>
                  <a:lnTo>
                    <a:pt x="312" y="382"/>
                  </a:lnTo>
                  <a:lnTo>
                    <a:pt x="328" y="378"/>
                  </a:lnTo>
                  <a:lnTo>
                    <a:pt x="358" y="374"/>
                  </a:lnTo>
                  <a:lnTo>
                    <a:pt x="384" y="369"/>
                  </a:lnTo>
                  <a:lnTo>
                    <a:pt x="382" y="378"/>
                  </a:lnTo>
                  <a:lnTo>
                    <a:pt x="383" y="385"/>
                  </a:lnTo>
                  <a:lnTo>
                    <a:pt x="385" y="390"/>
                  </a:lnTo>
                  <a:lnTo>
                    <a:pt x="387" y="394"/>
                  </a:lnTo>
                  <a:lnTo>
                    <a:pt x="390" y="398"/>
                  </a:lnTo>
                  <a:lnTo>
                    <a:pt x="392" y="403"/>
                  </a:lnTo>
                  <a:lnTo>
                    <a:pt x="394" y="409"/>
                  </a:lnTo>
                  <a:lnTo>
                    <a:pt x="394" y="416"/>
                  </a:lnTo>
                  <a:lnTo>
                    <a:pt x="407" y="412"/>
                  </a:lnTo>
                  <a:lnTo>
                    <a:pt x="423" y="408"/>
                  </a:lnTo>
                  <a:lnTo>
                    <a:pt x="439" y="405"/>
                  </a:lnTo>
                  <a:lnTo>
                    <a:pt x="455" y="403"/>
                  </a:lnTo>
                  <a:lnTo>
                    <a:pt x="487" y="397"/>
                  </a:lnTo>
                  <a:lnTo>
                    <a:pt x="520" y="392"/>
                  </a:lnTo>
                  <a:lnTo>
                    <a:pt x="536" y="389"/>
                  </a:lnTo>
                  <a:lnTo>
                    <a:pt x="550" y="386"/>
                  </a:lnTo>
                  <a:lnTo>
                    <a:pt x="564" y="382"/>
                  </a:lnTo>
                  <a:lnTo>
                    <a:pt x="578" y="376"/>
                  </a:lnTo>
                  <a:lnTo>
                    <a:pt x="590" y="369"/>
                  </a:lnTo>
                  <a:lnTo>
                    <a:pt x="601" y="362"/>
                  </a:lnTo>
                  <a:lnTo>
                    <a:pt x="606" y="357"/>
                  </a:lnTo>
                  <a:lnTo>
                    <a:pt x="610" y="352"/>
                  </a:lnTo>
                  <a:lnTo>
                    <a:pt x="615" y="347"/>
                  </a:lnTo>
                  <a:lnTo>
                    <a:pt x="618" y="341"/>
                  </a:lnTo>
                  <a:lnTo>
                    <a:pt x="610" y="339"/>
                  </a:lnTo>
                  <a:lnTo>
                    <a:pt x="603" y="336"/>
                  </a:lnTo>
                  <a:lnTo>
                    <a:pt x="597" y="332"/>
                  </a:lnTo>
                  <a:lnTo>
                    <a:pt x="589" y="328"/>
                  </a:lnTo>
                  <a:lnTo>
                    <a:pt x="583" y="323"/>
                  </a:lnTo>
                  <a:lnTo>
                    <a:pt x="578" y="317"/>
                  </a:lnTo>
                  <a:lnTo>
                    <a:pt x="573" y="311"/>
                  </a:lnTo>
                  <a:lnTo>
                    <a:pt x="567" y="304"/>
                  </a:lnTo>
                  <a:lnTo>
                    <a:pt x="557" y="290"/>
                  </a:lnTo>
                  <a:lnTo>
                    <a:pt x="547" y="274"/>
                  </a:lnTo>
                  <a:lnTo>
                    <a:pt x="539" y="258"/>
                  </a:lnTo>
                  <a:lnTo>
                    <a:pt x="530" y="243"/>
                  </a:lnTo>
                  <a:lnTo>
                    <a:pt x="522" y="227"/>
                  </a:lnTo>
                  <a:lnTo>
                    <a:pt x="514" y="213"/>
                  </a:lnTo>
                  <a:lnTo>
                    <a:pt x="505" y="200"/>
                  </a:lnTo>
                  <a:lnTo>
                    <a:pt x="496" y="190"/>
                  </a:lnTo>
                  <a:lnTo>
                    <a:pt x="491" y="186"/>
                  </a:lnTo>
                  <a:lnTo>
                    <a:pt x="486" y="182"/>
                  </a:lnTo>
                  <a:lnTo>
                    <a:pt x="481" y="180"/>
                  </a:lnTo>
                  <a:lnTo>
                    <a:pt x="475" y="178"/>
                  </a:lnTo>
                  <a:lnTo>
                    <a:pt x="469" y="177"/>
                  </a:lnTo>
                  <a:lnTo>
                    <a:pt x="463" y="178"/>
                  </a:lnTo>
                  <a:lnTo>
                    <a:pt x="457" y="179"/>
                  </a:lnTo>
                  <a:lnTo>
                    <a:pt x="449" y="181"/>
                  </a:lnTo>
                  <a:lnTo>
                    <a:pt x="450" y="175"/>
                  </a:lnTo>
                  <a:lnTo>
                    <a:pt x="450" y="167"/>
                  </a:lnTo>
                  <a:lnTo>
                    <a:pt x="449" y="157"/>
                  </a:lnTo>
                  <a:lnTo>
                    <a:pt x="448" y="148"/>
                  </a:lnTo>
                  <a:lnTo>
                    <a:pt x="448" y="139"/>
                  </a:lnTo>
                  <a:lnTo>
                    <a:pt x="449" y="133"/>
                  </a:lnTo>
                  <a:lnTo>
                    <a:pt x="450" y="130"/>
                  </a:lnTo>
                  <a:lnTo>
                    <a:pt x="453" y="128"/>
                  </a:lnTo>
                  <a:lnTo>
                    <a:pt x="456" y="127"/>
                  </a:lnTo>
                  <a:lnTo>
                    <a:pt x="459" y="126"/>
                  </a:lnTo>
                  <a:lnTo>
                    <a:pt x="462" y="128"/>
                  </a:lnTo>
                  <a:lnTo>
                    <a:pt x="465" y="130"/>
                  </a:lnTo>
                  <a:lnTo>
                    <a:pt x="468" y="131"/>
                  </a:lnTo>
                  <a:lnTo>
                    <a:pt x="473" y="131"/>
                  </a:lnTo>
                  <a:lnTo>
                    <a:pt x="480" y="130"/>
                  </a:lnTo>
                  <a:lnTo>
                    <a:pt x="488" y="129"/>
                  </a:lnTo>
                  <a:lnTo>
                    <a:pt x="499" y="126"/>
                  </a:lnTo>
                  <a:lnTo>
                    <a:pt x="509" y="125"/>
                  </a:lnTo>
                  <a:lnTo>
                    <a:pt x="521" y="124"/>
                  </a:lnTo>
                  <a:lnTo>
                    <a:pt x="534" y="126"/>
                  </a:lnTo>
                  <a:lnTo>
                    <a:pt x="534" y="115"/>
                  </a:lnTo>
                  <a:lnTo>
                    <a:pt x="531" y="105"/>
                  </a:lnTo>
                  <a:lnTo>
                    <a:pt x="528" y="96"/>
                  </a:lnTo>
                  <a:lnTo>
                    <a:pt x="524" y="89"/>
                  </a:lnTo>
                  <a:lnTo>
                    <a:pt x="519" y="81"/>
                  </a:lnTo>
                  <a:lnTo>
                    <a:pt x="513" y="76"/>
                  </a:lnTo>
                  <a:lnTo>
                    <a:pt x="505" y="72"/>
                  </a:lnTo>
                  <a:lnTo>
                    <a:pt x="497" y="70"/>
                  </a:lnTo>
                  <a:lnTo>
                    <a:pt x="462" y="80"/>
                  </a:lnTo>
                  <a:lnTo>
                    <a:pt x="431" y="90"/>
                  </a:lnTo>
                  <a:lnTo>
                    <a:pt x="416" y="92"/>
                  </a:lnTo>
                  <a:lnTo>
                    <a:pt x="400" y="93"/>
                  </a:lnTo>
                  <a:lnTo>
                    <a:pt x="391" y="93"/>
                  </a:lnTo>
                  <a:lnTo>
                    <a:pt x="383" y="92"/>
                  </a:lnTo>
                  <a:lnTo>
                    <a:pt x="375" y="91"/>
                  </a:lnTo>
                  <a:lnTo>
                    <a:pt x="365" y="89"/>
                  </a:lnTo>
                  <a:lnTo>
                    <a:pt x="369" y="79"/>
                  </a:lnTo>
                  <a:lnTo>
                    <a:pt x="372" y="70"/>
                  </a:lnTo>
                  <a:lnTo>
                    <a:pt x="375" y="59"/>
                  </a:lnTo>
                  <a:lnTo>
                    <a:pt x="377" y="49"/>
                  </a:lnTo>
                  <a:lnTo>
                    <a:pt x="381" y="27"/>
                  </a:lnTo>
                  <a:lnTo>
                    <a:pt x="384" y="3"/>
                  </a:lnTo>
                  <a:lnTo>
                    <a:pt x="370" y="2"/>
                  </a:lnTo>
                  <a:lnTo>
                    <a:pt x="357" y="1"/>
                  </a:lnTo>
                  <a:lnTo>
                    <a:pt x="343" y="0"/>
                  </a:lnTo>
                  <a:lnTo>
                    <a:pt x="329" y="1"/>
                  </a:lnTo>
                  <a:lnTo>
                    <a:pt x="302" y="3"/>
                  </a:lnTo>
                  <a:lnTo>
                    <a:pt x="275" y="7"/>
                  </a:lnTo>
                  <a:lnTo>
                    <a:pt x="246" y="10"/>
                  </a:lnTo>
                  <a:lnTo>
                    <a:pt x="218" y="13"/>
                  </a:lnTo>
                  <a:lnTo>
                    <a:pt x="203" y="14"/>
                  </a:lnTo>
                  <a:lnTo>
                    <a:pt x="188" y="14"/>
                  </a:lnTo>
                  <a:lnTo>
                    <a:pt x="175" y="14"/>
                  </a:lnTo>
                  <a:lnTo>
                    <a:pt x="160" y="13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044" name="Esbjerg"/>
            <p:cNvGrpSpPr/>
            <p:nvPr/>
          </p:nvGrpSpPr>
          <p:grpSpPr>
            <a:xfrm>
              <a:off x="657225" y="5045075"/>
              <a:ext cx="500063" cy="539750"/>
              <a:chOff x="657225" y="5045075"/>
              <a:chExt cx="500063" cy="539750"/>
            </a:xfrm>
            <a:grpFill/>
          </p:grpSpPr>
          <p:sp>
            <p:nvSpPr>
              <p:cNvPr id="1096" name="Esbjerg"/>
              <p:cNvSpPr>
                <a:spLocks/>
              </p:cNvSpPr>
              <p:nvPr/>
            </p:nvSpPr>
            <p:spPr bwMode="auto">
              <a:xfrm>
                <a:off x="698500" y="5241925"/>
                <a:ext cx="84138" cy="177800"/>
              </a:xfrm>
              <a:custGeom>
                <a:avLst/>
                <a:gdLst>
                  <a:gd name="T0" fmla="*/ 9 w 159"/>
                  <a:gd name="T1" fmla="*/ 0 h 337"/>
                  <a:gd name="T2" fmla="*/ 15 w 159"/>
                  <a:gd name="T3" fmla="*/ 0 h 337"/>
                  <a:gd name="T4" fmla="*/ 20 w 159"/>
                  <a:gd name="T5" fmla="*/ 2 h 337"/>
                  <a:gd name="T6" fmla="*/ 21 w 159"/>
                  <a:gd name="T7" fmla="*/ 7 h 337"/>
                  <a:gd name="T8" fmla="*/ 22 w 159"/>
                  <a:gd name="T9" fmla="*/ 16 h 337"/>
                  <a:gd name="T10" fmla="*/ 22 w 159"/>
                  <a:gd name="T11" fmla="*/ 28 h 337"/>
                  <a:gd name="T12" fmla="*/ 23 w 159"/>
                  <a:gd name="T13" fmla="*/ 36 h 337"/>
                  <a:gd name="T14" fmla="*/ 26 w 159"/>
                  <a:gd name="T15" fmla="*/ 39 h 337"/>
                  <a:gd name="T16" fmla="*/ 30 w 159"/>
                  <a:gd name="T17" fmla="*/ 41 h 337"/>
                  <a:gd name="T18" fmla="*/ 33 w 159"/>
                  <a:gd name="T19" fmla="*/ 40 h 337"/>
                  <a:gd name="T20" fmla="*/ 36 w 159"/>
                  <a:gd name="T21" fmla="*/ 37 h 337"/>
                  <a:gd name="T22" fmla="*/ 39 w 159"/>
                  <a:gd name="T23" fmla="*/ 34 h 337"/>
                  <a:gd name="T24" fmla="*/ 41 w 159"/>
                  <a:gd name="T25" fmla="*/ 33 h 337"/>
                  <a:gd name="T26" fmla="*/ 43 w 159"/>
                  <a:gd name="T27" fmla="*/ 32 h 337"/>
                  <a:gd name="T28" fmla="*/ 45 w 159"/>
                  <a:gd name="T29" fmla="*/ 33 h 337"/>
                  <a:gd name="T30" fmla="*/ 46 w 159"/>
                  <a:gd name="T31" fmla="*/ 40 h 337"/>
                  <a:gd name="T32" fmla="*/ 46 w 159"/>
                  <a:gd name="T33" fmla="*/ 50 h 337"/>
                  <a:gd name="T34" fmla="*/ 47 w 159"/>
                  <a:gd name="T35" fmla="*/ 62 h 337"/>
                  <a:gd name="T36" fmla="*/ 49 w 159"/>
                  <a:gd name="T37" fmla="*/ 79 h 337"/>
                  <a:gd name="T38" fmla="*/ 52 w 159"/>
                  <a:gd name="T39" fmla="*/ 100 h 337"/>
                  <a:gd name="T40" fmla="*/ 50 w 159"/>
                  <a:gd name="T41" fmla="*/ 111 h 337"/>
                  <a:gd name="T42" fmla="*/ 44 w 159"/>
                  <a:gd name="T43" fmla="*/ 108 h 337"/>
                  <a:gd name="T44" fmla="*/ 40 w 159"/>
                  <a:gd name="T45" fmla="*/ 104 h 337"/>
                  <a:gd name="T46" fmla="*/ 36 w 159"/>
                  <a:gd name="T47" fmla="*/ 99 h 337"/>
                  <a:gd name="T48" fmla="*/ 31 w 159"/>
                  <a:gd name="T49" fmla="*/ 91 h 337"/>
                  <a:gd name="T50" fmla="*/ 26 w 159"/>
                  <a:gd name="T51" fmla="*/ 79 h 337"/>
                  <a:gd name="T52" fmla="*/ 22 w 159"/>
                  <a:gd name="T53" fmla="*/ 65 h 337"/>
                  <a:gd name="T54" fmla="*/ 18 w 159"/>
                  <a:gd name="T55" fmla="*/ 53 h 337"/>
                  <a:gd name="T56" fmla="*/ 14 w 159"/>
                  <a:gd name="T57" fmla="*/ 44 h 337"/>
                  <a:gd name="T58" fmla="*/ 11 w 159"/>
                  <a:gd name="T59" fmla="*/ 38 h 337"/>
                  <a:gd name="T60" fmla="*/ 7 w 159"/>
                  <a:gd name="T61" fmla="*/ 34 h 337"/>
                  <a:gd name="T62" fmla="*/ 2 w 159"/>
                  <a:gd name="T63" fmla="*/ 30 h 337"/>
                  <a:gd name="T64" fmla="*/ 1 w 159"/>
                  <a:gd name="T65" fmla="*/ 24 h 337"/>
                  <a:gd name="T66" fmla="*/ 2 w 159"/>
                  <a:gd name="T67" fmla="*/ 17 h 337"/>
                  <a:gd name="T68" fmla="*/ 2 w 159"/>
                  <a:gd name="T69" fmla="*/ 11 h 337"/>
                  <a:gd name="T70" fmla="*/ 4 w 159"/>
                  <a:gd name="T71" fmla="*/ 4 h 337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</a:gdLst>
                <a:ahLst/>
                <a:cxnLst>
                  <a:cxn ang="T72">
                    <a:pos x="T0" y="T1"/>
                  </a:cxn>
                  <a:cxn ang="T73">
                    <a:pos x="T2" y="T3"/>
                  </a:cxn>
                  <a:cxn ang="T74">
                    <a:pos x="T4" y="T5"/>
                  </a:cxn>
                  <a:cxn ang="T75">
                    <a:pos x="T6" y="T7"/>
                  </a:cxn>
                  <a:cxn ang="T76">
                    <a:pos x="T8" y="T9"/>
                  </a:cxn>
                  <a:cxn ang="T77">
                    <a:pos x="T10" y="T11"/>
                  </a:cxn>
                  <a:cxn ang="T78">
                    <a:pos x="T12" y="T13"/>
                  </a:cxn>
                  <a:cxn ang="T79">
                    <a:pos x="T14" y="T15"/>
                  </a:cxn>
                  <a:cxn ang="T80">
                    <a:pos x="T16" y="T17"/>
                  </a:cxn>
                  <a:cxn ang="T81">
                    <a:pos x="T18" y="T19"/>
                  </a:cxn>
                  <a:cxn ang="T82">
                    <a:pos x="T20" y="T21"/>
                  </a:cxn>
                  <a:cxn ang="T83">
                    <a:pos x="T22" y="T23"/>
                  </a:cxn>
                  <a:cxn ang="T84">
                    <a:pos x="T24" y="T25"/>
                  </a:cxn>
                  <a:cxn ang="T85">
                    <a:pos x="T26" y="T27"/>
                  </a:cxn>
                  <a:cxn ang="T86">
                    <a:pos x="T28" y="T29"/>
                  </a:cxn>
                  <a:cxn ang="T87">
                    <a:pos x="T30" y="T31"/>
                  </a:cxn>
                  <a:cxn ang="T88">
                    <a:pos x="T32" y="T33"/>
                  </a:cxn>
                  <a:cxn ang="T89">
                    <a:pos x="T34" y="T35"/>
                  </a:cxn>
                  <a:cxn ang="T90">
                    <a:pos x="T36" y="T37"/>
                  </a:cxn>
                  <a:cxn ang="T91">
                    <a:pos x="T38" y="T39"/>
                  </a:cxn>
                  <a:cxn ang="T92">
                    <a:pos x="T40" y="T41"/>
                  </a:cxn>
                  <a:cxn ang="T93">
                    <a:pos x="T42" y="T43"/>
                  </a:cxn>
                  <a:cxn ang="T94">
                    <a:pos x="T44" y="T45"/>
                  </a:cxn>
                  <a:cxn ang="T95">
                    <a:pos x="T46" y="T47"/>
                  </a:cxn>
                  <a:cxn ang="T96">
                    <a:pos x="T48" y="T49"/>
                  </a:cxn>
                  <a:cxn ang="T97">
                    <a:pos x="T50" y="T51"/>
                  </a:cxn>
                  <a:cxn ang="T98">
                    <a:pos x="T52" y="T53"/>
                  </a:cxn>
                  <a:cxn ang="T99">
                    <a:pos x="T54" y="T55"/>
                  </a:cxn>
                  <a:cxn ang="T100">
                    <a:pos x="T56" y="T57"/>
                  </a:cxn>
                  <a:cxn ang="T101">
                    <a:pos x="T58" y="T59"/>
                  </a:cxn>
                  <a:cxn ang="T102">
                    <a:pos x="T60" y="T61"/>
                  </a:cxn>
                  <a:cxn ang="T103">
                    <a:pos x="T62" y="T63"/>
                  </a:cxn>
                  <a:cxn ang="T104">
                    <a:pos x="T64" y="T65"/>
                  </a:cxn>
                  <a:cxn ang="T105">
                    <a:pos x="T66" y="T67"/>
                  </a:cxn>
                  <a:cxn ang="T106">
                    <a:pos x="T68" y="T69"/>
                  </a:cxn>
                  <a:cxn ang="T107">
                    <a:pos x="T70" y="T71"/>
                  </a:cxn>
                </a:cxnLst>
                <a:rect l="0" t="0" r="r" b="b"/>
                <a:pathLst>
                  <a:path w="159" h="337">
                    <a:moveTo>
                      <a:pt x="18" y="0"/>
                    </a:moveTo>
                    <a:lnTo>
                      <a:pt x="27" y="0"/>
                    </a:lnTo>
                    <a:lnTo>
                      <a:pt x="37" y="0"/>
                    </a:lnTo>
                    <a:lnTo>
                      <a:pt x="46" y="0"/>
                    </a:lnTo>
                    <a:lnTo>
                      <a:pt x="56" y="0"/>
                    </a:lnTo>
                    <a:lnTo>
                      <a:pt x="59" y="7"/>
                    </a:lnTo>
                    <a:lnTo>
                      <a:pt x="62" y="13"/>
                    </a:lnTo>
                    <a:lnTo>
                      <a:pt x="63" y="20"/>
                    </a:lnTo>
                    <a:lnTo>
                      <a:pt x="64" y="29"/>
                    </a:lnTo>
                    <a:lnTo>
                      <a:pt x="65" y="47"/>
                    </a:lnTo>
                    <a:lnTo>
                      <a:pt x="65" y="66"/>
                    </a:lnTo>
                    <a:lnTo>
                      <a:pt x="66" y="85"/>
                    </a:lnTo>
                    <a:lnTo>
                      <a:pt x="68" y="100"/>
                    </a:lnTo>
                    <a:lnTo>
                      <a:pt x="70" y="108"/>
                    </a:lnTo>
                    <a:lnTo>
                      <a:pt x="74" y="114"/>
                    </a:lnTo>
                    <a:lnTo>
                      <a:pt x="78" y="118"/>
                    </a:lnTo>
                    <a:lnTo>
                      <a:pt x="84" y="123"/>
                    </a:lnTo>
                    <a:lnTo>
                      <a:pt x="89" y="123"/>
                    </a:lnTo>
                    <a:lnTo>
                      <a:pt x="95" y="123"/>
                    </a:lnTo>
                    <a:lnTo>
                      <a:pt x="99" y="120"/>
                    </a:lnTo>
                    <a:lnTo>
                      <a:pt x="103" y="118"/>
                    </a:lnTo>
                    <a:lnTo>
                      <a:pt x="109" y="112"/>
                    </a:lnTo>
                    <a:lnTo>
                      <a:pt x="115" y="106"/>
                    </a:lnTo>
                    <a:lnTo>
                      <a:pt x="117" y="103"/>
                    </a:lnTo>
                    <a:lnTo>
                      <a:pt x="120" y="99"/>
                    </a:lnTo>
                    <a:lnTo>
                      <a:pt x="122" y="98"/>
                    </a:lnTo>
                    <a:lnTo>
                      <a:pt x="125" y="96"/>
                    </a:lnTo>
                    <a:lnTo>
                      <a:pt x="128" y="96"/>
                    </a:lnTo>
                    <a:lnTo>
                      <a:pt x="132" y="97"/>
                    </a:lnTo>
                    <a:lnTo>
                      <a:pt x="136" y="99"/>
                    </a:lnTo>
                    <a:lnTo>
                      <a:pt x="140" y="104"/>
                    </a:lnTo>
                    <a:lnTo>
                      <a:pt x="138" y="119"/>
                    </a:lnTo>
                    <a:lnTo>
                      <a:pt x="138" y="134"/>
                    </a:lnTo>
                    <a:lnTo>
                      <a:pt x="137" y="149"/>
                    </a:lnTo>
                    <a:lnTo>
                      <a:pt x="138" y="163"/>
                    </a:lnTo>
                    <a:lnTo>
                      <a:pt x="140" y="188"/>
                    </a:lnTo>
                    <a:lnTo>
                      <a:pt x="143" y="213"/>
                    </a:lnTo>
                    <a:lnTo>
                      <a:pt x="147" y="239"/>
                    </a:lnTo>
                    <a:lnTo>
                      <a:pt x="152" y="268"/>
                    </a:lnTo>
                    <a:lnTo>
                      <a:pt x="156" y="301"/>
                    </a:lnTo>
                    <a:lnTo>
                      <a:pt x="159" y="337"/>
                    </a:lnTo>
                    <a:lnTo>
                      <a:pt x="149" y="334"/>
                    </a:lnTo>
                    <a:lnTo>
                      <a:pt x="141" y="330"/>
                    </a:lnTo>
                    <a:lnTo>
                      <a:pt x="133" y="325"/>
                    </a:lnTo>
                    <a:lnTo>
                      <a:pt x="125" y="319"/>
                    </a:lnTo>
                    <a:lnTo>
                      <a:pt x="119" y="313"/>
                    </a:lnTo>
                    <a:lnTo>
                      <a:pt x="113" y="307"/>
                    </a:lnTo>
                    <a:lnTo>
                      <a:pt x="107" y="299"/>
                    </a:lnTo>
                    <a:lnTo>
                      <a:pt x="102" y="291"/>
                    </a:lnTo>
                    <a:lnTo>
                      <a:pt x="94" y="274"/>
                    </a:lnTo>
                    <a:lnTo>
                      <a:pt x="86" y="256"/>
                    </a:lnTo>
                    <a:lnTo>
                      <a:pt x="79" y="237"/>
                    </a:lnTo>
                    <a:lnTo>
                      <a:pt x="74" y="217"/>
                    </a:lnTo>
                    <a:lnTo>
                      <a:pt x="67" y="197"/>
                    </a:lnTo>
                    <a:lnTo>
                      <a:pt x="61" y="177"/>
                    </a:lnTo>
                    <a:lnTo>
                      <a:pt x="55" y="158"/>
                    </a:lnTo>
                    <a:lnTo>
                      <a:pt x="47" y="140"/>
                    </a:lnTo>
                    <a:lnTo>
                      <a:pt x="43" y="132"/>
                    </a:lnTo>
                    <a:lnTo>
                      <a:pt x="39" y="124"/>
                    </a:lnTo>
                    <a:lnTo>
                      <a:pt x="34" y="115"/>
                    </a:lnTo>
                    <a:lnTo>
                      <a:pt x="27" y="108"/>
                    </a:lnTo>
                    <a:lnTo>
                      <a:pt x="22" y="102"/>
                    </a:lnTo>
                    <a:lnTo>
                      <a:pt x="15" y="95"/>
                    </a:lnTo>
                    <a:lnTo>
                      <a:pt x="7" y="90"/>
                    </a:lnTo>
                    <a:lnTo>
                      <a:pt x="0" y="85"/>
                    </a:lnTo>
                    <a:lnTo>
                      <a:pt x="3" y="72"/>
                    </a:lnTo>
                    <a:lnTo>
                      <a:pt x="4" y="62"/>
                    </a:lnTo>
                    <a:lnTo>
                      <a:pt x="5" y="52"/>
                    </a:lnTo>
                    <a:lnTo>
                      <a:pt x="5" y="43"/>
                    </a:lnTo>
                    <a:lnTo>
                      <a:pt x="6" y="33"/>
                    </a:lnTo>
                    <a:lnTo>
                      <a:pt x="8" y="24"/>
                    </a:lnTo>
                    <a:lnTo>
                      <a:pt x="11" y="13"/>
                    </a:lnTo>
                    <a:lnTo>
                      <a:pt x="18" y="0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97" name="Esbjerg kant"/>
              <p:cNvSpPr>
                <a:spLocks/>
              </p:cNvSpPr>
              <p:nvPr/>
            </p:nvSpPr>
            <p:spPr bwMode="auto">
              <a:xfrm>
                <a:off x="698500" y="5241925"/>
                <a:ext cx="84138" cy="177800"/>
              </a:xfrm>
              <a:custGeom>
                <a:avLst/>
                <a:gdLst>
                  <a:gd name="T0" fmla="*/ 9 w 159"/>
                  <a:gd name="T1" fmla="*/ 0 h 337"/>
                  <a:gd name="T2" fmla="*/ 15 w 159"/>
                  <a:gd name="T3" fmla="*/ 0 h 337"/>
                  <a:gd name="T4" fmla="*/ 20 w 159"/>
                  <a:gd name="T5" fmla="*/ 2 h 337"/>
                  <a:gd name="T6" fmla="*/ 21 w 159"/>
                  <a:gd name="T7" fmla="*/ 7 h 337"/>
                  <a:gd name="T8" fmla="*/ 22 w 159"/>
                  <a:gd name="T9" fmla="*/ 16 h 337"/>
                  <a:gd name="T10" fmla="*/ 22 w 159"/>
                  <a:gd name="T11" fmla="*/ 28 h 337"/>
                  <a:gd name="T12" fmla="*/ 23 w 159"/>
                  <a:gd name="T13" fmla="*/ 36 h 337"/>
                  <a:gd name="T14" fmla="*/ 26 w 159"/>
                  <a:gd name="T15" fmla="*/ 39 h 337"/>
                  <a:gd name="T16" fmla="*/ 30 w 159"/>
                  <a:gd name="T17" fmla="*/ 41 h 337"/>
                  <a:gd name="T18" fmla="*/ 33 w 159"/>
                  <a:gd name="T19" fmla="*/ 40 h 337"/>
                  <a:gd name="T20" fmla="*/ 36 w 159"/>
                  <a:gd name="T21" fmla="*/ 37 h 337"/>
                  <a:gd name="T22" fmla="*/ 39 w 159"/>
                  <a:gd name="T23" fmla="*/ 34 h 337"/>
                  <a:gd name="T24" fmla="*/ 41 w 159"/>
                  <a:gd name="T25" fmla="*/ 33 h 337"/>
                  <a:gd name="T26" fmla="*/ 43 w 159"/>
                  <a:gd name="T27" fmla="*/ 32 h 337"/>
                  <a:gd name="T28" fmla="*/ 45 w 159"/>
                  <a:gd name="T29" fmla="*/ 33 h 337"/>
                  <a:gd name="T30" fmla="*/ 46 w 159"/>
                  <a:gd name="T31" fmla="*/ 40 h 337"/>
                  <a:gd name="T32" fmla="*/ 46 w 159"/>
                  <a:gd name="T33" fmla="*/ 50 h 337"/>
                  <a:gd name="T34" fmla="*/ 47 w 159"/>
                  <a:gd name="T35" fmla="*/ 62 h 337"/>
                  <a:gd name="T36" fmla="*/ 49 w 159"/>
                  <a:gd name="T37" fmla="*/ 79 h 337"/>
                  <a:gd name="T38" fmla="*/ 52 w 159"/>
                  <a:gd name="T39" fmla="*/ 100 h 337"/>
                  <a:gd name="T40" fmla="*/ 50 w 159"/>
                  <a:gd name="T41" fmla="*/ 111 h 337"/>
                  <a:gd name="T42" fmla="*/ 44 w 159"/>
                  <a:gd name="T43" fmla="*/ 108 h 337"/>
                  <a:gd name="T44" fmla="*/ 40 w 159"/>
                  <a:gd name="T45" fmla="*/ 104 h 337"/>
                  <a:gd name="T46" fmla="*/ 36 w 159"/>
                  <a:gd name="T47" fmla="*/ 99 h 337"/>
                  <a:gd name="T48" fmla="*/ 31 w 159"/>
                  <a:gd name="T49" fmla="*/ 91 h 337"/>
                  <a:gd name="T50" fmla="*/ 26 w 159"/>
                  <a:gd name="T51" fmla="*/ 79 h 337"/>
                  <a:gd name="T52" fmla="*/ 22 w 159"/>
                  <a:gd name="T53" fmla="*/ 65 h 337"/>
                  <a:gd name="T54" fmla="*/ 18 w 159"/>
                  <a:gd name="T55" fmla="*/ 53 h 337"/>
                  <a:gd name="T56" fmla="*/ 14 w 159"/>
                  <a:gd name="T57" fmla="*/ 44 h 337"/>
                  <a:gd name="T58" fmla="*/ 11 w 159"/>
                  <a:gd name="T59" fmla="*/ 38 h 337"/>
                  <a:gd name="T60" fmla="*/ 7 w 159"/>
                  <a:gd name="T61" fmla="*/ 34 h 337"/>
                  <a:gd name="T62" fmla="*/ 2 w 159"/>
                  <a:gd name="T63" fmla="*/ 30 h 337"/>
                  <a:gd name="T64" fmla="*/ 1 w 159"/>
                  <a:gd name="T65" fmla="*/ 24 h 337"/>
                  <a:gd name="T66" fmla="*/ 2 w 159"/>
                  <a:gd name="T67" fmla="*/ 17 h 337"/>
                  <a:gd name="T68" fmla="*/ 2 w 159"/>
                  <a:gd name="T69" fmla="*/ 11 h 337"/>
                  <a:gd name="T70" fmla="*/ 4 w 159"/>
                  <a:gd name="T71" fmla="*/ 4 h 337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</a:gdLst>
                <a:ahLst/>
                <a:cxnLst>
                  <a:cxn ang="T72">
                    <a:pos x="T0" y="T1"/>
                  </a:cxn>
                  <a:cxn ang="T73">
                    <a:pos x="T2" y="T3"/>
                  </a:cxn>
                  <a:cxn ang="T74">
                    <a:pos x="T4" y="T5"/>
                  </a:cxn>
                  <a:cxn ang="T75">
                    <a:pos x="T6" y="T7"/>
                  </a:cxn>
                  <a:cxn ang="T76">
                    <a:pos x="T8" y="T9"/>
                  </a:cxn>
                  <a:cxn ang="T77">
                    <a:pos x="T10" y="T11"/>
                  </a:cxn>
                  <a:cxn ang="T78">
                    <a:pos x="T12" y="T13"/>
                  </a:cxn>
                  <a:cxn ang="T79">
                    <a:pos x="T14" y="T15"/>
                  </a:cxn>
                  <a:cxn ang="T80">
                    <a:pos x="T16" y="T17"/>
                  </a:cxn>
                  <a:cxn ang="T81">
                    <a:pos x="T18" y="T19"/>
                  </a:cxn>
                  <a:cxn ang="T82">
                    <a:pos x="T20" y="T21"/>
                  </a:cxn>
                  <a:cxn ang="T83">
                    <a:pos x="T22" y="T23"/>
                  </a:cxn>
                  <a:cxn ang="T84">
                    <a:pos x="T24" y="T25"/>
                  </a:cxn>
                  <a:cxn ang="T85">
                    <a:pos x="T26" y="T27"/>
                  </a:cxn>
                  <a:cxn ang="T86">
                    <a:pos x="T28" y="T29"/>
                  </a:cxn>
                  <a:cxn ang="T87">
                    <a:pos x="T30" y="T31"/>
                  </a:cxn>
                  <a:cxn ang="T88">
                    <a:pos x="T32" y="T33"/>
                  </a:cxn>
                  <a:cxn ang="T89">
                    <a:pos x="T34" y="T35"/>
                  </a:cxn>
                  <a:cxn ang="T90">
                    <a:pos x="T36" y="T37"/>
                  </a:cxn>
                  <a:cxn ang="T91">
                    <a:pos x="T38" y="T39"/>
                  </a:cxn>
                  <a:cxn ang="T92">
                    <a:pos x="T40" y="T41"/>
                  </a:cxn>
                  <a:cxn ang="T93">
                    <a:pos x="T42" y="T43"/>
                  </a:cxn>
                  <a:cxn ang="T94">
                    <a:pos x="T44" y="T45"/>
                  </a:cxn>
                  <a:cxn ang="T95">
                    <a:pos x="T46" y="T47"/>
                  </a:cxn>
                  <a:cxn ang="T96">
                    <a:pos x="T48" y="T49"/>
                  </a:cxn>
                  <a:cxn ang="T97">
                    <a:pos x="T50" y="T51"/>
                  </a:cxn>
                  <a:cxn ang="T98">
                    <a:pos x="T52" y="T53"/>
                  </a:cxn>
                  <a:cxn ang="T99">
                    <a:pos x="T54" y="T55"/>
                  </a:cxn>
                  <a:cxn ang="T100">
                    <a:pos x="T56" y="T57"/>
                  </a:cxn>
                  <a:cxn ang="T101">
                    <a:pos x="T58" y="T59"/>
                  </a:cxn>
                  <a:cxn ang="T102">
                    <a:pos x="T60" y="T61"/>
                  </a:cxn>
                  <a:cxn ang="T103">
                    <a:pos x="T62" y="T63"/>
                  </a:cxn>
                  <a:cxn ang="T104">
                    <a:pos x="T64" y="T65"/>
                  </a:cxn>
                  <a:cxn ang="T105">
                    <a:pos x="T66" y="T67"/>
                  </a:cxn>
                  <a:cxn ang="T106">
                    <a:pos x="T68" y="T69"/>
                  </a:cxn>
                  <a:cxn ang="T107">
                    <a:pos x="T70" y="T71"/>
                  </a:cxn>
                </a:cxnLst>
                <a:rect l="0" t="0" r="r" b="b"/>
                <a:pathLst>
                  <a:path w="159" h="337">
                    <a:moveTo>
                      <a:pt x="18" y="0"/>
                    </a:moveTo>
                    <a:lnTo>
                      <a:pt x="27" y="0"/>
                    </a:lnTo>
                    <a:lnTo>
                      <a:pt x="37" y="0"/>
                    </a:lnTo>
                    <a:lnTo>
                      <a:pt x="46" y="0"/>
                    </a:lnTo>
                    <a:lnTo>
                      <a:pt x="56" y="0"/>
                    </a:lnTo>
                    <a:lnTo>
                      <a:pt x="59" y="7"/>
                    </a:lnTo>
                    <a:lnTo>
                      <a:pt x="62" y="13"/>
                    </a:lnTo>
                    <a:lnTo>
                      <a:pt x="63" y="20"/>
                    </a:lnTo>
                    <a:lnTo>
                      <a:pt x="64" y="29"/>
                    </a:lnTo>
                    <a:lnTo>
                      <a:pt x="65" y="47"/>
                    </a:lnTo>
                    <a:lnTo>
                      <a:pt x="65" y="66"/>
                    </a:lnTo>
                    <a:lnTo>
                      <a:pt x="66" y="85"/>
                    </a:lnTo>
                    <a:lnTo>
                      <a:pt x="68" y="100"/>
                    </a:lnTo>
                    <a:lnTo>
                      <a:pt x="70" y="108"/>
                    </a:lnTo>
                    <a:lnTo>
                      <a:pt x="74" y="114"/>
                    </a:lnTo>
                    <a:lnTo>
                      <a:pt x="78" y="118"/>
                    </a:lnTo>
                    <a:lnTo>
                      <a:pt x="84" y="123"/>
                    </a:lnTo>
                    <a:lnTo>
                      <a:pt x="89" y="123"/>
                    </a:lnTo>
                    <a:lnTo>
                      <a:pt x="95" y="123"/>
                    </a:lnTo>
                    <a:lnTo>
                      <a:pt x="99" y="120"/>
                    </a:lnTo>
                    <a:lnTo>
                      <a:pt x="103" y="118"/>
                    </a:lnTo>
                    <a:lnTo>
                      <a:pt x="109" y="112"/>
                    </a:lnTo>
                    <a:lnTo>
                      <a:pt x="115" y="106"/>
                    </a:lnTo>
                    <a:lnTo>
                      <a:pt x="117" y="103"/>
                    </a:lnTo>
                    <a:lnTo>
                      <a:pt x="120" y="99"/>
                    </a:lnTo>
                    <a:lnTo>
                      <a:pt x="122" y="98"/>
                    </a:lnTo>
                    <a:lnTo>
                      <a:pt x="125" y="96"/>
                    </a:lnTo>
                    <a:lnTo>
                      <a:pt x="128" y="96"/>
                    </a:lnTo>
                    <a:lnTo>
                      <a:pt x="132" y="97"/>
                    </a:lnTo>
                    <a:lnTo>
                      <a:pt x="136" y="99"/>
                    </a:lnTo>
                    <a:lnTo>
                      <a:pt x="140" y="104"/>
                    </a:lnTo>
                    <a:lnTo>
                      <a:pt x="138" y="119"/>
                    </a:lnTo>
                    <a:lnTo>
                      <a:pt x="138" y="134"/>
                    </a:lnTo>
                    <a:lnTo>
                      <a:pt x="137" y="149"/>
                    </a:lnTo>
                    <a:lnTo>
                      <a:pt x="138" y="163"/>
                    </a:lnTo>
                    <a:lnTo>
                      <a:pt x="140" y="188"/>
                    </a:lnTo>
                    <a:lnTo>
                      <a:pt x="143" y="213"/>
                    </a:lnTo>
                    <a:lnTo>
                      <a:pt x="147" y="239"/>
                    </a:lnTo>
                    <a:lnTo>
                      <a:pt x="152" y="268"/>
                    </a:lnTo>
                    <a:lnTo>
                      <a:pt x="156" y="301"/>
                    </a:lnTo>
                    <a:lnTo>
                      <a:pt x="159" y="337"/>
                    </a:lnTo>
                    <a:lnTo>
                      <a:pt x="149" y="334"/>
                    </a:lnTo>
                    <a:lnTo>
                      <a:pt x="141" y="330"/>
                    </a:lnTo>
                    <a:lnTo>
                      <a:pt x="133" y="325"/>
                    </a:lnTo>
                    <a:lnTo>
                      <a:pt x="125" y="319"/>
                    </a:lnTo>
                    <a:lnTo>
                      <a:pt x="119" y="313"/>
                    </a:lnTo>
                    <a:lnTo>
                      <a:pt x="113" y="307"/>
                    </a:lnTo>
                    <a:lnTo>
                      <a:pt x="107" y="299"/>
                    </a:lnTo>
                    <a:lnTo>
                      <a:pt x="102" y="291"/>
                    </a:lnTo>
                    <a:lnTo>
                      <a:pt x="94" y="274"/>
                    </a:lnTo>
                    <a:lnTo>
                      <a:pt x="86" y="256"/>
                    </a:lnTo>
                    <a:lnTo>
                      <a:pt x="79" y="237"/>
                    </a:lnTo>
                    <a:lnTo>
                      <a:pt x="74" y="217"/>
                    </a:lnTo>
                    <a:lnTo>
                      <a:pt x="67" y="197"/>
                    </a:lnTo>
                    <a:lnTo>
                      <a:pt x="61" y="177"/>
                    </a:lnTo>
                    <a:lnTo>
                      <a:pt x="55" y="158"/>
                    </a:lnTo>
                    <a:lnTo>
                      <a:pt x="47" y="140"/>
                    </a:lnTo>
                    <a:lnTo>
                      <a:pt x="43" y="132"/>
                    </a:lnTo>
                    <a:lnTo>
                      <a:pt x="39" y="124"/>
                    </a:lnTo>
                    <a:lnTo>
                      <a:pt x="34" y="115"/>
                    </a:lnTo>
                    <a:lnTo>
                      <a:pt x="27" y="108"/>
                    </a:lnTo>
                    <a:lnTo>
                      <a:pt x="22" y="102"/>
                    </a:lnTo>
                    <a:lnTo>
                      <a:pt x="15" y="95"/>
                    </a:lnTo>
                    <a:lnTo>
                      <a:pt x="7" y="90"/>
                    </a:lnTo>
                    <a:lnTo>
                      <a:pt x="0" y="85"/>
                    </a:lnTo>
                    <a:lnTo>
                      <a:pt x="3" y="72"/>
                    </a:lnTo>
                    <a:lnTo>
                      <a:pt x="4" y="62"/>
                    </a:lnTo>
                    <a:lnTo>
                      <a:pt x="5" y="52"/>
                    </a:lnTo>
                    <a:lnTo>
                      <a:pt x="5" y="43"/>
                    </a:lnTo>
                    <a:lnTo>
                      <a:pt x="6" y="33"/>
                    </a:lnTo>
                    <a:lnTo>
                      <a:pt x="8" y="24"/>
                    </a:lnTo>
                    <a:lnTo>
                      <a:pt x="11" y="13"/>
                    </a:lnTo>
                    <a:lnTo>
                      <a:pt x="18" y="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98" name="Freeform 299"/>
              <p:cNvSpPr>
                <a:spLocks/>
              </p:cNvSpPr>
              <p:nvPr/>
            </p:nvSpPr>
            <p:spPr bwMode="auto">
              <a:xfrm>
                <a:off x="846138" y="5499100"/>
                <a:ext cx="30163" cy="30163"/>
              </a:xfrm>
              <a:custGeom>
                <a:avLst/>
                <a:gdLst>
                  <a:gd name="T0" fmla="*/ 19 w 56"/>
                  <a:gd name="T1" fmla="*/ 1 h 58"/>
                  <a:gd name="T2" fmla="*/ 18 w 56"/>
                  <a:gd name="T3" fmla="*/ 4 h 58"/>
                  <a:gd name="T4" fmla="*/ 17 w 56"/>
                  <a:gd name="T5" fmla="*/ 7 h 58"/>
                  <a:gd name="T6" fmla="*/ 16 w 56"/>
                  <a:gd name="T7" fmla="*/ 10 h 58"/>
                  <a:gd name="T8" fmla="*/ 14 w 56"/>
                  <a:gd name="T9" fmla="*/ 13 h 58"/>
                  <a:gd name="T10" fmla="*/ 12 w 56"/>
                  <a:gd name="T11" fmla="*/ 15 h 58"/>
                  <a:gd name="T12" fmla="*/ 10 w 56"/>
                  <a:gd name="T13" fmla="*/ 17 h 58"/>
                  <a:gd name="T14" fmla="*/ 8 w 56"/>
                  <a:gd name="T15" fmla="*/ 18 h 58"/>
                  <a:gd name="T16" fmla="*/ 7 w 56"/>
                  <a:gd name="T17" fmla="*/ 18 h 58"/>
                  <a:gd name="T18" fmla="*/ 5 w 56"/>
                  <a:gd name="T19" fmla="*/ 19 h 58"/>
                  <a:gd name="T20" fmla="*/ 3 w 56"/>
                  <a:gd name="T21" fmla="*/ 19 h 58"/>
                  <a:gd name="T22" fmla="*/ 2 w 56"/>
                  <a:gd name="T23" fmla="*/ 17 h 58"/>
                  <a:gd name="T24" fmla="*/ 1 w 56"/>
                  <a:gd name="T25" fmla="*/ 15 h 58"/>
                  <a:gd name="T26" fmla="*/ 0 w 56"/>
                  <a:gd name="T27" fmla="*/ 13 h 58"/>
                  <a:gd name="T28" fmla="*/ 0 w 56"/>
                  <a:gd name="T29" fmla="*/ 12 h 58"/>
                  <a:gd name="T30" fmla="*/ 0 w 56"/>
                  <a:gd name="T31" fmla="*/ 10 h 58"/>
                  <a:gd name="T32" fmla="*/ 1 w 56"/>
                  <a:gd name="T33" fmla="*/ 8 h 58"/>
                  <a:gd name="T34" fmla="*/ 1 w 56"/>
                  <a:gd name="T35" fmla="*/ 7 h 58"/>
                  <a:gd name="T36" fmla="*/ 2 w 56"/>
                  <a:gd name="T37" fmla="*/ 5 h 58"/>
                  <a:gd name="T38" fmla="*/ 4 w 56"/>
                  <a:gd name="T39" fmla="*/ 4 h 58"/>
                  <a:gd name="T40" fmla="*/ 5 w 56"/>
                  <a:gd name="T41" fmla="*/ 2 h 58"/>
                  <a:gd name="T42" fmla="*/ 7 w 56"/>
                  <a:gd name="T43" fmla="*/ 1 h 58"/>
                  <a:gd name="T44" fmla="*/ 9 w 56"/>
                  <a:gd name="T45" fmla="*/ 1 h 58"/>
                  <a:gd name="T46" fmla="*/ 11 w 56"/>
                  <a:gd name="T47" fmla="*/ 0 h 58"/>
                  <a:gd name="T48" fmla="*/ 14 w 56"/>
                  <a:gd name="T49" fmla="*/ 0 h 58"/>
                  <a:gd name="T50" fmla="*/ 16 w 56"/>
                  <a:gd name="T51" fmla="*/ 0 h 58"/>
                  <a:gd name="T52" fmla="*/ 19 w 56"/>
                  <a:gd name="T53" fmla="*/ 1 h 58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6" h="58">
                    <a:moveTo>
                      <a:pt x="56" y="2"/>
                    </a:moveTo>
                    <a:lnTo>
                      <a:pt x="53" y="13"/>
                    </a:lnTo>
                    <a:lnTo>
                      <a:pt x="51" y="22"/>
                    </a:lnTo>
                    <a:lnTo>
                      <a:pt x="46" y="31"/>
                    </a:lnTo>
                    <a:lnTo>
                      <a:pt x="42" y="40"/>
                    </a:lnTo>
                    <a:lnTo>
                      <a:pt x="36" y="46"/>
                    </a:lnTo>
                    <a:lnTo>
                      <a:pt x="28" y="53"/>
                    </a:lnTo>
                    <a:lnTo>
                      <a:pt x="24" y="55"/>
                    </a:lnTo>
                    <a:lnTo>
                      <a:pt x="20" y="56"/>
                    </a:lnTo>
                    <a:lnTo>
                      <a:pt x="15" y="57"/>
                    </a:lnTo>
                    <a:lnTo>
                      <a:pt x="8" y="58"/>
                    </a:lnTo>
                    <a:lnTo>
                      <a:pt x="5" y="53"/>
                    </a:lnTo>
                    <a:lnTo>
                      <a:pt x="2" y="47"/>
                    </a:lnTo>
                    <a:lnTo>
                      <a:pt x="1" y="41"/>
                    </a:lnTo>
                    <a:lnTo>
                      <a:pt x="0" y="36"/>
                    </a:lnTo>
                    <a:lnTo>
                      <a:pt x="0" y="30"/>
                    </a:lnTo>
                    <a:lnTo>
                      <a:pt x="2" y="25"/>
                    </a:lnTo>
                    <a:lnTo>
                      <a:pt x="4" y="20"/>
                    </a:lnTo>
                    <a:lnTo>
                      <a:pt x="7" y="16"/>
                    </a:lnTo>
                    <a:lnTo>
                      <a:pt x="11" y="11"/>
                    </a:lnTo>
                    <a:lnTo>
                      <a:pt x="16" y="7"/>
                    </a:lnTo>
                    <a:lnTo>
                      <a:pt x="21" y="4"/>
                    </a:lnTo>
                    <a:lnTo>
                      <a:pt x="26" y="2"/>
                    </a:lnTo>
                    <a:lnTo>
                      <a:pt x="33" y="1"/>
                    </a:lnTo>
                    <a:lnTo>
                      <a:pt x="40" y="0"/>
                    </a:lnTo>
                    <a:lnTo>
                      <a:pt x="47" y="0"/>
                    </a:lnTo>
                    <a:lnTo>
                      <a:pt x="56" y="2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99" name="Esbjerg kant"/>
              <p:cNvSpPr>
                <a:spLocks/>
              </p:cNvSpPr>
              <p:nvPr/>
            </p:nvSpPr>
            <p:spPr bwMode="auto">
              <a:xfrm>
                <a:off x="846138" y="5499100"/>
                <a:ext cx="30163" cy="30163"/>
              </a:xfrm>
              <a:custGeom>
                <a:avLst/>
                <a:gdLst>
                  <a:gd name="T0" fmla="*/ 19 w 56"/>
                  <a:gd name="T1" fmla="*/ 1 h 58"/>
                  <a:gd name="T2" fmla="*/ 18 w 56"/>
                  <a:gd name="T3" fmla="*/ 4 h 58"/>
                  <a:gd name="T4" fmla="*/ 17 w 56"/>
                  <a:gd name="T5" fmla="*/ 7 h 58"/>
                  <a:gd name="T6" fmla="*/ 16 w 56"/>
                  <a:gd name="T7" fmla="*/ 10 h 58"/>
                  <a:gd name="T8" fmla="*/ 14 w 56"/>
                  <a:gd name="T9" fmla="*/ 13 h 58"/>
                  <a:gd name="T10" fmla="*/ 12 w 56"/>
                  <a:gd name="T11" fmla="*/ 15 h 58"/>
                  <a:gd name="T12" fmla="*/ 10 w 56"/>
                  <a:gd name="T13" fmla="*/ 17 h 58"/>
                  <a:gd name="T14" fmla="*/ 8 w 56"/>
                  <a:gd name="T15" fmla="*/ 18 h 58"/>
                  <a:gd name="T16" fmla="*/ 7 w 56"/>
                  <a:gd name="T17" fmla="*/ 18 h 58"/>
                  <a:gd name="T18" fmla="*/ 5 w 56"/>
                  <a:gd name="T19" fmla="*/ 19 h 58"/>
                  <a:gd name="T20" fmla="*/ 3 w 56"/>
                  <a:gd name="T21" fmla="*/ 19 h 58"/>
                  <a:gd name="T22" fmla="*/ 2 w 56"/>
                  <a:gd name="T23" fmla="*/ 17 h 58"/>
                  <a:gd name="T24" fmla="*/ 1 w 56"/>
                  <a:gd name="T25" fmla="*/ 15 h 58"/>
                  <a:gd name="T26" fmla="*/ 0 w 56"/>
                  <a:gd name="T27" fmla="*/ 13 h 58"/>
                  <a:gd name="T28" fmla="*/ 0 w 56"/>
                  <a:gd name="T29" fmla="*/ 12 h 58"/>
                  <a:gd name="T30" fmla="*/ 0 w 56"/>
                  <a:gd name="T31" fmla="*/ 10 h 58"/>
                  <a:gd name="T32" fmla="*/ 1 w 56"/>
                  <a:gd name="T33" fmla="*/ 8 h 58"/>
                  <a:gd name="T34" fmla="*/ 1 w 56"/>
                  <a:gd name="T35" fmla="*/ 7 h 58"/>
                  <a:gd name="T36" fmla="*/ 2 w 56"/>
                  <a:gd name="T37" fmla="*/ 5 h 58"/>
                  <a:gd name="T38" fmla="*/ 4 w 56"/>
                  <a:gd name="T39" fmla="*/ 4 h 58"/>
                  <a:gd name="T40" fmla="*/ 5 w 56"/>
                  <a:gd name="T41" fmla="*/ 2 h 58"/>
                  <a:gd name="T42" fmla="*/ 7 w 56"/>
                  <a:gd name="T43" fmla="*/ 1 h 58"/>
                  <a:gd name="T44" fmla="*/ 9 w 56"/>
                  <a:gd name="T45" fmla="*/ 1 h 58"/>
                  <a:gd name="T46" fmla="*/ 11 w 56"/>
                  <a:gd name="T47" fmla="*/ 0 h 58"/>
                  <a:gd name="T48" fmla="*/ 14 w 56"/>
                  <a:gd name="T49" fmla="*/ 0 h 58"/>
                  <a:gd name="T50" fmla="*/ 16 w 56"/>
                  <a:gd name="T51" fmla="*/ 0 h 58"/>
                  <a:gd name="T52" fmla="*/ 19 w 56"/>
                  <a:gd name="T53" fmla="*/ 1 h 58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6" h="58">
                    <a:moveTo>
                      <a:pt x="56" y="2"/>
                    </a:moveTo>
                    <a:lnTo>
                      <a:pt x="53" y="13"/>
                    </a:lnTo>
                    <a:lnTo>
                      <a:pt x="51" y="22"/>
                    </a:lnTo>
                    <a:lnTo>
                      <a:pt x="46" y="31"/>
                    </a:lnTo>
                    <a:lnTo>
                      <a:pt x="42" y="40"/>
                    </a:lnTo>
                    <a:lnTo>
                      <a:pt x="36" y="46"/>
                    </a:lnTo>
                    <a:lnTo>
                      <a:pt x="28" y="53"/>
                    </a:lnTo>
                    <a:lnTo>
                      <a:pt x="24" y="55"/>
                    </a:lnTo>
                    <a:lnTo>
                      <a:pt x="20" y="56"/>
                    </a:lnTo>
                    <a:lnTo>
                      <a:pt x="15" y="57"/>
                    </a:lnTo>
                    <a:lnTo>
                      <a:pt x="8" y="58"/>
                    </a:lnTo>
                    <a:lnTo>
                      <a:pt x="5" y="53"/>
                    </a:lnTo>
                    <a:lnTo>
                      <a:pt x="2" y="47"/>
                    </a:lnTo>
                    <a:lnTo>
                      <a:pt x="1" y="41"/>
                    </a:lnTo>
                    <a:lnTo>
                      <a:pt x="0" y="36"/>
                    </a:lnTo>
                    <a:lnTo>
                      <a:pt x="0" y="30"/>
                    </a:lnTo>
                    <a:lnTo>
                      <a:pt x="2" y="25"/>
                    </a:lnTo>
                    <a:lnTo>
                      <a:pt x="4" y="20"/>
                    </a:lnTo>
                    <a:lnTo>
                      <a:pt x="7" y="16"/>
                    </a:lnTo>
                    <a:lnTo>
                      <a:pt x="11" y="11"/>
                    </a:lnTo>
                    <a:lnTo>
                      <a:pt x="16" y="7"/>
                    </a:lnTo>
                    <a:lnTo>
                      <a:pt x="21" y="4"/>
                    </a:lnTo>
                    <a:lnTo>
                      <a:pt x="26" y="2"/>
                    </a:lnTo>
                    <a:lnTo>
                      <a:pt x="33" y="1"/>
                    </a:lnTo>
                    <a:lnTo>
                      <a:pt x="40" y="0"/>
                    </a:lnTo>
                    <a:lnTo>
                      <a:pt x="47" y="0"/>
                    </a:lnTo>
                    <a:lnTo>
                      <a:pt x="56" y="2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00" name="Esbjerg"/>
              <p:cNvSpPr>
                <a:spLocks/>
              </p:cNvSpPr>
              <p:nvPr/>
            </p:nvSpPr>
            <p:spPr bwMode="auto">
              <a:xfrm>
                <a:off x="657225" y="5045075"/>
                <a:ext cx="500063" cy="539750"/>
              </a:xfrm>
              <a:custGeom>
                <a:avLst/>
                <a:gdLst>
                  <a:gd name="T0" fmla="*/ 54 w 944"/>
                  <a:gd name="T1" fmla="*/ 42 h 1020"/>
                  <a:gd name="T2" fmla="*/ 42 w 944"/>
                  <a:gd name="T3" fmla="*/ 36 h 1020"/>
                  <a:gd name="T4" fmla="*/ 44 w 944"/>
                  <a:gd name="T5" fmla="*/ 27 h 1020"/>
                  <a:gd name="T6" fmla="*/ 34 w 944"/>
                  <a:gd name="T7" fmla="*/ 14 h 1020"/>
                  <a:gd name="T8" fmla="*/ 21 w 944"/>
                  <a:gd name="T9" fmla="*/ 3 h 1020"/>
                  <a:gd name="T10" fmla="*/ 13 w 944"/>
                  <a:gd name="T11" fmla="*/ 7 h 1020"/>
                  <a:gd name="T12" fmla="*/ 7 w 944"/>
                  <a:gd name="T13" fmla="*/ 28 h 1020"/>
                  <a:gd name="T14" fmla="*/ 7 w 944"/>
                  <a:gd name="T15" fmla="*/ 44 h 1020"/>
                  <a:gd name="T16" fmla="*/ 37 w 944"/>
                  <a:gd name="T17" fmla="*/ 87 h 1020"/>
                  <a:gd name="T18" fmla="*/ 60 w 944"/>
                  <a:gd name="T19" fmla="*/ 114 h 1020"/>
                  <a:gd name="T20" fmla="*/ 80 w 944"/>
                  <a:gd name="T21" fmla="*/ 128 h 1020"/>
                  <a:gd name="T22" fmla="*/ 106 w 944"/>
                  <a:gd name="T23" fmla="*/ 133 h 1020"/>
                  <a:gd name="T24" fmla="*/ 133 w 944"/>
                  <a:gd name="T25" fmla="*/ 134 h 1020"/>
                  <a:gd name="T26" fmla="*/ 150 w 944"/>
                  <a:gd name="T27" fmla="*/ 147 h 1020"/>
                  <a:gd name="T28" fmla="*/ 161 w 944"/>
                  <a:gd name="T29" fmla="*/ 164 h 1020"/>
                  <a:gd name="T30" fmla="*/ 182 w 944"/>
                  <a:gd name="T31" fmla="*/ 224 h 1020"/>
                  <a:gd name="T32" fmla="*/ 185 w 944"/>
                  <a:gd name="T33" fmla="*/ 266 h 1020"/>
                  <a:gd name="T34" fmla="*/ 180 w 944"/>
                  <a:gd name="T35" fmla="*/ 286 h 1020"/>
                  <a:gd name="T36" fmla="*/ 182 w 944"/>
                  <a:gd name="T37" fmla="*/ 308 h 1020"/>
                  <a:gd name="T38" fmla="*/ 211 w 944"/>
                  <a:gd name="T39" fmla="*/ 320 h 1020"/>
                  <a:gd name="T40" fmla="*/ 248 w 944"/>
                  <a:gd name="T41" fmla="*/ 329 h 1020"/>
                  <a:gd name="T42" fmla="*/ 286 w 944"/>
                  <a:gd name="T43" fmla="*/ 339 h 1020"/>
                  <a:gd name="T44" fmla="*/ 314 w 944"/>
                  <a:gd name="T45" fmla="*/ 333 h 1020"/>
                  <a:gd name="T46" fmla="*/ 313 w 944"/>
                  <a:gd name="T47" fmla="*/ 313 h 1020"/>
                  <a:gd name="T48" fmla="*/ 304 w 944"/>
                  <a:gd name="T49" fmla="*/ 294 h 1020"/>
                  <a:gd name="T50" fmla="*/ 303 w 944"/>
                  <a:gd name="T51" fmla="*/ 278 h 1020"/>
                  <a:gd name="T52" fmla="*/ 303 w 944"/>
                  <a:gd name="T53" fmla="*/ 270 h 1020"/>
                  <a:gd name="T54" fmla="*/ 296 w 944"/>
                  <a:gd name="T55" fmla="*/ 264 h 1020"/>
                  <a:gd name="T56" fmla="*/ 292 w 944"/>
                  <a:gd name="T57" fmla="*/ 249 h 1020"/>
                  <a:gd name="T58" fmla="*/ 287 w 944"/>
                  <a:gd name="T59" fmla="*/ 222 h 1020"/>
                  <a:gd name="T60" fmla="*/ 291 w 944"/>
                  <a:gd name="T61" fmla="*/ 213 h 1020"/>
                  <a:gd name="T62" fmla="*/ 303 w 944"/>
                  <a:gd name="T63" fmla="*/ 198 h 1020"/>
                  <a:gd name="T64" fmla="*/ 309 w 944"/>
                  <a:gd name="T65" fmla="*/ 194 h 1020"/>
                  <a:gd name="T66" fmla="*/ 304 w 944"/>
                  <a:gd name="T67" fmla="*/ 187 h 1020"/>
                  <a:gd name="T68" fmla="*/ 303 w 944"/>
                  <a:gd name="T69" fmla="*/ 177 h 1020"/>
                  <a:gd name="T70" fmla="*/ 286 w 944"/>
                  <a:gd name="T71" fmla="*/ 178 h 1020"/>
                  <a:gd name="T72" fmla="*/ 278 w 944"/>
                  <a:gd name="T73" fmla="*/ 172 h 1020"/>
                  <a:gd name="T74" fmla="*/ 277 w 944"/>
                  <a:gd name="T75" fmla="*/ 156 h 1020"/>
                  <a:gd name="T76" fmla="*/ 267 w 944"/>
                  <a:gd name="T77" fmla="*/ 143 h 1020"/>
                  <a:gd name="T78" fmla="*/ 267 w 944"/>
                  <a:gd name="T79" fmla="*/ 130 h 1020"/>
                  <a:gd name="T80" fmla="*/ 274 w 944"/>
                  <a:gd name="T81" fmla="*/ 119 h 1020"/>
                  <a:gd name="T82" fmla="*/ 281 w 944"/>
                  <a:gd name="T83" fmla="*/ 113 h 1020"/>
                  <a:gd name="T84" fmla="*/ 283 w 944"/>
                  <a:gd name="T85" fmla="*/ 101 h 1020"/>
                  <a:gd name="T86" fmla="*/ 265 w 944"/>
                  <a:gd name="T87" fmla="*/ 78 h 1020"/>
                  <a:gd name="T88" fmla="*/ 225 w 944"/>
                  <a:gd name="T89" fmla="*/ 43 h 1020"/>
                  <a:gd name="T90" fmla="*/ 217 w 944"/>
                  <a:gd name="T91" fmla="*/ 58 h 1020"/>
                  <a:gd name="T92" fmla="*/ 210 w 944"/>
                  <a:gd name="T93" fmla="*/ 65 h 1020"/>
                  <a:gd name="T94" fmla="*/ 168 w 944"/>
                  <a:gd name="T95" fmla="*/ 31 h 1020"/>
                  <a:gd name="T96" fmla="*/ 160 w 944"/>
                  <a:gd name="T97" fmla="*/ 34 h 1020"/>
                  <a:gd name="T98" fmla="*/ 143 w 944"/>
                  <a:gd name="T99" fmla="*/ 43 h 1020"/>
                  <a:gd name="T100" fmla="*/ 126 w 944"/>
                  <a:gd name="T101" fmla="*/ 30 h 1020"/>
                  <a:gd name="T102" fmla="*/ 113 w 944"/>
                  <a:gd name="T103" fmla="*/ 12 h 1020"/>
                  <a:gd name="T104" fmla="*/ 78 w 944"/>
                  <a:gd name="T105" fmla="*/ 15 h 1020"/>
                  <a:gd name="T106" fmla="*/ 78 w 944"/>
                  <a:gd name="T107" fmla="*/ 27 h 102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944" h="1020">
                    <a:moveTo>
                      <a:pt x="206" y="140"/>
                    </a:moveTo>
                    <a:lnTo>
                      <a:pt x="197" y="135"/>
                    </a:lnTo>
                    <a:lnTo>
                      <a:pt x="186" y="132"/>
                    </a:lnTo>
                    <a:lnTo>
                      <a:pt x="175" y="129"/>
                    </a:lnTo>
                    <a:lnTo>
                      <a:pt x="163" y="126"/>
                    </a:lnTo>
                    <a:lnTo>
                      <a:pt x="153" y="124"/>
                    </a:lnTo>
                    <a:lnTo>
                      <a:pt x="141" y="121"/>
                    </a:lnTo>
                    <a:lnTo>
                      <a:pt x="132" y="117"/>
                    </a:lnTo>
                    <a:lnTo>
                      <a:pt x="122" y="111"/>
                    </a:lnTo>
                    <a:lnTo>
                      <a:pt x="125" y="107"/>
                    </a:lnTo>
                    <a:lnTo>
                      <a:pt x="127" y="103"/>
                    </a:lnTo>
                    <a:lnTo>
                      <a:pt x="130" y="98"/>
                    </a:lnTo>
                    <a:lnTo>
                      <a:pt x="131" y="92"/>
                    </a:lnTo>
                    <a:lnTo>
                      <a:pt x="132" y="86"/>
                    </a:lnTo>
                    <a:lnTo>
                      <a:pt x="133" y="80"/>
                    </a:lnTo>
                    <a:lnTo>
                      <a:pt x="133" y="72"/>
                    </a:lnTo>
                    <a:lnTo>
                      <a:pt x="132" y="65"/>
                    </a:lnTo>
                    <a:lnTo>
                      <a:pt x="122" y="56"/>
                    </a:lnTo>
                    <a:lnTo>
                      <a:pt x="112" y="49"/>
                    </a:lnTo>
                    <a:lnTo>
                      <a:pt x="101" y="43"/>
                    </a:lnTo>
                    <a:lnTo>
                      <a:pt x="91" y="35"/>
                    </a:lnTo>
                    <a:lnTo>
                      <a:pt x="80" y="28"/>
                    </a:lnTo>
                    <a:lnTo>
                      <a:pt x="71" y="21"/>
                    </a:lnTo>
                    <a:lnTo>
                      <a:pt x="66" y="15"/>
                    </a:lnTo>
                    <a:lnTo>
                      <a:pt x="63" y="10"/>
                    </a:lnTo>
                    <a:lnTo>
                      <a:pt x="59" y="5"/>
                    </a:lnTo>
                    <a:lnTo>
                      <a:pt x="57" y="0"/>
                    </a:lnTo>
                    <a:lnTo>
                      <a:pt x="50" y="6"/>
                    </a:lnTo>
                    <a:lnTo>
                      <a:pt x="44" y="12"/>
                    </a:lnTo>
                    <a:lnTo>
                      <a:pt x="39" y="20"/>
                    </a:lnTo>
                    <a:lnTo>
                      <a:pt x="36" y="26"/>
                    </a:lnTo>
                    <a:lnTo>
                      <a:pt x="31" y="41"/>
                    </a:lnTo>
                    <a:lnTo>
                      <a:pt x="27" y="55"/>
                    </a:lnTo>
                    <a:lnTo>
                      <a:pt x="24" y="70"/>
                    </a:lnTo>
                    <a:lnTo>
                      <a:pt x="20" y="84"/>
                    </a:lnTo>
                    <a:lnTo>
                      <a:pt x="17" y="91"/>
                    </a:lnTo>
                    <a:lnTo>
                      <a:pt x="13" y="99"/>
                    </a:lnTo>
                    <a:lnTo>
                      <a:pt x="7" y="105"/>
                    </a:lnTo>
                    <a:lnTo>
                      <a:pt x="0" y="111"/>
                    </a:lnTo>
                    <a:lnTo>
                      <a:pt x="21" y="133"/>
                    </a:lnTo>
                    <a:lnTo>
                      <a:pt x="40" y="158"/>
                    </a:lnTo>
                    <a:lnTo>
                      <a:pt x="58" y="183"/>
                    </a:lnTo>
                    <a:lnTo>
                      <a:pt x="76" y="209"/>
                    </a:lnTo>
                    <a:lnTo>
                      <a:pt x="94" y="235"/>
                    </a:lnTo>
                    <a:lnTo>
                      <a:pt x="112" y="262"/>
                    </a:lnTo>
                    <a:lnTo>
                      <a:pt x="130" y="286"/>
                    </a:lnTo>
                    <a:lnTo>
                      <a:pt x="149" y="310"/>
                    </a:lnTo>
                    <a:lnTo>
                      <a:pt x="159" y="322"/>
                    </a:lnTo>
                    <a:lnTo>
                      <a:pt x="170" y="332"/>
                    </a:lnTo>
                    <a:lnTo>
                      <a:pt x="180" y="343"/>
                    </a:lnTo>
                    <a:lnTo>
                      <a:pt x="192" y="352"/>
                    </a:lnTo>
                    <a:lnTo>
                      <a:pt x="203" y="361"/>
                    </a:lnTo>
                    <a:lnTo>
                      <a:pt x="215" y="369"/>
                    </a:lnTo>
                    <a:lnTo>
                      <a:pt x="228" y="377"/>
                    </a:lnTo>
                    <a:lnTo>
                      <a:pt x="241" y="383"/>
                    </a:lnTo>
                    <a:lnTo>
                      <a:pt x="255" y="388"/>
                    </a:lnTo>
                    <a:lnTo>
                      <a:pt x="270" y="392"/>
                    </a:lnTo>
                    <a:lnTo>
                      <a:pt x="285" y="396"/>
                    </a:lnTo>
                    <a:lnTo>
                      <a:pt x="301" y="398"/>
                    </a:lnTo>
                    <a:lnTo>
                      <a:pt x="319" y="398"/>
                    </a:lnTo>
                    <a:lnTo>
                      <a:pt x="337" y="398"/>
                    </a:lnTo>
                    <a:lnTo>
                      <a:pt x="355" y="396"/>
                    </a:lnTo>
                    <a:lnTo>
                      <a:pt x="375" y="392"/>
                    </a:lnTo>
                    <a:lnTo>
                      <a:pt x="388" y="397"/>
                    </a:lnTo>
                    <a:lnTo>
                      <a:pt x="399" y="403"/>
                    </a:lnTo>
                    <a:lnTo>
                      <a:pt x="411" y="408"/>
                    </a:lnTo>
                    <a:lnTo>
                      <a:pt x="421" y="416"/>
                    </a:lnTo>
                    <a:lnTo>
                      <a:pt x="431" y="423"/>
                    </a:lnTo>
                    <a:lnTo>
                      <a:pt x="440" y="431"/>
                    </a:lnTo>
                    <a:lnTo>
                      <a:pt x="449" y="440"/>
                    </a:lnTo>
                    <a:lnTo>
                      <a:pt x="456" y="449"/>
                    </a:lnTo>
                    <a:lnTo>
                      <a:pt x="464" y="459"/>
                    </a:lnTo>
                    <a:lnTo>
                      <a:pt x="471" y="469"/>
                    </a:lnTo>
                    <a:lnTo>
                      <a:pt x="477" y="480"/>
                    </a:lnTo>
                    <a:lnTo>
                      <a:pt x="483" y="491"/>
                    </a:lnTo>
                    <a:lnTo>
                      <a:pt x="495" y="515"/>
                    </a:lnTo>
                    <a:lnTo>
                      <a:pt x="504" y="540"/>
                    </a:lnTo>
                    <a:lnTo>
                      <a:pt x="521" y="591"/>
                    </a:lnTo>
                    <a:lnTo>
                      <a:pt x="537" y="645"/>
                    </a:lnTo>
                    <a:lnTo>
                      <a:pt x="544" y="672"/>
                    </a:lnTo>
                    <a:lnTo>
                      <a:pt x="553" y="698"/>
                    </a:lnTo>
                    <a:lnTo>
                      <a:pt x="561" y="724"/>
                    </a:lnTo>
                    <a:lnTo>
                      <a:pt x="572" y="748"/>
                    </a:lnTo>
                    <a:lnTo>
                      <a:pt x="561" y="773"/>
                    </a:lnTo>
                    <a:lnTo>
                      <a:pt x="553" y="797"/>
                    </a:lnTo>
                    <a:lnTo>
                      <a:pt x="550" y="808"/>
                    </a:lnTo>
                    <a:lnTo>
                      <a:pt x="547" y="821"/>
                    </a:lnTo>
                    <a:lnTo>
                      <a:pt x="543" y="834"/>
                    </a:lnTo>
                    <a:lnTo>
                      <a:pt x="541" y="846"/>
                    </a:lnTo>
                    <a:lnTo>
                      <a:pt x="540" y="859"/>
                    </a:lnTo>
                    <a:lnTo>
                      <a:pt x="539" y="872"/>
                    </a:lnTo>
                    <a:lnTo>
                      <a:pt x="539" y="885"/>
                    </a:lnTo>
                    <a:lnTo>
                      <a:pt x="540" y="898"/>
                    </a:lnTo>
                    <a:lnTo>
                      <a:pt x="542" y="912"/>
                    </a:lnTo>
                    <a:lnTo>
                      <a:pt x="544" y="925"/>
                    </a:lnTo>
                    <a:lnTo>
                      <a:pt x="549" y="940"/>
                    </a:lnTo>
                    <a:lnTo>
                      <a:pt x="553" y="955"/>
                    </a:lnTo>
                    <a:lnTo>
                      <a:pt x="581" y="955"/>
                    </a:lnTo>
                    <a:lnTo>
                      <a:pt x="608" y="956"/>
                    </a:lnTo>
                    <a:lnTo>
                      <a:pt x="632" y="959"/>
                    </a:lnTo>
                    <a:lnTo>
                      <a:pt x="656" y="964"/>
                    </a:lnTo>
                    <a:lnTo>
                      <a:pt x="678" y="969"/>
                    </a:lnTo>
                    <a:lnTo>
                      <a:pt x="700" y="975"/>
                    </a:lnTo>
                    <a:lnTo>
                      <a:pt x="722" y="982"/>
                    </a:lnTo>
                    <a:lnTo>
                      <a:pt x="743" y="988"/>
                    </a:lnTo>
                    <a:lnTo>
                      <a:pt x="765" y="995"/>
                    </a:lnTo>
                    <a:lnTo>
                      <a:pt x="787" y="1001"/>
                    </a:lnTo>
                    <a:lnTo>
                      <a:pt x="809" y="1007"/>
                    </a:lnTo>
                    <a:lnTo>
                      <a:pt x="832" y="1013"/>
                    </a:lnTo>
                    <a:lnTo>
                      <a:pt x="856" y="1017"/>
                    </a:lnTo>
                    <a:lnTo>
                      <a:pt x="881" y="1019"/>
                    </a:lnTo>
                    <a:lnTo>
                      <a:pt x="909" y="1020"/>
                    </a:lnTo>
                    <a:lnTo>
                      <a:pt x="937" y="1020"/>
                    </a:lnTo>
                    <a:lnTo>
                      <a:pt x="939" y="1009"/>
                    </a:lnTo>
                    <a:lnTo>
                      <a:pt x="941" y="1000"/>
                    </a:lnTo>
                    <a:lnTo>
                      <a:pt x="943" y="992"/>
                    </a:lnTo>
                    <a:lnTo>
                      <a:pt x="944" y="982"/>
                    </a:lnTo>
                    <a:lnTo>
                      <a:pt x="943" y="966"/>
                    </a:lnTo>
                    <a:lnTo>
                      <a:pt x="940" y="952"/>
                    </a:lnTo>
                    <a:lnTo>
                      <a:pt x="937" y="938"/>
                    </a:lnTo>
                    <a:lnTo>
                      <a:pt x="933" y="925"/>
                    </a:lnTo>
                    <a:lnTo>
                      <a:pt x="928" y="913"/>
                    </a:lnTo>
                    <a:lnTo>
                      <a:pt x="923" y="902"/>
                    </a:lnTo>
                    <a:lnTo>
                      <a:pt x="917" y="890"/>
                    </a:lnTo>
                    <a:lnTo>
                      <a:pt x="912" y="881"/>
                    </a:lnTo>
                    <a:lnTo>
                      <a:pt x="909" y="870"/>
                    </a:lnTo>
                    <a:lnTo>
                      <a:pt x="907" y="860"/>
                    </a:lnTo>
                    <a:lnTo>
                      <a:pt x="906" y="849"/>
                    </a:lnTo>
                    <a:lnTo>
                      <a:pt x="908" y="838"/>
                    </a:lnTo>
                    <a:lnTo>
                      <a:pt x="909" y="833"/>
                    </a:lnTo>
                    <a:lnTo>
                      <a:pt x="911" y="826"/>
                    </a:lnTo>
                    <a:lnTo>
                      <a:pt x="914" y="820"/>
                    </a:lnTo>
                    <a:lnTo>
                      <a:pt x="918" y="814"/>
                    </a:lnTo>
                    <a:lnTo>
                      <a:pt x="912" y="811"/>
                    </a:lnTo>
                    <a:lnTo>
                      <a:pt x="907" y="809"/>
                    </a:lnTo>
                    <a:lnTo>
                      <a:pt x="901" y="806"/>
                    </a:lnTo>
                    <a:lnTo>
                      <a:pt x="897" y="803"/>
                    </a:lnTo>
                    <a:lnTo>
                      <a:pt x="893" y="800"/>
                    </a:lnTo>
                    <a:lnTo>
                      <a:pt x="890" y="796"/>
                    </a:lnTo>
                    <a:lnTo>
                      <a:pt x="888" y="791"/>
                    </a:lnTo>
                    <a:lnTo>
                      <a:pt x="885" y="787"/>
                    </a:lnTo>
                    <a:lnTo>
                      <a:pt x="881" y="778"/>
                    </a:lnTo>
                    <a:lnTo>
                      <a:pt x="878" y="768"/>
                    </a:lnTo>
                    <a:lnTo>
                      <a:pt x="877" y="757"/>
                    </a:lnTo>
                    <a:lnTo>
                      <a:pt x="876" y="746"/>
                    </a:lnTo>
                    <a:lnTo>
                      <a:pt x="874" y="722"/>
                    </a:lnTo>
                    <a:lnTo>
                      <a:pt x="872" y="698"/>
                    </a:lnTo>
                    <a:lnTo>
                      <a:pt x="869" y="686"/>
                    </a:lnTo>
                    <a:lnTo>
                      <a:pt x="866" y="676"/>
                    </a:lnTo>
                    <a:lnTo>
                      <a:pt x="860" y="665"/>
                    </a:lnTo>
                    <a:lnTo>
                      <a:pt x="853" y="655"/>
                    </a:lnTo>
                    <a:lnTo>
                      <a:pt x="859" y="652"/>
                    </a:lnTo>
                    <a:lnTo>
                      <a:pt x="865" y="648"/>
                    </a:lnTo>
                    <a:lnTo>
                      <a:pt x="869" y="645"/>
                    </a:lnTo>
                    <a:lnTo>
                      <a:pt x="873" y="640"/>
                    </a:lnTo>
                    <a:lnTo>
                      <a:pt x="880" y="629"/>
                    </a:lnTo>
                    <a:lnTo>
                      <a:pt x="887" y="619"/>
                    </a:lnTo>
                    <a:lnTo>
                      <a:pt x="894" y="608"/>
                    </a:lnTo>
                    <a:lnTo>
                      <a:pt x="903" y="599"/>
                    </a:lnTo>
                    <a:lnTo>
                      <a:pt x="907" y="595"/>
                    </a:lnTo>
                    <a:lnTo>
                      <a:pt x="913" y="592"/>
                    </a:lnTo>
                    <a:lnTo>
                      <a:pt x="919" y="590"/>
                    </a:lnTo>
                    <a:lnTo>
                      <a:pt x="928" y="589"/>
                    </a:lnTo>
                    <a:lnTo>
                      <a:pt x="928" y="584"/>
                    </a:lnTo>
                    <a:lnTo>
                      <a:pt x="927" y="581"/>
                    </a:lnTo>
                    <a:lnTo>
                      <a:pt x="926" y="578"/>
                    </a:lnTo>
                    <a:lnTo>
                      <a:pt x="924" y="575"/>
                    </a:lnTo>
                    <a:lnTo>
                      <a:pt x="919" y="569"/>
                    </a:lnTo>
                    <a:lnTo>
                      <a:pt x="914" y="565"/>
                    </a:lnTo>
                    <a:lnTo>
                      <a:pt x="910" y="560"/>
                    </a:lnTo>
                    <a:lnTo>
                      <a:pt x="907" y="554"/>
                    </a:lnTo>
                    <a:lnTo>
                      <a:pt x="906" y="550"/>
                    </a:lnTo>
                    <a:lnTo>
                      <a:pt x="906" y="545"/>
                    </a:lnTo>
                    <a:lnTo>
                      <a:pt x="907" y="540"/>
                    </a:lnTo>
                    <a:lnTo>
                      <a:pt x="909" y="532"/>
                    </a:lnTo>
                    <a:lnTo>
                      <a:pt x="899" y="536"/>
                    </a:lnTo>
                    <a:lnTo>
                      <a:pt x="890" y="537"/>
                    </a:lnTo>
                    <a:lnTo>
                      <a:pt x="878" y="538"/>
                    </a:lnTo>
                    <a:lnTo>
                      <a:pt x="868" y="537"/>
                    </a:lnTo>
                    <a:lnTo>
                      <a:pt x="857" y="533"/>
                    </a:lnTo>
                    <a:lnTo>
                      <a:pt x="848" y="529"/>
                    </a:lnTo>
                    <a:lnTo>
                      <a:pt x="844" y="526"/>
                    </a:lnTo>
                    <a:lnTo>
                      <a:pt x="840" y="523"/>
                    </a:lnTo>
                    <a:lnTo>
                      <a:pt x="836" y="519"/>
                    </a:lnTo>
                    <a:lnTo>
                      <a:pt x="834" y="515"/>
                    </a:lnTo>
                    <a:lnTo>
                      <a:pt x="836" y="503"/>
                    </a:lnTo>
                    <a:lnTo>
                      <a:pt x="836" y="492"/>
                    </a:lnTo>
                    <a:lnTo>
                      <a:pt x="835" y="484"/>
                    </a:lnTo>
                    <a:lnTo>
                      <a:pt x="832" y="476"/>
                    </a:lnTo>
                    <a:lnTo>
                      <a:pt x="830" y="469"/>
                    </a:lnTo>
                    <a:lnTo>
                      <a:pt x="826" y="463"/>
                    </a:lnTo>
                    <a:lnTo>
                      <a:pt x="821" y="458"/>
                    </a:lnTo>
                    <a:lnTo>
                      <a:pt x="817" y="451"/>
                    </a:lnTo>
                    <a:lnTo>
                      <a:pt x="808" y="441"/>
                    </a:lnTo>
                    <a:lnTo>
                      <a:pt x="800" y="428"/>
                    </a:lnTo>
                    <a:lnTo>
                      <a:pt x="797" y="421"/>
                    </a:lnTo>
                    <a:lnTo>
                      <a:pt x="796" y="412"/>
                    </a:lnTo>
                    <a:lnTo>
                      <a:pt x="795" y="403"/>
                    </a:lnTo>
                    <a:lnTo>
                      <a:pt x="796" y="392"/>
                    </a:lnTo>
                    <a:lnTo>
                      <a:pt x="800" y="389"/>
                    </a:lnTo>
                    <a:lnTo>
                      <a:pt x="805" y="385"/>
                    </a:lnTo>
                    <a:lnTo>
                      <a:pt x="808" y="381"/>
                    </a:lnTo>
                    <a:lnTo>
                      <a:pt x="810" y="376"/>
                    </a:lnTo>
                    <a:lnTo>
                      <a:pt x="816" y="366"/>
                    </a:lnTo>
                    <a:lnTo>
                      <a:pt x="821" y="357"/>
                    </a:lnTo>
                    <a:lnTo>
                      <a:pt x="825" y="351"/>
                    </a:lnTo>
                    <a:lnTo>
                      <a:pt x="828" y="347"/>
                    </a:lnTo>
                    <a:lnTo>
                      <a:pt x="832" y="344"/>
                    </a:lnTo>
                    <a:lnTo>
                      <a:pt x="836" y="341"/>
                    </a:lnTo>
                    <a:lnTo>
                      <a:pt x="841" y="339"/>
                    </a:lnTo>
                    <a:lnTo>
                      <a:pt x="848" y="337"/>
                    </a:lnTo>
                    <a:lnTo>
                      <a:pt x="854" y="336"/>
                    </a:lnTo>
                    <a:lnTo>
                      <a:pt x="862" y="337"/>
                    </a:lnTo>
                    <a:lnTo>
                      <a:pt x="855" y="319"/>
                    </a:lnTo>
                    <a:lnTo>
                      <a:pt x="847" y="302"/>
                    </a:lnTo>
                    <a:lnTo>
                      <a:pt x="838" y="287"/>
                    </a:lnTo>
                    <a:lnTo>
                      <a:pt x="828" y="272"/>
                    </a:lnTo>
                    <a:lnTo>
                      <a:pt x="817" y="259"/>
                    </a:lnTo>
                    <a:lnTo>
                      <a:pt x="806" y="245"/>
                    </a:lnTo>
                    <a:lnTo>
                      <a:pt x="793" y="233"/>
                    </a:lnTo>
                    <a:lnTo>
                      <a:pt x="780" y="221"/>
                    </a:lnTo>
                    <a:lnTo>
                      <a:pt x="754" y="198"/>
                    </a:lnTo>
                    <a:lnTo>
                      <a:pt x="728" y="175"/>
                    </a:lnTo>
                    <a:lnTo>
                      <a:pt x="700" y="153"/>
                    </a:lnTo>
                    <a:lnTo>
                      <a:pt x="675" y="130"/>
                    </a:lnTo>
                    <a:lnTo>
                      <a:pt x="668" y="138"/>
                    </a:lnTo>
                    <a:lnTo>
                      <a:pt x="662" y="146"/>
                    </a:lnTo>
                    <a:lnTo>
                      <a:pt x="658" y="155"/>
                    </a:lnTo>
                    <a:lnTo>
                      <a:pt x="654" y="165"/>
                    </a:lnTo>
                    <a:lnTo>
                      <a:pt x="649" y="174"/>
                    </a:lnTo>
                    <a:lnTo>
                      <a:pt x="643" y="183"/>
                    </a:lnTo>
                    <a:lnTo>
                      <a:pt x="640" y="187"/>
                    </a:lnTo>
                    <a:lnTo>
                      <a:pt x="636" y="190"/>
                    </a:lnTo>
                    <a:lnTo>
                      <a:pt x="633" y="193"/>
                    </a:lnTo>
                    <a:lnTo>
                      <a:pt x="628" y="195"/>
                    </a:lnTo>
                    <a:lnTo>
                      <a:pt x="592" y="166"/>
                    </a:lnTo>
                    <a:lnTo>
                      <a:pt x="555" y="138"/>
                    </a:lnTo>
                    <a:lnTo>
                      <a:pt x="536" y="124"/>
                    </a:lnTo>
                    <a:lnTo>
                      <a:pt x="519" y="108"/>
                    </a:lnTo>
                    <a:lnTo>
                      <a:pt x="502" y="92"/>
                    </a:lnTo>
                    <a:lnTo>
                      <a:pt x="488" y="74"/>
                    </a:lnTo>
                    <a:lnTo>
                      <a:pt x="487" y="83"/>
                    </a:lnTo>
                    <a:lnTo>
                      <a:pt x="486" y="90"/>
                    </a:lnTo>
                    <a:lnTo>
                      <a:pt x="482" y="97"/>
                    </a:lnTo>
                    <a:lnTo>
                      <a:pt x="478" y="103"/>
                    </a:lnTo>
                    <a:lnTo>
                      <a:pt x="474" y="107"/>
                    </a:lnTo>
                    <a:lnTo>
                      <a:pt x="469" y="111"/>
                    </a:lnTo>
                    <a:lnTo>
                      <a:pt x="463" y="115"/>
                    </a:lnTo>
                    <a:lnTo>
                      <a:pt x="457" y="119"/>
                    </a:lnTo>
                    <a:lnTo>
                      <a:pt x="430" y="128"/>
                    </a:lnTo>
                    <a:lnTo>
                      <a:pt x="403" y="140"/>
                    </a:lnTo>
                    <a:lnTo>
                      <a:pt x="398" y="126"/>
                    </a:lnTo>
                    <a:lnTo>
                      <a:pt x="392" y="113"/>
                    </a:lnTo>
                    <a:lnTo>
                      <a:pt x="384" y="102"/>
                    </a:lnTo>
                    <a:lnTo>
                      <a:pt x="378" y="90"/>
                    </a:lnTo>
                    <a:lnTo>
                      <a:pt x="371" y="79"/>
                    </a:lnTo>
                    <a:lnTo>
                      <a:pt x="364" y="66"/>
                    </a:lnTo>
                    <a:lnTo>
                      <a:pt x="360" y="52"/>
                    </a:lnTo>
                    <a:lnTo>
                      <a:pt x="356" y="36"/>
                    </a:lnTo>
                    <a:lnTo>
                      <a:pt x="338" y="36"/>
                    </a:lnTo>
                    <a:lnTo>
                      <a:pt x="319" y="36"/>
                    </a:lnTo>
                    <a:lnTo>
                      <a:pt x="301" y="39"/>
                    </a:lnTo>
                    <a:lnTo>
                      <a:pt x="284" y="40"/>
                    </a:lnTo>
                    <a:lnTo>
                      <a:pt x="255" y="44"/>
                    </a:lnTo>
                    <a:lnTo>
                      <a:pt x="235" y="46"/>
                    </a:lnTo>
                    <a:lnTo>
                      <a:pt x="236" y="52"/>
                    </a:lnTo>
                    <a:lnTo>
                      <a:pt x="237" y="59"/>
                    </a:lnTo>
                    <a:lnTo>
                      <a:pt x="237" y="65"/>
                    </a:lnTo>
                    <a:lnTo>
                      <a:pt x="236" y="70"/>
                    </a:lnTo>
                    <a:lnTo>
                      <a:pt x="234" y="82"/>
                    </a:lnTo>
                    <a:lnTo>
                      <a:pt x="229" y="93"/>
                    </a:lnTo>
                    <a:lnTo>
                      <a:pt x="217" y="117"/>
                    </a:lnTo>
                    <a:lnTo>
                      <a:pt x="206" y="140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01" name="Esbjerg kant"/>
              <p:cNvSpPr>
                <a:spLocks/>
              </p:cNvSpPr>
              <p:nvPr/>
            </p:nvSpPr>
            <p:spPr bwMode="auto">
              <a:xfrm>
                <a:off x="657225" y="5045075"/>
                <a:ext cx="500063" cy="539750"/>
              </a:xfrm>
              <a:custGeom>
                <a:avLst/>
                <a:gdLst>
                  <a:gd name="T0" fmla="*/ 54 w 944"/>
                  <a:gd name="T1" fmla="*/ 42 h 1020"/>
                  <a:gd name="T2" fmla="*/ 42 w 944"/>
                  <a:gd name="T3" fmla="*/ 36 h 1020"/>
                  <a:gd name="T4" fmla="*/ 44 w 944"/>
                  <a:gd name="T5" fmla="*/ 27 h 1020"/>
                  <a:gd name="T6" fmla="*/ 34 w 944"/>
                  <a:gd name="T7" fmla="*/ 14 h 1020"/>
                  <a:gd name="T8" fmla="*/ 21 w 944"/>
                  <a:gd name="T9" fmla="*/ 3 h 1020"/>
                  <a:gd name="T10" fmla="*/ 13 w 944"/>
                  <a:gd name="T11" fmla="*/ 7 h 1020"/>
                  <a:gd name="T12" fmla="*/ 7 w 944"/>
                  <a:gd name="T13" fmla="*/ 28 h 1020"/>
                  <a:gd name="T14" fmla="*/ 7 w 944"/>
                  <a:gd name="T15" fmla="*/ 44 h 1020"/>
                  <a:gd name="T16" fmla="*/ 37 w 944"/>
                  <a:gd name="T17" fmla="*/ 87 h 1020"/>
                  <a:gd name="T18" fmla="*/ 60 w 944"/>
                  <a:gd name="T19" fmla="*/ 114 h 1020"/>
                  <a:gd name="T20" fmla="*/ 80 w 944"/>
                  <a:gd name="T21" fmla="*/ 128 h 1020"/>
                  <a:gd name="T22" fmla="*/ 106 w 944"/>
                  <a:gd name="T23" fmla="*/ 133 h 1020"/>
                  <a:gd name="T24" fmla="*/ 133 w 944"/>
                  <a:gd name="T25" fmla="*/ 134 h 1020"/>
                  <a:gd name="T26" fmla="*/ 150 w 944"/>
                  <a:gd name="T27" fmla="*/ 147 h 1020"/>
                  <a:gd name="T28" fmla="*/ 161 w 944"/>
                  <a:gd name="T29" fmla="*/ 164 h 1020"/>
                  <a:gd name="T30" fmla="*/ 182 w 944"/>
                  <a:gd name="T31" fmla="*/ 224 h 1020"/>
                  <a:gd name="T32" fmla="*/ 185 w 944"/>
                  <a:gd name="T33" fmla="*/ 266 h 1020"/>
                  <a:gd name="T34" fmla="*/ 180 w 944"/>
                  <a:gd name="T35" fmla="*/ 286 h 1020"/>
                  <a:gd name="T36" fmla="*/ 182 w 944"/>
                  <a:gd name="T37" fmla="*/ 308 h 1020"/>
                  <a:gd name="T38" fmla="*/ 211 w 944"/>
                  <a:gd name="T39" fmla="*/ 320 h 1020"/>
                  <a:gd name="T40" fmla="*/ 248 w 944"/>
                  <a:gd name="T41" fmla="*/ 329 h 1020"/>
                  <a:gd name="T42" fmla="*/ 286 w 944"/>
                  <a:gd name="T43" fmla="*/ 339 h 1020"/>
                  <a:gd name="T44" fmla="*/ 314 w 944"/>
                  <a:gd name="T45" fmla="*/ 333 h 1020"/>
                  <a:gd name="T46" fmla="*/ 313 w 944"/>
                  <a:gd name="T47" fmla="*/ 313 h 1020"/>
                  <a:gd name="T48" fmla="*/ 304 w 944"/>
                  <a:gd name="T49" fmla="*/ 294 h 1020"/>
                  <a:gd name="T50" fmla="*/ 303 w 944"/>
                  <a:gd name="T51" fmla="*/ 278 h 1020"/>
                  <a:gd name="T52" fmla="*/ 303 w 944"/>
                  <a:gd name="T53" fmla="*/ 270 h 1020"/>
                  <a:gd name="T54" fmla="*/ 296 w 944"/>
                  <a:gd name="T55" fmla="*/ 264 h 1020"/>
                  <a:gd name="T56" fmla="*/ 292 w 944"/>
                  <a:gd name="T57" fmla="*/ 249 h 1020"/>
                  <a:gd name="T58" fmla="*/ 287 w 944"/>
                  <a:gd name="T59" fmla="*/ 222 h 1020"/>
                  <a:gd name="T60" fmla="*/ 291 w 944"/>
                  <a:gd name="T61" fmla="*/ 213 h 1020"/>
                  <a:gd name="T62" fmla="*/ 303 w 944"/>
                  <a:gd name="T63" fmla="*/ 198 h 1020"/>
                  <a:gd name="T64" fmla="*/ 309 w 944"/>
                  <a:gd name="T65" fmla="*/ 194 h 1020"/>
                  <a:gd name="T66" fmla="*/ 304 w 944"/>
                  <a:gd name="T67" fmla="*/ 187 h 1020"/>
                  <a:gd name="T68" fmla="*/ 303 w 944"/>
                  <a:gd name="T69" fmla="*/ 177 h 1020"/>
                  <a:gd name="T70" fmla="*/ 286 w 944"/>
                  <a:gd name="T71" fmla="*/ 178 h 1020"/>
                  <a:gd name="T72" fmla="*/ 278 w 944"/>
                  <a:gd name="T73" fmla="*/ 172 h 1020"/>
                  <a:gd name="T74" fmla="*/ 277 w 944"/>
                  <a:gd name="T75" fmla="*/ 156 h 1020"/>
                  <a:gd name="T76" fmla="*/ 267 w 944"/>
                  <a:gd name="T77" fmla="*/ 143 h 1020"/>
                  <a:gd name="T78" fmla="*/ 267 w 944"/>
                  <a:gd name="T79" fmla="*/ 130 h 1020"/>
                  <a:gd name="T80" fmla="*/ 274 w 944"/>
                  <a:gd name="T81" fmla="*/ 119 h 1020"/>
                  <a:gd name="T82" fmla="*/ 281 w 944"/>
                  <a:gd name="T83" fmla="*/ 113 h 1020"/>
                  <a:gd name="T84" fmla="*/ 283 w 944"/>
                  <a:gd name="T85" fmla="*/ 101 h 1020"/>
                  <a:gd name="T86" fmla="*/ 265 w 944"/>
                  <a:gd name="T87" fmla="*/ 78 h 1020"/>
                  <a:gd name="T88" fmla="*/ 225 w 944"/>
                  <a:gd name="T89" fmla="*/ 43 h 1020"/>
                  <a:gd name="T90" fmla="*/ 217 w 944"/>
                  <a:gd name="T91" fmla="*/ 58 h 1020"/>
                  <a:gd name="T92" fmla="*/ 210 w 944"/>
                  <a:gd name="T93" fmla="*/ 65 h 1020"/>
                  <a:gd name="T94" fmla="*/ 168 w 944"/>
                  <a:gd name="T95" fmla="*/ 31 h 1020"/>
                  <a:gd name="T96" fmla="*/ 160 w 944"/>
                  <a:gd name="T97" fmla="*/ 34 h 1020"/>
                  <a:gd name="T98" fmla="*/ 143 w 944"/>
                  <a:gd name="T99" fmla="*/ 43 h 1020"/>
                  <a:gd name="T100" fmla="*/ 126 w 944"/>
                  <a:gd name="T101" fmla="*/ 30 h 1020"/>
                  <a:gd name="T102" fmla="*/ 113 w 944"/>
                  <a:gd name="T103" fmla="*/ 12 h 1020"/>
                  <a:gd name="T104" fmla="*/ 78 w 944"/>
                  <a:gd name="T105" fmla="*/ 15 h 1020"/>
                  <a:gd name="T106" fmla="*/ 78 w 944"/>
                  <a:gd name="T107" fmla="*/ 27 h 102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944" h="1020">
                    <a:moveTo>
                      <a:pt x="206" y="140"/>
                    </a:moveTo>
                    <a:lnTo>
                      <a:pt x="197" y="135"/>
                    </a:lnTo>
                    <a:lnTo>
                      <a:pt x="186" y="132"/>
                    </a:lnTo>
                    <a:lnTo>
                      <a:pt x="175" y="129"/>
                    </a:lnTo>
                    <a:lnTo>
                      <a:pt x="163" y="126"/>
                    </a:lnTo>
                    <a:lnTo>
                      <a:pt x="153" y="124"/>
                    </a:lnTo>
                    <a:lnTo>
                      <a:pt x="141" y="121"/>
                    </a:lnTo>
                    <a:lnTo>
                      <a:pt x="132" y="117"/>
                    </a:lnTo>
                    <a:lnTo>
                      <a:pt x="122" y="111"/>
                    </a:lnTo>
                    <a:lnTo>
                      <a:pt x="125" y="107"/>
                    </a:lnTo>
                    <a:lnTo>
                      <a:pt x="127" y="103"/>
                    </a:lnTo>
                    <a:lnTo>
                      <a:pt x="130" y="98"/>
                    </a:lnTo>
                    <a:lnTo>
                      <a:pt x="131" y="92"/>
                    </a:lnTo>
                    <a:lnTo>
                      <a:pt x="132" y="86"/>
                    </a:lnTo>
                    <a:lnTo>
                      <a:pt x="133" y="80"/>
                    </a:lnTo>
                    <a:lnTo>
                      <a:pt x="133" y="72"/>
                    </a:lnTo>
                    <a:lnTo>
                      <a:pt x="132" y="65"/>
                    </a:lnTo>
                    <a:lnTo>
                      <a:pt x="122" y="56"/>
                    </a:lnTo>
                    <a:lnTo>
                      <a:pt x="112" y="49"/>
                    </a:lnTo>
                    <a:lnTo>
                      <a:pt x="101" y="43"/>
                    </a:lnTo>
                    <a:lnTo>
                      <a:pt x="91" y="35"/>
                    </a:lnTo>
                    <a:lnTo>
                      <a:pt x="80" y="28"/>
                    </a:lnTo>
                    <a:lnTo>
                      <a:pt x="71" y="21"/>
                    </a:lnTo>
                    <a:lnTo>
                      <a:pt x="66" y="15"/>
                    </a:lnTo>
                    <a:lnTo>
                      <a:pt x="63" y="10"/>
                    </a:lnTo>
                    <a:lnTo>
                      <a:pt x="59" y="5"/>
                    </a:lnTo>
                    <a:lnTo>
                      <a:pt x="57" y="0"/>
                    </a:lnTo>
                    <a:lnTo>
                      <a:pt x="50" y="6"/>
                    </a:lnTo>
                    <a:lnTo>
                      <a:pt x="44" y="12"/>
                    </a:lnTo>
                    <a:lnTo>
                      <a:pt x="39" y="20"/>
                    </a:lnTo>
                    <a:lnTo>
                      <a:pt x="36" y="26"/>
                    </a:lnTo>
                    <a:lnTo>
                      <a:pt x="31" y="41"/>
                    </a:lnTo>
                    <a:lnTo>
                      <a:pt x="27" y="55"/>
                    </a:lnTo>
                    <a:lnTo>
                      <a:pt x="24" y="70"/>
                    </a:lnTo>
                    <a:lnTo>
                      <a:pt x="20" y="84"/>
                    </a:lnTo>
                    <a:lnTo>
                      <a:pt x="17" y="91"/>
                    </a:lnTo>
                    <a:lnTo>
                      <a:pt x="13" y="99"/>
                    </a:lnTo>
                    <a:lnTo>
                      <a:pt x="7" y="105"/>
                    </a:lnTo>
                    <a:lnTo>
                      <a:pt x="0" y="111"/>
                    </a:lnTo>
                    <a:lnTo>
                      <a:pt x="21" y="133"/>
                    </a:lnTo>
                    <a:lnTo>
                      <a:pt x="40" y="158"/>
                    </a:lnTo>
                    <a:lnTo>
                      <a:pt x="58" y="183"/>
                    </a:lnTo>
                    <a:lnTo>
                      <a:pt x="76" y="209"/>
                    </a:lnTo>
                    <a:lnTo>
                      <a:pt x="94" y="235"/>
                    </a:lnTo>
                    <a:lnTo>
                      <a:pt x="112" y="262"/>
                    </a:lnTo>
                    <a:lnTo>
                      <a:pt x="130" y="286"/>
                    </a:lnTo>
                    <a:lnTo>
                      <a:pt x="149" y="310"/>
                    </a:lnTo>
                    <a:lnTo>
                      <a:pt x="159" y="322"/>
                    </a:lnTo>
                    <a:lnTo>
                      <a:pt x="170" y="332"/>
                    </a:lnTo>
                    <a:lnTo>
                      <a:pt x="180" y="343"/>
                    </a:lnTo>
                    <a:lnTo>
                      <a:pt x="192" y="352"/>
                    </a:lnTo>
                    <a:lnTo>
                      <a:pt x="203" y="361"/>
                    </a:lnTo>
                    <a:lnTo>
                      <a:pt x="215" y="369"/>
                    </a:lnTo>
                    <a:lnTo>
                      <a:pt x="228" y="377"/>
                    </a:lnTo>
                    <a:lnTo>
                      <a:pt x="241" y="383"/>
                    </a:lnTo>
                    <a:lnTo>
                      <a:pt x="255" y="388"/>
                    </a:lnTo>
                    <a:lnTo>
                      <a:pt x="270" y="392"/>
                    </a:lnTo>
                    <a:lnTo>
                      <a:pt x="285" y="396"/>
                    </a:lnTo>
                    <a:lnTo>
                      <a:pt x="301" y="398"/>
                    </a:lnTo>
                    <a:lnTo>
                      <a:pt x="319" y="398"/>
                    </a:lnTo>
                    <a:lnTo>
                      <a:pt x="337" y="398"/>
                    </a:lnTo>
                    <a:lnTo>
                      <a:pt x="355" y="396"/>
                    </a:lnTo>
                    <a:lnTo>
                      <a:pt x="375" y="392"/>
                    </a:lnTo>
                    <a:lnTo>
                      <a:pt x="388" y="397"/>
                    </a:lnTo>
                    <a:lnTo>
                      <a:pt x="399" y="403"/>
                    </a:lnTo>
                    <a:lnTo>
                      <a:pt x="411" y="408"/>
                    </a:lnTo>
                    <a:lnTo>
                      <a:pt x="421" y="416"/>
                    </a:lnTo>
                    <a:lnTo>
                      <a:pt x="431" y="423"/>
                    </a:lnTo>
                    <a:lnTo>
                      <a:pt x="440" y="431"/>
                    </a:lnTo>
                    <a:lnTo>
                      <a:pt x="449" y="440"/>
                    </a:lnTo>
                    <a:lnTo>
                      <a:pt x="456" y="449"/>
                    </a:lnTo>
                    <a:lnTo>
                      <a:pt x="464" y="459"/>
                    </a:lnTo>
                    <a:lnTo>
                      <a:pt x="471" y="469"/>
                    </a:lnTo>
                    <a:lnTo>
                      <a:pt x="477" y="480"/>
                    </a:lnTo>
                    <a:lnTo>
                      <a:pt x="483" y="491"/>
                    </a:lnTo>
                    <a:lnTo>
                      <a:pt x="495" y="515"/>
                    </a:lnTo>
                    <a:lnTo>
                      <a:pt x="504" y="540"/>
                    </a:lnTo>
                    <a:lnTo>
                      <a:pt x="521" y="591"/>
                    </a:lnTo>
                    <a:lnTo>
                      <a:pt x="537" y="645"/>
                    </a:lnTo>
                    <a:lnTo>
                      <a:pt x="544" y="672"/>
                    </a:lnTo>
                    <a:lnTo>
                      <a:pt x="553" y="698"/>
                    </a:lnTo>
                    <a:lnTo>
                      <a:pt x="561" y="724"/>
                    </a:lnTo>
                    <a:lnTo>
                      <a:pt x="572" y="748"/>
                    </a:lnTo>
                    <a:lnTo>
                      <a:pt x="561" y="773"/>
                    </a:lnTo>
                    <a:lnTo>
                      <a:pt x="553" y="797"/>
                    </a:lnTo>
                    <a:lnTo>
                      <a:pt x="550" y="808"/>
                    </a:lnTo>
                    <a:lnTo>
                      <a:pt x="547" y="821"/>
                    </a:lnTo>
                    <a:lnTo>
                      <a:pt x="543" y="834"/>
                    </a:lnTo>
                    <a:lnTo>
                      <a:pt x="541" y="846"/>
                    </a:lnTo>
                    <a:lnTo>
                      <a:pt x="540" y="859"/>
                    </a:lnTo>
                    <a:lnTo>
                      <a:pt x="539" y="872"/>
                    </a:lnTo>
                    <a:lnTo>
                      <a:pt x="539" y="885"/>
                    </a:lnTo>
                    <a:lnTo>
                      <a:pt x="540" y="898"/>
                    </a:lnTo>
                    <a:lnTo>
                      <a:pt x="542" y="912"/>
                    </a:lnTo>
                    <a:lnTo>
                      <a:pt x="544" y="925"/>
                    </a:lnTo>
                    <a:lnTo>
                      <a:pt x="549" y="940"/>
                    </a:lnTo>
                    <a:lnTo>
                      <a:pt x="553" y="955"/>
                    </a:lnTo>
                    <a:lnTo>
                      <a:pt x="581" y="955"/>
                    </a:lnTo>
                    <a:lnTo>
                      <a:pt x="608" y="956"/>
                    </a:lnTo>
                    <a:lnTo>
                      <a:pt x="632" y="959"/>
                    </a:lnTo>
                    <a:lnTo>
                      <a:pt x="656" y="964"/>
                    </a:lnTo>
                    <a:lnTo>
                      <a:pt x="678" y="969"/>
                    </a:lnTo>
                    <a:lnTo>
                      <a:pt x="700" y="975"/>
                    </a:lnTo>
                    <a:lnTo>
                      <a:pt x="722" y="982"/>
                    </a:lnTo>
                    <a:lnTo>
                      <a:pt x="743" y="988"/>
                    </a:lnTo>
                    <a:lnTo>
                      <a:pt x="765" y="995"/>
                    </a:lnTo>
                    <a:lnTo>
                      <a:pt x="787" y="1001"/>
                    </a:lnTo>
                    <a:lnTo>
                      <a:pt x="809" y="1007"/>
                    </a:lnTo>
                    <a:lnTo>
                      <a:pt x="832" y="1013"/>
                    </a:lnTo>
                    <a:lnTo>
                      <a:pt x="856" y="1017"/>
                    </a:lnTo>
                    <a:lnTo>
                      <a:pt x="881" y="1019"/>
                    </a:lnTo>
                    <a:lnTo>
                      <a:pt x="909" y="1020"/>
                    </a:lnTo>
                    <a:lnTo>
                      <a:pt x="937" y="1020"/>
                    </a:lnTo>
                    <a:lnTo>
                      <a:pt x="939" y="1009"/>
                    </a:lnTo>
                    <a:lnTo>
                      <a:pt x="941" y="1000"/>
                    </a:lnTo>
                    <a:lnTo>
                      <a:pt x="943" y="992"/>
                    </a:lnTo>
                    <a:lnTo>
                      <a:pt x="944" y="982"/>
                    </a:lnTo>
                    <a:lnTo>
                      <a:pt x="943" y="966"/>
                    </a:lnTo>
                    <a:lnTo>
                      <a:pt x="940" y="952"/>
                    </a:lnTo>
                    <a:lnTo>
                      <a:pt x="937" y="938"/>
                    </a:lnTo>
                    <a:lnTo>
                      <a:pt x="933" y="925"/>
                    </a:lnTo>
                    <a:lnTo>
                      <a:pt x="928" y="913"/>
                    </a:lnTo>
                    <a:lnTo>
                      <a:pt x="923" y="902"/>
                    </a:lnTo>
                    <a:lnTo>
                      <a:pt x="917" y="890"/>
                    </a:lnTo>
                    <a:lnTo>
                      <a:pt x="912" y="881"/>
                    </a:lnTo>
                    <a:lnTo>
                      <a:pt x="909" y="870"/>
                    </a:lnTo>
                    <a:lnTo>
                      <a:pt x="907" y="860"/>
                    </a:lnTo>
                    <a:lnTo>
                      <a:pt x="906" y="849"/>
                    </a:lnTo>
                    <a:lnTo>
                      <a:pt x="908" y="838"/>
                    </a:lnTo>
                    <a:lnTo>
                      <a:pt x="909" y="833"/>
                    </a:lnTo>
                    <a:lnTo>
                      <a:pt x="911" y="826"/>
                    </a:lnTo>
                    <a:lnTo>
                      <a:pt x="914" y="820"/>
                    </a:lnTo>
                    <a:lnTo>
                      <a:pt x="918" y="814"/>
                    </a:lnTo>
                    <a:lnTo>
                      <a:pt x="912" y="811"/>
                    </a:lnTo>
                    <a:lnTo>
                      <a:pt x="907" y="809"/>
                    </a:lnTo>
                    <a:lnTo>
                      <a:pt x="901" y="806"/>
                    </a:lnTo>
                    <a:lnTo>
                      <a:pt x="897" y="803"/>
                    </a:lnTo>
                    <a:lnTo>
                      <a:pt x="893" y="800"/>
                    </a:lnTo>
                    <a:lnTo>
                      <a:pt x="890" y="796"/>
                    </a:lnTo>
                    <a:lnTo>
                      <a:pt x="888" y="791"/>
                    </a:lnTo>
                    <a:lnTo>
                      <a:pt x="885" y="787"/>
                    </a:lnTo>
                    <a:lnTo>
                      <a:pt x="881" y="778"/>
                    </a:lnTo>
                    <a:lnTo>
                      <a:pt x="878" y="768"/>
                    </a:lnTo>
                    <a:lnTo>
                      <a:pt x="877" y="757"/>
                    </a:lnTo>
                    <a:lnTo>
                      <a:pt x="876" y="746"/>
                    </a:lnTo>
                    <a:lnTo>
                      <a:pt x="874" y="722"/>
                    </a:lnTo>
                    <a:lnTo>
                      <a:pt x="872" y="698"/>
                    </a:lnTo>
                    <a:lnTo>
                      <a:pt x="869" y="686"/>
                    </a:lnTo>
                    <a:lnTo>
                      <a:pt x="866" y="676"/>
                    </a:lnTo>
                    <a:lnTo>
                      <a:pt x="860" y="665"/>
                    </a:lnTo>
                    <a:lnTo>
                      <a:pt x="853" y="655"/>
                    </a:lnTo>
                    <a:lnTo>
                      <a:pt x="859" y="652"/>
                    </a:lnTo>
                    <a:lnTo>
                      <a:pt x="865" y="648"/>
                    </a:lnTo>
                    <a:lnTo>
                      <a:pt x="869" y="645"/>
                    </a:lnTo>
                    <a:lnTo>
                      <a:pt x="873" y="640"/>
                    </a:lnTo>
                    <a:lnTo>
                      <a:pt x="880" y="629"/>
                    </a:lnTo>
                    <a:lnTo>
                      <a:pt x="887" y="619"/>
                    </a:lnTo>
                    <a:lnTo>
                      <a:pt x="894" y="608"/>
                    </a:lnTo>
                    <a:lnTo>
                      <a:pt x="903" y="599"/>
                    </a:lnTo>
                    <a:lnTo>
                      <a:pt x="907" y="595"/>
                    </a:lnTo>
                    <a:lnTo>
                      <a:pt x="913" y="592"/>
                    </a:lnTo>
                    <a:lnTo>
                      <a:pt x="919" y="590"/>
                    </a:lnTo>
                    <a:lnTo>
                      <a:pt x="928" y="589"/>
                    </a:lnTo>
                    <a:lnTo>
                      <a:pt x="928" y="584"/>
                    </a:lnTo>
                    <a:lnTo>
                      <a:pt x="927" y="581"/>
                    </a:lnTo>
                    <a:lnTo>
                      <a:pt x="926" y="578"/>
                    </a:lnTo>
                    <a:lnTo>
                      <a:pt x="924" y="575"/>
                    </a:lnTo>
                    <a:lnTo>
                      <a:pt x="919" y="569"/>
                    </a:lnTo>
                    <a:lnTo>
                      <a:pt x="914" y="565"/>
                    </a:lnTo>
                    <a:lnTo>
                      <a:pt x="910" y="560"/>
                    </a:lnTo>
                    <a:lnTo>
                      <a:pt x="907" y="554"/>
                    </a:lnTo>
                    <a:lnTo>
                      <a:pt x="906" y="550"/>
                    </a:lnTo>
                    <a:lnTo>
                      <a:pt x="906" y="545"/>
                    </a:lnTo>
                    <a:lnTo>
                      <a:pt x="907" y="540"/>
                    </a:lnTo>
                    <a:lnTo>
                      <a:pt x="909" y="532"/>
                    </a:lnTo>
                    <a:lnTo>
                      <a:pt x="899" y="536"/>
                    </a:lnTo>
                    <a:lnTo>
                      <a:pt x="890" y="537"/>
                    </a:lnTo>
                    <a:lnTo>
                      <a:pt x="878" y="538"/>
                    </a:lnTo>
                    <a:lnTo>
                      <a:pt x="868" y="537"/>
                    </a:lnTo>
                    <a:lnTo>
                      <a:pt x="857" y="533"/>
                    </a:lnTo>
                    <a:lnTo>
                      <a:pt x="848" y="529"/>
                    </a:lnTo>
                    <a:lnTo>
                      <a:pt x="844" y="526"/>
                    </a:lnTo>
                    <a:lnTo>
                      <a:pt x="840" y="523"/>
                    </a:lnTo>
                    <a:lnTo>
                      <a:pt x="836" y="519"/>
                    </a:lnTo>
                    <a:lnTo>
                      <a:pt x="834" y="515"/>
                    </a:lnTo>
                    <a:lnTo>
                      <a:pt x="836" y="503"/>
                    </a:lnTo>
                    <a:lnTo>
                      <a:pt x="836" y="492"/>
                    </a:lnTo>
                    <a:lnTo>
                      <a:pt x="835" y="484"/>
                    </a:lnTo>
                    <a:lnTo>
                      <a:pt x="832" y="476"/>
                    </a:lnTo>
                    <a:lnTo>
                      <a:pt x="830" y="469"/>
                    </a:lnTo>
                    <a:lnTo>
                      <a:pt x="826" y="463"/>
                    </a:lnTo>
                    <a:lnTo>
                      <a:pt x="821" y="458"/>
                    </a:lnTo>
                    <a:lnTo>
                      <a:pt x="817" y="451"/>
                    </a:lnTo>
                    <a:lnTo>
                      <a:pt x="808" y="441"/>
                    </a:lnTo>
                    <a:lnTo>
                      <a:pt x="800" y="428"/>
                    </a:lnTo>
                    <a:lnTo>
                      <a:pt x="797" y="421"/>
                    </a:lnTo>
                    <a:lnTo>
                      <a:pt x="796" y="412"/>
                    </a:lnTo>
                    <a:lnTo>
                      <a:pt x="795" y="403"/>
                    </a:lnTo>
                    <a:lnTo>
                      <a:pt x="796" y="392"/>
                    </a:lnTo>
                    <a:lnTo>
                      <a:pt x="800" y="389"/>
                    </a:lnTo>
                    <a:lnTo>
                      <a:pt x="805" y="385"/>
                    </a:lnTo>
                    <a:lnTo>
                      <a:pt x="808" y="381"/>
                    </a:lnTo>
                    <a:lnTo>
                      <a:pt x="810" y="376"/>
                    </a:lnTo>
                    <a:lnTo>
                      <a:pt x="816" y="366"/>
                    </a:lnTo>
                    <a:lnTo>
                      <a:pt x="821" y="357"/>
                    </a:lnTo>
                    <a:lnTo>
                      <a:pt x="825" y="351"/>
                    </a:lnTo>
                    <a:lnTo>
                      <a:pt x="828" y="347"/>
                    </a:lnTo>
                    <a:lnTo>
                      <a:pt x="832" y="344"/>
                    </a:lnTo>
                    <a:lnTo>
                      <a:pt x="836" y="341"/>
                    </a:lnTo>
                    <a:lnTo>
                      <a:pt x="841" y="339"/>
                    </a:lnTo>
                    <a:lnTo>
                      <a:pt x="848" y="337"/>
                    </a:lnTo>
                    <a:lnTo>
                      <a:pt x="854" y="336"/>
                    </a:lnTo>
                    <a:lnTo>
                      <a:pt x="862" y="337"/>
                    </a:lnTo>
                    <a:lnTo>
                      <a:pt x="855" y="319"/>
                    </a:lnTo>
                    <a:lnTo>
                      <a:pt x="847" y="302"/>
                    </a:lnTo>
                    <a:lnTo>
                      <a:pt x="838" y="287"/>
                    </a:lnTo>
                    <a:lnTo>
                      <a:pt x="828" y="272"/>
                    </a:lnTo>
                    <a:lnTo>
                      <a:pt x="817" y="259"/>
                    </a:lnTo>
                    <a:lnTo>
                      <a:pt x="806" y="245"/>
                    </a:lnTo>
                    <a:lnTo>
                      <a:pt x="793" y="233"/>
                    </a:lnTo>
                    <a:lnTo>
                      <a:pt x="780" y="221"/>
                    </a:lnTo>
                    <a:lnTo>
                      <a:pt x="754" y="198"/>
                    </a:lnTo>
                    <a:lnTo>
                      <a:pt x="728" y="175"/>
                    </a:lnTo>
                    <a:lnTo>
                      <a:pt x="700" y="153"/>
                    </a:lnTo>
                    <a:lnTo>
                      <a:pt x="675" y="130"/>
                    </a:lnTo>
                    <a:lnTo>
                      <a:pt x="668" y="138"/>
                    </a:lnTo>
                    <a:lnTo>
                      <a:pt x="662" y="146"/>
                    </a:lnTo>
                    <a:lnTo>
                      <a:pt x="658" y="155"/>
                    </a:lnTo>
                    <a:lnTo>
                      <a:pt x="654" y="165"/>
                    </a:lnTo>
                    <a:lnTo>
                      <a:pt x="649" y="174"/>
                    </a:lnTo>
                    <a:lnTo>
                      <a:pt x="643" y="183"/>
                    </a:lnTo>
                    <a:lnTo>
                      <a:pt x="640" y="187"/>
                    </a:lnTo>
                    <a:lnTo>
                      <a:pt x="636" y="190"/>
                    </a:lnTo>
                    <a:lnTo>
                      <a:pt x="633" y="193"/>
                    </a:lnTo>
                    <a:lnTo>
                      <a:pt x="628" y="195"/>
                    </a:lnTo>
                    <a:lnTo>
                      <a:pt x="592" y="166"/>
                    </a:lnTo>
                    <a:lnTo>
                      <a:pt x="555" y="138"/>
                    </a:lnTo>
                    <a:lnTo>
                      <a:pt x="536" y="124"/>
                    </a:lnTo>
                    <a:lnTo>
                      <a:pt x="519" y="108"/>
                    </a:lnTo>
                    <a:lnTo>
                      <a:pt x="502" y="92"/>
                    </a:lnTo>
                    <a:lnTo>
                      <a:pt x="488" y="74"/>
                    </a:lnTo>
                    <a:lnTo>
                      <a:pt x="487" y="83"/>
                    </a:lnTo>
                    <a:lnTo>
                      <a:pt x="486" y="90"/>
                    </a:lnTo>
                    <a:lnTo>
                      <a:pt x="482" y="97"/>
                    </a:lnTo>
                    <a:lnTo>
                      <a:pt x="478" y="103"/>
                    </a:lnTo>
                    <a:lnTo>
                      <a:pt x="474" y="107"/>
                    </a:lnTo>
                    <a:lnTo>
                      <a:pt x="469" y="111"/>
                    </a:lnTo>
                    <a:lnTo>
                      <a:pt x="463" y="115"/>
                    </a:lnTo>
                    <a:lnTo>
                      <a:pt x="457" y="119"/>
                    </a:lnTo>
                    <a:lnTo>
                      <a:pt x="430" y="128"/>
                    </a:lnTo>
                    <a:lnTo>
                      <a:pt x="403" y="140"/>
                    </a:lnTo>
                    <a:lnTo>
                      <a:pt x="398" y="126"/>
                    </a:lnTo>
                    <a:lnTo>
                      <a:pt x="392" y="113"/>
                    </a:lnTo>
                    <a:lnTo>
                      <a:pt x="384" y="102"/>
                    </a:lnTo>
                    <a:lnTo>
                      <a:pt x="378" y="90"/>
                    </a:lnTo>
                    <a:lnTo>
                      <a:pt x="371" y="79"/>
                    </a:lnTo>
                    <a:lnTo>
                      <a:pt x="364" y="66"/>
                    </a:lnTo>
                    <a:lnTo>
                      <a:pt x="360" y="52"/>
                    </a:lnTo>
                    <a:lnTo>
                      <a:pt x="356" y="36"/>
                    </a:lnTo>
                    <a:lnTo>
                      <a:pt x="338" y="36"/>
                    </a:lnTo>
                    <a:lnTo>
                      <a:pt x="319" y="36"/>
                    </a:lnTo>
                    <a:lnTo>
                      <a:pt x="301" y="39"/>
                    </a:lnTo>
                    <a:lnTo>
                      <a:pt x="284" y="40"/>
                    </a:lnTo>
                    <a:lnTo>
                      <a:pt x="255" y="44"/>
                    </a:lnTo>
                    <a:lnTo>
                      <a:pt x="235" y="46"/>
                    </a:lnTo>
                    <a:lnTo>
                      <a:pt x="236" y="52"/>
                    </a:lnTo>
                    <a:lnTo>
                      <a:pt x="237" y="59"/>
                    </a:lnTo>
                    <a:lnTo>
                      <a:pt x="237" y="65"/>
                    </a:lnTo>
                    <a:lnTo>
                      <a:pt x="236" y="70"/>
                    </a:lnTo>
                    <a:lnTo>
                      <a:pt x="234" y="82"/>
                    </a:lnTo>
                    <a:lnTo>
                      <a:pt x="229" y="93"/>
                    </a:lnTo>
                    <a:lnTo>
                      <a:pt x="217" y="117"/>
                    </a:lnTo>
                    <a:lnTo>
                      <a:pt x="206" y="14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02" name="Esbjerg"/>
              <p:cNvSpPr>
                <a:spLocks/>
              </p:cNvSpPr>
              <p:nvPr/>
            </p:nvSpPr>
            <p:spPr bwMode="auto">
              <a:xfrm>
                <a:off x="698500" y="5241925"/>
                <a:ext cx="84138" cy="177800"/>
              </a:xfrm>
              <a:custGeom>
                <a:avLst/>
                <a:gdLst>
                  <a:gd name="T0" fmla="*/ 2 w 159"/>
                  <a:gd name="T1" fmla="*/ 30 h 337"/>
                  <a:gd name="T2" fmla="*/ 7 w 159"/>
                  <a:gd name="T3" fmla="*/ 34 h 337"/>
                  <a:gd name="T4" fmla="*/ 11 w 159"/>
                  <a:gd name="T5" fmla="*/ 38 h 337"/>
                  <a:gd name="T6" fmla="*/ 14 w 159"/>
                  <a:gd name="T7" fmla="*/ 44 h 337"/>
                  <a:gd name="T8" fmla="*/ 18 w 159"/>
                  <a:gd name="T9" fmla="*/ 53 h 337"/>
                  <a:gd name="T10" fmla="*/ 22 w 159"/>
                  <a:gd name="T11" fmla="*/ 65 h 337"/>
                  <a:gd name="T12" fmla="*/ 26 w 159"/>
                  <a:gd name="T13" fmla="*/ 79 h 337"/>
                  <a:gd name="T14" fmla="*/ 31 w 159"/>
                  <a:gd name="T15" fmla="*/ 91 h 337"/>
                  <a:gd name="T16" fmla="*/ 36 w 159"/>
                  <a:gd name="T17" fmla="*/ 99 h 337"/>
                  <a:gd name="T18" fmla="*/ 40 w 159"/>
                  <a:gd name="T19" fmla="*/ 104 h 337"/>
                  <a:gd name="T20" fmla="*/ 44 w 159"/>
                  <a:gd name="T21" fmla="*/ 108 h 337"/>
                  <a:gd name="T22" fmla="*/ 50 w 159"/>
                  <a:gd name="T23" fmla="*/ 111 h 337"/>
                  <a:gd name="T24" fmla="*/ 52 w 159"/>
                  <a:gd name="T25" fmla="*/ 100 h 337"/>
                  <a:gd name="T26" fmla="*/ 49 w 159"/>
                  <a:gd name="T27" fmla="*/ 79 h 337"/>
                  <a:gd name="T28" fmla="*/ 47 w 159"/>
                  <a:gd name="T29" fmla="*/ 62 h 337"/>
                  <a:gd name="T30" fmla="*/ 46 w 159"/>
                  <a:gd name="T31" fmla="*/ 50 h 337"/>
                  <a:gd name="T32" fmla="*/ 46 w 159"/>
                  <a:gd name="T33" fmla="*/ 40 h 337"/>
                  <a:gd name="T34" fmla="*/ 45 w 159"/>
                  <a:gd name="T35" fmla="*/ 33 h 337"/>
                  <a:gd name="T36" fmla="*/ 43 w 159"/>
                  <a:gd name="T37" fmla="*/ 32 h 337"/>
                  <a:gd name="T38" fmla="*/ 41 w 159"/>
                  <a:gd name="T39" fmla="*/ 33 h 337"/>
                  <a:gd name="T40" fmla="*/ 39 w 159"/>
                  <a:gd name="T41" fmla="*/ 34 h 337"/>
                  <a:gd name="T42" fmla="*/ 36 w 159"/>
                  <a:gd name="T43" fmla="*/ 37 h 337"/>
                  <a:gd name="T44" fmla="*/ 33 w 159"/>
                  <a:gd name="T45" fmla="*/ 40 h 337"/>
                  <a:gd name="T46" fmla="*/ 30 w 159"/>
                  <a:gd name="T47" fmla="*/ 41 h 337"/>
                  <a:gd name="T48" fmla="*/ 26 w 159"/>
                  <a:gd name="T49" fmla="*/ 39 h 337"/>
                  <a:gd name="T50" fmla="*/ 23 w 159"/>
                  <a:gd name="T51" fmla="*/ 36 h 337"/>
                  <a:gd name="T52" fmla="*/ 22 w 159"/>
                  <a:gd name="T53" fmla="*/ 28 h 337"/>
                  <a:gd name="T54" fmla="*/ 22 w 159"/>
                  <a:gd name="T55" fmla="*/ 16 h 337"/>
                  <a:gd name="T56" fmla="*/ 21 w 159"/>
                  <a:gd name="T57" fmla="*/ 7 h 337"/>
                  <a:gd name="T58" fmla="*/ 20 w 159"/>
                  <a:gd name="T59" fmla="*/ 2 h 337"/>
                  <a:gd name="T60" fmla="*/ 15 w 159"/>
                  <a:gd name="T61" fmla="*/ 0 h 337"/>
                  <a:gd name="T62" fmla="*/ 9 w 159"/>
                  <a:gd name="T63" fmla="*/ 0 h 337"/>
                  <a:gd name="T64" fmla="*/ 4 w 159"/>
                  <a:gd name="T65" fmla="*/ 4 h 337"/>
                  <a:gd name="T66" fmla="*/ 2 w 159"/>
                  <a:gd name="T67" fmla="*/ 11 h 337"/>
                  <a:gd name="T68" fmla="*/ 2 w 159"/>
                  <a:gd name="T69" fmla="*/ 17 h 337"/>
                  <a:gd name="T70" fmla="*/ 1 w 159"/>
                  <a:gd name="T71" fmla="*/ 24 h 337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</a:gdLst>
                <a:ahLst/>
                <a:cxnLst>
                  <a:cxn ang="T72">
                    <a:pos x="T0" y="T1"/>
                  </a:cxn>
                  <a:cxn ang="T73">
                    <a:pos x="T2" y="T3"/>
                  </a:cxn>
                  <a:cxn ang="T74">
                    <a:pos x="T4" y="T5"/>
                  </a:cxn>
                  <a:cxn ang="T75">
                    <a:pos x="T6" y="T7"/>
                  </a:cxn>
                  <a:cxn ang="T76">
                    <a:pos x="T8" y="T9"/>
                  </a:cxn>
                  <a:cxn ang="T77">
                    <a:pos x="T10" y="T11"/>
                  </a:cxn>
                  <a:cxn ang="T78">
                    <a:pos x="T12" y="T13"/>
                  </a:cxn>
                  <a:cxn ang="T79">
                    <a:pos x="T14" y="T15"/>
                  </a:cxn>
                  <a:cxn ang="T80">
                    <a:pos x="T16" y="T17"/>
                  </a:cxn>
                  <a:cxn ang="T81">
                    <a:pos x="T18" y="T19"/>
                  </a:cxn>
                  <a:cxn ang="T82">
                    <a:pos x="T20" y="T21"/>
                  </a:cxn>
                  <a:cxn ang="T83">
                    <a:pos x="T22" y="T23"/>
                  </a:cxn>
                  <a:cxn ang="T84">
                    <a:pos x="T24" y="T25"/>
                  </a:cxn>
                  <a:cxn ang="T85">
                    <a:pos x="T26" y="T27"/>
                  </a:cxn>
                  <a:cxn ang="T86">
                    <a:pos x="T28" y="T29"/>
                  </a:cxn>
                  <a:cxn ang="T87">
                    <a:pos x="T30" y="T31"/>
                  </a:cxn>
                  <a:cxn ang="T88">
                    <a:pos x="T32" y="T33"/>
                  </a:cxn>
                  <a:cxn ang="T89">
                    <a:pos x="T34" y="T35"/>
                  </a:cxn>
                  <a:cxn ang="T90">
                    <a:pos x="T36" y="T37"/>
                  </a:cxn>
                  <a:cxn ang="T91">
                    <a:pos x="T38" y="T39"/>
                  </a:cxn>
                  <a:cxn ang="T92">
                    <a:pos x="T40" y="T41"/>
                  </a:cxn>
                  <a:cxn ang="T93">
                    <a:pos x="T42" y="T43"/>
                  </a:cxn>
                  <a:cxn ang="T94">
                    <a:pos x="T44" y="T45"/>
                  </a:cxn>
                  <a:cxn ang="T95">
                    <a:pos x="T46" y="T47"/>
                  </a:cxn>
                  <a:cxn ang="T96">
                    <a:pos x="T48" y="T49"/>
                  </a:cxn>
                  <a:cxn ang="T97">
                    <a:pos x="T50" y="T51"/>
                  </a:cxn>
                  <a:cxn ang="T98">
                    <a:pos x="T52" y="T53"/>
                  </a:cxn>
                  <a:cxn ang="T99">
                    <a:pos x="T54" y="T55"/>
                  </a:cxn>
                  <a:cxn ang="T100">
                    <a:pos x="T56" y="T57"/>
                  </a:cxn>
                  <a:cxn ang="T101">
                    <a:pos x="T58" y="T59"/>
                  </a:cxn>
                  <a:cxn ang="T102">
                    <a:pos x="T60" y="T61"/>
                  </a:cxn>
                  <a:cxn ang="T103">
                    <a:pos x="T62" y="T63"/>
                  </a:cxn>
                  <a:cxn ang="T104">
                    <a:pos x="T64" y="T65"/>
                  </a:cxn>
                  <a:cxn ang="T105">
                    <a:pos x="T66" y="T67"/>
                  </a:cxn>
                  <a:cxn ang="T106">
                    <a:pos x="T68" y="T69"/>
                  </a:cxn>
                  <a:cxn ang="T107">
                    <a:pos x="T70" y="T71"/>
                  </a:cxn>
                </a:cxnLst>
                <a:rect l="0" t="0" r="r" b="b"/>
                <a:pathLst>
                  <a:path w="159" h="337">
                    <a:moveTo>
                      <a:pt x="0" y="85"/>
                    </a:moveTo>
                    <a:lnTo>
                      <a:pt x="7" y="90"/>
                    </a:lnTo>
                    <a:lnTo>
                      <a:pt x="15" y="95"/>
                    </a:lnTo>
                    <a:lnTo>
                      <a:pt x="22" y="102"/>
                    </a:lnTo>
                    <a:lnTo>
                      <a:pt x="27" y="108"/>
                    </a:lnTo>
                    <a:lnTo>
                      <a:pt x="34" y="115"/>
                    </a:lnTo>
                    <a:lnTo>
                      <a:pt x="39" y="124"/>
                    </a:lnTo>
                    <a:lnTo>
                      <a:pt x="43" y="132"/>
                    </a:lnTo>
                    <a:lnTo>
                      <a:pt x="47" y="140"/>
                    </a:lnTo>
                    <a:lnTo>
                      <a:pt x="55" y="158"/>
                    </a:lnTo>
                    <a:lnTo>
                      <a:pt x="61" y="177"/>
                    </a:lnTo>
                    <a:lnTo>
                      <a:pt x="67" y="197"/>
                    </a:lnTo>
                    <a:lnTo>
                      <a:pt x="74" y="217"/>
                    </a:lnTo>
                    <a:lnTo>
                      <a:pt x="79" y="237"/>
                    </a:lnTo>
                    <a:lnTo>
                      <a:pt x="86" y="256"/>
                    </a:lnTo>
                    <a:lnTo>
                      <a:pt x="94" y="274"/>
                    </a:lnTo>
                    <a:lnTo>
                      <a:pt x="102" y="291"/>
                    </a:lnTo>
                    <a:lnTo>
                      <a:pt x="107" y="299"/>
                    </a:lnTo>
                    <a:lnTo>
                      <a:pt x="113" y="307"/>
                    </a:lnTo>
                    <a:lnTo>
                      <a:pt x="119" y="313"/>
                    </a:lnTo>
                    <a:lnTo>
                      <a:pt x="125" y="319"/>
                    </a:lnTo>
                    <a:lnTo>
                      <a:pt x="133" y="325"/>
                    </a:lnTo>
                    <a:lnTo>
                      <a:pt x="141" y="330"/>
                    </a:lnTo>
                    <a:lnTo>
                      <a:pt x="149" y="334"/>
                    </a:lnTo>
                    <a:lnTo>
                      <a:pt x="159" y="337"/>
                    </a:lnTo>
                    <a:lnTo>
                      <a:pt x="156" y="301"/>
                    </a:lnTo>
                    <a:lnTo>
                      <a:pt x="152" y="268"/>
                    </a:lnTo>
                    <a:lnTo>
                      <a:pt x="147" y="239"/>
                    </a:lnTo>
                    <a:lnTo>
                      <a:pt x="143" y="213"/>
                    </a:lnTo>
                    <a:lnTo>
                      <a:pt x="140" y="188"/>
                    </a:lnTo>
                    <a:lnTo>
                      <a:pt x="138" y="163"/>
                    </a:lnTo>
                    <a:lnTo>
                      <a:pt x="137" y="149"/>
                    </a:lnTo>
                    <a:lnTo>
                      <a:pt x="138" y="134"/>
                    </a:lnTo>
                    <a:lnTo>
                      <a:pt x="138" y="119"/>
                    </a:lnTo>
                    <a:lnTo>
                      <a:pt x="140" y="104"/>
                    </a:lnTo>
                    <a:lnTo>
                      <a:pt x="136" y="99"/>
                    </a:lnTo>
                    <a:lnTo>
                      <a:pt x="132" y="97"/>
                    </a:lnTo>
                    <a:lnTo>
                      <a:pt x="128" y="96"/>
                    </a:lnTo>
                    <a:lnTo>
                      <a:pt x="125" y="96"/>
                    </a:lnTo>
                    <a:lnTo>
                      <a:pt x="122" y="98"/>
                    </a:lnTo>
                    <a:lnTo>
                      <a:pt x="120" y="99"/>
                    </a:lnTo>
                    <a:lnTo>
                      <a:pt x="117" y="103"/>
                    </a:lnTo>
                    <a:lnTo>
                      <a:pt x="115" y="106"/>
                    </a:lnTo>
                    <a:lnTo>
                      <a:pt x="109" y="112"/>
                    </a:lnTo>
                    <a:lnTo>
                      <a:pt x="103" y="118"/>
                    </a:lnTo>
                    <a:lnTo>
                      <a:pt x="99" y="120"/>
                    </a:lnTo>
                    <a:lnTo>
                      <a:pt x="95" y="123"/>
                    </a:lnTo>
                    <a:lnTo>
                      <a:pt x="89" y="123"/>
                    </a:lnTo>
                    <a:lnTo>
                      <a:pt x="84" y="123"/>
                    </a:lnTo>
                    <a:lnTo>
                      <a:pt x="78" y="118"/>
                    </a:lnTo>
                    <a:lnTo>
                      <a:pt x="74" y="114"/>
                    </a:lnTo>
                    <a:lnTo>
                      <a:pt x="70" y="108"/>
                    </a:lnTo>
                    <a:lnTo>
                      <a:pt x="68" y="100"/>
                    </a:lnTo>
                    <a:lnTo>
                      <a:pt x="66" y="85"/>
                    </a:lnTo>
                    <a:lnTo>
                      <a:pt x="65" y="66"/>
                    </a:lnTo>
                    <a:lnTo>
                      <a:pt x="65" y="47"/>
                    </a:lnTo>
                    <a:lnTo>
                      <a:pt x="64" y="29"/>
                    </a:lnTo>
                    <a:lnTo>
                      <a:pt x="63" y="20"/>
                    </a:lnTo>
                    <a:lnTo>
                      <a:pt x="62" y="13"/>
                    </a:lnTo>
                    <a:lnTo>
                      <a:pt x="59" y="7"/>
                    </a:lnTo>
                    <a:lnTo>
                      <a:pt x="56" y="0"/>
                    </a:lnTo>
                    <a:lnTo>
                      <a:pt x="46" y="0"/>
                    </a:lnTo>
                    <a:lnTo>
                      <a:pt x="37" y="0"/>
                    </a:lnTo>
                    <a:lnTo>
                      <a:pt x="27" y="0"/>
                    </a:lnTo>
                    <a:lnTo>
                      <a:pt x="18" y="0"/>
                    </a:lnTo>
                    <a:lnTo>
                      <a:pt x="11" y="13"/>
                    </a:lnTo>
                    <a:lnTo>
                      <a:pt x="8" y="24"/>
                    </a:lnTo>
                    <a:lnTo>
                      <a:pt x="6" y="33"/>
                    </a:lnTo>
                    <a:lnTo>
                      <a:pt x="5" y="43"/>
                    </a:lnTo>
                    <a:lnTo>
                      <a:pt x="5" y="52"/>
                    </a:lnTo>
                    <a:lnTo>
                      <a:pt x="4" y="62"/>
                    </a:lnTo>
                    <a:lnTo>
                      <a:pt x="3" y="72"/>
                    </a:lnTo>
                    <a:lnTo>
                      <a:pt x="0" y="85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045" name="Assens"/>
            <p:cNvGrpSpPr/>
            <p:nvPr/>
          </p:nvGrpSpPr>
          <p:grpSpPr>
            <a:xfrm>
              <a:off x="1881188" y="5297488"/>
              <a:ext cx="387350" cy="357188"/>
              <a:chOff x="1881188" y="5297488"/>
              <a:chExt cx="387350" cy="357188"/>
            </a:xfrm>
            <a:grpFill/>
          </p:grpSpPr>
          <p:sp>
            <p:nvSpPr>
              <p:cNvPr id="1092" name="Assens"/>
              <p:cNvSpPr>
                <a:spLocks/>
              </p:cNvSpPr>
              <p:nvPr/>
            </p:nvSpPr>
            <p:spPr bwMode="auto">
              <a:xfrm>
                <a:off x="1881188" y="5456238"/>
                <a:ext cx="15875" cy="25400"/>
              </a:xfrm>
              <a:custGeom>
                <a:avLst/>
                <a:gdLst>
                  <a:gd name="T0" fmla="*/ 7 w 32"/>
                  <a:gd name="T1" fmla="*/ 0 h 48"/>
                  <a:gd name="T2" fmla="*/ 8 w 32"/>
                  <a:gd name="T3" fmla="*/ 0 h 48"/>
                  <a:gd name="T4" fmla="*/ 9 w 32"/>
                  <a:gd name="T5" fmla="*/ 1 h 48"/>
                  <a:gd name="T6" fmla="*/ 9 w 32"/>
                  <a:gd name="T7" fmla="*/ 2 h 48"/>
                  <a:gd name="T8" fmla="*/ 10 w 32"/>
                  <a:gd name="T9" fmla="*/ 4 h 48"/>
                  <a:gd name="T10" fmla="*/ 10 w 32"/>
                  <a:gd name="T11" fmla="*/ 5 h 48"/>
                  <a:gd name="T12" fmla="*/ 10 w 32"/>
                  <a:gd name="T13" fmla="*/ 7 h 48"/>
                  <a:gd name="T14" fmla="*/ 10 w 32"/>
                  <a:gd name="T15" fmla="*/ 8 h 48"/>
                  <a:gd name="T16" fmla="*/ 9 w 32"/>
                  <a:gd name="T17" fmla="*/ 10 h 48"/>
                  <a:gd name="T18" fmla="*/ 9 w 32"/>
                  <a:gd name="T19" fmla="*/ 11 h 48"/>
                  <a:gd name="T20" fmla="*/ 8 w 32"/>
                  <a:gd name="T21" fmla="*/ 13 h 48"/>
                  <a:gd name="T22" fmla="*/ 8 w 32"/>
                  <a:gd name="T23" fmla="*/ 14 h 48"/>
                  <a:gd name="T24" fmla="*/ 6 w 32"/>
                  <a:gd name="T25" fmla="*/ 15 h 48"/>
                  <a:gd name="T26" fmla="*/ 5 w 32"/>
                  <a:gd name="T27" fmla="*/ 16 h 48"/>
                  <a:gd name="T28" fmla="*/ 4 w 32"/>
                  <a:gd name="T29" fmla="*/ 16 h 48"/>
                  <a:gd name="T30" fmla="*/ 3 w 32"/>
                  <a:gd name="T31" fmla="*/ 16 h 48"/>
                  <a:gd name="T32" fmla="*/ 1 w 32"/>
                  <a:gd name="T33" fmla="*/ 15 h 48"/>
                  <a:gd name="T34" fmla="*/ 0 w 32"/>
                  <a:gd name="T35" fmla="*/ 12 h 48"/>
                  <a:gd name="T36" fmla="*/ 0 w 32"/>
                  <a:gd name="T37" fmla="*/ 9 h 48"/>
                  <a:gd name="T38" fmla="*/ 1 w 32"/>
                  <a:gd name="T39" fmla="*/ 7 h 48"/>
                  <a:gd name="T40" fmla="*/ 2 w 32"/>
                  <a:gd name="T41" fmla="*/ 5 h 48"/>
                  <a:gd name="T42" fmla="*/ 4 w 32"/>
                  <a:gd name="T43" fmla="*/ 2 h 48"/>
                  <a:gd name="T44" fmla="*/ 7 w 32"/>
                  <a:gd name="T45" fmla="*/ 0 h 48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32" h="48">
                    <a:moveTo>
                      <a:pt x="21" y="0"/>
                    </a:moveTo>
                    <a:lnTo>
                      <a:pt x="25" y="1"/>
                    </a:lnTo>
                    <a:lnTo>
                      <a:pt x="28" y="4"/>
                    </a:lnTo>
                    <a:lnTo>
                      <a:pt x="30" y="7"/>
                    </a:lnTo>
                    <a:lnTo>
                      <a:pt x="31" y="11"/>
                    </a:lnTo>
                    <a:lnTo>
                      <a:pt x="32" y="16"/>
                    </a:lnTo>
                    <a:lnTo>
                      <a:pt x="32" y="21"/>
                    </a:lnTo>
                    <a:lnTo>
                      <a:pt x="32" y="25"/>
                    </a:lnTo>
                    <a:lnTo>
                      <a:pt x="30" y="29"/>
                    </a:lnTo>
                    <a:lnTo>
                      <a:pt x="29" y="34"/>
                    </a:lnTo>
                    <a:lnTo>
                      <a:pt x="27" y="39"/>
                    </a:lnTo>
                    <a:lnTo>
                      <a:pt x="24" y="42"/>
                    </a:lnTo>
                    <a:lnTo>
                      <a:pt x="20" y="45"/>
                    </a:lnTo>
                    <a:lnTo>
                      <a:pt x="16" y="47"/>
                    </a:lnTo>
                    <a:lnTo>
                      <a:pt x="12" y="48"/>
                    </a:lnTo>
                    <a:lnTo>
                      <a:pt x="8" y="47"/>
                    </a:lnTo>
                    <a:lnTo>
                      <a:pt x="3" y="46"/>
                    </a:lnTo>
                    <a:lnTo>
                      <a:pt x="0" y="37"/>
                    </a:lnTo>
                    <a:lnTo>
                      <a:pt x="0" y="28"/>
                    </a:lnTo>
                    <a:lnTo>
                      <a:pt x="3" y="21"/>
                    </a:lnTo>
                    <a:lnTo>
                      <a:pt x="5" y="16"/>
                    </a:lnTo>
                    <a:lnTo>
                      <a:pt x="13" y="7"/>
                    </a:lnTo>
                    <a:lnTo>
                      <a:pt x="21" y="0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93" name="Assens kant"/>
              <p:cNvSpPr>
                <a:spLocks/>
              </p:cNvSpPr>
              <p:nvPr/>
            </p:nvSpPr>
            <p:spPr bwMode="auto">
              <a:xfrm>
                <a:off x="1881188" y="5456238"/>
                <a:ext cx="15875" cy="25400"/>
              </a:xfrm>
              <a:custGeom>
                <a:avLst/>
                <a:gdLst>
                  <a:gd name="T0" fmla="*/ 7 w 32"/>
                  <a:gd name="T1" fmla="*/ 0 h 48"/>
                  <a:gd name="T2" fmla="*/ 8 w 32"/>
                  <a:gd name="T3" fmla="*/ 0 h 48"/>
                  <a:gd name="T4" fmla="*/ 9 w 32"/>
                  <a:gd name="T5" fmla="*/ 1 h 48"/>
                  <a:gd name="T6" fmla="*/ 9 w 32"/>
                  <a:gd name="T7" fmla="*/ 2 h 48"/>
                  <a:gd name="T8" fmla="*/ 10 w 32"/>
                  <a:gd name="T9" fmla="*/ 4 h 48"/>
                  <a:gd name="T10" fmla="*/ 10 w 32"/>
                  <a:gd name="T11" fmla="*/ 5 h 48"/>
                  <a:gd name="T12" fmla="*/ 10 w 32"/>
                  <a:gd name="T13" fmla="*/ 7 h 48"/>
                  <a:gd name="T14" fmla="*/ 10 w 32"/>
                  <a:gd name="T15" fmla="*/ 8 h 48"/>
                  <a:gd name="T16" fmla="*/ 9 w 32"/>
                  <a:gd name="T17" fmla="*/ 10 h 48"/>
                  <a:gd name="T18" fmla="*/ 9 w 32"/>
                  <a:gd name="T19" fmla="*/ 11 h 48"/>
                  <a:gd name="T20" fmla="*/ 8 w 32"/>
                  <a:gd name="T21" fmla="*/ 13 h 48"/>
                  <a:gd name="T22" fmla="*/ 8 w 32"/>
                  <a:gd name="T23" fmla="*/ 14 h 48"/>
                  <a:gd name="T24" fmla="*/ 6 w 32"/>
                  <a:gd name="T25" fmla="*/ 15 h 48"/>
                  <a:gd name="T26" fmla="*/ 5 w 32"/>
                  <a:gd name="T27" fmla="*/ 16 h 48"/>
                  <a:gd name="T28" fmla="*/ 4 w 32"/>
                  <a:gd name="T29" fmla="*/ 16 h 48"/>
                  <a:gd name="T30" fmla="*/ 3 w 32"/>
                  <a:gd name="T31" fmla="*/ 16 h 48"/>
                  <a:gd name="T32" fmla="*/ 1 w 32"/>
                  <a:gd name="T33" fmla="*/ 15 h 48"/>
                  <a:gd name="T34" fmla="*/ 0 w 32"/>
                  <a:gd name="T35" fmla="*/ 12 h 48"/>
                  <a:gd name="T36" fmla="*/ 0 w 32"/>
                  <a:gd name="T37" fmla="*/ 9 h 48"/>
                  <a:gd name="T38" fmla="*/ 1 w 32"/>
                  <a:gd name="T39" fmla="*/ 7 h 48"/>
                  <a:gd name="T40" fmla="*/ 2 w 32"/>
                  <a:gd name="T41" fmla="*/ 5 h 48"/>
                  <a:gd name="T42" fmla="*/ 4 w 32"/>
                  <a:gd name="T43" fmla="*/ 2 h 48"/>
                  <a:gd name="T44" fmla="*/ 7 w 32"/>
                  <a:gd name="T45" fmla="*/ 0 h 48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32" h="48">
                    <a:moveTo>
                      <a:pt x="21" y="0"/>
                    </a:moveTo>
                    <a:lnTo>
                      <a:pt x="25" y="1"/>
                    </a:lnTo>
                    <a:lnTo>
                      <a:pt x="28" y="4"/>
                    </a:lnTo>
                    <a:lnTo>
                      <a:pt x="30" y="7"/>
                    </a:lnTo>
                    <a:lnTo>
                      <a:pt x="31" y="11"/>
                    </a:lnTo>
                    <a:lnTo>
                      <a:pt x="32" y="16"/>
                    </a:lnTo>
                    <a:lnTo>
                      <a:pt x="32" y="21"/>
                    </a:lnTo>
                    <a:lnTo>
                      <a:pt x="32" y="25"/>
                    </a:lnTo>
                    <a:lnTo>
                      <a:pt x="30" y="29"/>
                    </a:lnTo>
                    <a:lnTo>
                      <a:pt x="29" y="34"/>
                    </a:lnTo>
                    <a:lnTo>
                      <a:pt x="27" y="39"/>
                    </a:lnTo>
                    <a:lnTo>
                      <a:pt x="24" y="42"/>
                    </a:lnTo>
                    <a:lnTo>
                      <a:pt x="20" y="45"/>
                    </a:lnTo>
                    <a:lnTo>
                      <a:pt x="16" y="47"/>
                    </a:lnTo>
                    <a:lnTo>
                      <a:pt x="12" y="48"/>
                    </a:lnTo>
                    <a:lnTo>
                      <a:pt x="8" y="47"/>
                    </a:lnTo>
                    <a:lnTo>
                      <a:pt x="3" y="46"/>
                    </a:lnTo>
                    <a:lnTo>
                      <a:pt x="0" y="37"/>
                    </a:lnTo>
                    <a:lnTo>
                      <a:pt x="0" y="28"/>
                    </a:lnTo>
                    <a:lnTo>
                      <a:pt x="3" y="21"/>
                    </a:lnTo>
                    <a:lnTo>
                      <a:pt x="5" y="16"/>
                    </a:lnTo>
                    <a:lnTo>
                      <a:pt x="13" y="7"/>
                    </a:lnTo>
                    <a:lnTo>
                      <a:pt x="21" y="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94" name="Assens"/>
              <p:cNvSpPr>
                <a:spLocks/>
              </p:cNvSpPr>
              <p:nvPr/>
            </p:nvSpPr>
            <p:spPr bwMode="auto">
              <a:xfrm>
                <a:off x="1951038" y="5297488"/>
                <a:ext cx="317500" cy="357188"/>
              </a:xfrm>
              <a:custGeom>
                <a:avLst/>
                <a:gdLst>
                  <a:gd name="T0" fmla="*/ 50 w 599"/>
                  <a:gd name="T1" fmla="*/ 12 h 673"/>
                  <a:gd name="T2" fmla="*/ 54 w 599"/>
                  <a:gd name="T3" fmla="*/ 28 h 673"/>
                  <a:gd name="T4" fmla="*/ 40 w 599"/>
                  <a:gd name="T5" fmla="*/ 44 h 673"/>
                  <a:gd name="T6" fmla="*/ 34 w 599"/>
                  <a:gd name="T7" fmla="*/ 45 h 673"/>
                  <a:gd name="T8" fmla="*/ 27 w 599"/>
                  <a:gd name="T9" fmla="*/ 45 h 673"/>
                  <a:gd name="T10" fmla="*/ 21 w 599"/>
                  <a:gd name="T11" fmla="*/ 47 h 673"/>
                  <a:gd name="T12" fmla="*/ 18 w 599"/>
                  <a:gd name="T13" fmla="*/ 58 h 673"/>
                  <a:gd name="T14" fmla="*/ 8 w 599"/>
                  <a:gd name="T15" fmla="*/ 74 h 673"/>
                  <a:gd name="T16" fmla="*/ 2 w 599"/>
                  <a:gd name="T17" fmla="*/ 86 h 673"/>
                  <a:gd name="T18" fmla="*/ 2 w 599"/>
                  <a:gd name="T19" fmla="*/ 100 h 673"/>
                  <a:gd name="T20" fmla="*/ 4 w 599"/>
                  <a:gd name="T21" fmla="*/ 120 h 673"/>
                  <a:gd name="T22" fmla="*/ 5 w 599"/>
                  <a:gd name="T23" fmla="*/ 152 h 673"/>
                  <a:gd name="T24" fmla="*/ 9 w 599"/>
                  <a:gd name="T25" fmla="*/ 169 h 673"/>
                  <a:gd name="T26" fmla="*/ 13 w 599"/>
                  <a:gd name="T27" fmla="*/ 176 h 673"/>
                  <a:gd name="T28" fmla="*/ 19 w 599"/>
                  <a:gd name="T29" fmla="*/ 183 h 673"/>
                  <a:gd name="T30" fmla="*/ 30 w 599"/>
                  <a:gd name="T31" fmla="*/ 187 h 673"/>
                  <a:gd name="T32" fmla="*/ 47 w 599"/>
                  <a:gd name="T33" fmla="*/ 187 h 673"/>
                  <a:gd name="T34" fmla="*/ 62 w 599"/>
                  <a:gd name="T35" fmla="*/ 206 h 673"/>
                  <a:gd name="T36" fmla="*/ 74 w 599"/>
                  <a:gd name="T37" fmla="*/ 217 h 673"/>
                  <a:gd name="T38" fmla="*/ 85 w 599"/>
                  <a:gd name="T39" fmla="*/ 222 h 673"/>
                  <a:gd name="T40" fmla="*/ 100 w 599"/>
                  <a:gd name="T41" fmla="*/ 225 h 673"/>
                  <a:gd name="T42" fmla="*/ 104 w 599"/>
                  <a:gd name="T43" fmla="*/ 223 h 673"/>
                  <a:gd name="T44" fmla="*/ 108 w 599"/>
                  <a:gd name="T45" fmla="*/ 217 h 673"/>
                  <a:gd name="T46" fmla="*/ 114 w 599"/>
                  <a:gd name="T47" fmla="*/ 213 h 673"/>
                  <a:gd name="T48" fmla="*/ 119 w 599"/>
                  <a:gd name="T49" fmla="*/ 212 h 673"/>
                  <a:gd name="T50" fmla="*/ 123 w 599"/>
                  <a:gd name="T51" fmla="*/ 213 h 673"/>
                  <a:gd name="T52" fmla="*/ 125 w 599"/>
                  <a:gd name="T53" fmla="*/ 219 h 673"/>
                  <a:gd name="T54" fmla="*/ 127 w 599"/>
                  <a:gd name="T55" fmla="*/ 225 h 673"/>
                  <a:gd name="T56" fmla="*/ 131 w 599"/>
                  <a:gd name="T57" fmla="*/ 225 h 673"/>
                  <a:gd name="T58" fmla="*/ 145 w 599"/>
                  <a:gd name="T59" fmla="*/ 214 h 673"/>
                  <a:gd name="T60" fmla="*/ 155 w 599"/>
                  <a:gd name="T61" fmla="*/ 201 h 673"/>
                  <a:gd name="T62" fmla="*/ 159 w 599"/>
                  <a:gd name="T63" fmla="*/ 193 h 673"/>
                  <a:gd name="T64" fmla="*/ 154 w 599"/>
                  <a:gd name="T65" fmla="*/ 188 h 673"/>
                  <a:gd name="T66" fmla="*/ 147 w 599"/>
                  <a:gd name="T67" fmla="*/ 182 h 673"/>
                  <a:gd name="T68" fmla="*/ 142 w 599"/>
                  <a:gd name="T69" fmla="*/ 175 h 673"/>
                  <a:gd name="T70" fmla="*/ 139 w 599"/>
                  <a:gd name="T71" fmla="*/ 166 h 673"/>
                  <a:gd name="T72" fmla="*/ 137 w 599"/>
                  <a:gd name="T73" fmla="*/ 155 h 673"/>
                  <a:gd name="T74" fmla="*/ 147 w 599"/>
                  <a:gd name="T75" fmla="*/ 143 h 673"/>
                  <a:gd name="T76" fmla="*/ 165 w 599"/>
                  <a:gd name="T77" fmla="*/ 134 h 673"/>
                  <a:gd name="T78" fmla="*/ 177 w 599"/>
                  <a:gd name="T79" fmla="*/ 126 h 673"/>
                  <a:gd name="T80" fmla="*/ 188 w 599"/>
                  <a:gd name="T81" fmla="*/ 117 h 673"/>
                  <a:gd name="T82" fmla="*/ 197 w 599"/>
                  <a:gd name="T83" fmla="*/ 107 h 673"/>
                  <a:gd name="T84" fmla="*/ 192 w 599"/>
                  <a:gd name="T85" fmla="*/ 102 h 673"/>
                  <a:gd name="T86" fmla="*/ 187 w 599"/>
                  <a:gd name="T87" fmla="*/ 101 h 673"/>
                  <a:gd name="T88" fmla="*/ 184 w 599"/>
                  <a:gd name="T89" fmla="*/ 96 h 673"/>
                  <a:gd name="T90" fmla="*/ 183 w 599"/>
                  <a:gd name="T91" fmla="*/ 86 h 673"/>
                  <a:gd name="T92" fmla="*/ 183 w 599"/>
                  <a:gd name="T93" fmla="*/ 74 h 673"/>
                  <a:gd name="T94" fmla="*/ 174 w 599"/>
                  <a:gd name="T95" fmla="*/ 67 h 673"/>
                  <a:gd name="T96" fmla="*/ 164 w 599"/>
                  <a:gd name="T97" fmla="*/ 63 h 673"/>
                  <a:gd name="T98" fmla="*/ 158 w 599"/>
                  <a:gd name="T99" fmla="*/ 57 h 673"/>
                  <a:gd name="T100" fmla="*/ 151 w 599"/>
                  <a:gd name="T101" fmla="*/ 60 h 673"/>
                  <a:gd name="T102" fmla="*/ 145 w 599"/>
                  <a:gd name="T103" fmla="*/ 60 h 673"/>
                  <a:gd name="T104" fmla="*/ 144 w 599"/>
                  <a:gd name="T105" fmla="*/ 59 h 673"/>
                  <a:gd name="T106" fmla="*/ 143 w 599"/>
                  <a:gd name="T107" fmla="*/ 53 h 673"/>
                  <a:gd name="T108" fmla="*/ 146 w 599"/>
                  <a:gd name="T109" fmla="*/ 41 h 673"/>
                  <a:gd name="T110" fmla="*/ 148 w 599"/>
                  <a:gd name="T111" fmla="*/ 17 h 673"/>
                  <a:gd name="T112" fmla="*/ 130 w 599"/>
                  <a:gd name="T113" fmla="*/ 7 h 673"/>
                  <a:gd name="T114" fmla="*/ 111 w 599"/>
                  <a:gd name="T115" fmla="*/ 2 h 673"/>
                  <a:gd name="T116" fmla="*/ 90 w 599"/>
                  <a:gd name="T117" fmla="*/ 0 h 673"/>
                  <a:gd name="T118" fmla="*/ 63 w 599"/>
                  <a:gd name="T119" fmla="*/ 1 h 673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599" h="673">
                    <a:moveTo>
                      <a:pt x="150" y="7"/>
                    </a:moveTo>
                    <a:lnTo>
                      <a:pt x="149" y="23"/>
                    </a:lnTo>
                    <a:lnTo>
                      <a:pt x="150" y="37"/>
                    </a:lnTo>
                    <a:lnTo>
                      <a:pt x="152" y="50"/>
                    </a:lnTo>
                    <a:lnTo>
                      <a:pt x="155" y="62"/>
                    </a:lnTo>
                    <a:lnTo>
                      <a:pt x="162" y="85"/>
                    </a:lnTo>
                    <a:lnTo>
                      <a:pt x="169" y="110"/>
                    </a:lnTo>
                    <a:lnTo>
                      <a:pt x="143" y="122"/>
                    </a:lnTo>
                    <a:lnTo>
                      <a:pt x="121" y="132"/>
                    </a:lnTo>
                    <a:lnTo>
                      <a:pt x="115" y="133"/>
                    </a:lnTo>
                    <a:lnTo>
                      <a:pt x="109" y="136"/>
                    </a:lnTo>
                    <a:lnTo>
                      <a:pt x="103" y="136"/>
                    </a:lnTo>
                    <a:lnTo>
                      <a:pt x="96" y="136"/>
                    </a:lnTo>
                    <a:lnTo>
                      <a:pt x="90" y="136"/>
                    </a:lnTo>
                    <a:lnTo>
                      <a:pt x="82" y="135"/>
                    </a:lnTo>
                    <a:lnTo>
                      <a:pt x="74" y="132"/>
                    </a:lnTo>
                    <a:lnTo>
                      <a:pt x="65" y="129"/>
                    </a:lnTo>
                    <a:lnTo>
                      <a:pt x="64" y="141"/>
                    </a:lnTo>
                    <a:lnTo>
                      <a:pt x="62" y="152"/>
                    </a:lnTo>
                    <a:lnTo>
                      <a:pt x="59" y="163"/>
                    </a:lnTo>
                    <a:lnTo>
                      <a:pt x="55" y="172"/>
                    </a:lnTo>
                    <a:lnTo>
                      <a:pt x="46" y="190"/>
                    </a:lnTo>
                    <a:lnTo>
                      <a:pt x="35" y="206"/>
                    </a:lnTo>
                    <a:lnTo>
                      <a:pt x="24" y="222"/>
                    </a:lnTo>
                    <a:lnTo>
                      <a:pt x="14" y="239"/>
                    </a:lnTo>
                    <a:lnTo>
                      <a:pt x="9" y="248"/>
                    </a:lnTo>
                    <a:lnTo>
                      <a:pt x="5" y="258"/>
                    </a:lnTo>
                    <a:lnTo>
                      <a:pt x="2" y="267"/>
                    </a:lnTo>
                    <a:lnTo>
                      <a:pt x="0" y="279"/>
                    </a:lnTo>
                    <a:lnTo>
                      <a:pt x="5" y="298"/>
                    </a:lnTo>
                    <a:lnTo>
                      <a:pt x="10" y="318"/>
                    </a:lnTo>
                    <a:lnTo>
                      <a:pt x="12" y="338"/>
                    </a:lnTo>
                    <a:lnTo>
                      <a:pt x="13" y="358"/>
                    </a:lnTo>
                    <a:lnTo>
                      <a:pt x="14" y="397"/>
                    </a:lnTo>
                    <a:lnTo>
                      <a:pt x="15" y="436"/>
                    </a:lnTo>
                    <a:lnTo>
                      <a:pt x="16" y="454"/>
                    </a:lnTo>
                    <a:lnTo>
                      <a:pt x="18" y="471"/>
                    </a:lnTo>
                    <a:lnTo>
                      <a:pt x="21" y="488"/>
                    </a:lnTo>
                    <a:lnTo>
                      <a:pt x="28" y="505"/>
                    </a:lnTo>
                    <a:lnTo>
                      <a:pt x="31" y="513"/>
                    </a:lnTo>
                    <a:lnTo>
                      <a:pt x="35" y="520"/>
                    </a:lnTo>
                    <a:lnTo>
                      <a:pt x="40" y="527"/>
                    </a:lnTo>
                    <a:lnTo>
                      <a:pt x="45" y="535"/>
                    </a:lnTo>
                    <a:lnTo>
                      <a:pt x="52" y="541"/>
                    </a:lnTo>
                    <a:lnTo>
                      <a:pt x="58" y="547"/>
                    </a:lnTo>
                    <a:lnTo>
                      <a:pt x="65" y="554"/>
                    </a:lnTo>
                    <a:lnTo>
                      <a:pt x="75" y="560"/>
                    </a:lnTo>
                    <a:lnTo>
                      <a:pt x="91" y="560"/>
                    </a:lnTo>
                    <a:lnTo>
                      <a:pt x="108" y="560"/>
                    </a:lnTo>
                    <a:lnTo>
                      <a:pt x="123" y="560"/>
                    </a:lnTo>
                    <a:lnTo>
                      <a:pt x="140" y="560"/>
                    </a:lnTo>
                    <a:lnTo>
                      <a:pt x="155" y="579"/>
                    </a:lnTo>
                    <a:lnTo>
                      <a:pt x="170" y="598"/>
                    </a:lnTo>
                    <a:lnTo>
                      <a:pt x="185" y="616"/>
                    </a:lnTo>
                    <a:lnTo>
                      <a:pt x="202" y="633"/>
                    </a:lnTo>
                    <a:lnTo>
                      <a:pt x="212" y="641"/>
                    </a:lnTo>
                    <a:lnTo>
                      <a:pt x="221" y="648"/>
                    </a:lnTo>
                    <a:lnTo>
                      <a:pt x="232" y="655"/>
                    </a:lnTo>
                    <a:lnTo>
                      <a:pt x="243" y="660"/>
                    </a:lnTo>
                    <a:lnTo>
                      <a:pt x="256" y="664"/>
                    </a:lnTo>
                    <a:lnTo>
                      <a:pt x="270" y="668"/>
                    </a:lnTo>
                    <a:lnTo>
                      <a:pt x="283" y="670"/>
                    </a:lnTo>
                    <a:lnTo>
                      <a:pt x="299" y="672"/>
                    </a:lnTo>
                    <a:lnTo>
                      <a:pt x="303" y="670"/>
                    </a:lnTo>
                    <a:lnTo>
                      <a:pt x="308" y="668"/>
                    </a:lnTo>
                    <a:lnTo>
                      <a:pt x="311" y="666"/>
                    </a:lnTo>
                    <a:lnTo>
                      <a:pt x="314" y="663"/>
                    </a:lnTo>
                    <a:lnTo>
                      <a:pt x="319" y="657"/>
                    </a:lnTo>
                    <a:lnTo>
                      <a:pt x="324" y="650"/>
                    </a:lnTo>
                    <a:lnTo>
                      <a:pt x="330" y="644"/>
                    </a:lnTo>
                    <a:lnTo>
                      <a:pt x="336" y="639"/>
                    </a:lnTo>
                    <a:lnTo>
                      <a:pt x="340" y="637"/>
                    </a:lnTo>
                    <a:lnTo>
                      <a:pt x="344" y="636"/>
                    </a:lnTo>
                    <a:lnTo>
                      <a:pt x="350" y="635"/>
                    </a:lnTo>
                    <a:lnTo>
                      <a:pt x="355" y="635"/>
                    </a:lnTo>
                    <a:lnTo>
                      <a:pt x="360" y="635"/>
                    </a:lnTo>
                    <a:lnTo>
                      <a:pt x="364" y="635"/>
                    </a:lnTo>
                    <a:lnTo>
                      <a:pt x="367" y="637"/>
                    </a:lnTo>
                    <a:lnTo>
                      <a:pt x="369" y="640"/>
                    </a:lnTo>
                    <a:lnTo>
                      <a:pt x="372" y="646"/>
                    </a:lnTo>
                    <a:lnTo>
                      <a:pt x="373" y="655"/>
                    </a:lnTo>
                    <a:lnTo>
                      <a:pt x="374" y="663"/>
                    </a:lnTo>
                    <a:lnTo>
                      <a:pt x="377" y="669"/>
                    </a:lnTo>
                    <a:lnTo>
                      <a:pt x="379" y="672"/>
                    </a:lnTo>
                    <a:lnTo>
                      <a:pt x="382" y="673"/>
                    </a:lnTo>
                    <a:lnTo>
                      <a:pt x="388" y="673"/>
                    </a:lnTo>
                    <a:lnTo>
                      <a:pt x="393" y="672"/>
                    </a:lnTo>
                    <a:lnTo>
                      <a:pt x="407" y="662"/>
                    </a:lnTo>
                    <a:lnTo>
                      <a:pt x="420" y="653"/>
                    </a:lnTo>
                    <a:lnTo>
                      <a:pt x="433" y="641"/>
                    </a:lnTo>
                    <a:lnTo>
                      <a:pt x="445" y="629"/>
                    </a:lnTo>
                    <a:lnTo>
                      <a:pt x="455" y="617"/>
                    </a:lnTo>
                    <a:lnTo>
                      <a:pt x="463" y="602"/>
                    </a:lnTo>
                    <a:lnTo>
                      <a:pt x="468" y="595"/>
                    </a:lnTo>
                    <a:lnTo>
                      <a:pt x="472" y="586"/>
                    </a:lnTo>
                    <a:lnTo>
                      <a:pt x="475" y="578"/>
                    </a:lnTo>
                    <a:lnTo>
                      <a:pt x="477" y="569"/>
                    </a:lnTo>
                    <a:lnTo>
                      <a:pt x="469" y="565"/>
                    </a:lnTo>
                    <a:lnTo>
                      <a:pt x="460" y="561"/>
                    </a:lnTo>
                    <a:lnTo>
                      <a:pt x="453" y="557"/>
                    </a:lnTo>
                    <a:lnTo>
                      <a:pt x="446" y="550"/>
                    </a:lnTo>
                    <a:lnTo>
                      <a:pt x="439" y="545"/>
                    </a:lnTo>
                    <a:lnTo>
                      <a:pt x="434" y="539"/>
                    </a:lnTo>
                    <a:lnTo>
                      <a:pt x="429" y="532"/>
                    </a:lnTo>
                    <a:lnTo>
                      <a:pt x="425" y="523"/>
                    </a:lnTo>
                    <a:lnTo>
                      <a:pt x="420" y="515"/>
                    </a:lnTo>
                    <a:lnTo>
                      <a:pt x="417" y="506"/>
                    </a:lnTo>
                    <a:lnTo>
                      <a:pt x="415" y="496"/>
                    </a:lnTo>
                    <a:lnTo>
                      <a:pt x="413" y="486"/>
                    </a:lnTo>
                    <a:lnTo>
                      <a:pt x="412" y="475"/>
                    </a:lnTo>
                    <a:lnTo>
                      <a:pt x="411" y="463"/>
                    </a:lnTo>
                    <a:lnTo>
                      <a:pt x="411" y="450"/>
                    </a:lnTo>
                    <a:lnTo>
                      <a:pt x="412" y="438"/>
                    </a:lnTo>
                    <a:lnTo>
                      <a:pt x="441" y="427"/>
                    </a:lnTo>
                    <a:lnTo>
                      <a:pt x="469" y="416"/>
                    </a:lnTo>
                    <a:lnTo>
                      <a:pt x="482" y="408"/>
                    </a:lnTo>
                    <a:lnTo>
                      <a:pt x="495" y="402"/>
                    </a:lnTo>
                    <a:lnTo>
                      <a:pt x="508" y="395"/>
                    </a:lnTo>
                    <a:lnTo>
                      <a:pt x="519" y="386"/>
                    </a:lnTo>
                    <a:lnTo>
                      <a:pt x="531" y="378"/>
                    </a:lnTo>
                    <a:lnTo>
                      <a:pt x="542" y="369"/>
                    </a:lnTo>
                    <a:lnTo>
                      <a:pt x="553" y="360"/>
                    </a:lnTo>
                    <a:lnTo>
                      <a:pt x="564" y="350"/>
                    </a:lnTo>
                    <a:lnTo>
                      <a:pt x="573" y="340"/>
                    </a:lnTo>
                    <a:lnTo>
                      <a:pt x="582" y="329"/>
                    </a:lnTo>
                    <a:lnTo>
                      <a:pt x="591" y="319"/>
                    </a:lnTo>
                    <a:lnTo>
                      <a:pt x="599" y="307"/>
                    </a:lnTo>
                    <a:lnTo>
                      <a:pt x="586" y="307"/>
                    </a:lnTo>
                    <a:lnTo>
                      <a:pt x="574" y="306"/>
                    </a:lnTo>
                    <a:lnTo>
                      <a:pt x="570" y="305"/>
                    </a:lnTo>
                    <a:lnTo>
                      <a:pt x="566" y="304"/>
                    </a:lnTo>
                    <a:lnTo>
                      <a:pt x="561" y="302"/>
                    </a:lnTo>
                    <a:lnTo>
                      <a:pt x="559" y="300"/>
                    </a:lnTo>
                    <a:lnTo>
                      <a:pt x="554" y="295"/>
                    </a:lnTo>
                    <a:lnTo>
                      <a:pt x="551" y="288"/>
                    </a:lnTo>
                    <a:lnTo>
                      <a:pt x="549" y="281"/>
                    </a:lnTo>
                    <a:lnTo>
                      <a:pt x="548" y="274"/>
                    </a:lnTo>
                    <a:lnTo>
                      <a:pt x="548" y="256"/>
                    </a:lnTo>
                    <a:lnTo>
                      <a:pt x="548" y="238"/>
                    </a:lnTo>
                    <a:lnTo>
                      <a:pt x="548" y="228"/>
                    </a:lnTo>
                    <a:lnTo>
                      <a:pt x="547" y="220"/>
                    </a:lnTo>
                    <a:lnTo>
                      <a:pt x="546" y="211"/>
                    </a:lnTo>
                    <a:lnTo>
                      <a:pt x="542" y="204"/>
                    </a:lnTo>
                    <a:lnTo>
                      <a:pt x="521" y="200"/>
                    </a:lnTo>
                    <a:lnTo>
                      <a:pt x="503" y="197"/>
                    </a:lnTo>
                    <a:lnTo>
                      <a:pt x="496" y="192"/>
                    </a:lnTo>
                    <a:lnTo>
                      <a:pt x="490" y="187"/>
                    </a:lnTo>
                    <a:lnTo>
                      <a:pt x="483" y="179"/>
                    </a:lnTo>
                    <a:lnTo>
                      <a:pt x="477" y="166"/>
                    </a:lnTo>
                    <a:lnTo>
                      <a:pt x="474" y="170"/>
                    </a:lnTo>
                    <a:lnTo>
                      <a:pt x="468" y="173"/>
                    </a:lnTo>
                    <a:lnTo>
                      <a:pt x="459" y="177"/>
                    </a:lnTo>
                    <a:lnTo>
                      <a:pt x="451" y="180"/>
                    </a:lnTo>
                    <a:lnTo>
                      <a:pt x="442" y="181"/>
                    </a:lnTo>
                    <a:lnTo>
                      <a:pt x="435" y="181"/>
                    </a:lnTo>
                    <a:lnTo>
                      <a:pt x="433" y="180"/>
                    </a:lnTo>
                    <a:lnTo>
                      <a:pt x="431" y="179"/>
                    </a:lnTo>
                    <a:lnTo>
                      <a:pt x="430" y="178"/>
                    </a:lnTo>
                    <a:lnTo>
                      <a:pt x="431" y="176"/>
                    </a:lnTo>
                    <a:lnTo>
                      <a:pt x="429" y="170"/>
                    </a:lnTo>
                    <a:lnTo>
                      <a:pt x="428" y="165"/>
                    </a:lnTo>
                    <a:lnTo>
                      <a:pt x="428" y="159"/>
                    </a:lnTo>
                    <a:lnTo>
                      <a:pt x="429" y="152"/>
                    </a:lnTo>
                    <a:lnTo>
                      <a:pt x="432" y="139"/>
                    </a:lnTo>
                    <a:lnTo>
                      <a:pt x="437" y="123"/>
                    </a:lnTo>
                    <a:lnTo>
                      <a:pt x="449" y="92"/>
                    </a:lnTo>
                    <a:lnTo>
                      <a:pt x="458" y="63"/>
                    </a:lnTo>
                    <a:lnTo>
                      <a:pt x="442" y="50"/>
                    </a:lnTo>
                    <a:lnTo>
                      <a:pt x="426" y="40"/>
                    </a:lnTo>
                    <a:lnTo>
                      <a:pt x="408" y="30"/>
                    </a:lnTo>
                    <a:lnTo>
                      <a:pt x="390" y="22"/>
                    </a:lnTo>
                    <a:lnTo>
                      <a:pt x="371" y="16"/>
                    </a:lnTo>
                    <a:lnTo>
                      <a:pt x="352" y="10"/>
                    </a:lnTo>
                    <a:lnTo>
                      <a:pt x="332" y="6"/>
                    </a:lnTo>
                    <a:lnTo>
                      <a:pt x="312" y="3"/>
                    </a:lnTo>
                    <a:lnTo>
                      <a:pt x="291" y="1"/>
                    </a:lnTo>
                    <a:lnTo>
                      <a:pt x="271" y="0"/>
                    </a:lnTo>
                    <a:lnTo>
                      <a:pt x="250" y="0"/>
                    </a:lnTo>
                    <a:lnTo>
                      <a:pt x="230" y="0"/>
                    </a:lnTo>
                    <a:lnTo>
                      <a:pt x="189" y="3"/>
                    </a:lnTo>
                    <a:lnTo>
                      <a:pt x="150" y="7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95" name="Assens kant"/>
              <p:cNvSpPr>
                <a:spLocks/>
              </p:cNvSpPr>
              <p:nvPr/>
            </p:nvSpPr>
            <p:spPr bwMode="auto">
              <a:xfrm>
                <a:off x="1951038" y="5297488"/>
                <a:ext cx="317500" cy="357188"/>
              </a:xfrm>
              <a:custGeom>
                <a:avLst/>
                <a:gdLst>
                  <a:gd name="T0" fmla="*/ 50 w 599"/>
                  <a:gd name="T1" fmla="*/ 12 h 673"/>
                  <a:gd name="T2" fmla="*/ 54 w 599"/>
                  <a:gd name="T3" fmla="*/ 28 h 673"/>
                  <a:gd name="T4" fmla="*/ 40 w 599"/>
                  <a:gd name="T5" fmla="*/ 44 h 673"/>
                  <a:gd name="T6" fmla="*/ 34 w 599"/>
                  <a:gd name="T7" fmla="*/ 45 h 673"/>
                  <a:gd name="T8" fmla="*/ 27 w 599"/>
                  <a:gd name="T9" fmla="*/ 45 h 673"/>
                  <a:gd name="T10" fmla="*/ 21 w 599"/>
                  <a:gd name="T11" fmla="*/ 47 h 673"/>
                  <a:gd name="T12" fmla="*/ 18 w 599"/>
                  <a:gd name="T13" fmla="*/ 58 h 673"/>
                  <a:gd name="T14" fmla="*/ 8 w 599"/>
                  <a:gd name="T15" fmla="*/ 74 h 673"/>
                  <a:gd name="T16" fmla="*/ 2 w 599"/>
                  <a:gd name="T17" fmla="*/ 86 h 673"/>
                  <a:gd name="T18" fmla="*/ 2 w 599"/>
                  <a:gd name="T19" fmla="*/ 100 h 673"/>
                  <a:gd name="T20" fmla="*/ 4 w 599"/>
                  <a:gd name="T21" fmla="*/ 120 h 673"/>
                  <a:gd name="T22" fmla="*/ 5 w 599"/>
                  <a:gd name="T23" fmla="*/ 152 h 673"/>
                  <a:gd name="T24" fmla="*/ 9 w 599"/>
                  <a:gd name="T25" fmla="*/ 169 h 673"/>
                  <a:gd name="T26" fmla="*/ 13 w 599"/>
                  <a:gd name="T27" fmla="*/ 176 h 673"/>
                  <a:gd name="T28" fmla="*/ 19 w 599"/>
                  <a:gd name="T29" fmla="*/ 183 h 673"/>
                  <a:gd name="T30" fmla="*/ 30 w 599"/>
                  <a:gd name="T31" fmla="*/ 187 h 673"/>
                  <a:gd name="T32" fmla="*/ 47 w 599"/>
                  <a:gd name="T33" fmla="*/ 187 h 673"/>
                  <a:gd name="T34" fmla="*/ 62 w 599"/>
                  <a:gd name="T35" fmla="*/ 206 h 673"/>
                  <a:gd name="T36" fmla="*/ 74 w 599"/>
                  <a:gd name="T37" fmla="*/ 217 h 673"/>
                  <a:gd name="T38" fmla="*/ 85 w 599"/>
                  <a:gd name="T39" fmla="*/ 222 h 673"/>
                  <a:gd name="T40" fmla="*/ 100 w 599"/>
                  <a:gd name="T41" fmla="*/ 225 h 673"/>
                  <a:gd name="T42" fmla="*/ 104 w 599"/>
                  <a:gd name="T43" fmla="*/ 223 h 673"/>
                  <a:gd name="T44" fmla="*/ 108 w 599"/>
                  <a:gd name="T45" fmla="*/ 217 h 673"/>
                  <a:gd name="T46" fmla="*/ 114 w 599"/>
                  <a:gd name="T47" fmla="*/ 213 h 673"/>
                  <a:gd name="T48" fmla="*/ 119 w 599"/>
                  <a:gd name="T49" fmla="*/ 212 h 673"/>
                  <a:gd name="T50" fmla="*/ 123 w 599"/>
                  <a:gd name="T51" fmla="*/ 213 h 673"/>
                  <a:gd name="T52" fmla="*/ 125 w 599"/>
                  <a:gd name="T53" fmla="*/ 219 h 673"/>
                  <a:gd name="T54" fmla="*/ 127 w 599"/>
                  <a:gd name="T55" fmla="*/ 225 h 673"/>
                  <a:gd name="T56" fmla="*/ 131 w 599"/>
                  <a:gd name="T57" fmla="*/ 225 h 673"/>
                  <a:gd name="T58" fmla="*/ 145 w 599"/>
                  <a:gd name="T59" fmla="*/ 214 h 673"/>
                  <a:gd name="T60" fmla="*/ 155 w 599"/>
                  <a:gd name="T61" fmla="*/ 201 h 673"/>
                  <a:gd name="T62" fmla="*/ 159 w 599"/>
                  <a:gd name="T63" fmla="*/ 193 h 673"/>
                  <a:gd name="T64" fmla="*/ 154 w 599"/>
                  <a:gd name="T65" fmla="*/ 188 h 673"/>
                  <a:gd name="T66" fmla="*/ 147 w 599"/>
                  <a:gd name="T67" fmla="*/ 182 h 673"/>
                  <a:gd name="T68" fmla="*/ 142 w 599"/>
                  <a:gd name="T69" fmla="*/ 175 h 673"/>
                  <a:gd name="T70" fmla="*/ 139 w 599"/>
                  <a:gd name="T71" fmla="*/ 166 h 673"/>
                  <a:gd name="T72" fmla="*/ 137 w 599"/>
                  <a:gd name="T73" fmla="*/ 155 h 673"/>
                  <a:gd name="T74" fmla="*/ 147 w 599"/>
                  <a:gd name="T75" fmla="*/ 143 h 673"/>
                  <a:gd name="T76" fmla="*/ 165 w 599"/>
                  <a:gd name="T77" fmla="*/ 134 h 673"/>
                  <a:gd name="T78" fmla="*/ 177 w 599"/>
                  <a:gd name="T79" fmla="*/ 126 h 673"/>
                  <a:gd name="T80" fmla="*/ 188 w 599"/>
                  <a:gd name="T81" fmla="*/ 117 h 673"/>
                  <a:gd name="T82" fmla="*/ 197 w 599"/>
                  <a:gd name="T83" fmla="*/ 107 h 673"/>
                  <a:gd name="T84" fmla="*/ 192 w 599"/>
                  <a:gd name="T85" fmla="*/ 102 h 673"/>
                  <a:gd name="T86" fmla="*/ 187 w 599"/>
                  <a:gd name="T87" fmla="*/ 101 h 673"/>
                  <a:gd name="T88" fmla="*/ 184 w 599"/>
                  <a:gd name="T89" fmla="*/ 96 h 673"/>
                  <a:gd name="T90" fmla="*/ 183 w 599"/>
                  <a:gd name="T91" fmla="*/ 86 h 673"/>
                  <a:gd name="T92" fmla="*/ 183 w 599"/>
                  <a:gd name="T93" fmla="*/ 74 h 673"/>
                  <a:gd name="T94" fmla="*/ 174 w 599"/>
                  <a:gd name="T95" fmla="*/ 67 h 673"/>
                  <a:gd name="T96" fmla="*/ 164 w 599"/>
                  <a:gd name="T97" fmla="*/ 63 h 673"/>
                  <a:gd name="T98" fmla="*/ 158 w 599"/>
                  <a:gd name="T99" fmla="*/ 57 h 673"/>
                  <a:gd name="T100" fmla="*/ 151 w 599"/>
                  <a:gd name="T101" fmla="*/ 60 h 673"/>
                  <a:gd name="T102" fmla="*/ 145 w 599"/>
                  <a:gd name="T103" fmla="*/ 60 h 673"/>
                  <a:gd name="T104" fmla="*/ 144 w 599"/>
                  <a:gd name="T105" fmla="*/ 59 h 673"/>
                  <a:gd name="T106" fmla="*/ 143 w 599"/>
                  <a:gd name="T107" fmla="*/ 53 h 673"/>
                  <a:gd name="T108" fmla="*/ 146 w 599"/>
                  <a:gd name="T109" fmla="*/ 41 h 673"/>
                  <a:gd name="T110" fmla="*/ 148 w 599"/>
                  <a:gd name="T111" fmla="*/ 17 h 673"/>
                  <a:gd name="T112" fmla="*/ 130 w 599"/>
                  <a:gd name="T113" fmla="*/ 7 h 673"/>
                  <a:gd name="T114" fmla="*/ 111 w 599"/>
                  <a:gd name="T115" fmla="*/ 2 h 673"/>
                  <a:gd name="T116" fmla="*/ 90 w 599"/>
                  <a:gd name="T117" fmla="*/ 0 h 673"/>
                  <a:gd name="T118" fmla="*/ 63 w 599"/>
                  <a:gd name="T119" fmla="*/ 1 h 673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599" h="673">
                    <a:moveTo>
                      <a:pt x="150" y="7"/>
                    </a:moveTo>
                    <a:lnTo>
                      <a:pt x="149" y="23"/>
                    </a:lnTo>
                    <a:lnTo>
                      <a:pt x="150" y="37"/>
                    </a:lnTo>
                    <a:lnTo>
                      <a:pt x="152" y="50"/>
                    </a:lnTo>
                    <a:lnTo>
                      <a:pt x="155" y="62"/>
                    </a:lnTo>
                    <a:lnTo>
                      <a:pt x="162" y="85"/>
                    </a:lnTo>
                    <a:lnTo>
                      <a:pt x="169" y="110"/>
                    </a:lnTo>
                    <a:lnTo>
                      <a:pt x="143" y="122"/>
                    </a:lnTo>
                    <a:lnTo>
                      <a:pt x="121" y="132"/>
                    </a:lnTo>
                    <a:lnTo>
                      <a:pt x="115" y="133"/>
                    </a:lnTo>
                    <a:lnTo>
                      <a:pt x="109" y="136"/>
                    </a:lnTo>
                    <a:lnTo>
                      <a:pt x="103" y="136"/>
                    </a:lnTo>
                    <a:lnTo>
                      <a:pt x="96" y="136"/>
                    </a:lnTo>
                    <a:lnTo>
                      <a:pt x="90" y="136"/>
                    </a:lnTo>
                    <a:lnTo>
                      <a:pt x="82" y="135"/>
                    </a:lnTo>
                    <a:lnTo>
                      <a:pt x="74" y="132"/>
                    </a:lnTo>
                    <a:lnTo>
                      <a:pt x="65" y="129"/>
                    </a:lnTo>
                    <a:lnTo>
                      <a:pt x="64" y="141"/>
                    </a:lnTo>
                    <a:lnTo>
                      <a:pt x="62" y="152"/>
                    </a:lnTo>
                    <a:lnTo>
                      <a:pt x="59" y="163"/>
                    </a:lnTo>
                    <a:lnTo>
                      <a:pt x="55" y="172"/>
                    </a:lnTo>
                    <a:lnTo>
                      <a:pt x="46" y="190"/>
                    </a:lnTo>
                    <a:lnTo>
                      <a:pt x="35" y="206"/>
                    </a:lnTo>
                    <a:lnTo>
                      <a:pt x="24" y="222"/>
                    </a:lnTo>
                    <a:lnTo>
                      <a:pt x="14" y="239"/>
                    </a:lnTo>
                    <a:lnTo>
                      <a:pt x="9" y="248"/>
                    </a:lnTo>
                    <a:lnTo>
                      <a:pt x="5" y="258"/>
                    </a:lnTo>
                    <a:lnTo>
                      <a:pt x="2" y="267"/>
                    </a:lnTo>
                    <a:lnTo>
                      <a:pt x="0" y="279"/>
                    </a:lnTo>
                    <a:lnTo>
                      <a:pt x="5" y="298"/>
                    </a:lnTo>
                    <a:lnTo>
                      <a:pt x="10" y="318"/>
                    </a:lnTo>
                    <a:lnTo>
                      <a:pt x="12" y="338"/>
                    </a:lnTo>
                    <a:lnTo>
                      <a:pt x="13" y="358"/>
                    </a:lnTo>
                    <a:lnTo>
                      <a:pt x="14" y="397"/>
                    </a:lnTo>
                    <a:lnTo>
                      <a:pt x="15" y="436"/>
                    </a:lnTo>
                    <a:lnTo>
                      <a:pt x="16" y="454"/>
                    </a:lnTo>
                    <a:lnTo>
                      <a:pt x="18" y="471"/>
                    </a:lnTo>
                    <a:lnTo>
                      <a:pt x="21" y="488"/>
                    </a:lnTo>
                    <a:lnTo>
                      <a:pt x="28" y="505"/>
                    </a:lnTo>
                    <a:lnTo>
                      <a:pt x="31" y="513"/>
                    </a:lnTo>
                    <a:lnTo>
                      <a:pt x="35" y="520"/>
                    </a:lnTo>
                    <a:lnTo>
                      <a:pt x="40" y="527"/>
                    </a:lnTo>
                    <a:lnTo>
                      <a:pt x="45" y="535"/>
                    </a:lnTo>
                    <a:lnTo>
                      <a:pt x="52" y="541"/>
                    </a:lnTo>
                    <a:lnTo>
                      <a:pt x="58" y="547"/>
                    </a:lnTo>
                    <a:lnTo>
                      <a:pt x="65" y="554"/>
                    </a:lnTo>
                    <a:lnTo>
                      <a:pt x="75" y="560"/>
                    </a:lnTo>
                    <a:lnTo>
                      <a:pt x="91" y="560"/>
                    </a:lnTo>
                    <a:lnTo>
                      <a:pt x="108" y="560"/>
                    </a:lnTo>
                    <a:lnTo>
                      <a:pt x="123" y="560"/>
                    </a:lnTo>
                    <a:lnTo>
                      <a:pt x="140" y="560"/>
                    </a:lnTo>
                    <a:lnTo>
                      <a:pt x="155" y="579"/>
                    </a:lnTo>
                    <a:lnTo>
                      <a:pt x="170" y="598"/>
                    </a:lnTo>
                    <a:lnTo>
                      <a:pt x="185" y="616"/>
                    </a:lnTo>
                    <a:lnTo>
                      <a:pt x="202" y="633"/>
                    </a:lnTo>
                    <a:lnTo>
                      <a:pt x="212" y="641"/>
                    </a:lnTo>
                    <a:lnTo>
                      <a:pt x="221" y="648"/>
                    </a:lnTo>
                    <a:lnTo>
                      <a:pt x="232" y="655"/>
                    </a:lnTo>
                    <a:lnTo>
                      <a:pt x="243" y="660"/>
                    </a:lnTo>
                    <a:lnTo>
                      <a:pt x="256" y="664"/>
                    </a:lnTo>
                    <a:lnTo>
                      <a:pt x="270" y="668"/>
                    </a:lnTo>
                    <a:lnTo>
                      <a:pt x="283" y="670"/>
                    </a:lnTo>
                    <a:lnTo>
                      <a:pt x="299" y="672"/>
                    </a:lnTo>
                    <a:lnTo>
                      <a:pt x="303" y="670"/>
                    </a:lnTo>
                    <a:lnTo>
                      <a:pt x="308" y="668"/>
                    </a:lnTo>
                    <a:lnTo>
                      <a:pt x="311" y="666"/>
                    </a:lnTo>
                    <a:lnTo>
                      <a:pt x="314" y="663"/>
                    </a:lnTo>
                    <a:lnTo>
                      <a:pt x="319" y="657"/>
                    </a:lnTo>
                    <a:lnTo>
                      <a:pt x="324" y="650"/>
                    </a:lnTo>
                    <a:lnTo>
                      <a:pt x="330" y="644"/>
                    </a:lnTo>
                    <a:lnTo>
                      <a:pt x="336" y="639"/>
                    </a:lnTo>
                    <a:lnTo>
                      <a:pt x="340" y="637"/>
                    </a:lnTo>
                    <a:lnTo>
                      <a:pt x="344" y="636"/>
                    </a:lnTo>
                    <a:lnTo>
                      <a:pt x="350" y="635"/>
                    </a:lnTo>
                    <a:lnTo>
                      <a:pt x="355" y="635"/>
                    </a:lnTo>
                    <a:lnTo>
                      <a:pt x="360" y="635"/>
                    </a:lnTo>
                    <a:lnTo>
                      <a:pt x="364" y="635"/>
                    </a:lnTo>
                    <a:lnTo>
                      <a:pt x="367" y="637"/>
                    </a:lnTo>
                    <a:lnTo>
                      <a:pt x="369" y="640"/>
                    </a:lnTo>
                    <a:lnTo>
                      <a:pt x="372" y="646"/>
                    </a:lnTo>
                    <a:lnTo>
                      <a:pt x="373" y="655"/>
                    </a:lnTo>
                    <a:lnTo>
                      <a:pt x="374" y="663"/>
                    </a:lnTo>
                    <a:lnTo>
                      <a:pt x="377" y="669"/>
                    </a:lnTo>
                    <a:lnTo>
                      <a:pt x="379" y="672"/>
                    </a:lnTo>
                    <a:lnTo>
                      <a:pt x="382" y="673"/>
                    </a:lnTo>
                    <a:lnTo>
                      <a:pt x="388" y="673"/>
                    </a:lnTo>
                    <a:lnTo>
                      <a:pt x="393" y="672"/>
                    </a:lnTo>
                    <a:lnTo>
                      <a:pt x="407" y="662"/>
                    </a:lnTo>
                    <a:lnTo>
                      <a:pt x="420" y="653"/>
                    </a:lnTo>
                    <a:lnTo>
                      <a:pt x="433" y="641"/>
                    </a:lnTo>
                    <a:lnTo>
                      <a:pt x="445" y="629"/>
                    </a:lnTo>
                    <a:lnTo>
                      <a:pt x="455" y="617"/>
                    </a:lnTo>
                    <a:lnTo>
                      <a:pt x="463" y="602"/>
                    </a:lnTo>
                    <a:lnTo>
                      <a:pt x="468" y="595"/>
                    </a:lnTo>
                    <a:lnTo>
                      <a:pt x="472" y="586"/>
                    </a:lnTo>
                    <a:lnTo>
                      <a:pt x="475" y="578"/>
                    </a:lnTo>
                    <a:lnTo>
                      <a:pt x="477" y="569"/>
                    </a:lnTo>
                    <a:lnTo>
                      <a:pt x="469" y="565"/>
                    </a:lnTo>
                    <a:lnTo>
                      <a:pt x="460" y="561"/>
                    </a:lnTo>
                    <a:lnTo>
                      <a:pt x="453" y="557"/>
                    </a:lnTo>
                    <a:lnTo>
                      <a:pt x="446" y="550"/>
                    </a:lnTo>
                    <a:lnTo>
                      <a:pt x="439" y="545"/>
                    </a:lnTo>
                    <a:lnTo>
                      <a:pt x="434" y="539"/>
                    </a:lnTo>
                    <a:lnTo>
                      <a:pt x="429" y="532"/>
                    </a:lnTo>
                    <a:lnTo>
                      <a:pt x="425" y="523"/>
                    </a:lnTo>
                    <a:lnTo>
                      <a:pt x="420" y="515"/>
                    </a:lnTo>
                    <a:lnTo>
                      <a:pt x="417" y="506"/>
                    </a:lnTo>
                    <a:lnTo>
                      <a:pt x="415" y="496"/>
                    </a:lnTo>
                    <a:lnTo>
                      <a:pt x="413" y="486"/>
                    </a:lnTo>
                    <a:lnTo>
                      <a:pt x="412" y="475"/>
                    </a:lnTo>
                    <a:lnTo>
                      <a:pt x="411" y="463"/>
                    </a:lnTo>
                    <a:lnTo>
                      <a:pt x="411" y="450"/>
                    </a:lnTo>
                    <a:lnTo>
                      <a:pt x="412" y="438"/>
                    </a:lnTo>
                    <a:lnTo>
                      <a:pt x="441" y="427"/>
                    </a:lnTo>
                    <a:lnTo>
                      <a:pt x="469" y="416"/>
                    </a:lnTo>
                    <a:lnTo>
                      <a:pt x="482" y="408"/>
                    </a:lnTo>
                    <a:lnTo>
                      <a:pt x="495" y="402"/>
                    </a:lnTo>
                    <a:lnTo>
                      <a:pt x="508" y="395"/>
                    </a:lnTo>
                    <a:lnTo>
                      <a:pt x="519" y="386"/>
                    </a:lnTo>
                    <a:lnTo>
                      <a:pt x="531" y="378"/>
                    </a:lnTo>
                    <a:lnTo>
                      <a:pt x="542" y="369"/>
                    </a:lnTo>
                    <a:lnTo>
                      <a:pt x="553" y="360"/>
                    </a:lnTo>
                    <a:lnTo>
                      <a:pt x="564" y="350"/>
                    </a:lnTo>
                    <a:lnTo>
                      <a:pt x="573" y="340"/>
                    </a:lnTo>
                    <a:lnTo>
                      <a:pt x="582" y="329"/>
                    </a:lnTo>
                    <a:lnTo>
                      <a:pt x="591" y="319"/>
                    </a:lnTo>
                    <a:lnTo>
                      <a:pt x="599" y="307"/>
                    </a:lnTo>
                    <a:lnTo>
                      <a:pt x="586" y="307"/>
                    </a:lnTo>
                    <a:lnTo>
                      <a:pt x="574" y="306"/>
                    </a:lnTo>
                    <a:lnTo>
                      <a:pt x="570" y="305"/>
                    </a:lnTo>
                    <a:lnTo>
                      <a:pt x="566" y="304"/>
                    </a:lnTo>
                    <a:lnTo>
                      <a:pt x="561" y="302"/>
                    </a:lnTo>
                    <a:lnTo>
                      <a:pt x="559" y="300"/>
                    </a:lnTo>
                    <a:lnTo>
                      <a:pt x="554" y="295"/>
                    </a:lnTo>
                    <a:lnTo>
                      <a:pt x="551" y="288"/>
                    </a:lnTo>
                    <a:lnTo>
                      <a:pt x="549" y="281"/>
                    </a:lnTo>
                    <a:lnTo>
                      <a:pt x="548" y="274"/>
                    </a:lnTo>
                    <a:lnTo>
                      <a:pt x="548" y="256"/>
                    </a:lnTo>
                    <a:lnTo>
                      <a:pt x="548" y="238"/>
                    </a:lnTo>
                    <a:lnTo>
                      <a:pt x="548" y="228"/>
                    </a:lnTo>
                    <a:lnTo>
                      <a:pt x="547" y="220"/>
                    </a:lnTo>
                    <a:lnTo>
                      <a:pt x="546" y="211"/>
                    </a:lnTo>
                    <a:lnTo>
                      <a:pt x="542" y="204"/>
                    </a:lnTo>
                    <a:lnTo>
                      <a:pt x="521" y="200"/>
                    </a:lnTo>
                    <a:lnTo>
                      <a:pt x="503" y="197"/>
                    </a:lnTo>
                    <a:lnTo>
                      <a:pt x="496" y="192"/>
                    </a:lnTo>
                    <a:lnTo>
                      <a:pt x="490" y="187"/>
                    </a:lnTo>
                    <a:lnTo>
                      <a:pt x="483" y="179"/>
                    </a:lnTo>
                    <a:lnTo>
                      <a:pt x="477" y="166"/>
                    </a:lnTo>
                    <a:lnTo>
                      <a:pt x="474" y="170"/>
                    </a:lnTo>
                    <a:lnTo>
                      <a:pt x="468" y="173"/>
                    </a:lnTo>
                    <a:lnTo>
                      <a:pt x="459" y="177"/>
                    </a:lnTo>
                    <a:lnTo>
                      <a:pt x="451" y="180"/>
                    </a:lnTo>
                    <a:lnTo>
                      <a:pt x="442" y="181"/>
                    </a:lnTo>
                    <a:lnTo>
                      <a:pt x="435" y="181"/>
                    </a:lnTo>
                    <a:lnTo>
                      <a:pt x="433" y="180"/>
                    </a:lnTo>
                    <a:lnTo>
                      <a:pt x="431" y="179"/>
                    </a:lnTo>
                    <a:lnTo>
                      <a:pt x="430" y="178"/>
                    </a:lnTo>
                    <a:lnTo>
                      <a:pt x="431" y="176"/>
                    </a:lnTo>
                    <a:lnTo>
                      <a:pt x="429" y="170"/>
                    </a:lnTo>
                    <a:lnTo>
                      <a:pt x="428" y="165"/>
                    </a:lnTo>
                    <a:lnTo>
                      <a:pt x="428" y="159"/>
                    </a:lnTo>
                    <a:lnTo>
                      <a:pt x="429" y="152"/>
                    </a:lnTo>
                    <a:lnTo>
                      <a:pt x="432" y="139"/>
                    </a:lnTo>
                    <a:lnTo>
                      <a:pt x="437" y="123"/>
                    </a:lnTo>
                    <a:lnTo>
                      <a:pt x="449" y="92"/>
                    </a:lnTo>
                    <a:lnTo>
                      <a:pt x="458" y="63"/>
                    </a:lnTo>
                    <a:lnTo>
                      <a:pt x="442" y="50"/>
                    </a:lnTo>
                    <a:lnTo>
                      <a:pt x="426" y="40"/>
                    </a:lnTo>
                    <a:lnTo>
                      <a:pt x="408" y="30"/>
                    </a:lnTo>
                    <a:lnTo>
                      <a:pt x="390" y="22"/>
                    </a:lnTo>
                    <a:lnTo>
                      <a:pt x="371" y="16"/>
                    </a:lnTo>
                    <a:lnTo>
                      <a:pt x="352" y="10"/>
                    </a:lnTo>
                    <a:lnTo>
                      <a:pt x="332" y="6"/>
                    </a:lnTo>
                    <a:lnTo>
                      <a:pt x="312" y="3"/>
                    </a:lnTo>
                    <a:lnTo>
                      <a:pt x="291" y="1"/>
                    </a:lnTo>
                    <a:lnTo>
                      <a:pt x="271" y="0"/>
                    </a:lnTo>
                    <a:lnTo>
                      <a:pt x="250" y="0"/>
                    </a:lnTo>
                    <a:lnTo>
                      <a:pt x="230" y="0"/>
                    </a:lnTo>
                    <a:lnTo>
                      <a:pt x="189" y="3"/>
                    </a:lnTo>
                    <a:lnTo>
                      <a:pt x="150" y="7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046" name="Freeform 344"/>
            <p:cNvSpPr>
              <a:spLocks/>
            </p:cNvSpPr>
            <p:nvPr/>
          </p:nvSpPr>
          <p:spPr bwMode="auto">
            <a:xfrm>
              <a:off x="2492375" y="5316538"/>
              <a:ext cx="217488" cy="331788"/>
            </a:xfrm>
            <a:custGeom>
              <a:avLst/>
              <a:gdLst>
                <a:gd name="T0" fmla="*/ 65 w 411"/>
                <a:gd name="T1" fmla="*/ 165 h 626"/>
                <a:gd name="T2" fmla="*/ 64 w 411"/>
                <a:gd name="T3" fmla="*/ 182 h 626"/>
                <a:gd name="T4" fmla="*/ 68 w 411"/>
                <a:gd name="T5" fmla="*/ 195 h 626"/>
                <a:gd name="T6" fmla="*/ 77 w 411"/>
                <a:gd name="T7" fmla="*/ 199 h 626"/>
                <a:gd name="T8" fmla="*/ 91 w 411"/>
                <a:gd name="T9" fmla="*/ 207 h 626"/>
                <a:gd name="T10" fmla="*/ 100 w 411"/>
                <a:gd name="T11" fmla="*/ 209 h 626"/>
                <a:gd name="T12" fmla="*/ 104 w 411"/>
                <a:gd name="T13" fmla="*/ 202 h 626"/>
                <a:gd name="T14" fmla="*/ 108 w 411"/>
                <a:gd name="T15" fmla="*/ 190 h 626"/>
                <a:gd name="T16" fmla="*/ 114 w 411"/>
                <a:gd name="T17" fmla="*/ 181 h 626"/>
                <a:gd name="T18" fmla="*/ 121 w 411"/>
                <a:gd name="T19" fmla="*/ 174 h 626"/>
                <a:gd name="T20" fmla="*/ 129 w 411"/>
                <a:gd name="T21" fmla="*/ 169 h 626"/>
                <a:gd name="T22" fmla="*/ 134 w 411"/>
                <a:gd name="T23" fmla="*/ 164 h 626"/>
                <a:gd name="T24" fmla="*/ 133 w 411"/>
                <a:gd name="T25" fmla="*/ 151 h 626"/>
                <a:gd name="T26" fmla="*/ 125 w 411"/>
                <a:gd name="T27" fmla="*/ 121 h 626"/>
                <a:gd name="T28" fmla="*/ 115 w 411"/>
                <a:gd name="T29" fmla="*/ 93 h 626"/>
                <a:gd name="T30" fmla="*/ 120 w 411"/>
                <a:gd name="T31" fmla="*/ 93 h 626"/>
                <a:gd name="T32" fmla="*/ 125 w 411"/>
                <a:gd name="T33" fmla="*/ 89 h 626"/>
                <a:gd name="T34" fmla="*/ 131 w 411"/>
                <a:gd name="T35" fmla="*/ 87 h 626"/>
                <a:gd name="T36" fmla="*/ 137 w 411"/>
                <a:gd name="T37" fmla="*/ 87 h 626"/>
                <a:gd name="T38" fmla="*/ 131 w 411"/>
                <a:gd name="T39" fmla="*/ 68 h 626"/>
                <a:gd name="T40" fmla="*/ 124 w 411"/>
                <a:gd name="T41" fmla="*/ 49 h 626"/>
                <a:gd name="T42" fmla="*/ 116 w 411"/>
                <a:gd name="T43" fmla="*/ 33 h 626"/>
                <a:gd name="T44" fmla="*/ 105 w 411"/>
                <a:gd name="T45" fmla="*/ 18 h 626"/>
                <a:gd name="T46" fmla="*/ 94 w 411"/>
                <a:gd name="T47" fmla="*/ 4 h 626"/>
                <a:gd name="T48" fmla="*/ 90 w 411"/>
                <a:gd name="T49" fmla="*/ 2 h 626"/>
                <a:gd name="T50" fmla="*/ 88 w 411"/>
                <a:gd name="T51" fmla="*/ 5 h 626"/>
                <a:gd name="T52" fmla="*/ 81 w 411"/>
                <a:gd name="T53" fmla="*/ 7 h 626"/>
                <a:gd name="T54" fmla="*/ 69 w 411"/>
                <a:gd name="T55" fmla="*/ 5 h 626"/>
                <a:gd name="T56" fmla="*/ 59 w 411"/>
                <a:gd name="T57" fmla="*/ 6 h 626"/>
                <a:gd name="T58" fmla="*/ 56 w 411"/>
                <a:gd name="T59" fmla="*/ 8 h 626"/>
                <a:gd name="T60" fmla="*/ 60 w 411"/>
                <a:gd name="T61" fmla="*/ 15 h 626"/>
                <a:gd name="T62" fmla="*/ 62 w 411"/>
                <a:gd name="T63" fmla="*/ 23 h 626"/>
                <a:gd name="T64" fmla="*/ 59 w 411"/>
                <a:gd name="T65" fmla="*/ 31 h 626"/>
                <a:gd name="T66" fmla="*/ 52 w 411"/>
                <a:gd name="T67" fmla="*/ 37 h 626"/>
                <a:gd name="T68" fmla="*/ 44 w 411"/>
                <a:gd name="T69" fmla="*/ 42 h 626"/>
                <a:gd name="T70" fmla="*/ 43 w 411"/>
                <a:gd name="T71" fmla="*/ 44 h 626"/>
                <a:gd name="T72" fmla="*/ 55 w 411"/>
                <a:gd name="T73" fmla="*/ 47 h 626"/>
                <a:gd name="T74" fmla="*/ 58 w 411"/>
                <a:gd name="T75" fmla="*/ 52 h 626"/>
                <a:gd name="T76" fmla="*/ 56 w 411"/>
                <a:gd name="T77" fmla="*/ 60 h 626"/>
                <a:gd name="T78" fmla="*/ 48 w 411"/>
                <a:gd name="T79" fmla="*/ 72 h 626"/>
                <a:gd name="T80" fmla="*/ 37 w 411"/>
                <a:gd name="T81" fmla="*/ 81 h 626"/>
                <a:gd name="T82" fmla="*/ 39 w 411"/>
                <a:gd name="T83" fmla="*/ 88 h 626"/>
                <a:gd name="T84" fmla="*/ 43 w 411"/>
                <a:gd name="T85" fmla="*/ 94 h 626"/>
                <a:gd name="T86" fmla="*/ 41 w 411"/>
                <a:gd name="T87" fmla="*/ 100 h 626"/>
                <a:gd name="T88" fmla="*/ 34 w 411"/>
                <a:gd name="T89" fmla="*/ 101 h 626"/>
                <a:gd name="T90" fmla="*/ 30 w 411"/>
                <a:gd name="T91" fmla="*/ 105 h 626"/>
                <a:gd name="T92" fmla="*/ 28 w 411"/>
                <a:gd name="T93" fmla="*/ 112 h 626"/>
                <a:gd name="T94" fmla="*/ 28 w 411"/>
                <a:gd name="T95" fmla="*/ 122 h 626"/>
                <a:gd name="T96" fmla="*/ 23 w 411"/>
                <a:gd name="T97" fmla="*/ 129 h 626"/>
                <a:gd name="T98" fmla="*/ 15 w 411"/>
                <a:gd name="T99" fmla="*/ 133 h 626"/>
                <a:gd name="T100" fmla="*/ 6 w 411"/>
                <a:gd name="T101" fmla="*/ 140 h 626"/>
                <a:gd name="T102" fmla="*/ 1 w 411"/>
                <a:gd name="T103" fmla="*/ 141 h 626"/>
                <a:gd name="T104" fmla="*/ 14 w 411"/>
                <a:gd name="T105" fmla="*/ 148 h 626"/>
                <a:gd name="T106" fmla="*/ 32 w 411"/>
                <a:gd name="T107" fmla="*/ 157 h 626"/>
                <a:gd name="T108" fmla="*/ 44 w 411"/>
                <a:gd name="T109" fmla="*/ 158 h 626"/>
                <a:gd name="T110" fmla="*/ 57 w 411"/>
                <a:gd name="T111" fmla="*/ 155 h 62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411" h="626">
                  <a:moveTo>
                    <a:pt x="187" y="458"/>
                  </a:moveTo>
                  <a:lnTo>
                    <a:pt x="192" y="478"/>
                  </a:lnTo>
                  <a:lnTo>
                    <a:pt x="196" y="493"/>
                  </a:lnTo>
                  <a:lnTo>
                    <a:pt x="197" y="506"/>
                  </a:lnTo>
                  <a:lnTo>
                    <a:pt x="197" y="519"/>
                  </a:lnTo>
                  <a:lnTo>
                    <a:pt x="193" y="544"/>
                  </a:lnTo>
                  <a:lnTo>
                    <a:pt x="187" y="580"/>
                  </a:lnTo>
                  <a:lnTo>
                    <a:pt x="195" y="582"/>
                  </a:lnTo>
                  <a:lnTo>
                    <a:pt x="204" y="584"/>
                  </a:lnTo>
                  <a:lnTo>
                    <a:pt x="211" y="587"/>
                  </a:lnTo>
                  <a:lnTo>
                    <a:pt x="219" y="590"/>
                  </a:lnTo>
                  <a:lnTo>
                    <a:pt x="232" y="597"/>
                  </a:lnTo>
                  <a:lnTo>
                    <a:pt x="246" y="605"/>
                  </a:lnTo>
                  <a:lnTo>
                    <a:pt x="260" y="612"/>
                  </a:lnTo>
                  <a:lnTo>
                    <a:pt x="274" y="619"/>
                  </a:lnTo>
                  <a:lnTo>
                    <a:pt x="282" y="622"/>
                  </a:lnTo>
                  <a:lnTo>
                    <a:pt x="290" y="624"/>
                  </a:lnTo>
                  <a:lnTo>
                    <a:pt x="299" y="625"/>
                  </a:lnTo>
                  <a:lnTo>
                    <a:pt x="308" y="626"/>
                  </a:lnTo>
                  <a:lnTo>
                    <a:pt x="310" y="614"/>
                  </a:lnTo>
                  <a:lnTo>
                    <a:pt x="313" y="604"/>
                  </a:lnTo>
                  <a:lnTo>
                    <a:pt x="316" y="592"/>
                  </a:lnTo>
                  <a:lnTo>
                    <a:pt x="321" y="581"/>
                  </a:lnTo>
                  <a:lnTo>
                    <a:pt x="325" y="570"/>
                  </a:lnTo>
                  <a:lnTo>
                    <a:pt x="330" y="561"/>
                  </a:lnTo>
                  <a:lnTo>
                    <a:pt x="336" y="551"/>
                  </a:lnTo>
                  <a:lnTo>
                    <a:pt x="343" y="542"/>
                  </a:lnTo>
                  <a:lnTo>
                    <a:pt x="349" y="533"/>
                  </a:lnTo>
                  <a:lnTo>
                    <a:pt x="355" y="526"/>
                  </a:lnTo>
                  <a:lnTo>
                    <a:pt x="363" y="520"/>
                  </a:lnTo>
                  <a:lnTo>
                    <a:pt x="370" y="514"/>
                  </a:lnTo>
                  <a:lnTo>
                    <a:pt x="379" y="510"/>
                  </a:lnTo>
                  <a:lnTo>
                    <a:pt x="386" y="507"/>
                  </a:lnTo>
                  <a:lnTo>
                    <a:pt x="394" y="505"/>
                  </a:lnTo>
                  <a:lnTo>
                    <a:pt x="402" y="505"/>
                  </a:lnTo>
                  <a:lnTo>
                    <a:pt x="403" y="492"/>
                  </a:lnTo>
                  <a:lnTo>
                    <a:pt x="402" y="480"/>
                  </a:lnTo>
                  <a:lnTo>
                    <a:pt x="401" y="466"/>
                  </a:lnTo>
                  <a:lnTo>
                    <a:pt x="399" y="451"/>
                  </a:lnTo>
                  <a:lnTo>
                    <a:pt x="392" y="423"/>
                  </a:lnTo>
                  <a:lnTo>
                    <a:pt x="385" y="392"/>
                  </a:lnTo>
                  <a:lnTo>
                    <a:pt x="376" y="363"/>
                  </a:lnTo>
                  <a:lnTo>
                    <a:pt x="366" y="333"/>
                  </a:lnTo>
                  <a:lnTo>
                    <a:pt x="355" y="306"/>
                  </a:lnTo>
                  <a:lnTo>
                    <a:pt x="346" y="280"/>
                  </a:lnTo>
                  <a:lnTo>
                    <a:pt x="351" y="280"/>
                  </a:lnTo>
                  <a:lnTo>
                    <a:pt x="355" y="280"/>
                  </a:lnTo>
                  <a:lnTo>
                    <a:pt x="360" y="278"/>
                  </a:lnTo>
                  <a:lnTo>
                    <a:pt x="363" y="276"/>
                  </a:lnTo>
                  <a:lnTo>
                    <a:pt x="369" y="272"/>
                  </a:lnTo>
                  <a:lnTo>
                    <a:pt x="375" y="267"/>
                  </a:lnTo>
                  <a:lnTo>
                    <a:pt x="381" y="263"/>
                  </a:lnTo>
                  <a:lnTo>
                    <a:pt x="389" y="260"/>
                  </a:lnTo>
                  <a:lnTo>
                    <a:pt x="393" y="260"/>
                  </a:lnTo>
                  <a:lnTo>
                    <a:pt x="399" y="260"/>
                  </a:lnTo>
                  <a:lnTo>
                    <a:pt x="405" y="260"/>
                  </a:lnTo>
                  <a:lnTo>
                    <a:pt x="411" y="262"/>
                  </a:lnTo>
                  <a:lnTo>
                    <a:pt x="406" y="241"/>
                  </a:lnTo>
                  <a:lnTo>
                    <a:pt x="401" y="222"/>
                  </a:lnTo>
                  <a:lnTo>
                    <a:pt x="394" y="203"/>
                  </a:lnTo>
                  <a:lnTo>
                    <a:pt x="388" y="184"/>
                  </a:lnTo>
                  <a:lnTo>
                    <a:pt x="381" y="166"/>
                  </a:lnTo>
                  <a:lnTo>
                    <a:pt x="373" y="148"/>
                  </a:lnTo>
                  <a:lnTo>
                    <a:pt x="365" y="131"/>
                  </a:lnTo>
                  <a:lnTo>
                    <a:pt x="356" y="115"/>
                  </a:lnTo>
                  <a:lnTo>
                    <a:pt x="347" y="100"/>
                  </a:lnTo>
                  <a:lnTo>
                    <a:pt x="338" y="84"/>
                  </a:lnTo>
                  <a:lnTo>
                    <a:pt x="327" y="68"/>
                  </a:lnTo>
                  <a:lnTo>
                    <a:pt x="316" y="54"/>
                  </a:lnTo>
                  <a:lnTo>
                    <a:pt x="306" y="40"/>
                  </a:lnTo>
                  <a:lnTo>
                    <a:pt x="294" y="26"/>
                  </a:lnTo>
                  <a:lnTo>
                    <a:pt x="283" y="12"/>
                  </a:lnTo>
                  <a:lnTo>
                    <a:pt x="271" y="0"/>
                  </a:lnTo>
                  <a:lnTo>
                    <a:pt x="271" y="3"/>
                  </a:lnTo>
                  <a:lnTo>
                    <a:pt x="270" y="7"/>
                  </a:lnTo>
                  <a:lnTo>
                    <a:pt x="269" y="10"/>
                  </a:lnTo>
                  <a:lnTo>
                    <a:pt x="268" y="12"/>
                  </a:lnTo>
                  <a:lnTo>
                    <a:pt x="264" y="16"/>
                  </a:lnTo>
                  <a:lnTo>
                    <a:pt x="257" y="18"/>
                  </a:lnTo>
                  <a:lnTo>
                    <a:pt x="250" y="20"/>
                  </a:lnTo>
                  <a:lnTo>
                    <a:pt x="243" y="20"/>
                  </a:lnTo>
                  <a:lnTo>
                    <a:pt x="234" y="20"/>
                  </a:lnTo>
                  <a:lnTo>
                    <a:pt x="225" y="18"/>
                  </a:lnTo>
                  <a:lnTo>
                    <a:pt x="207" y="16"/>
                  </a:lnTo>
                  <a:lnTo>
                    <a:pt x="189" y="16"/>
                  </a:lnTo>
                  <a:lnTo>
                    <a:pt x="182" y="17"/>
                  </a:lnTo>
                  <a:lnTo>
                    <a:pt x="176" y="18"/>
                  </a:lnTo>
                  <a:lnTo>
                    <a:pt x="173" y="21"/>
                  </a:lnTo>
                  <a:lnTo>
                    <a:pt x="171" y="23"/>
                  </a:lnTo>
                  <a:lnTo>
                    <a:pt x="169" y="25"/>
                  </a:lnTo>
                  <a:lnTo>
                    <a:pt x="168" y="27"/>
                  </a:lnTo>
                  <a:lnTo>
                    <a:pt x="175" y="36"/>
                  </a:lnTo>
                  <a:lnTo>
                    <a:pt x="181" y="45"/>
                  </a:lnTo>
                  <a:lnTo>
                    <a:pt x="185" y="53"/>
                  </a:lnTo>
                  <a:lnTo>
                    <a:pt x="186" y="62"/>
                  </a:lnTo>
                  <a:lnTo>
                    <a:pt x="186" y="70"/>
                  </a:lnTo>
                  <a:lnTo>
                    <a:pt x="184" y="77"/>
                  </a:lnTo>
                  <a:lnTo>
                    <a:pt x="181" y="85"/>
                  </a:lnTo>
                  <a:lnTo>
                    <a:pt x="176" y="92"/>
                  </a:lnTo>
                  <a:lnTo>
                    <a:pt x="171" y="100"/>
                  </a:lnTo>
                  <a:lnTo>
                    <a:pt x="165" y="106"/>
                  </a:lnTo>
                  <a:lnTo>
                    <a:pt x="157" y="111"/>
                  </a:lnTo>
                  <a:lnTo>
                    <a:pt x="149" y="116"/>
                  </a:lnTo>
                  <a:lnTo>
                    <a:pt x="140" y="121"/>
                  </a:lnTo>
                  <a:lnTo>
                    <a:pt x="131" y="125"/>
                  </a:lnTo>
                  <a:lnTo>
                    <a:pt x="122" y="128"/>
                  </a:lnTo>
                  <a:lnTo>
                    <a:pt x="112" y="130"/>
                  </a:lnTo>
                  <a:lnTo>
                    <a:pt x="130" y="133"/>
                  </a:lnTo>
                  <a:lnTo>
                    <a:pt x="148" y="135"/>
                  </a:lnTo>
                  <a:lnTo>
                    <a:pt x="156" y="137"/>
                  </a:lnTo>
                  <a:lnTo>
                    <a:pt x="165" y="141"/>
                  </a:lnTo>
                  <a:lnTo>
                    <a:pt x="171" y="145"/>
                  </a:lnTo>
                  <a:lnTo>
                    <a:pt x="177" y="149"/>
                  </a:lnTo>
                  <a:lnTo>
                    <a:pt x="175" y="157"/>
                  </a:lnTo>
                  <a:lnTo>
                    <a:pt x="174" y="166"/>
                  </a:lnTo>
                  <a:lnTo>
                    <a:pt x="171" y="173"/>
                  </a:lnTo>
                  <a:lnTo>
                    <a:pt x="168" y="180"/>
                  </a:lnTo>
                  <a:lnTo>
                    <a:pt x="162" y="193"/>
                  </a:lnTo>
                  <a:lnTo>
                    <a:pt x="153" y="205"/>
                  </a:lnTo>
                  <a:lnTo>
                    <a:pt x="144" y="215"/>
                  </a:lnTo>
                  <a:lnTo>
                    <a:pt x="133" y="225"/>
                  </a:lnTo>
                  <a:lnTo>
                    <a:pt x="123" y="233"/>
                  </a:lnTo>
                  <a:lnTo>
                    <a:pt x="112" y="243"/>
                  </a:lnTo>
                  <a:lnTo>
                    <a:pt x="112" y="252"/>
                  </a:lnTo>
                  <a:lnTo>
                    <a:pt x="114" y="260"/>
                  </a:lnTo>
                  <a:lnTo>
                    <a:pt x="117" y="265"/>
                  </a:lnTo>
                  <a:lnTo>
                    <a:pt x="121" y="271"/>
                  </a:lnTo>
                  <a:lnTo>
                    <a:pt x="125" y="276"/>
                  </a:lnTo>
                  <a:lnTo>
                    <a:pt x="128" y="283"/>
                  </a:lnTo>
                  <a:lnTo>
                    <a:pt x="130" y="290"/>
                  </a:lnTo>
                  <a:lnTo>
                    <a:pt x="130" y="299"/>
                  </a:lnTo>
                  <a:lnTo>
                    <a:pt x="122" y="299"/>
                  </a:lnTo>
                  <a:lnTo>
                    <a:pt x="114" y="299"/>
                  </a:lnTo>
                  <a:lnTo>
                    <a:pt x="107" y="300"/>
                  </a:lnTo>
                  <a:lnTo>
                    <a:pt x="102" y="303"/>
                  </a:lnTo>
                  <a:lnTo>
                    <a:pt x="96" y="306"/>
                  </a:lnTo>
                  <a:lnTo>
                    <a:pt x="93" y="310"/>
                  </a:lnTo>
                  <a:lnTo>
                    <a:pt x="90" y="315"/>
                  </a:lnTo>
                  <a:lnTo>
                    <a:pt x="87" y="321"/>
                  </a:lnTo>
                  <a:lnTo>
                    <a:pt x="86" y="327"/>
                  </a:lnTo>
                  <a:lnTo>
                    <a:pt x="84" y="334"/>
                  </a:lnTo>
                  <a:lnTo>
                    <a:pt x="83" y="342"/>
                  </a:lnTo>
                  <a:lnTo>
                    <a:pt x="83" y="349"/>
                  </a:lnTo>
                  <a:lnTo>
                    <a:pt x="83" y="366"/>
                  </a:lnTo>
                  <a:lnTo>
                    <a:pt x="84" y="383"/>
                  </a:lnTo>
                  <a:lnTo>
                    <a:pt x="75" y="384"/>
                  </a:lnTo>
                  <a:lnTo>
                    <a:pt x="68" y="385"/>
                  </a:lnTo>
                  <a:lnTo>
                    <a:pt x="62" y="387"/>
                  </a:lnTo>
                  <a:lnTo>
                    <a:pt x="55" y="390"/>
                  </a:lnTo>
                  <a:lnTo>
                    <a:pt x="45" y="398"/>
                  </a:lnTo>
                  <a:lnTo>
                    <a:pt x="35" y="405"/>
                  </a:lnTo>
                  <a:lnTo>
                    <a:pt x="26" y="412"/>
                  </a:lnTo>
                  <a:lnTo>
                    <a:pt x="17" y="419"/>
                  </a:lnTo>
                  <a:lnTo>
                    <a:pt x="13" y="421"/>
                  </a:lnTo>
                  <a:lnTo>
                    <a:pt x="9" y="422"/>
                  </a:lnTo>
                  <a:lnTo>
                    <a:pt x="4" y="422"/>
                  </a:lnTo>
                  <a:lnTo>
                    <a:pt x="0" y="421"/>
                  </a:lnTo>
                  <a:lnTo>
                    <a:pt x="21" y="432"/>
                  </a:lnTo>
                  <a:lnTo>
                    <a:pt x="42" y="444"/>
                  </a:lnTo>
                  <a:lnTo>
                    <a:pt x="64" y="455"/>
                  </a:lnTo>
                  <a:lnTo>
                    <a:pt x="86" y="465"/>
                  </a:lnTo>
                  <a:lnTo>
                    <a:pt x="97" y="469"/>
                  </a:lnTo>
                  <a:lnTo>
                    <a:pt x="109" y="471"/>
                  </a:lnTo>
                  <a:lnTo>
                    <a:pt x="121" y="473"/>
                  </a:lnTo>
                  <a:lnTo>
                    <a:pt x="133" y="473"/>
                  </a:lnTo>
                  <a:lnTo>
                    <a:pt x="146" y="472"/>
                  </a:lnTo>
                  <a:lnTo>
                    <a:pt x="159" y="469"/>
                  </a:lnTo>
                  <a:lnTo>
                    <a:pt x="172" y="465"/>
                  </a:lnTo>
                  <a:lnTo>
                    <a:pt x="187" y="458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47" name="Haderslev"/>
            <p:cNvSpPr>
              <a:spLocks/>
            </p:cNvSpPr>
            <p:nvPr/>
          </p:nvSpPr>
          <p:spPr bwMode="auto">
            <a:xfrm>
              <a:off x="1133475" y="5365750"/>
              <a:ext cx="669925" cy="361950"/>
            </a:xfrm>
            <a:custGeom>
              <a:avLst/>
              <a:gdLst>
                <a:gd name="T0" fmla="*/ 162 w 1265"/>
                <a:gd name="T1" fmla="*/ 41 h 684"/>
                <a:gd name="T2" fmla="*/ 148 w 1265"/>
                <a:gd name="T3" fmla="*/ 55 h 684"/>
                <a:gd name="T4" fmla="*/ 150 w 1265"/>
                <a:gd name="T5" fmla="*/ 72 h 684"/>
                <a:gd name="T6" fmla="*/ 140 w 1265"/>
                <a:gd name="T7" fmla="*/ 83 h 684"/>
                <a:gd name="T8" fmla="*/ 116 w 1265"/>
                <a:gd name="T9" fmla="*/ 82 h 684"/>
                <a:gd name="T10" fmla="*/ 103 w 1265"/>
                <a:gd name="T11" fmla="*/ 70 h 684"/>
                <a:gd name="T12" fmla="*/ 105 w 1265"/>
                <a:gd name="T13" fmla="*/ 50 h 684"/>
                <a:gd name="T14" fmla="*/ 96 w 1265"/>
                <a:gd name="T15" fmla="*/ 51 h 684"/>
                <a:gd name="T16" fmla="*/ 73 w 1265"/>
                <a:gd name="T17" fmla="*/ 57 h 684"/>
                <a:gd name="T18" fmla="*/ 49 w 1265"/>
                <a:gd name="T19" fmla="*/ 42 h 684"/>
                <a:gd name="T20" fmla="*/ 34 w 1265"/>
                <a:gd name="T21" fmla="*/ 49 h 684"/>
                <a:gd name="T22" fmla="*/ 22 w 1265"/>
                <a:gd name="T23" fmla="*/ 61 h 684"/>
                <a:gd name="T24" fmla="*/ 5 w 1265"/>
                <a:gd name="T25" fmla="*/ 55 h 684"/>
                <a:gd name="T26" fmla="*/ 12 w 1265"/>
                <a:gd name="T27" fmla="*/ 76 h 684"/>
                <a:gd name="T28" fmla="*/ 12 w 1265"/>
                <a:gd name="T29" fmla="*/ 89 h 684"/>
                <a:gd name="T30" fmla="*/ 20 w 1265"/>
                <a:gd name="T31" fmla="*/ 107 h 684"/>
                <a:gd name="T32" fmla="*/ 16 w 1265"/>
                <a:gd name="T33" fmla="*/ 151 h 684"/>
                <a:gd name="T34" fmla="*/ 25 w 1265"/>
                <a:gd name="T35" fmla="*/ 165 h 684"/>
                <a:gd name="T36" fmla="*/ 37 w 1265"/>
                <a:gd name="T37" fmla="*/ 148 h 684"/>
                <a:gd name="T38" fmla="*/ 63 w 1265"/>
                <a:gd name="T39" fmla="*/ 130 h 684"/>
                <a:gd name="T40" fmla="*/ 84 w 1265"/>
                <a:gd name="T41" fmla="*/ 130 h 684"/>
                <a:gd name="T42" fmla="*/ 76 w 1265"/>
                <a:gd name="T43" fmla="*/ 134 h 684"/>
                <a:gd name="T44" fmla="*/ 93 w 1265"/>
                <a:gd name="T45" fmla="*/ 152 h 684"/>
                <a:gd name="T46" fmla="*/ 96 w 1265"/>
                <a:gd name="T47" fmla="*/ 184 h 684"/>
                <a:gd name="T48" fmla="*/ 101 w 1265"/>
                <a:gd name="T49" fmla="*/ 195 h 684"/>
                <a:gd name="T50" fmla="*/ 114 w 1265"/>
                <a:gd name="T51" fmla="*/ 196 h 684"/>
                <a:gd name="T52" fmla="*/ 125 w 1265"/>
                <a:gd name="T53" fmla="*/ 182 h 684"/>
                <a:gd name="T54" fmla="*/ 137 w 1265"/>
                <a:gd name="T55" fmla="*/ 181 h 684"/>
                <a:gd name="T56" fmla="*/ 159 w 1265"/>
                <a:gd name="T57" fmla="*/ 188 h 684"/>
                <a:gd name="T58" fmla="*/ 155 w 1265"/>
                <a:gd name="T59" fmla="*/ 210 h 684"/>
                <a:gd name="T60" fmla="*/ 189 w 1265"/>
                <a:gd name="T61" fmla="*/ 219 h 684"/>
                <a:gd name="T62" fmla="*/ 197 w 1265"/>
                <a:gd name="T63" fmla="*/ 206 h 684"/>
                <a:gd name="T64" fmla="*/ 218 w 1265"/>
                <a:gd name="T65" fmla="*/ 196 h 684"/>
                <a:gd name="T66" fmla="*/ 283 w 1265"/>
                <a:gd name="T67" fmla="*/ 212 h 684"/>
                <a:gd name="T68" fmla="*/ 317 w 1265"/>
                <a:gd name="T69" fmla="*/ 223 h 684"/>
                <a:gd name="T70" fmla="*/ 310 w 1265"/>
                <a:gd name="T71" fmla="*/ 209 h 684"/>
                <a:gd name="T72" fmla="*/ 353 w 1265"/>
                <a:gd name="T73" fmla="*/ 175 h 684"/>
                <a:gd name="T74" fmla="*/ 390 w 1265"/>
                <a:gd name="T75" fmla="*/ 177 h 684"/>
                <a:gd name="T76" fmla="*/ 407 w 1265"/>
                <a:gd name="T77" fmla="*/ 170 h 684"/>
                <a:gd name="T78" fmla="*/ 413 w 1265"/>
                <a:gd name="T79" fmla="*/ 159 h 684"/>
                <a:gd name="T80" fmla="*/ 396 w 1265"/>
                <a:gd name="T81" fmla="*/ 159 h 684"/>
                <a:gd name="T82" fmla="*/ 391 w 1265"/>
                <a:gd name="T83" fmla="*/ 150 h 684"/>
                <a:gd name="T84" fmla="*/ 403 w 1265"/>
                <a:gd name="T85" fmla="*/ 139 h 684"/>
                <a:gd name="T86" fmla="*/ 422 w 1265"/>
                <a:gd name="T87" fmla="*/ 129 h 684"/>
                <a:gd name="T88" fmla="*/ 395 w 1265"/>
                <a:gd name="T89" fmla="*/ 95 h 684"/>
                <a:gd name="T90" fmla="*/ 345 w 1265"/>
                <a:gd name="T91" fmla="*/ 124 h 684"/>
                <a:gd name="T92" fmla="*/ 316 w 1265"/>
                <a:gd name="T93" fmla="*/ 124 h 684"/>
                <a:gd name="T94" fmla="*/ 315 w 1265"/>
                <a:gd name="T95" fmla="*/ 115 h 684"/>
                <a:gd name="T96" fmla="*/ 349 w 1265"/>
                <a:gd name="T97" fmla="*/ 109 h 684"/>
                <a:gd name="T98" fmla="*/ 390 w 1265"/>
                <a:gd name="T99" fmla="*/ 71 h 684"/>
                <a:gd name="T100" fmla="*/ 375 w 1265"/>
                <a:gd name="T101" fmla="*/ 69 h 684"/>
                <a:gd name="T102" fmla="*/ 385 w 1265"/>
                <a:gd name="T103" fmla="*/ 52 h 684"/>
                <a:gd name="T104" fmla="*/ 388 w 1265"/>
                <a:gd name="T105" fmla="*/ 34 h 684"/>
                <a:gd name="T106" fmla="*/ 364 w 1265"/>
                <a:gd name="T107" fmla="*/ 31 h 684"/>
                <a:gd name="T108" fmla="*/ 341 w 1265"/>
                <a:gd name="T109" fmla="*/ 43 h 684"/>
                <a:gd name="T110" fmla="*/ 298 w 1265"/>
                <a:gd name="T111" fmla="*/ 68 h 684"/>
                <a:gd name="T112" fmla="*/ 283 w 1265"/>
                <a:gd name="T113" fmla="*/ 58 h 684"/>
                <a:gd name="T114" fmla="*/ 277 w 1265"/>
                <a:gd name="T115" fmla="*/ 37 h 684"/>
                <a:gd name="T116" fmla="*/ 260 w 1265"/>
                <a:gd name="T117" fmla="*/ 42 h 684"/>
                <a:gd name="T118" fmla="*/ 249 w 1265"/>
                <a:gd name="T119" fmla="*/ 64 h 684"/>
                <a:gd name="T120" fmla="*/ 231 w 1265"/>
                <a:gd name="T121" fmla="*/ 55 h 684"/>
                <a:gd name="T122" fmla="*/ 208 w 1265"/>
                <a:gd name="T123" fmla="*/ 24 h 684"/>
                <a:gd name="T124" fmla="*/ 190 w 1265"/>
                <a:gd name="T125" fmla="*/ 3 h 684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265" h="684">
                  <a:moveTo>
                    <a:pt x="515" y="28"/>
                  </a:moveTo>
                  <a:lnTo>
                    <a:pt x="508" y="66"/>
                  </a:lnTo>
                  <a:lnTo>
                    <a:pt x="501" y="100"/>
                  </a:lnTo>
                  <a:lnTo>
                    <a:pt x="497" y="108"/>
                  </a:lnTo>
                  <a:lnTo>
                    <a:pt x="494" y="114"/>
                  </a:lnTo>
                  <a:lnTo>
                    <a:pt x="490" y="119"/>
                  </a:lnTo>
                  <a:lnTo>
                    <a:pt x="485" y="123"/>
                  </a:lnTo>
                  <a:lnTo>
                    <a:pt x="478" y="126"/>
                  </a:lnTo>
                  <a:lnTo>
                    <a:pt x="470" y="126"/>
                  </a:lnTo>
                  <a:lnTo>
                    <a:pt x="461" y="125"/>
                  </a:lnTo>
                  <a:lnTo>
                    <a:pt x="450" y="121"/>
                  </a:lnTo>
                  <a:lnTo>
                    <a:pt x="447" y="135"/>
                  </a:lnTo>
                  <a:lnTo>
                    <a:pt x="445" y="150"/>
                  </a:lnTo>
                  <a:lnTo>
                    <a:pt x="443" y="165"/>
                  </a:lnTo>
                  <a:lnTo>
                    <a:pt x="442" y="178"/>
                  </a:lnTo>
                  <a:lnTo>
                    <a:pt x="442" y="186"/>
                  </a:lnTo>
                  <a:lnTo>
                    <a:pt x="442" y="192"/>
                  </a:lnTo>
                  <a:lnTo>
                    <a:pt x="443" y="198"/>
                  </a:lnTo>
                  <a:lnTo>
                    <a:pt x="445" y="205"/>
                  </a:lnTo>
                  <a:lnTo>
                    <a:pt x="447" y="211"/>
                  </a:lnTo>
                  <a:lnTo>
                    <a:pt x="450" y="216"/>
                  </a:lnTo>
                  <a:lnTo>
                    <a:pt x="454" y="220"/>
                  </a:lnTo>
                  <a:lnTo>
                    <a:pt x="459" y="225"/>
                  </a:lnTo>
                  <a:lnTo>
                    <a:pt x="453" y="231"/>
                  </a:lnTo>
                  <a:lnTo>
                    <a:pt x="447" y="237"/>
                  </a:lnTo>
                  <a:lnTo>
                    <a:pt x="438" y="241"/>
                  </a:lnTo>
                  <a:lnTo>
                    <a:pt x="430" y="246"/>
                  </a:lnTo>
                  <a:lnTo>
                    <a:pt x="420" y="248"/>
                  </a:lnTo>
                  <a:lnTo>
                    <a:pt x="411" y="250"/>
                  </a:lnTo>
                  <a:lnTo>
                    <a:pt x="400" y="251"/>
                  </a:lnTo>
                  <a:lnTo>
                    <a:pt x="390" y="251"/>
                  </a:lnTo>
                  <a:lnTo>
                    <a:pt x="379" y="251"/>
                  </a:lnTo>
                  <a:lnTo>
                    <a:pt x="369" y="250"/>
                  </a:lnTo>
                  <a:lnTo>
                    <a:pt x="357" y="249"/>
                  </a:lnTo>
                  <a:lnTo>
                    <a:pt x="347" y="247"/>
                  </a:lnTo>
                  <a:lnTo>
                    <a:pt x="337" y="245"/>
                  </a:lnTo>
                  <a:lnTo>
                    <a:pt x="327" y="241"/>
                  </a:lnTo>
                  <a:lnTo>
                    <a:pt x="318" y="237"/>
                  </a:lnTo>
                  <a:lnTo>
                    <a:pt x="310" y="234"/>
                  </a:lnTo>
                  <a:lnTo>
                    <a:pt x="309" y="226"/>
                  </a:lnTo>
                  <a:lnTo>
                    <a:pt x="309" y="218"/>
                  </a:lnTo>
                  <a:lnTo>
                    <a:pt x="310" y="211"/>
                  </a:lnTo>
                  <a:lnTo>
                    <a:pt x="311" y="202"/>
                  </a:lnTo>
                  <a:lnTo>
                    <a:pt x="314" y="188"/>
                  </a:lnTo>
                  <a:lnTo>
                    <a:pt x="316" y="174"/>
                  </a:lnTo>
                  <a:lnTo>
                    <a:pt x="317" y="168"/>
                  </a:lnTo>
                  <a:lnTo>
                    <a:pt x="317" y="161"/>
                  </a:lnTo>
                  <a:lnTo>
                    <a:pt x="317" y="156"/>
                  </a:lnTo>
                  <a:lnTo>
                    <a:pt x="316" y="150"/>
                  </a:lnTo>
                  <a:lnTo>
                    <a:pt x="314" y="145"/>
                  </a:lnTo>
                  <a:lnTo>
                    <a:pt x="311" y="139"/>
                  </a:lnTo>
                  <a:lnTo>
                    <a:pt x="307" y="135"/>
                  </a:lnTo>
                  <a:lnTo>
                    <a:pt x="300" y="131"/>
                  </a:lnTo>
                  <a:lnTo>
                    <a:pt x="296" y="139"/>
                  </a:lnTo>
                  <a:lnTo>
                    <a:pt x="292" y="147"/>
                  </a:lnTo>
                  <a:lnTo>
                    <a:pt x="287" y="153"/>
                  </a:lnTo>
                  <a:lnTo>
                    <a:pt x="283" y="159"/>
                  </a:lnTo>
                  <a:lnTo>
                    <a:pt x="272" y="173"/>
                  </a:lnTo>
                  <a:lnTo>
                    <a:pt x="263" y="187"/>
                  </a:lnTo>
                  <a:lnTo>
                    <a:pt x="249" y="185"/>
                  </a:lnTo>
                  <a:lnTo>
                    <a:pt x="237" y="181"/>
                  </a:lnTo>
                  <a:lnTo>
                    <a:pt x="227" y="177"/>
                  </a:lnTo>
                  <a:lnTo>
                    <a:pt x="218" y="172"/>
                  </a:lnTo>
                  <a:lnTo>
                    <a:pt x="204" y="161"/>
                  </a:lnTo>
                  <a:lnTo>
                    <a:pt x="190" y="150"/>
                  </a:lnTo>
                  <a:lnTo>
                    <a:pt x="183" y="145"/>
                  </a:lnTo>
                  <a:lnTo>
                    <a:pt x="175" y="139"/>
                  </a:lnTo>
                  <a:lnTo>
                    <a:pt x="168" y="134"/>
                  </a:lnTo>
                  <a:lnTo>
                    <a:pt x="158" y="130"/>
                  </a:lnTo>
                  <a:lnTo>
                    <a:pt x="148" y="127"/>
                  </a:lnTo>
                  <a:lnTo>
                    <a:pt x="135" y="123"/>
                  </a:lnTo>
                  <a:lnTo>
                    <a:pt x="120" y="122"/>
                  </a:lnTo>
                  <a:lnTo>
                    <a:pt x="104" y="121"/>
                  </a:lnTo>
                  <a:lnTo>
                    <a:pt x="104" y="129"/>
                  </a:lnTo>
                  <a:lnTo>
                    <a:pt x="104" y="135"/>
                  </a:lnTo>
                  <a:lnTo>
                    <a:pt x="102" y="141"/>
                  </a:lnTo>
                  <a:lnTo>
                    <a:pt x="101" y="147"/>
                  </a:lnTo>
                  <a:lnTo>
                    <a:pt x="99" y="152"/>
                  </a:lnTo>
                  <a:lnTo>
                    <a:pt x="97" y="157"/>
                  </a:lnTo>
                  <a:lnTo>
                    <a:pt x="94" y="161"/>
                  </a:lnTo>
                  <a:lnTo>
                    <a:pt x="91" y="166"/>
                  </a:lnTo>
                  <a:lnTo>
                    <a:pt x="85" y="172"/>
                  </a:lnTo>
                  <a:lnTo>
                    <a:pt x="76" y="178"/>
                  </a:lnTo>
                  <a:lnTo>
                    <a:pt x="67" y="183"/>
                  </a:lnTo>
                  <a:lnTo>
                    <a:pt x="57" y="187"/>
                  </a:lnTo>
                  <a:lnTo>
                    <a:pt x="48" y="186"/>
                  </a:lnTo>
                  <a:lnTo>
                    <a:pt x="39" y="183"/>
                  </a:lnTo>
                  <a:lnTo>
                    <a:pt x="33" y="179"/>
                  </a:lnTo>
                  <a:lnTo>
                    <a:pt x="28" y="174"/>
                  </a:lnTo>
                  <a:lnTo>
                    <a:pt x="21" y="170"/>
                  </a:lnTo>
                  <a:lnTo>
                    <a:pt x="16" y="165"/>
                  </a:lnTo>
                  <a:lnTo>
                    <a:pt x="9" y="161"/>
                  </a:lnTo>
                  <a:lnTo>
                    <a:pt x="0" y="159"/>
                  </a:lnTo>
                  <a:lnTo>
                    <a:pt x="16" y="183"/>
                  </a:lnTo>
                  <a:lnTo>
                    <a:pt x="32" y="209"/>
                  </a:lnTo>
                  <a:lnTo>
                    <a:pt x="34" y="215"/>
                  </a:lnTo>
                  <a:lnTo>
                    <a:pt x="36" y="221"/>
                  </a:lnTo>
                  <a:lnTo>
                    <a:pt x="36" y="228"/>
                  </a:lnTo>
                  <a:lnTo>
                    <a:pt x="36" y="234"/>
                  </a:lnTo>
                  <a:lnTo>
                    <a:pt x="34" y="240"/>
                  </a:lnTo>
                  <a:lnTo>
                    <a:pt x="31" y="248"/>
                  </a:lnTo>
                  <a:lnTo>
                    <a:pt x="26" y="255"/>
                  </a:lnTo>
                  <a:lnTo>
                    <a:pt x="19" y="262"/>
                  </a:lnTo>
                  <a:lnTo>
                    <a:pt x="28" y="265"/>
                  </a:lnTo>
                  <a:lnTo>
                    <a:pt x="35" y="268"/>
                  </a:lnTo>
                  <a:lnTo>
                    <a:pt x="41" y="272"/>
                  </a:lnTo>
                  <a:lnTo>
                    <a:pt x="47" y="277"/>
                  </a:lnTo>
                  <a:lnTo>
                    <a:pt x="51" y="282"/>
                  </a:lnTo>
                  <a:lnTo>
                    <a:pt x="54" y="290"/>
                  </a:lnTo>
                  <a:lnTo>
                    <a:pt x="56" y="296"/>
                  </a:lnTo>
                  <a:lnTo>
                    <a:pt x="58" y="305"/>
                  </a:lnTo>
                  <a:lnTo>
                    <a:pt x="59" y="321"/>
                  </a:lnTo>
                  <a:lnTo>
                    <a:pt x="58" y="340"/>
                  </a:lnTo>
                  <a:lnTo>
                    <a:pt x="56" y="359"/>
                  </a:lnTo>
                  <a:lnTo>
                    <a:pt x="53" y="379"/>
                  </a:lnTo>
                  <a:lnTo>
                    <a:pt x="50" y="399"/>
                  </a:lnTo>
                  <a:lnTo>
                    <a:pt x="48" y="419"/>
                  </a:lnTo>
                  <a:lnTo>
                    <a:pt x="47" y="437"/>
                  </a:lnTo>
                  <a:lnTo>
                    <a:pt x="48" y="454"/>
                  </a:lnTo>
                  <a:lnTo>
                    <a:pt x="49" y="461"/>
                  </a:lnTo>
                  <a:lnTo>
                    <a:pt x="51" y="469"/>
                  </a:lnTo>
                  <a:lnTo>
                    <a:pt x="54" y="475"/>
                  </a:lnTo>
                  <a:lnTo>
                    <a:pt x="58" y="481"/>
                  </a:lnTo>
                  <a:lnTo>
                    <a:pt x="64" y="487"/>
                  </a:lnTo>
                  <a:lnTo>
                    <a:pt x="69" y="491"/>
                  </a:lnTo>
                  <a:lnTo>
                    <a:pt x="76" y="494"/>
                  </a:lnTo>
                  <a:lnTo>
                    <a:pt x="85" y="496"/>
                  </a:lnTo>
                  <a:lnTo>
                    <a:pt x="85" y="485"/>
                  </a:lnTo>
                  <a:lnTo>
                    <a:pt x="85" y="473"/>
                  </a:lnTo>
                  <a:lnTo>
                    <a:pt x="85" y="461"/>
                  </a:lnTo>
                  <a:lnTo>
                    <a:pt x="85" y="449"/>
                  </a:lnTo>
                  <a:lnTo>
                    <a:pt x="98" y="448"/>
                  </a:lnTo>
                  <a:lnTo>
                    <a:pt x="110" y="445"/>
                  </a:lnTo>
                  <a:lnTo>
                    <a:pt x="120" y="440"/>
                  </a:lnTo>
                  <a:lnTo>
                    <a:pt x="130" y="435"/>
                  </a:lnTo>
                  <a:lnTo>
                    <a:pt x="147" y="424"/>
                  </a:lnTo>
                  <a:lnTo>
                    <a:pt x="163" y="410"/>
                  </a:lnTo>
                  <a:lnTo>
                    <a:pt x="170" y="403"/>
                  </a:lnTo>
                  <a:lnTo>
                    <a:pt x="178" y="397"/>
                  </a:lnTo>
                  <a:lnTo>
                    <a:pt x="188" y="391"/>
                  </a:lnTo>
                  <a:lnTo>
                    <a:pt x="198" y="387"/>
                  </a:lnTo>
                  <a:lnTo>
                    <a:pt x="209" y="384"/>
                  </a:lnTo>
                  <a:lnTo>
                    <a:pt x="223" y="381"/>
                  </a:lnTo>
                  <a:lnTo>
                    <a:pt x="237" y="381"/>
                  </a:lnTo>
                  <a:lnTo>
                    <a:pt x="253" y="384"/>
                  </a:lnTo>
                  <a:lnTo>
                    <a:pt x="253" y="387"/>
                  </a:lnTo>
                  <a:lnTo>
                    <a:pt x="252" y="389"/>
                  </a:lnTo>
                  <a:lnTo>
                    <a:pt x="250" y="391"/>
                  </a:lnTo>
                  <a:lnTo>
                    <a:pt x="248" y="393"/>
                  </a:lnTo>
                  <a:lnTo>
                    <a:pt x="244" y="395"/>
                  </a:lnTo>
                  <a:lnTo>
                    <a:pt x="238" y="396"/>
                  </a:lnTo>
                  <a:lnTo>
                    <a:pt x="233" y="398"/>
                  </a:lnTo>
                  <a:lnTo>
                    <a:pt x="228" y="400"/>
                  </a:lnTo>
                  <a:lnTo>
                    <a:pt x="227" y="403"/>
                  </a:lnTo>
                  <a:lnTo>
                    <a:pt x="226" y="406"/>
                  </a:lnTo>
                  <a:lnTo>
                    <a:pt x="225" y="408"/>
                  </a:lnTo>
                  <a:lnTo>
                    <a:pt x="226" y="412"/>
                  </a:lnTo>
                  <a:lnTo>
                    <a:pt x="239" y="423"/>
                  </a:lnTo>
                  <a:lnTo>
                    <a:pt x="253" y="433"/>
                  </a:lnTo>
                  <a:lnTo>
                    <a:pt x="267" y="445"/>
                  </a:lnTo>
                  <a:lnTo>
                    <a:pt x="279" y="456"/>
                  </a:lnTo>
                  <a:lnTo>
                    <a:pt x="293" y="468"/>
                  </a:lnTo>
                  <a:lnTo>
                    <a:pt x="307" y="478"/>
                  </a:lnTo>
                  <a:lnTo>
                    <a:pt x="322" y="488"/>
                  </a:lnTo>
                  <a:lnTo>
                    <a:pt x="337" y="496"/>
                  </a:lnTo>
                  <a:lnTo>
                    <a:pt x="320" y="514"/>
                  </a:lnTo>
                  <a:lnTo>
                    <a:pt x="304" y="532"/>
                  </a:lnTo>
                  <a:lnTo>
                    <a:pt x="288" y="552"/>
                  </a:lnTo>
                  <a:lnTo>
                    <a:pt x="272" y="571"/>
                  </a:lnTo>
                  <a:lnTo>
                    <a:pt x="277" y="571"/>
                  </a:lnTo>
                  <a:lnTo>
                    <a:pt x="281" y="572"/>
                  </a:lnTo>
                  <a:lnTo>
                    <a:pt x="286" y="573"/>
                  </a:lnTo>
                  <a:lnTo>
                    <a:pt x="289" y="575"/>
                  </a:lnTo>
                  <a:lnTo>
                    <a:pt x="295" y="579"/>
                  </a:lnTo>
                  <a:lnTo>
                    <a:pt x="302" y="584"/>
                  </a:lnTo>
                  <a:lnTo>
                    <a:pt x="308" y="588"/>
                  </a:lnTo>
                  <a:lnTo>
                    <a:pt x="315" y="591"/>
                  </a:lnTo>
                  <a:lnTo>
                    <a:pt x="319" y="592"/>
                  </a:lnTo>
                  <a:lnTo>
                    <a:pt x="325" y="592"/>
                  </a:lnTo>
                  <a:lnTo>
                    <a:pt x="331" y="591"/>
                  </a:lnTo>
                  <a:lnTo>
                    <a:pt x="337" y="590"/>
                  </a:lnTo>
                  <a:lnTo>
                    <a:pt x="343" y="587"/>
                  </a:lnTo>
                  <a:lnTo>
                    <a:pt x="346" y="585"/>
                  </a:lnTo>
                  <a:lnTo>
                    <a:pt x="350" y="580"/>
                  </a:lnTo>
                  <a:lnTo>
                    <a:pt x="353" y="577"/>
                  </a:lnTo>
                  <a:lnTo>
                    <a:pt x="358" y="569"/>
                  </a:lnTo>
                  <a:lnTo>
                    <a:pt x="365" y="560"/>
                  </a:lnTo>
                  <a:lnTo>
                    <a:pt x="370" y="552"/>
                  </a:lnTo>
                  <a:lnTo>
                    <a:pt x="376" y="545"/>
                  </a:lnTo>
                  <a:lnTo>
                    <a:pt x="380" y="540"/>
                  </a:lnTo>
                  <a:lnTo>
                    <a:pt x="384" y="538"/>
                  </a:lnTo>
                  <a:lnTo>
                    <a:pt x="389" y="535"/>
                  </a:lnTo>
                  <a:lnTo>
                    <a:pt x="394" y="533"/>
                  </a:lnTo>
                  <a:lnTo>
                    <a:pt x="398" y="537"/>
                  </a:lnTo>
                  <a:lnTo>
                    <a:pt x="404" y="540"/>
                  </a:lnTo>
                  <a:lnTo>
                    <a:pt x="410" y="543"/>
                  </a:lnTo>
                  <a:lnTo>
                    <a:pt x="415" y="545"/>
                  </a:lnTo>
                  <a:lnTo>
                    <a:pt x="429" y="548"/>
                  </a:lnTo>
                  <a:lnTo>
                    <a:pt x="442" y="551"/>
                  </a:lnTo>
                  <a:lnTo>
                    <a:pt x="455" y="554"/>
                  </a:lnTo>
                  <a:lnTo>
                    <a:pt x="468" y="558"/>
                  </a:lnTo>
                  <a:lnTo>
                    <a:pt x="473" y="560"/>
                  </a:lnTo>
                  <a:lnTo>
                    <a:pt x="478" y="564"/>
                  </a:lnTo>
                  <a:lnTo>
                    <a:pt x="484" y="567"/>
                  </a:lnTo>
                  <a:lnTo>
                    <a:pt x="488" y="571"/>
                  </a:lnTo>
                  <a:lnTo>
                    <a:pt x="478" y="591"/>
                  </a:lnTo>
                  <a:lnTo>
                    <a:pt x="468" y="608"/>
                  </a:lnTo>
                  <a:lnTo>
                    <a:pt x="465" y="616"/>
                  </a:lnTo>
                  <a:lnTo>
                    <a:pt x="464" y="625"/>
                  </a:lnTo>
                  <a:lnTo>
                    <a:pt x="464" y="630"/>
                  </a:lnTo>
                  <a:lnTo>
                    <a:pt x="465" y="635"/>
                  </a:lnTo>
                  <a:lnTo>
                    <a:pt x="466" y="640"/>
                  </a:lnTo>
                  <a:lnTo>
                    <a:pt x="469" y="646"/>
                  </a:lnTo>
                  <a:lnTo>
                    <a:pt x="501" y="651"/>
                  </a:lnTo>
                  <a:lnTo>
                    <a:pt x="535" y="656"/>
                  </a:lnTo>
                  <a:lnTo>
                    <a:pt x="552" y="658"/>
                  </a:lnTo>
                  <a:lnTo>
                    <a:pt x="568" y="658"/>
                  </a:lnTo>
                  <a:lnTo>
                    <a:pt x="574" y="658"/>
                  </a:lnTo>
                  <a:lnTo>
                    <a:pt x="581" y="658"/>
                  </a:lnTo>
                  <a:lnTo>
                    <a:pt x="586" y="657"/>
                  </a:lnTo>
                  <a:lnTo>
                    <a:pt x="590" y="655"/>
                  </a:lnTo>
                  <a:lnTo>
                    <a:pt x="590" y="643"/>
                  </a:lnTo>
                  <a:lnTo>
                    <a:pt x="591" y="630"/>
                  </a:lnTo>
                  <a:lnTo>
                    <a:pt x="592" y="618"/>
                  </a:lnTo>
                  <a:lnTo>
                    <a:pt x="594" y="608"/>
                  </a:lnTo>
                  <a:lnTo>
                    <a:pt x="596" y="597"/>
                  </a:lnTo>
                  <a:lnTo>
                    <a:pt x="599" y="588"/>
                  </a:lnTo>
                  <a:lnTo>
                    <a:pt x="604" y="578"/>
                  </a:lnTo>
                  <a:lnTo>
                    <a:pt x="609" y="571"/>
                  </a:lnTo>
                  <a:lnTo>
                    <a:pt x="630" y="580"/>
                  </a:lnTo>
                  <a:lnTo>
                    <a:pt x="652" y="588"/>
                  </a:lnTo>
                  <a:lnTo>
                    <a:pt x="673" y="594"/>
                  </a:lnTo>
                  <a:lnTo>
                    <a:pt x="695" y="600"/>
                  </a:lnTo>
                  <a:lnTo>
                    <a:pt x="740" y="610"/>
                  </a:lnTo>
                  <a:lnTo>
                    <a:pt x="783" y="619"/>
                  </a:lnTo>
                  <a:lnTo>
                    <a:pt x="805" y="625"/>
                  </a:lnTo>
                  <a:lnTo>
                    <a:pt x="826" y="630"/>
                  </a:lnTo>
                  <a:lnTo>
                    <a:pt x="847" y="635"/>
                  </a:lnTo>
                  <a:lnTo>
                    <a:pt x="868" y="643"/>
                  </a:lnTo>
                  <a:lnTo>
                    <a:pt x="889" y="650"/>
                  </a:lnTo>
                  <a:lnTo>
                    <a:pt x="908" y="659"/>
                  </a:lnTo>
                  <a:lnTo>
                    <a:pt x="928" y="671"/>
                  </a:lnTo>
                  <a:lnTo>
                    <a:pt x="946" y="684"/>
                  </a:lnTo>
                  <a:lnTo>
                    <a:pt x="948" y="676"/>
                  </a:lnTo>
                  <a:lnTo>
                    <a:pt x="949" y="670"/>
                  </a:lnTo>
                  <a:lnTo>
                    <a:pt x="949" y="665"/>
                  </a:lnTo>
                  <a:lnTo>
                    <a:pt x="949" y="660"/>
                  </a:lnTo>
                  <a:lnTo>
                    <a:pt x="946" y="652"/>
                  </a:lnTo>
                  <a:lnTo>
                    <a:pt x="943" y="645"/>
                  </a:lnTo>
                  <a:lnTo>
                    <a:pt x="939" y="639"/>
                  </a:lnTo>
                  <a:lnTo>
                    <a:pt x="933" y="633"/>
                  </a:lnTo>
                  <a:lnTo>
                    <a:pt x="930" y="626"/>
                  </a:lnTo>
                  <a:lnTo>
                    <a:pt x="928" y="618"/>
                  </a:lnTo>
                  <a:lnTo>
                    <a:pt x="949" y="603"/>
                  </a:lnTo>
                  <a:lnTo>
                    <a:pt x="971" y="587"/>
                  </a:lnTo>
                  <a:lnTo>
                    <a:pt x="993" y="571"/>
                  </a:lnTo>
                  <a:lnTo>
                    <a:pt x="1014" y="555"/>
                  </a:lnTo>
                  <a:lnTo>
                    <a:pt x="1036" y="539"/>
                  </a:lnTo>
                  <a:lnTo>
                    <a:pt x="1059" y="525"/>
                  </a:lnTo>
                  <a:lnTo>
                    <a:pt x="1082" y="510"/>
                  </a:lnTo>
                  <a:lnTo>
                    <a:pt x="1106" y="496"/>
                  </a:lnTo>
                  <a:lnTo>
                    <a:pt x="1124" y="506"/>
                  </a:lnTo>
                  <a:lnTo>
                    <a:pt x="1142" y="516"/>
                  </a:lnTo>
                  <a:lnTo>
                    <a:pt x="1151" y="521"/>
                  </a:lnTo>
                  <a:lnTo>
                    <a:pt x="1161" y="526"/>
                  </a:lnTo>
                  <a:lnTo>
                    <a:pt x="1170" y="530"/>
                  </a:lnTo>
                  <a:lnTo>
                    <a:pt x="1181" y="533"/>
                  </a:lnTo>
                  <a:lnTo>
                    <a:pt x="1184" y="530"/>
                  </a:lnTo>
                  <a:lnTo>
                    <a:pt x="1188" y="526"/>
                  </a:lnTo>
                  <a:lnTo>
                    <a:pt x="1193" y="524"/>
                  </a:lnTo>
                  <a:lnTo>
                    <a:pt x="1198" y="520"/>
                  </a:lnTo>
                  <a:lnTo>
                    <a:pt x="1208" y="516"/>
                  </a:lnTo>
                  <a:lnTo>
                    <a:pt x="1219" y="511"/>
                  </a:lnTo>
                  <a:lnTo>
                    <a:pt x="1224" y="509"/>
                  </a:lnTo>
                  <a:lnTo>
                    <a:pt x="1228" y="506"/>
                  </a:lnTo>
                  <a:lnTo>
                    <a:pt x="1232" y="501"/>
                  </a:lnTo>
                  <a:lnTo>
                    <a:pt x="1234" y="496"/>
                  </a:lnTo>
                  <a:lnTo>
                    <a:pt x="1237" y="491"/>
                  </a:lnTo>
                  <a:lnTo>
                    <a:pt x="1238" y="485"/>
                  </a:lnTo>
                  <a:lnTo>
                    <a:pt x="1238" y="477"/>
                  </a:lnTo>
                  <a:lnTo>
                    <a:pt x="1237" y="468"/>
                  </a:lnTo>
                  <a:lnTo>
                    <a:pt x="1226" y="469"/>
                  </a:lnTo>
                  <a:lnTo>
                    <a:pt x="1216" y="471"/>
                  </a:lnTo>
                  <a:lnTo>
                    <a:pt x="1206" y="473"/>
                  </a:lnTo>
                  <a:lnTo>
                    <a:pt x="1197" y="476"/>
                  </a:lnTo>
                  <a:lnTo>
                    <a:pt x="1192" y="476"/>
                  </a:lnTo>
                  <a:lnTo>
                    <a:pt x="1188" y="476"/>
                  </a:lnTo>
                  <a:lnTo>
                    <a:pt x="1184" y="476"/>
                  </a:lnTo>
                  <a:lnTo>
                    <a:pt x="1181" y="475"/>
                  </a:lnTo>
                  <a:lnTo>
                    <a:pt x="1178" y="473"/>
                  </a:lnTo>
                  <a:lnTo>
                    <a:pt x="1175" y="469"/>
                  </a:lnTo>
                  <a:lnTo>
                    <a:pt x="1173" y="465"/>
                  </a:lnTo>
                  <a:lnTo>
                    <a:pt x="1171" y="458"/>
                  </a:lnTo>
                  <a:lnTo>
                    <a:pt x="1173" y="449"/>
                  </a:lnTo>
                  <a:lnTo>
                    <a:pt x="1178" y="440"/>
                  </a:lnTo>
                  <a:lnTo>
                    <a:pt x="1182" y="434"/>
                  </a:lnTo>
                  <a:lnTo>
                    <a:pt x="1186" y="429"/>
                  </a:lnTo>
                  <a:lnTo>
                    <a:pt x="1191" y="425"/>
                  </a:lnTo>
                  <a:lnTo>
                    <a:pt x="1197" y="421"/>
                  </a:lnTo>
                  <a:lnTo>
                    <a:pt x="1203" y="419"/>
                  </a:lnTo>
                  <a:lnTo>
                    <a:pt x="1209" y="417"/>
                  </a:lnTo>
                  <a:lnTo>
                    <a:pt x="1223" y="414"/>
                  </a:lnTo>
                  <a:lnTo>
                    <a:pt x="1237" y="412"/>
                  </a:lnTo>
                  <a:lnTo>
                    <a:pt x="1244" y="410"/>
                  </a:lnTo>
                  <a:lnTo>
                    <a:pt x="1250" y="409"/>
                  </a:lnTo>
                  <a:lnTo>
                    <a:pt x="1258" y="406"/>
                  </a:lnTo>
                  <a:lnTo>
                    <a:pt x="1265" y="403"/>
                  </a:lnTo>
                  <a:lnTo>
                    <a:pt x="1265" y="386"/>
                  </a:lnTo>
                  <a:lnTo>
                    <a:pt x="1265" y="370"/>
                  </a:lnTo>
                  <a:lnTo>
                    <a:pt x="1265" y="353"/>
                  </a:lnTo>
                  <a:lnTo>
                    <a:pt x="1265" y="337"/>
                  </a:lnTo>
                  <a:lnTo>
                    <a:pt x="1238" y="319"/>
                  </a:lnTo>
                  <a:lnTo>
                    <a:pt x="1211" y="301"/>
                  </a:lnTo>
                  <a:lnTo>
                    <a:pt x="1198" y="292"/>
                  </a:lnTo>
                  <a:lnTo>
                    <a:pt x="1184" y="285"/>
                  </a:lnTo>
                  <a:lnTo>
                    <a:pt x="1168" y="277"/>
                  </a:lnTo>
                  <a:lnTo>
                    <a:pt x="1152" y="271"/>
                  </a:lnTo>
                  <a:lnTo>
                    <a:pt x="1127" y="297"/>
                  </a:lnTo>
                  <a:lnTo>
                    <a:pt x="1101" y="322"/>
                  </a:lnTo>
                  <a:lnTo>
                    <a:pt x="1074" y="349"/>
                  </a:lnTo>
                  <a:lnTo>
                    <a:pt x="1049" y="374"/>
                  </a:lnTo>
                  <a:lnTo>
                    <a:pt x="1033" y="373"/>
                  </a:lnTo>
                  <a:lnTo>
                    <a:pt x="1015" y="373"/>
                  </a:lnTo>
                  <a:lnTo>
                    <a:pt x="996" y="375"/>
                  </a:lnTo>
                  <a:lnTo>
                    <a:pt x="978" y="376"/>
                  </a:lnTo>
                  <a:lnTo>
                    <a:pt x="969" y="376"/>
                  </a:lnTo>
                  <a:lnTo>
                    <a:pt x="961" y="375"/>
                  </a:lnTo>
                  <a:lnTo>
                    <a:pt x="952" y="374"/>
                  </a:lnTo>
                  <a:lnTo>
                    <a:pt x="946" y="373"/>
                  </a:lnTo>
                  <a:lnTo>
                    <a:pt x="940" y="370"/>
                  </a:lnTo>
                  <a:lnTo>
                    <a:pt x="934" y="367"/>
                  </a:lnTo>
                  <a:lnTo>
                    <a:pt x="930" y="361"/>
                  </a:lnTo>
                  <a:lnTo>
                    <a:pt x="928" y="356"/>
                  </a:lnTo>
                  <a:lnTo>
                    <a:pt x="933" y="351"/>
                  </a:lnTo>
                  <a:lnTo>
                    <a:pt x="939" y="348"/>
                  </a:lnTo>
                  <a:lnTo>
                    <a:pt x="944" y="345"/>
                  </a:lnTo>
                  <a:lnTo>
                    <a:pt x="949" y="342"/>
                  </a:lnTo>
                  <a:lnTo>
                    <a:pt x="962" y="340"/>
                  </a:lnTo>
                  <a:lnTo>
                    <a:pt x="973" y="339"/>
                  </a:lnTo>
                  <a:lnTo>
                    <a:pt x="1001" y="342"/>
                  </a:lnTo>
                  <a:lnTo>
                    <a:pt x="1030" y="347"/>
                  </a:lnTo>
                  <a:lnTo>
                    <a:pt x="1038" y="336"/>
                  </a:lnTo>
                  <a:lnTo>
                    <a:pt x="1045" y="327"/>
                  </a:lnTo>
                  <a:lnTo>
                    <a:pt x="1052" y="317"/>
                  </a:lnTo>
                  <a:lnTo>
                    <a:pt x="1061" y="309"/>
                  </a:lnTo>
                  <a:lnTo>
                    <a:pt x="1078" y="292"/>
                  </a:lnTo>
                  <a:lnTo>
                    <a:pt x="1095" y="276"/>
                  </a:lnTo>
                  <a:lnTo>
                    <a:pt x="1133" y="246"/>
                  </a:lnTo>
                  <a:lnTo>
                    <a:pt x="1171" y="215"/>
                  </a:lnTo>
                  <a:lnTo>
                    <a:pt x="1169" y="212"/>
                  </a:lnTo>
                  <a:lnTo>
                    <a:pt x="1167" y="210"/>
                  </a:lnTo>
                  <a:lnTo>
                    <a:pt x="1164" y="209"/>
                  </a:lnTo>
                  <a:lnTo>
                    <a:pt x="1160" y="208"/>
                  </a:lnTo>
                  <a:lnTo>
                    <a:pt x="1151" y="207"/>
                  </a:lnTo>
                  <a:lnTo>
                    <a:pt x="1142" y="207"/>
                  </a:lnTo>
                  <a:lnTo>
                    <a:pt x="1132" y="207"/>
                  </a:lnTo>
                  <a:lnTo>
                    <a:pt x="1124" y="206"/>
                  </a:lnTo>
                  <a:lnTo>
                    <a:pt x="1121" y="205"/>
                  </a:lnTo>
                  <a:lnTo>
                    <a:pt x="1119" y="202"/>
                  </a:lnTo>
                  <a:lnTo>
                    <a:pt x="1117" y="200"/>
                  </a:lnTo>
                  <a:lnTo>
                    <a:pt x="1114" y="196"/>
                  </a:lnTo>
                  <a:lnTo>
                    <a:pt x="1132" y="179"/>
                  </a:lnTo>
                  <a:lnTo>
                    <a:pt x="1150" y="161"/>
                  </a:lnTo>
                  <a:lnTo>
                    <a:pt x="1154" y="156"/>
                  </a:lnTo>
                  <a:lnTo>
                    <a:pt x="1158" y="151"/>
                  </a:lnTo>
                  <a:lnTo>
                    <a:pt x="1160" y="145"/>
                  </a:lnTo>
                  <a:lnTo>
                    <a:pt x="1162" y="138"/>
                  </a:lnTo>
                  <a:lnTo>
                    <a:pt x="1163" y="131"/>
                  </a:lnTo>
                  <a:lnTo>
                    <a:pt x="1164" y="122"/>
                  </a:lnTo>
                  <a:lnTo>
                    <a:pt x="1163" y="113"/>
                  </a:lnTo>
                  <a:lnTo>
                    <a:pt x="1162" y="102"/>
                  </a:lnTo>
                  <a:lnTo>
                    <a:pt x="1150" y="98"/>
                  </a:lnTo>
                  <a:lnTo>
                    <a:pt x="1139" y="95"/>
                  </a:lnTo>
                  <a:lnTo>
                    <a:pt x="1128" y="93"/>
                  </a:lnTo>
                  <a:lnTo>
                    <a:pt x="1119" y="92"/>
                  </a:lnTo>
                  <a:lnTo>
                    <a:pt x="1109" y="92"/>
                  </a:lnTo>
                  <a:lnTo>
                    <a:pt x="1100" y="92"/>
                  </a:lnTo>
                  <a:lnTo>
                    <a:pt x="1091" y="93"/>
                  </a:lnTo>
                  <a:lnTo>
                    <a:pt x="1082" y="95"/>
                  </a:lnTo>
                  <a:lnTo>
                    <a:pt x="1074" y="98"/>
                  </a:lnTo>
                  <a:lnTo>
                    <a:pt x="1066" y="101"/>
                  </a:lnTo>
                  <a:lnTo>
                    <a:pt x="1059" y="105"/>
                  </a:lnTo>
                  <a:lnTo>
                    <a:pt x="1050" y="109"/>
                  </a:lnTo>
                  <a:lnTo>
                    <a:pt x="1035" y="119"/>
                  </a:lnTo>
                  <a:lnTo>
                    <a:pt x="1021" y="130"/>
                  </a:lnTo>
                  <a:lnTo>
                    <a:pt x="992" y="154"/>
                  </a:lnTo>
                  <a:lnTo>
                    <a:pt x="960" y="177"/>
                  </a:lnTo>
                  <a:lnTo>
                    <a:pt x="943" y="187"/>
                  </a:lnTo>
                  <a:lnTo>
                    <a:pt x="924" y="195"/>
                  </a:lnTo>
                  <a:lnTo>
                    <a:pt x="913" y="199"/>
                  </a:lnTo>
                  <a:lnTo>
                    <a:pt x="904" y="202"/>
                  </a:lnTo>
                  <a:lnTo>
                    <a:pt x="892" y="205"/>
                  </a:lnTo>
                  <a:lnTo>
                    <a:pt x="881" y="206"/>
                  </a:lnTo>
                  <a:lnTo>
                    <a:pt x="872" y="201"/>
                  </a:lnTo>
                  <a:lnTo>
                    <a:pt x="865" y="197"/>
                  </a:lnTo>
                  <a:lnTo>
                    <a:pt x="859" y="192"/>
                  </a:lnTo>
                  <a:lnTo>
                    <a:pt x="853" y="187"/>
                  </a:lnTo>
                  <a:lnTo>
                    <a:pt x="850" y="181"/>
                  </a:lnTo>
                  <a:lnTo>
                    <a:pt x="847" y="175"/>
                  </a:lnTo>
                  <a:lnTo>
                    <a:pt x="845" y="169"/>
                  </a:lnTo>
                  <a:lnTo>
                    <a:pt x="843" y="162"/>
                  </a:lnTo>
                  <a:lnTo>
                    <a:pt x="840" y="149"/>
                  </a:lnTo>
                  <a:lnTo>
                    <a:pt x="836" y="134"/>
                  </a:lnTo>
                  <a:lnTo>
                    <a:pt x="834" y="127"/>
                  </a:lnTo>
                  <a:lnTo>
                    <a:pt x="832" y="119"/>
                  </a:lnTo>
                  <a:lnTo>
                    <a:pt x="829" y="111"/>
                  </a:lnTo>
                  <a:lnTo>
                    <a:pt x="825" y="102"/>
                  </a:lnTo>
                  <a:lnTo>
                    <a:pt x="813" y="103"/>
                  </a:lnTo>
                  <a:lnTo>
                    <a:pt x="805" y="106"/>
                  </a:lnTo>
                  <a:lnTo>
                    <a:pt x="796" y="109"/>
                  </a:lnTo>
                  <a:lnTo>
                    <a:pt x="790" y="113"/>
                  </a:lnTo>
                  <a:lnTo>
                    <a:pt x="785" y="118"/>
                  </a:lnTo>
                  <a:lnTo>
                    <a:pt x="780" y="125"/>
                  </a:lnTo>
                  <a:lnTo>
                    <a:pt x="775" y="132"/>
                  </a:lnTo>
                  <a:lnTo>
                    <a:pt x="772" y="139"/>
                  </a:lnTo>
                  <a:lnTo>
                    <a:pt x="766" y="155"/>
                  </a:lnTo>
                  <a:lnTo>
                    <a:pt x="760" y="171"/>
                  </a:lnTo>
                  <a:lnTo>
                    <a:pt x="755" y="178"/>
                  </a:lnTo>
                  <a:lnTo>
                    <a:pt x="751" y="186"/>
                  </a:lnTo>
                  <a:lnTo>
                    <a:pt x="746" y="191"/>
                  </a:lnTo>
                  <a:lnTo>
                    <a:pt x="741" y="196"/>
                  </a:lnTo>
                  <a:lnTo>
                    <a:pt x="731" y="196"/>
                  </a:lnTo>
                  <a:lnTo>
                    <a:pt x="722" y="196"/>
                  </a:lnTo>
                  <a:lnTo>
                    <a:pt x="712" y="196"/>
                  </a:lnTo>
                  <a:lnTo>
                    <a:pt x="703" y="196"/>
                  </a:lnTo>
                  <a:lnTo>
                    <a:pt x="698" y="180"/>
                  </a:lnTo>
                  <a:lnTo>
                    <a:pt x="692" y="166"/>
                  </a:lnTo>
                  <a:lnTo>
                    <a:pt x="686" y="152"/>
                  </a:lnTo>
                  <a:lnTo>
                    <a:pt x="678" y="139"/>
                  </a:lnTo>
                  <a:lnTo>
                    <a:pt x="670" y="128"/>
                  </a:lnTo>
                  <a:lnTo>
                    <a:pt x="661" y="116"/>
                  </a:lnTo>
                  <a:lnTo>
                    <a:pt x="651" y="105"/>
                  </a:lnTo>
                  <a:lnTo>
                    <a:pt x="642" y="94"/>
                  </a:lnTo>
                  <a:lnTo>
                    <a:pt x="623" y="72"/>
                  </a:lnTo>
                  <a:lnTo>
                    <a:pt x="604" y="50"/>
                  </a:lnTo>
                  <a:lnTo>
                    <a:pt x="594" y="38"/>
                  </a:lnTo>
                  <a:lnTo>
                    <a:pt x="586" y="27"/>
                  </a:lnTo>
                  <a:lnTo>
                    <a:pt x="578" y="14"/>
                  </a:lnTo>
                  <a:lnTo>
                    <a:pt x="572" y="0"/>
                  </a:lnTo>
                  <a:lnTo>
                    <a:pt x="570" y="3"/>
                  </a:lnTo>
                  <a:lnTo>
                    <a:pt x="569" y="8"/>
                  </a:lnTo>
                  <a:lnTo>
                    <a:pt x="566" y="10"/>
                  </a:lnTo>
                  <a:lnTo>
                    <a:pt x="564" y="13"/>
                  </a:lnTo>
                  <a:lnTo>
                    <a:pt x="557" y="17"/>
                  </a:lnTo>
                  <a:lnTo>
                    <a:pt x="549" y="19"/>
                  </a:lnTo>
                  <a:lnTo>
                    <a:pt x="532" y="23"/>
                  </a:lnTo>
                  <a:lnTo>
                    <a:pt x="515" y="28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48" name="Haderslev kant"/>
            <p:cNvSpPr>
              <a:spLocks/>
            </p:cNvSpPr>
            <p:nvPr/>
          </p:nvSpPr>
          <p:spPr bwMode="auto">
            <a:xfrm>
              <a:off x="1133475" y="5365750"/>
              <a:ext cx="669925" cy="361950"/>
            </a:xfrm>
            <a:custGeom>
              <a:avLst/>
              <a:gdLst>
                <a:gd name="T0" fmla="*/ 162 w 1265"/>
                <a:gd name="T1" fmla="*/ 41 h 684"/>
                <a:gd name="T2" fmla="*/ 148 w 1265"/>
                <a:gd name="T3" fmla="*/ 55 h 684"/>
                <a:gd name="T4" fmla="*/ 150 w 1265"/>
                <a:gd name="T5" fmla="*/ 72 h 684"/>
                <a:gd name="T6" fmla="*/ 140 w 1265"/>
                <a:gd name="T7" fmla="*/ 83 h 684"/>
                <a:gd name="T8" fmla="*/ 116 w 1265"/>
                <a:gd name="T9" fmla="*/ 82 h 684"/>
                <a:gd name="T10" fmla="*/ 103 w 1265"/>
                <a:gd name="T11" fmla="*/ 70 h 684"/>
                <a:gd name="T12" fmla="*/ 105 w 1265"/>
                <a:gd name="T13" fmla="*/ 50 h 684"/>
                <a:gd name="T14" fmla="*/ 96 w 1265"/>
                <a:gd name="T15" fmla="*/ 51 h 684"/>
                <a:gd name="T16" fmla="*/ 73 w 1265"/>
                <a:gd name="T17" fmla="*/ 57 h 684"/>
                <a:gd name="T18" fmla="*/ 49 w 1265"/>
                <a:gd name="T19" fmla="*/ 42 h 684"/>
                <a:gd name="T20" fmla="*/ 34 w 1265"/>
                <a:gd name="T21" fmla="*/ 49 h 684"/>
                <a:gd name="T22" fmla="*/ 22 w 1265"/>
                <a:gd name="T23" fmla="*/ 61 h 684"/>
                <a:gd name="T24" fmla="*/ 5 w 1265"/>
                <a:gd name="T25" fmla="*/ 55 h 684"/>
                <a:gd name="T26" fmla="*/ 12 w 1265"/>
                <a:gd name="T27" fmla="*/ 76 h 684"/>
                <a:gd name="T28" fmla="*/ 12 w 1265"/>
                <a:gd name="T29" fmla="*/ 89 h 684"/>
                <a:gd name="T30" fmla="*/ 20 w 1265"/>
                <a:gd name="T31" fmla="*/ 107 h 684"/>
                <a:gd name="T32" fmla="*/ 16 w 1265"/>
                <a:gd name="T33" fmla="*/ 151 h 684"/>
                <a:gd name="T34" fmla="*/ 25 w 1265"/>
                <a:gd name="T35" fmla="*/ 165 h 684"/>
                <a:gd name="T36" fmla="*/ 37 w 1265"/>
                <a:gd name="T37" fmla="*/ 148 h 684"/>
                <a:gd name="T38" fmla="*/ 63 w 1265"/>
                <a:gd name="T39" fmla="*/ 130 h 684"/>
                <a:gd name="T40" fmla="*/ 84 w 1265"/>
                <a:gd name="T41" fmla="*/ 130 h 684"/>
                <a:gd name="T42" fmla="*/ 76 w 1265"/>
                <a:gd name="T43" fmla="*/ 134 h 684"/>
                <a:gd name="T44" fmla="*/ 93 w 1265"/>
                <a:gd name="T45" fmla="*/ 152 h 684"/>
                <a:gd name="T46" fmla="*/ 96 w 1265"/>
                <a:gd name="T47" fmla="*/ 184 h 684"/>
                <a:gd name="T48" fmla="*/ 101 w 1265"/>
                <a:gd name="T49" fmla="*/ 195 h 684"/>
                <a:gd name="T50" fmla="*/ 114 w 1265"/>
                <a:gd name="T51" fmla="*/ 196 h 684"/>
                <a:gd name="T52" fmla="*/ 125 w 1265"/>
                <a:gd name="T53" fmla="*/ 182 h 684"/>
                <a:gd name="T54" fmla="*/ 137 w 1265"/>
                <a:gd name="T55" fmla="*/ 181 h 684"/>
                <a:gd name="T56" fmla="*/ 159 w 1265"/>
                <a:gd name="T57" fmla="*/ 188 h 684"/>
                <a:gd name="T58" fmla="*/ 155 w 1265"/>
                <a:gd name="T59" fmla="*/ 210 h 684"/>
                <a:gd name="T60" fmla="*/ 189 w 1265"/>
                <a:gd name="T61" fmla="*/ 219 h 684"/>
                <a:gd name="T62" fmla="*/ 197 w 1265"/>
                <a:gd name="T63" fmla="*/ 206 h 684"/>
                <a:gd name="T64" fmla="*/ 218 w 1265"/>
                <a:gd name="T65" fmla="*/ 196 h 684"/>
                <a:gd name="T66" fmla="*/ 283 w 1265"/>
                <a:gd name="T67" fmla="*/ 212 h 684"/>
                <a:gd name="T68" fmla="*/ 317 w 1265"/>
                <a:gd name="T69" fmla="*/ 223 h 684"/>
                <a:gd name="T70" fmla="*/ 310 w 1265"/>
                <a:gd name="T71" fmla="*/ 209 h 684"/>
                <a:gd name="T72" fmla="*/ 353 w 1265"/>
                <a:gd name="T73" fmla="*/ 175 h 684"/>
                <a:gd name="T74" fmla="*/ 390 w 1265"/>
                <a:gd name="T75" fmla="*/ 177 h 684"/>
                <a:gd name="T76" fmla="*/ 407 w 1265"/>
                <a:gd name="T77" fmla="*/ 170 h 684"/>
                <a:gd name="T78" fmla="*/ 413 w 1265"/>
                <a:gd name="T79" fmla="*/ 159 h 684"/>
                <a:gd name="T80" fmla="*/ 396 w 1265"/>
                <a:gd name="T81" fmla="*/ 159 h 684"/>
                <a:gd name="T82" fmla="*/ 391 w 1265"/>
                <a:gd name="T83" fmla="*/ 150 h 684"/>
                <a:gd name="T84" fmla="*/ 403 w 1265"/>
                <a:gd name="T85" fmla="*/ 139 h 684"/>
                <a:gd name="T86" fmla="*/ 422 w 1265"/>
                <a:gd name="T87" fmla="*/ 129 h 684"/>
                <a:gd name="T88" fmla="*/ 395 w 1265"/>
                <a:gd name="T89" fmla="*/ 95 h 684"/>
                <a:gd name="T90" fmla="*/ 345 w 1265"/>
                <a:gd name="T91" fmla="*/ 124 h 684"/>
                <a:gd name="T92" fmla="*/ 316 w 1265"/>
                <a:gd name="T93" fmla="*/ 124 h 684"/>
                <a:gd name="T94" fmla="*/ 315 w 1265"/>
                <a:gd name="T95" fmla="*/ 115 h 684"/>
                <a:gd name="T96" fmla="*/ 349 w 1265"/>
                <a:gd name="T97" fmla="*/ 109 h 684"/>
                <a:gd name="T98" fmla="*/ 390 w 1265"/>
                <a:gd name="T99" fmla="*/ 71 h 684"/>
                <a:gd name="T100" fmla="*/ 375 w 1265"/>
                <a:gd name="T101" fmla="*/ 69 h 684"/>
                <a:gd name="T102" fmla="*/ 385 w 1265"/>
                <a:gd name="T103" fmla="*/ 52 h 684"/>
                <a:gd name="T104" fmla="*/ 388 w 1265"/>
                <a:gd name="T105" fmla="*/ 34 h 684"/>
                <a:gd name="T106" fmla="*/ 364 w 1265"/>
                <a:gd name="T107" fmla="*/ 31 h 684"/>
                <a:gd name="T108" fmla="*/ 341 w 1265"/>
                <a:gd name="T109" fmla="*/ 43 h 684"/>
                <a:gd name="T110" fmla="*/ 298 w 1265"/>
                <a:gd name="T111" fmla="*/ 68 h 684"/>
                <a:gd name="T112" fmla="*/ 283 w 1265"/>
                <a:gd name="T113" fmla="*/ 58 h 684"/>
                <a:gd name="T114" fmla="*/ 277 w 1265"/>
                <a:gd name="T115" fmla="*/ 37 h 684"/>
                <a:gd name="T116" fmla="*/ 260 w 1265"/>
                <a:gd name="T117" fmla="*/ 42 h 684"/>
                <a:gd name="T118" fmla="*/ 249 w 1265"/>
                <a:gd name="T119" fmla="*/ 64 h 684"/>
                <a:gd name="T120" fmla="*/ 231 w 1265"/>
                <a:gd name="T121" fmla="*/ 55 h 684"/>
                <a:gd name="T122" fmla="*/ 208 w 1265"/>
                <a:gd name="T123" fmla="*/ 24 h 684"/>
                <a:gd name="T124" fmla="*/ 190 w 1265"/>
                <a:gd name="T125" fmla="*/ 3 h 684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265" h="684">
                  <a:moveTo>
                    <a:pt x="515" y="28"/>
                  </a:moveTo>
                  <a:lnTo>
                    <a:pt x="508" y="66"/>
                  </a:lnTo>
                  <a:lnTo>
                    <a:pt x="501" y="100"/>
                  </a:lnTo>
                  <a:lnTo>
                    <a:pt x="497" y="108"/>
                  </a:lnTo>
                  <a:lnTo>
                    <a:pt x="494" y="114"/>
                  </a:lnTo>
                  <a:lnTo>
                    <a:pt x="490" y="119"/>
                  </a:lnTo>
                  <a:lnTo>
                    <a:pt x="485" y="123"/>
                  </a:lnTo>
                  <a:lnTo>
                    <a:pt x="478" y="126"/>
                  </a:lnTo>
                  <a:lnTo>
                    <a:pt x="470" y="126"/>
                  </a:lnTo>
                  <a:lnTo>
                    <a:pt x="461" y="125"/>
                  </a:lnTo>
                  <a:lnTo>
                    <a:pt x="450" y="121"/>
                  </a:lnTo>
                  <a:lnTo>
                    <a:pt x="447" y="135"/>
                  </a:lnTo>
                  <a:lnTo>
                    <a:pt x="445" y="150"/>
                  </a:lnTo>
                  <a:lnTo>
                    <a:pt x="443" y="165"/>
                  </a:lnTo>
                  <a:lnTo>
                    <a:pt x="442" y="178"/>
                  </a:lnTo>
                  <a:lnTo>
                    <a:pt x="442" y="186"/>
                  </a:lnTo>
                  <a:lnTo>
                    <a:pt x="442" y="192"/>
                  </a:lnTo>
                  <a:lnTo>
                    <a:pt x="443" y="198"/>
                  </a:lnTo>
                  <a:lnTo>
                    <a:pt x="445" y="205"/>
                  </a:lnTo>
                  <a:lnTo>
                    <a:pt x="447" y="211"/>
                  </a:lnTo>
                  <a:lnTo>
                    <a:pt x="450" y="216"/>
                  </a:lnTo>
                  <a:lnTo>
                    <a:pt x="454" y="220"/>
                  </a:lnTo>
                  <a:lnTo>
                    <a:pt x="459" y="225"/>
                  </a:lnTo>
                  <a:lnTo>
                    <a:pt x="453" y="231"/>
                  </a:lnTo>
                  <a:lnTo>
                    <a:pt x="447" y="237"/>
                  </a:lnTo>
                  <a:lnTo>
                    <a:pt x="438" y="241"/>
                  </a:lnTo>
                  <a:lnTo>
                    <a:pt x="430" y="246"/>
                  </a:lnTo>
                  <a:lnTo>
                    <a:pt x="420" y="248"/>
                  </a:lnTo>
                  <a:lnTo>
                    <a:pt x="411" y="250"/>
                  </a:lnTo>
                  <a:lnTo>
                    <a:pt x="400" y="251"/>
                  </a:lnTo>
                  <a:lnTo>
                    <a:pt x="390" y="251"/>
                  </a:lnTo>
                  <a:lnTo>
                    <a:pt x="379" y="251"/>
                  </a:lnTo>
                  <a:lnTo>
                    <a:pt x="369" y="250"/>
                  </a:lnTo>
                  <a:lnTo>
                    <a:pt x="357" y="249"/>
                  </a:lnTo>
                  <a:lnTo>
                    <a:pt x="347" y="247"/>
                  </a:lnTo>
                  <a:lnTo>
                    <a:pt x="337" y="245"/>
                  </a:lnTo>
                  <a:lnTo>
                    <a:pt x="327" y="241"/>
                  </a:lnTo>
                  <a:lnTo>
                    <a:pt x="318" y="237"/>
                  </a:lnTo>
                  <a:lnTo>
                    <a:pt x="310" y="234"/>
                  </a:lnTo>
                  <a:lnTo>
                    <a:pt x="309" y="226"/>
                  </a:lnTo>
                  <a:lnTo>
                    <a:pt x="309" y="218"/>
                  </a:lnTo>
                  <a:lnTo>
                    <a:pt x="310" y="211"/>
                  </a:lnTo>
                  <a:lnTo>
                    <a:pt x="311" y="202"/>
                  </a:lnTo>
                  <a:lnTo>
                    <a:pt x="314" y="188"/>
                  </a:lnTo>
                  <a:lnTo>
                    <a:pt x="316" y="174"/>
                  </a:lnTo>
                  <a:lnTo>
                    <a:pt x="317" y="168"/>
                  </a:lnTo>
                  <a:lnTo>
                    <a:pt x="317" y="161"/>
                  </a:lnTo>
                  <a:lnTo>
                    <a:pt x="317" y="156"/>
                  </a:lnTo>
                  <a:lnTo>
                    <a:pt x="316" y="150"/>
                  </a:lnTo>
                  <a:lnTo>
                    <a:pt x="314" y="145"/>
                  </a:lnTo>
                  <a:lnTo>
                    <a:pt x="311" y="139"/>
                  </a:lnTo>
                  <a:lnTo>
                    <a:pt x="307" y="135"/>
                  </a:lnTo>
                  <a:lnTo>
                    <a:pt x="300" y="131"/>
                  </a:lnTo>
                  <a:lnTo>
                    <a:pt x="296" y="139"/>
                  </a:lnTo>
                  <a:lnTo>
                    <a:pt x="292" y="147"/>
                  </a:lnTo>
                  <a:lnTo>
                    <a:pt x="287" y="153"/>
                  </a:lnTo>
                  <a:lnTo>
                    <a:pt x="283" y="159"/>
                  </a:lnTo>
                  <a:lnTo>
                    <a:pt x="272" y="173"/>
                  </a:lnTo>
                  <a:lnTo>
                    <a:pt x="263" y="187"/>
                  </a:lnTo>
                  <a:lnTo>
                    <a:pt x="249" y="185"/>
                  </a:lnTo>
                  <a:lnTo>
                    <a:pt x="237" y="181"/>
                  </a:lnTo>
                  <a:lnTo>
                    <a:pt x="227" y="177"/>
                  </a:lnTo>
                  <a:lnTo>
                    <a:pt x="218" y="172"/>
                  </a:lnTo>
                  <a:lnTo>
                    <a:pt x="204" y="161"/>
                  </a:lnTo>
                  <a:lnTo>
                    <a:pt x="190" y="150"/>
                  </a:lnTo>
                  <a:lnTo>
                    <a:pt x="183" y="145"/>
                  </a:lnTo>
                  <a:lnTo>
                    <a:pt x="175" y="139"/>
                  </a:lnTo>
                  <a:lnTo>
                    <a:pt x="168" y="134"/>
                  </a:lnTo>
                  <a:lnTo>
                    <a:pt x="158" y="130"/>
                  </a:lnTo>
                  <a:lnTo>
                    <a:pt x="148" y="127"/>
                  </a:lnTo>
                  <a:lnTo>
                    <a:pt x="135" y="123"/>
                  </a:lnTo>
                  <a:lnTo>
                    <a:pt x="120" y="122"/>
                  </a:lnTo>
                  <a:lnTo>
                    <a:pt x="104" y="121"/>
                  </a:lnTo>
                  <a:lnTo>
                    <a:pt x="104" y="129"/>
                  </a:lnTo>
                  <a:lnTo>
                    <a:pt x="104" y="135"/>
                  </a:lnTo>
                  <a:lnTo>
                    <a:pt x="102" y="141"/>
                  </a:lnTo>
                  <a:lnTo>
                    <a:pt x="101" y="147"/>
                  </a:lnTo>
                  <a:lnTo>
                    <a:pt x="99" y="152"/>
                  </a:lnTo>
                  <a:lnTo>
                    <a:pt x="97" y="157"/>
                  </a:lnTo>
                  <a:lnTo>
                    <a:pt x="94" y="161"/>
                  </a:lnTo>
                  <a:lnTo>
                    <a:pt x="91" y="166"/>
                  </a:lnTo>
                  <a:lnTo>
                    <a:pt x="85" y="172"/>
                  </a:lnTo>
                  <a:lnTo>
                    <a:pt x="76" y="178"/>
                  </a:lnTo>
                  <a:lnTo>
                    <a:pt x="67" y="183"/>
                  </a:lnTo>
                  <a:lnTo>
                    <a:pt x="57" y="187"/>
                  </a:lnTo>
                  <a:lnTo>
                    <a:pt x="48" y="186"/>
                  </a:lnTo>
                  <a:lnTo>
                    <a:pt x="39" y="183"/>
                  </a:lnTo>
                  <a:lnTo>
                    <a:pt x="33" y="179"/>
                  </a:lnTo>
                  <a:lnTo>
                    <a:pt x="28" y="174"/>
                  </a:lnTo>
                  <a:lnTo>
                    <a:pt x="21" y="170"/>
                  </a:lnTo>
                  <a:lnTo>
                    <a:pt x="16" y="165"/>
                  </a:lnTo>
                  <a:lnTo>
                    <a:pt x="9" y="161"/>
                  </a:lnTo>
                  <a:lnTo>
                    <a:pt x="0" y="159"/>
                  </a:lnTo>
                  <a:lnTo>
                    <a:pt x="16" y="183"/>
                  </a:lnTo>
                  <a:lnTo>
                    <a:pt x="32" y="209"/>
                  </a:lnTo>
                  <a:lnTo>
                    <a:pt x="34" y="215"/>
                  </a:lnTo>
                  <a:lnTo>
                    <a:pt x="36" y="221"/>
                  </a:lnTo>
                  <a:lnTo>
                    <a:pt x="36" y="228"/>
                  </a:lnTo>
                  <a:lnTo>
                    <a:pt x="36" y="234"/>
                  </a:lnTo>
                  <a:lnTo>
                    <a:pt x="34" y="240"/>
                  </a:lnTo>
                  <a:lnTo>
                    <a:pt x="31" y="248"/>
                  </a:lnTo>
                  <a:lnTo>
                    <a:pt x="26" y="255"/>
                  </a:lnTo>
                  <a:lnTo>
                    <a:pt x="19" y="262"/>
                  </a:lnTo>
                  <a:lnTo>
                    <a:pt x="28" y="265"/>
                  </a:lnTo>
                  <a:lnTo>
                    <a:pt x="35" y="268"/>
                  </a:lnTo>
                  <a:lnTo>
                    <a:pt x="41" y="272"/>
                  </a:lnTo>
                  <a:lnTo>
                    <a:pt x="47" y="277"/>
                  </a:lnTo>
                  <a:lnTo>
                    <a:pt x="51" y="282"/>
                  </a:lnTo>
                  <a:lnTo>
                    <a:pt x="54" y="290"/>
                  </a:lnTo>
                  <a:lnTo>
                    <a:pt x="56" y="296"/>
                  </a:lnTo>
                  <a:lnTo>
                    <a:pt x="58" y="305"/>
                  </a:lnTo>
                  <a:lnTo>
                    <a:pt x="59" y="321"/>
                  </a:lnTo>
                  <a:lnTo>
                    <a:pt x="58" y="340"/>
                  </a:lnTo>
                  <a:lnTo>
                    <a:pt x="56" y="359"/>
                  </a:lnTo>
                  <a:lnTo>
                    <a:pt x="53" y="379"/>
                  </a:lnTo>
                  <a:lnTo>
                    <a:pt x="50" y="399"/>
                  </a:lnTo>
                  <a:lnTo>
                    <a:pt x="48" y="419"/>
                  </a:lnTo>
                  <a:lnTo>
                    <a:pt x="47" y="437"/>
                  </a:lnTo>
                  <a:lnTo>
                    <a:pt x="48" y="454"/>
                  </a:lnTo>
                  <a:lnTo>
                    <a:pt x="49" y="461"/>
                  </a:lnTo>
                  <a:lnTo>
                    <a:pt x="51" y="469"/>
                  </a:lnTo>
                  <a:lnTo>
                    <a:pt x="54" y="475"/>
                  </a:lnTo>
                  <a:lnTo>
                    <a:pt x="58" y="481"/>
                  </a:lnTo>
                  <a:lnTo>
                    <a:pt x="64" y="487"/>
                  </a:lnTo>
                  <a:lnTo>
                    <a:pt x="69" y="491"/>
                  </a:lnTo>
                  <a:lnTo>
                    <a:pt x="76" y="494"/>
                  </a:lnTo>
                  <a:lnTo>
                    <a:pt x="85" y="496"/>
                  </a:lnTo>
                  <a:lnTo>
                    <a:pt x="85" y="485"/>
                  </a:lnTo>
                  <a:lnTo>
                    <a:pt x="85" y="473"/>
                  </a:lnTo>
                  <a:lnTo>
                    <a:pt x="85" y="461"/>
                  </a:lnTo>
                  <a:lnTo>
                    <a:pt x="85" y="449"/>
                  </a:lnTo>
                  <a:lnTo>
                    <a:pt x="98" y="448"/>
                  </a:lnTo>
                  <a:lnTo>
                    <a:pt x="110" y="445"/>
                  </a:lnTo>
                  <a:lnTo>
                    <a:pt x="120" y="440"/>
                  </a:lnTo>
                  <a:lnTo>
                    <a:pt x="130" y="435"/>
                  </a:lnTo>
                  <a:lnTo>
                    <a:pt x="147" y="424"/>
                  </a:lnTo>
                  <a:lnTo>
                    <a:pt x="163" y="410"/>
                  </a:lnTo>
                  <a:lnTo>
                    <a:pt x="170" y="403"/>
                  </a:lnTo>
                  <a:lnTo>
                    <a:pt x="178" y="397"/>
                  </a:lnTo>
                  <a:lnTo>
                    <a:pt x="188" y="391"/>
                  </a:lnTo>
                  <a:lnTo>
                    <a:pt x="198" y="387"/>
                  </a:lnTo>
                  <a:lnTo>
                    <a:pt x="209" y="384"/>
                  </a:lnTo>
                  <a:lnTo>
                    <a:pt x="223" y="381"/>
                  </a:lnTo>
                  <a:lnTo>
                    <a:pt x="237" y="381"/>
                  </a:lnTo>
                  <a:lnTo>
                    <a:pt x="253" y="384"/>
                  </a:lnTo>
                  <a:lnTo>
                    <a:pt x="253" y="387"/>
                  </a:lnTo>
                  <a:lnTo>
                    <a:pt x="252" y="389"/>
                  </a:lnTo>
                  <a:lnTo>
                    <a:pt x="250" y="391"/>
                  </a:lnTo>
                  <a:lnTo>
                    <a:pt x="248" y="393"/>
                  </a:lnTo>
                  <a:lnTo>
                    <a:pt x="244" y="395"/>
                  </a:lnTo>
                  <a:lnTo>
                    <a:pt x="238" y="396"/>
                  </a:lnTo>
                  <a:lnTo>
                    <a:pt x="233" y="398"/>
                  </a:lnTo>
                  <a:lnTo>
                    <a:pt x="228" y="400"/>
                  </a:lnTo>
                  <a:lnTo>
                    <a:pt x="227" y="403"/>
                  </a:lnTo>
                  <a:lnTo>
                    <a:pt x="226" y="406"/>
                  </a:lnTo>
                  <a:lnTo>
                    <a:pt x="225" y="408"/>
                  </a:lnTo>
                  <a:lnTo>
                    <a:pt x="226" y="412"/>
                  </a:lnTo>
                  <a:lnTo>
                    <a:pt x="239" y="423"/>
                  </a:lnTo>
                  <a:lnTo>
                    <a:pt x="253" y="433"/>
                  </a:lnTo>
                  <a:lnTo>
                    <a:pt x="267" y="445"/>
                  </a:lnTo>
                  <a:lnTo>
                    <a:pt x="279" y="456"/>
                  </a:lnTo>
                  <a:lnTo>
                    <a:pt x="293" y="468"/>
                  </a:lnTo>
                  <a:lnTo>
                    <a:pt x="307" y="478"/>
                  </a:lnTo>
                  <a:lnTo>
                    <a:pt x="322" y="488"/>
                  </a:lnTo>
                  <a:lnTo>
                    <a:pt x="337" y="496"/>
                  </a:lnTo>
                  <a:lnTo>
                    <a:pt x="320" y="514"/>
                  </a:lnTo>
                  <a:lnTo>
                    <a:pt x="304" y="532"/>
                  </a:lnTo>
                  <a:lnTo>
                    <a:pt x="288" y="552"/>
                  </a:lnTo>
                  <a:lnTo>
                    <a:pt x="272" y="571"/>
                  </a:lnTo>
                  <a:lnTo>
                    <a:pt x="277" y="571"/>
                  </a:lnTo>
                  <a:lnTo>
                    <a:pt x="281" y="572"/>
                  </a:lnTo>
                  <a:lnTo>
                    <a:pt x="286" y="573"/>
                  </a:lnTo>
                  <a:lnTo>
                    <a:pt x="289" y="575"/>
                  </a:lnTo>
                  <a:lnTo>
                    <a:pt x="295" y="579"/>
                  </a:lnTo>
                  <a:lnTo>
                    <a:pt x="302" y="584"/>
                  </a:lnTo>
                  <a:lnTo>
                    <a:pt x="308" y="588"/>
                  </a:lnTo>
                  <a:lnTo>
                    <a:pt x="315" y="591"/>
                  </a:lnTo>
                  <a:lnTo>
                    <a:pt x="319" y="592"/>
                  </a:lnTo>
                  <a:lnTo>
                    <a:pt x="325" y="592"/>
                  </a:lnTo>
                  <a:lnTo>
                    <a:pt x="331" y="591"/>
                  </a:lnTo>
                  <a:lnTo>
                    <a:pt x="337" y="590"/>
                  </a:lnTo>
                  <a:lnTo>
                    <a:pt x="343" y="587"/>
                  </a:lnTo>
                  <a:lnTo>
                    <a:pt x="346" y="585"/>
                  </a:lnTo>
                  <a:lnTo>
                    <a:pt x="350" y="580"/>
                  </a:lnTo>
                  <a:lnTo>
                    <a:pt x="353" y="577"/>
                  </a:lnTo>
                  <a:lnTo>
                    <a:pt x="358" y="569"/>
                  </a:lnTo>
                  <a:lnTo>
                    <a:pt x="365" y="560"/>
                  </a:lnTo>
                  <a:lnTo>
                    <a:pt x="370" y="552"/>
                  </a:lnTo>
                  <a:lnTo>
                    <a:pt x="376" y="545"/>
                  </a:lnTo>
                  <a:lnTo>
                    <a:pt x="380" y="540"/>
                  </a:lnTo>
                  <a:lnTo>
                    <a:pt x="384" y="538"/>
                  </a:lnTo>
                  <a:lnTo>
                    <a:pt x="389" y="535"/>
                  </a:lnTo>
                  <a:lnTo>
                    <a:pt x="394" y="533"/>
                  </a:lnTo>
                  <a:lnTo>
                    <a:pt x="398" y="537"/>
                  </a:lnTo>
                  <a:lnTo>
                    <a:pt x="404" y="540"/>
                  </a:lnTo>
                  <a:lnTo>
                    <a:pt x="410" y="543"/>
                  </a:lnTo>
                  <a:lnTo>
                    <a:pt x="415" y="545"/>
                  </a:lnTo>
                  <a:lnTo>
                    <a:pt x="429" y="548"/>
                  </a:lnTo>
                  <a:lnTo>
                    <a:pt x="442" y="551"/>
                  </a:lnTo>
                  <a:lnTo>
                    <a:pt x="455" y="554"/>
                  </a:lnTo>
                  <a:lnTo>
                    <a:pt x="468" y="558"/>
                  </a:lnTo>
                  <a:lnTo>
                    <a:pt x="473" y="560"/>
                  </a:lnTo>
                  <a:lnTo>
                    <a:pt x="478" y="564"/>
                  </a:lnTo>
                  <a:lnTo>
                    <a:pt x="484" y="567"/>
                  </a:lnTo>
                  <a:lnTo>
                    <a:pt x="488" y="571"/>
                  </a:lnTo>
                  <a:lnTo>
                    <a:pt x="478" y="591"/>
                  </a:lnTo>
                  <a:lnTo>
                    <a:pt x="468" y="608"/>
                  </a:lnTo>
                  <a:lnTo>
                    <a:pt x="465" y="616"/>
                  </a:lnTo>
                  <a:lnTo>
                    <a:pt x="464" y="625"/>
                  </a:lnTo>
                  <a:lnTo>
                    <a:pt x="464" y="630"/>
                  </a:lnTo>
                  <a:lnTo>
                    <a:pt x="465" y="635"/>
                  </a:lnTo>
                  <a:lnTo>
                    <a:pt x="466" y="640"/>
                  </a:lnTo>
                  <a:lnTo>
                    <a:pt x="469" y="646"/>
                  </a:lnTo>
                  <a:lnTo>
                    <a:pt x="501" y="651"/>
                  </a:lnTo>
                  <a:lnTo>
                    <a:pt x="535" y="656"/>
                  </a:lnTo>
                  <a:lnTo>
                    <a:pt x="552" y="658"/>
                  </a:lnTo>
                  <a:lnTo>
                    <a:pt x="568" y="658"/>
                  </a:lnTo>
                  <a:lnTo>
                    <a:pt x="574" y="658"/>
                  </a:lnTo>
                  <a:lnTo>
                    <a:pt x="581" y="658"/>
                  </a:lnTo>
                  <a:lnTo>
                    <a:pt x="586" y="657"/>
                  </a:lnTo>
                  <a:lnTo>
                    <a:pt x="590" y="655"/>
                  </a:lnTo>
                  <a:lnTo>
                    <a:pt x="590" y="643"/>
                  </a:lnTo>
                  <a:lnTo>
                    <a:pt x="591" y="630"/>
                  </a:lnTo>
                  <a:lnTo>
                    <a:pt x="592" y="618"/>
                  </a:lnTo>
                  <a:lnTo>
                    <a:pt x="594" y="608"/>
                  </a:lnTo>
                  <a:lnTo>
                    <a:pt x="596" y="597"/>
                  </a:lnTo>
                  <a:lnTo>
                    <a:pt x="599" y="588"/>
                  </a:lnTo>
                  <a:lnTo>
                    <a:pt x="604" y="578"/>
                  </a:lnTo>
                  <a:lnTo>
                    <a:pt x="609" y="571"/>
                  </a:lnTo>
                  <a:lnTo>
                    <a:pt x="630" y="580"/>
                  </a:lnTo>
                  <a:lnTo>
                    <a:pt x="652" y="588"/>
                  </a:lnTo>
                  <a:lnTo>
                    <a:pt x="673" y="594"/>
                  </a:lnTo>
                  <a:lnTo>
                    <a:pt x="695" y="600"/>
                  </a:lnTo>
                  <a:lnTo>
                    <a:pt x="740" y="610"/>
                  </a:lnTo>
                  <a:lnTo>
                    <a:pt x="783" y="619"/>
                  </a:lnTo>
                  <a:lnTo>
                    <a:pt x="805" y="625"/>
                  </a:lnTo>
                  <a:lnTo>
                    <a:pt x="826" y="630"/>
                  </a:lnTo>
                  <a:lnTo>
                    <a:pt x="847" y="635"/>
                  </a:lnTo>
                  <a:lnTo>
                    <a:pt x="868" y="643"/>
                  </a:lnTo>
                  <a:lnTo>
                    <a:pt x="889" y="650"/>
                  </a:lnTo>
                  <a:lnTo>
                    <a:pt x="908" y="659"/>
                  </a:lnTo>
                  <a:lnTo>
                    <a:pt x="928" y="671"/>
                  </a:lnTo>
                  <a:lnTo>
                    <a:pt x="946" y="684"/>
                  </a:lnTo>
                  <a:lnTo>
                    <a:pt x="948" y="676"/>
                  </a:lnTo>
                  <a:lnTo>
                    <a:pt x="949" y="670"/>
                  </a:lnTo>
                  <a:lnTo>
                    <a:pt x="949" y="665"/>
                  </a:lnTo>
                  <a:lnTo>
                    <a:pt x="949" y="660"/>
                  </a:lnTo>
                  <a:lnTo>
                    <a:pt x="946" y="652"/>
                  </a:lnTo>
                  <a:lnTo>
                    <a:pt x="943" y="645"/>
                  </a:lnTo>
                  <a:lnTo>
                    <a:pt x="939" y="639"/>
                  </a:lnTo>
                  <a:lnTo>
                    <a:pt x="933" y="633"/>
                  </a:lnTo>
                  <a:lnTo>
                    <a:pt x="930" y="626"/>
                  </a:lnTo>
                  <a:lnTo>
                    <a:pt x="928" y="618"/>
                  </a:lnTo>
                  <a:lnTo>
                    <a:pt x="949" y="603"/>
                  </a:lnTo>
                  <a:lnTo>
                    <a:pt x="971" y="587"/>
                  </a:lnTo>
                  <a:lnTo>
                    <a:pt x="993" y="571"/>
                  </a:lnTo>
                  <a:lnTo>
                    <a:pt x="1014" y="555"/>
                  </a:lnTo>
                  <a:lnTo>
                    <a:pt x="1036" y="539"/>
                  </a:lnTo>
                  <a:lnTo>
                    <a:pt x="1059" y="525"/>
                  </a:lnTo>
                  <a:lnTo>
                    <a:pt x="1082" y="510"/>
                  </a:lnTo>
                  <a:lnTo>
                    <a:pt x="1106" y="496"/>
                  </a:lnTo>
                  <a:lnTo>
                    <a:pt x="1124" y="506"/>
                  </a:lnTo>
                  <a:lnTo>
                    <a:pt x="1142" y="516"/>
                  </a:lnTo>
                  <a:lnTo>
                    <a:pt x="1151" y="521"/>
                  </a:lnTo>
                  <a:lnTo>
                    <a:pt x="1161" y="526"/>
                  </a:lnTo>
                  <a:lnTo>
                    <a:pt x="1170" y="530"/>
                  </a:lnTo>
                  <a:lnTo>
                    <a:pt x="1181" y="533"/>
                  </a:lnTo>
                  <a:lnTo>
                    <a:pt x="1184" y="530"/>
                  </a:lnTo>
                  <a:lnTo>
                    <a:pt x="1188" y="526"/>
                  </a:lnTo>
                  <a:lnTo>
                    <a:pt x="1193" y="524"/>
                  </a:lnTo>
                  <a:lnTo>
                    <a:pt x="1198" y="520"/>
                  </a:lnTo>
                  <a:lnTo>
                    <a:pt x="1208" y="516"/>
                  </a:lnTo>
                  <a:lnTo>
                    <a:pt x="1219" y="511"/>
                  </a:lnTo>
                  <a:lnTo>
                    <a:pt x="1224" y="509"/>
                  </a:lnTo>
                  <a:lnTo>
                    <a:pt x="1228" y="506"/>
                  </a:lnTo>
                  <a:lnTo>
                    <a:pt x="1232" y="501"/>
                  </a:lnTo>
                  <a:lnTo>
                    <a:pt x="1234" y="496"/>
                  </a:lnTo>
                  <a:lnTo>
                    <a:pt x="1237" y="491"/>
                  </a:lnTo>
                  <a:lnTo>
                    <a:pt x="1238" y="485"/>
                  </a:lnTo>
                  <a:lnTo>
                    <a:pt x="1238" y="477"/>
                  </a:lnTo>
                  <a:lnTo>
                    <a:pt x="1237" y="468"/>
                  </a:lnTo>
                  <a:lnTo>
                    <a:pt x="1226" y="469"/>
                  </a:lnTo>
                  <a:lnTo>
                    <a:pt x="1216" y="471"/>
                  </a:lnTo>
                  <a:lnTo>
                    <a:pt x="1206" y="473"/>
                  </a:lnTo>
                  <a:lnTo>
                    <a:pt x="1197" y="476"/>
                  </a:lnTo>
                  <a:lnTo>
                    <a:pt x="1192" y="476"/>
                  </a:lnTo>
                  <a:lnTo>
                    <a:pt x="1188" y="476"/>
                  </a:lnTo>
                  <a:lnTo>
                    <a:pt x="1184" y="476"/>
                  </a:lnTo>
                  <a:lnTo>
                    <a:pt x="1181" y="475"/>
                  </a:lnTo>
                  <a:lnTo>
                    <a:pt x="1178" y="473"/>
                  </a:lnTo>
                  <a:lnTo>
                    <a:pt x="1175" y="469"/>
                  </a:lnTo>
                  <a:lnTo>
                    <a:pt x="1173" y="465"/>
                  </a:lnTo>
                  <a:lnTo>
                    <a:pt x="1171" y="458"/>
                  </a:lnTo>
                  <a:lnTo>
                    <a:pt x="1173" y="449"/>
                  </a:lnTo>
                  <a:lnTo>
                    <a:pt x="1178" y="440"/>
                  </a:lnTo>
                  <a:lnTo>
                    <a:pt x="1182" y="434"/>
                  </a:lnTo>
                  <a:lnTo>
                    <a:pt x="1186" y="429"/>
                  </a:lnTo>
                  <a:lnTo>
                    <a:pt x="1191" y="425"/>
                  </a:lnTo>
                  <a:lnTo>
                    <a:pt x="1197" y="421"/>
                  </a:lnTo>
                  <a:lnTo>
                    <a:pt x="1203" y="419"/>
                  </a:lnTo>
                  <a:lnTo>
                    <a:pt x="1209" y="417"/>
                  </a:lnTo>
                  <a:lnTo>
                    <a:pt x="1223" y="414"/>
                  </a:lnTo>
                  <a:lnTo>
                    <a:pt x="1237" y="412"/>
                  </a:lnTo>
                  <a:lnTo>
                    <a:pt x="1244" y="410"/>
                  </a:lnTo>
                  <a:lnTo>
                    <a:pt x="1250" y="409"/>
                  </a:lnTo>
                  <a:lnTo>
                    <a:pt x="1258" y="406"/>
                  </a:lnTo>
                  <a:lnTo>
                    <a:pt x="1265" y="403"/>
                  </a:lnTo>
                  <a:lnTo>
                    <a:pt x="1265" y="386"/>
                  </a:lnTo>
                  <a:lnTo>
                    <a:pt x="1265" y="370"/>
                  </a:lnTo>
                  <a:lnTo>
                    <a:pt x="1265" y="353"/>
                  </a:lnTo>
                  <a:lnTo>
                    <a:pt x="1265" y="337"/>
                  </a:lnTo>
                  <a:lnTo>
                    <a:pt x="1238" y="319"/>
                  </a:lnTo>
                  <a:lnTo>
                    <a:pt x="1211" y="301"/>
                  </a:lnTo>
                  <a:lnTo>
                    <a:pt x="1198" y="292"/>
                  </a:lnTo>
                  <a:lnTo>
                    <a:pt x="1184" y="285"/>
                  </a:lnTo>
                  <a:lnTo>
                    <a:pt x="1168" y="277"/>
                  </a:lnTo>
                  <a:lnTo>
                    <a:pt x="1152" y="271"/>
                  </a:lnTo>
                  <a:lnTo>
                    <a:pt x="1127" y="297"/>
                  </a:lnTo>
                  <a:lnTo>
                    <a:pt x="1101" y="322"/>
                  </a:lnTo>
                  <a:lnTo>
                    <a:pt x="1074" y="349"/>
                  </a:lnTo>
                  <a:lnTo>
                    <a:pt x="1049" y="374"/>
                  </a:lnTo>
                  <a:lnTo>
                    <a:pt x="1033" y="373"/>
                  </a:lnTo>
                  <a:lnTo>
                    <a:pt x="1015" y="373"/>
                  </a:lnTo>
                  <a:lnTo>
                    <a:pt x="996" y="375"/>
                  </a:lnTo>
                  <a:lnTo>
                    <a:pt x="978" y="376"/>
                  </a:lnTo>
                  <a:lnTo>
                    <a:pt x="969" y="376"/>
                  </a:lnTo>
                  <a:lnTo>
                    <a:pt x="961" y="375"/>
                  </a:lnTo>
                  <a:lnTo>
                    <a:pt x="952" y="374"/>
                  </a:lnTo>
                  <a:lnTo>
                    <a:pt x="946" y="373"/>
                  </a:lnTo>
                  <a:lnTo>
                    <a:pt x="940" y="370"/>
                  </a:lnTo>
                  <a:lnTo>
                    <a:pt x="934" y="367"/>
                  </a:lnTo>
                  <a:lnTo>
                    <a:pt x="930" y="361"/>
                  </a:lnTo>
                  <a:lnTo>
                    <a:pt x="928" y="356"/>
                  </a:lnTo>
                  <a:lnTo>
                    <a:pt x="933" y="351"/>
                  </a:lnTo>
                  <a:lnTo>
                    <a:pt x="939" y="348"/>
                  </a:lnTo>
                  <a:lnTo>
                    <a:pt x="944" y="345"/>
                  </a:lnTo>
                  <a:lnTo>
                    <a:pt x="949" y="342"/>
                  </a:lnTo>
                  <a:lnTo>
                    <a:pt x="962" y="340"/>
                  </a:lnTo>
                  <a:lnTo>
                    <a:pt x="973" y="339"/>
                  </a:lnTo>
                  <a:lnTo>
                    <a:pt x="1001" y="342"/>
                  </a:lnTo>
                  <a:lnTo>
                    <a:pt x="1030" y="347"/>
                  </a:lnTo>
                  <a:lnTo>
                    <a:pt x="1038" y="336"/>
                  </a:lnTo>
                  <a:lnTo>
                    <a:pt x="1045" y="327"/>
                  </a:lnTo>
                  <a:lnTo>
                    <a:pt x="1052" y="317"/>
                  </a:lnTo>
                  <a:lnTo>
                    <a:pt x="1061" y="309"/>
                  </a:lnTo>
                  <a:lnTo>
                    <a:pt x="1078" y="292"/>
                  </a:lnTo>
                  <a:lnTo>
                    <a:pt x="1095" y="276"/>
                  </a:lnTo>
                  <a:lnTo>
                    <a:pt x="1133" y="246"/>
                  </a:lnTo>
                  <a:lnTo>
                    <a:pt x="1171" y="215"/>
                  </a:lnTo>
                  <a:lnTo>
                    <a:pt x="1169" y="212"/>
                  </a:lnTo>
                  <a:lnTo>
                    <a:pt x="1167" y="210"/>
                  </a:lnTo>
                  <a:lnTo>
                    <a:pt x="1164" y="209"/>
                  </a:lnTo>
                  <a:lnTo>
                    <a:pt x="1160" y="208"/>
                  </a:lnTo>
                  <a:lnTo>
                    <a:pt x="1151" y="207"/>
                  </a:lnTo>
                  <a:lnTo>
                    <a:pt x="1142" y="207"/>
                  </a:lnTo>
                  <a:lnTo>
                    <a:pt x="1132" y="207"/>
                  </a:lnTo>
                  <a:lnTo>
                    <a:pt x="1124" y="206"/>
                  </a:lnTo>
                  <a:lnTo>
                    <a:pt x="1121" y="205"/>
                  </a:lnTo>
                  <a:lnTo>
                    <a:pt x="1119" y="202"/>
                  </a:lnTo>
                  <a:lnTo>
                    <a:pt x="1117" y="200"/>
                  </a:lnTo>
                  <a:lnTo>
                    <a:pt x="1114" y="196"/>
                  </a:lnTo>
                  <a:lnTo>
                    <a:pt x="1132" y="179"/>
                  </a:lnTo>
                  <a:lnTo>
                    <a:pt x="1150" y="161"/>
                  </a:lnTo>
                  <a:lnTo>
                    <a:pt x="1154" y="156"/>
                  </a:lnTo>
                  <a:lnTo>
                    <a:pt x="1158" y="151"/>
                  </a:lnTo>
                  <a:lnTo>
                    <a:pt x="1160" y="145"/>
                  </a:lnTo>
                  <a:lnTo>
                    <a:pt x="1162" y="138"/>
                  </a:lnTo>
                  <a:lnTo>
                    <a:pt x="1163" y="131"/>
                  </a:lnTo>
                  <a:lnTo>
                    <a:pt x="1164" y="122"/>
                  </a:lnTo>
                  <a:lnTo>
                    <a:pt x="1163" y="113"/>
                  </a:lnTo>
                  <a:lnTo>
                    <a:pt x="1162" y="102"/>
                  </a:lnTo>
                  <a:lnTo>
                    <a:pt x="1150" y="98"/>
                  </a:lnTo>
                  <a:lnTo>
                    <a:pt x="1139" y="95"/>
                  </a:lnTo>
                  <a:lnTo>
                    <a:pt x="1128" y="93"/>
                  </a:lnTo>
                  <a:lnTo>
                    <a:pt x="1119" y="92"/>
                  </a:lnTo>
                  <a:lnTo>
                    <a:pt x="1109" y="92"/>
                  </a:lnTo>
                  <a:lnTo>
                    <a:pt x="1100" y="92"/>
                  </a:lnTo>
                  <a:lnTo>
                    <a:pt x="1091" y="93"/>
                  </a:lnTo>
                  <a:lnTo>
                    <a:pt x="1082" y="95"/>
                  </a:lnTo>
                  <a:lnTo>
                    <a:pt x="1074" y="98"/>
                  </a:lnTo>
                  <a:lnTo>
                    <a:pt x="1066" y="101"/>
                  </a:lnTo>
                  <a:lnTo>
                    <a:pt x="1059" y="105"/>
                  </a:lnTo>
                  <a:lnTo>
                    <a:pt x="1050" y="109"/>
                  </a:lnTo>
                  <a:lnTo>
                    <a:pt x="1035" y="119"/>
                  </a:lnTo>
                  <a:lnTo>
                    <a:pt x="1021" y="130"/>
                  </a:lnTo>
                  <a:lnTo>
                    <a:pt x="992" y="154"/>
                  </a:lnTo>
                  <a:lnTo>
                    <a:pt x="960" y="177"/>
                  </a:lnTo>
                  <a:lnTo>
                    <a:pt x="943" y="187"/>
                  </a:lnTo>
                  <a:lnTo>
                    <a:pt x="924" y="195"/>
                  </a:lnTo>
                  <a:lnTo>
                    <a:pt x="913" y="199"/>
                  </a:lnTo>
                  <a:lnTo>
                    <a:pt x="904" y="202"/>
                  </a:lnTo>
                  <a:lnTo>
                    <a:pt x="892" y="205"/>
                  </a:lnTo>
                  <a:lnTo>
                    <a:pt x="881" y="206"/>
                  </a:lnTo>
                  <a:lnTo>
                    <a:pt x="872" y="201"/>
                  </a:lnTo>
                  <a:lnTo>
                    <a:pt x="865" y="197"/>
                  </a:lnTo>
                  <a:lnTo>
                    <a:pt x="859" y="192"/>
                  </a:lnTo>
                  <a:lnTo>
                    <a:pt x="853" y="187"/>
                  </a:lnTo>
                  <a:lnTo>
                    <a:pt x="850" y="181"/>
                  </a:lnTo>
                  <a:lnTo>
                    <a:pt x="847" y="175"/>
                  </a:lnTo>
                  <a:lnTo>
                    <a:pt x="845" y="169"/>
                  </a:lnTo>
                  <a:lnTo>
                    <a:pt x="843" y="162"/>
                  </a:lnTo>
                  <a:lnTo>
                    <a:pt x="840" y="149"/>
                  </a:lnTo>
                  <a:lnTo>
                    <a:pt x="836" y="134"/>
                  </a:lnTo>
                  <a:lnTo>
                    <a:pt x="834" y="127"/>
                  </a:lnTo>
                  <a:lnTo>
                    <a:pt x="832" y="119"/>
                  </a:lnTo>
                  <a:lnTo>
                    <a:pt x="829" y="111"/>
                  </a:lnTo>
                  <a:lnTo>
                    <a:pt x="825" y="102"/>
                  </a:lnTo>
                  <a:lnTo>
                    <a:pt x="813" y="103"/>
                  </a:lnTo>
                  <a:lnTo>
                    <a:pt x="805" y="106"/>
                  </a:lnTo>
                  <a:lnTo>
                    <a:pt x="796" y="109"/>
                  </a:lnTo>
                  <a:lnTo>
                    <a:pt x="790" y="113"/>
                  </a:lnTo>
                  <a:lnTo>
                    <a:pt x="785" y="118"/>
                  </a:lnTo>
                  <a:lnTo>
                    <a:pt x="780" y="125"/>
                  </a:lnTo>
                  <a:lnTo>
                    <a:pt x="775" y="132"/>
                  </a:lnTo>
                  <a:lnTo>
                    <a:pt x="772" y="139"/>
                  </a:lnTo>
                  <a:lnTo>
                    <a:pt x="766" y="155"/>
                  </a:lnTo>
                  <a:lnTo>
                    <a:pt x="760" y="171"/>
                  </a:lnTo>
                  <a:lnTo>
                    <a:pt x="755" y="178"/>
                  </a:lnTo>
                  <a:lnTo>
                    <a:pt x="751" y="186"/>
                  </a:lnTo>
                  <a:lnTo>
                    <a:pt x="746" y="191"/>
                  </a:lnTo>
                  <a:lnTo>
                    <a:pt x="741" y="196"/>
                  </a:lnTo>
                  <a:lnTo>
                    <a:pt x="731" y="196"/>
                  </a:lnTo>
                  <a:lnTo>
                    <a:pt x="722" y="196"/>
                  </a:lnTo>
                  <a:lnTo>
                    <a:pt x="712" y="196"/>
                  </a:lnTo>
                  <a:lnTo>
                    <a:pt x="703" y="196"/>
                  </a:lnTo>
                  <a:lnTo>
                    <a:pt x="698" y="180"/>
                  </a:lnTo>
                  <a:lnTo>
                    <a:pt x="692" y="166"/>
                  </a:lnTo>
                  <a:lnTo>
                    <a:pt x="686" y="152"/>
                  </a:lnTo>
                  <a:lnTo>
                    <a:pt x="678" y="139"/>
                  </a:lnTo>
                  <a:lnTo>
                    <a:pt x="670" y="128"/>
                  </a:lnTo>
                  <a:lnTo>
                    <a:pt x="661" y="116"/>
                  </a:lnTo>
                  <a:lnTo>
                    <a:pt x="651" y="105"/>
                  </a:lnTo>
                  <a:lnTo>
                    <a:pt x="642" y="94"/>
                  </a:lnTo>
                  <a:lnTo>
                    <a:pt x="623" y="72"/>
                  </a:lnTo>
                  <a:lnTo>
                    <a:pt x="604" y="50"/>
                  </a:lnTo>
                  <a:lnTo>
                    <a:pt x="594" y="38"/>
                  </a:lnTo>
                  <a:lnTo>
                    <a:pt x="586" y="27"/>
                  </a:lnTo>
                  <a:lnTo>
                    <a:pt x="578" y="14"/>
                  </a:lnTo>
                  <a:lnTo>
                    <a:pt x="572" y="0"/>
                  </a:lnTo>
                  <a:lnTo>
                    <a:pt x="570" y="3"/>
                  </a:lnTo>
                  <a:lnTo>
                    <a:pt x="569" y="8"/>
                  </a:lnTo>
                  <a:lnTo>
                    <a:pt x="566" y="10"/>
                  </a:lnTo>
                  <a:lnTo>
                    <a:pt x="564" y="13"/>
                  </a:lnTo>
                  <a:lnTo>
                    <a:pt x="557" y="17"/>
                  </a:lnTo>
                  <a:lnTo>
                    <a:pt x="549" y="19"/>
                  </a:lnTo>
                  <a:lnTo>
                    <a:pt x="532" y="23"/>
                  </a:lnTo>
                  <a:lnTo>
                    <a:pt x="515" y="28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049" name="Tønder"/>
            <p:cNvGrpSpPr/>
            <p:nvPr/>
          </p:nvGrpSpPr>
          <p:grpSpPr>
            <a:xfrm>
              <a:off x="793750" y="5559425"/>
              <a:ext cx="612775" cy="509588"/>
              <a:chOff x="793750" y="5559425"/>
              <a:chExt cx="612775" cy="509588"/>
            </a:xfrm>
            <a:grpFill/>
          </p:grpSpPr>
          <p:sp>
            <p:nvSpPr>
              <p:cNvPr id="1088" name="Tønder"/>
              <p:cNvSpPr>
                <a:spLocks/>
              </p:cNvSpPr>
              <p:nvPr/>
            </p:nvSpPr>
            <p:spPr bwMode="auto">
              <a:xfrm>
                <a:off x="793750" y="5618163"/>
                <a:ext cx="87313" cy="204788"/>
              </a:xfrm>
              <a:custGeom>
                <a:avLst/>
                <a:gdLst>
                  <a:gd name="T0" fmla="*/ 23 w 166"/>
                  <a:gd name="T1" fmla="*/ 2 h 385"/>
                  <a:gd name="T2" fmla="*/ 26 w 166"/>
                  <a:gd name="T3" fmla="*/ 5 h 385"/>
                  <a:gd name="T4" fmla="*/ 32 w 166"/>
                  <a:gd name="T5" fmla="*/ 8 h 385"/>
                  <a:gd name="T6" fmla="*/ 40 w 166"/>
                  <a:gd name="T7" fmla="*/ 9 h 385"/>
                  <a:gd name="T8" fmla="*/ 47 w 166"/>
                  <a:gd name="T9" fmla="*/ 10 h 385"/>
                  <a:gd name="T10" fmla="*/ 52 w 166"/>
                  <a:gd name="T11" fmla="*/ 12 h 385"/>
                  <a:gd name="T12" fmla="*/ 52 w 166"/>
                  <a:gd name="T13" fmla="*/ 18 h 385"/>
                  <a:gd name="T14" fmla="*/ 46 w 166"/>
                  <a:gd name="T15" fmla="*/ 30 h 385"/>
                  <a:gd name="T16" fmla="*/ 41 w 166"/>
                  <a:gd name="T17" fmla="*/ 42 h 385"/>
                  <a:gd name="T18" fmla="*/ 38 w 166"/>
                  <a:gd name="T19" fmla="*/ 54 h 385"/>
                  <a:gd name="T20" fmla="*/ 35 w 166"/>
                  <a:gd name="T21" fmla="*/ 67 h 385"/>
                  <a:gd name="T22" fmla="*/ 34 w 166"/>
                  <a:gd name="T23" fmla="*/ 80 h 385"/>
                  <a:gd name="T24" fmla="*/ 35 w 166"/>
                  <a:gd name="T25" fmla="*/ 93 h 385"/>
                  <a:gd name="T26" fmla="*/ 37 w 166"/>
                  <a:gd name="T27" fmla="*/ 107 h 385"/>
                  <a:gd name="T28" fmla="*/ 37 w 166"/>
                  <a:gd name="T29" fmla="*/ 114 h 385"/>
                  <a:gd name="T30" fmla="*/ 33 w 166"/>
                  <a:gd name="T31" fmla="*/ 115 h 385"/>
                  <a:gd name="T32" fmla="*/ 29 w 166"/>
                  <a:gd name="T33" fmla="*/ 117 h 385"/>
                  <a:gd name="T34" fmla="*/ 28 w 166"/>
                  <a:gd name="T35" fmla="*/ 119 h 385"/>
                  <a:gd name="T36" fmla="*/ 26 w 166"/>
                  <a:gd name="T37" fmla="*/ 122 h 385"/>
                  <a:gd name="T38" fmla="*/ 23 w 166"/>
                  <a:gd name="T39" fmla="*/ 127 h 385"/>
                  <a:gd name="T40" fmla="*/ 18 w 166"/>
                  <a:gd name="T41" fmla="*/ 127 h 385"/>
                  <a:gd name="T42" fmla="*/ 12 w 166"/>
                  <a:gd name="T43" fmla="*/ 124 h 385"/>
                  <a:gd name="T44" fmla="*/ 7 w 166"/>
                  <a:gd name="T45" fmla="*/ 119 h 385"/>
                  <a:gd name="T46" fmla="*/ 4 w 166"/>
                  <a:gd name="T47" fmla="*/ 114 h 385"/>
                  <a:gd name="T48" fmla="*/ 2 w 166"/>
                  <a:gd name="T49" fmla="*/ 108 h 385"/>
                  <a:gd name="T50" fmla="*/ 0 w 166"/>
                  <a:gd name="T51" fmla="*/ 101 h 385"/>
                  <a:gd name="T52" fmla="*/ 0 w 166"/>
                  <a:gd name="T53" fmla="*/ 90 h 385"/>
                  <a:gd name="T54" fmla="*/ 2 w 166"/>
                  <a:gd name="T55" fmla="*/ 67 h 385"/>
                  <a:gd name="T56" fmla="*/ 6 w 166"/>
                  <a:gd name="T57" fmla="*/ 41 h 385"/>
                  <a:gd name="T58" fmla="*/ 6 w 166"/>
                  <a:gd name="T59" fmla="*/ 24 h 385"/>
                  <a:gd name="T60" fmla="*/ 8 w 166"/>
                  <a:gd name="T61" fmla="*/ 15 h 385"/>
                  <a:gd name="T62" fmla="*/ 13 w 166"/>
                  <a:gd name="T63" fmla="*/ 12 h 385"/>
                  <a:gd name="T64" fmla="*/ 17 w 166"/>
                  <a:gd name="T65" fmla="*/ 8 h 385"/>
                  <a:gd name="T66" fmla="*/ 20 w 166"/>
                  <a:gd name="T67" fmla="*/ 3 h 385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166" h="385">
                    <a:moveTo>
                      <a:pt x="63" y="0"/>
                    </a:moveTo>
                    <a:lnTo>
                      <a:pt x="68" y="7"/>
                    </a:lnTo>
                    <a:lnTo>
                      <a:pt x="74" y="12"/>
                    </a:lnTo>
                    <a:lnTo>
                      <a:pt x="79" y="16"/>
                    </a:lnTo>
                    <a:lnTo>
                      <a:pt x="84" y="19"/>
                    </a:lnTo>
                    <a:lnTo>
                      <a:pt x="96" y="23"/>
                    </a:lnTo>
                    <a:lnTo>
                      <a:pt x="108" y="26"/>
                    </a:lnTo>
                    <a:lnTo>
                      <a:pt x="121" y="27"/>
                    </a:lnTo>
                    <a:lnTo>
                      <a:pt x="135" y="29"/>
                    </a:lnTo>
                    <a:lnTo>
                      <a:pt x="142" y="30"/>
                    </a:lnTo>
                    <a:lnTo>
                      <a:pt x="149" y="32"/>
                    </a:lnTo>
                    <a:lnTo>
                      <a:pt x="158" y="35"/>
                    </a:lnTo>
                    <a:lnTo>
                      <a:pt x="166" y="38"/>
                    </a:lnTo>
                    <a:lnTo>
                      <a:pt x="157" y="54"/>
                    </a:lnTo>
                    <a:lnTo>
                      <a:pt x="148" y="71"/>
                    </a:lnTo>
                    <a:lnTo>
                      <a:pt x="140" y="89"/>
                    </a:lnTo>
                    <a:lnTo>
                      <a:pt x="133" y="107"/>
                    </a:lnTo>
                    <a:lnTo>
                      <a:pt x="125" y="125"/>
                    </a:lnTo>
                    <a:lnTo>
                      <a:pt x="120" y="142"/>
                    </a:lnTo>
                    <a:lnTo>
                      <a:pt x="115" y="161"/>
                    </a:lnTo>
                    <a:lnTo>
                      <a:pt x="111" y="180"/>
                    </a:lnTo>
                    <a:lnTo>
                      <a:pt x="106" y="200"/>
                    </a:lnTo>
                    <a:lnTo>
                      <a:pt x="104" y="219"/>
                    </a:lnTo>
                    <a:lnTo>
                      <a:pt x="103" y="239"/>
                    </a:lnTo>
                    <a:lnTo>
                      <a:pt x="104" y="258"/>
                    </a:lnTo>
                    <a:lnTo>
                      <a:pt x="105" y="278"/>
                    </a:lnTo>
                    <a:lnTo>
                      <a:pt x="108" y="298"/>
                    </a:lnTo>
                    <a:lnTo>
                      <a:pt x="113" y="318"/>
                    </a:lnTo>
                    <a:lnTo>
                      <a:pt x="119" y="337"/>
                    </a:lnTo>
                    <a:lnTo>
                      <a:pt x="112" y="339"/>
                    </a:lnTo>
                    <a:lnTo>
                      <a:pt x="104" y="340"/>
                    </a:lnTo>
                    <a:lnTo>
                      <a:pt x="99" y="342"/>
                    </a:lnTo>
                    <a:lnTo>
                      <a:pt x="94" y="346"/>
                    </a:lnTo>
                    <a:lnTo>
                      <a:pt x="89" y="348"/>
                    </a:lnTo>
                    <a:lnTo>
                      <a:pt x="86" y="351"/>
                    </a:lnTo>
                    <a:lnTo>
                      <a:pt x="84" y="354"/>
                    </a:lnTo>
                    <a:lnTo>
                      <a:pt x="82" y="357"/>
                    </a:lnTo>
                    <a:lnTo>
                      <a:pt x="78" y="364"/>
                    </a:lnTo>
                    <a:lnTo>
                      <a:pt x="75" y="371"/>
                    </a:lnTo>
                    <a:lnTo>
                      <a:pt x="69" y="378"/>
                    </a:lnTo>
                    <a:lnTo>
                      <a:pt x="63" y="385"/>
                    </a:lnTo>
                    <a:lnTo>
                      <a:pt x="53" y="379"/>
                    </a:lnTo>
                    <a:lnTo>
                      <a:pt x="43" y="374"/>
                    </a:lnTo>
                    <a:lnTo>
                      <a:pt x="35" y="369"/>
                    </a:lnTo>
                    <a:lnTo>
                      <a:pt x="27" y="361"/>
                    </a:lnTo>
                    <a:lnTo>
                      <a:pt x="21" y="355"/>
                    </a:lnTo>
                    <a:lnTo>
                      <a:pt x="16" y="347"/>
                    </a:lnTo>
                    <a:lnTo>
                      <a:pt x="12" y="339"/>
                    </a:lnTo>
                    <a:lnTo>
                      <a:pt x="7" y="331"/>
                    </a:lnTo>
                    <a:lnTo>
                      <a:pt x="5" y="321"/>
                    </a:lnTo>
                    <a:lnTo>
                      <a:pt x="3" y="312"/>
                    </a:lnTo>
                    <a:lnTo>
                      <a:pt x="1" y="302"/>
                    </a:lnTo>
                    <a:lnTo>
                      <a:pt x="0" y="292"/>
                    </a:lnTo>
                    <a:lnTo>
                      <a:pt x="0" y="270"/>
                    </a:lnTo>
                    <a:lnTo>
                      <a:pt x="1" y="248"/>
                    </a:lnTo>
                    <a:lnTo>
                      <a:pt x="7" y="199"/>
                    </a:lnTo>
                    <a:lnTo>
                      <a:pt x="14" y="149"/>
                    </a:lnTo>
                    <a:lnTo>
                      <a:pt x="17" y="122"/>
                    </a:lnTo>
                    <a:lnTo>
                      <a:pt x="18" y="97"/>
                    </a:lnTo>
                    <a:lnTo>
                      <a:pt x="18" y="72"/>
                    </a:lnTo>
                    <a:lnTo>
                      <a:pt x="16" y="48"/>
                    </a:lnTo>
                    <a:lnTo>
                      <a:pt x="25" y="44"/>
                    </a:lnTo>
                    <a:lnTo>
                      <a:pt x="33" y="40"/>
                    </a:lnTo>
                    <a:lnTo>
                      <a:pt x="40" y="36"/>
                    </a:lnTo>
                    <a:lnTo>
                      <a:pt x="46" y="30"/>
                    </a:lnTo>
                    <a:lnTo>
                      <a:pt x="52" y="23"/>
                    </a:lnTo>
                    <a:lnTo>
                      <a:pt x="56" y="17"/>
                    </a:lnTo>
                    <a:lnTo>
                      <a:pt x="60" y="9"/>
                    </a:lnTo>
                    <a:lnTo>
                      <a:pt x="63" y="0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89" name="Tønder kant"/>
              <p:cNvSpPr>
                <a:spLocks/>
              </p:cNvSpPr>
              <p:nvPr/>
            </p:nvSpPr>
            <p:spPr bwMode="auto">
              <a:xfrm>
                <a:off x="793750" y="5618163"/>
                <a:ext cx="87313" cy="204788"/>
              </a:xfrm>
              <a:custGeom>
                <a:avLst/>
                <a:gdLst>
                  <a:gd name="T0" fmla="*/ 23 w 166"/>
                  <a:gd name="T1" fmla="*/ 2 h 385"/>
                  <a:gd name="T2" fmla="*/ 26 w 166"/>
                  <a:gd name="T3" fmla="*/ 5 h 385"/>
                  <a:gd name="T4" fmla="*/ 32 w 166"/>
                  <a:gd name="T5" fmla="*/ 8 h 385"/>
                  <a:gd name="T6" fmla="*/ 40 w 166"/>
                  <a:gd name="T7" fmla="*/ 9 h 385"/>
                  <a:gd name="T8" fmla="*/ 47 w 166"/>
                  <a:gd name="T9" fmla="*/ 10 h 385"/>
                  <a:gd name="T10" fmla="*/ 52 w 166"/>
                  <a:gd name="T11" fmla="*/ 12 h 385"/>
                  <a:gd name="T12" fmla="*/ 52 w 166"/>
                  <a:gd name="T13" fmla="*/ 18 h 385"/>
                  <a:gd name="T14" fmla="*/ 46 w 166"/>
                  <a:gd name="T15" fmla="*/ 30 h 385"/>
                  <a:gd name="T16" fmla="*/ 41 w 166"/>
                  <a:gd name="T17" fmla="*/ 42 h 385"/>
                  <a:gd name="T18" fmla="*/ 38 w 166"/>
                  <a:gd name="T19" fmla="*/ 54 h 385"/>
                  <a:gd name="T20" fmla="*/ 35 w 166"/>
                  <a:gd name="T21" fmla="*/ 67 h 385"/>
                  <a:gd name="T22" fmla="*/ 34 w 166"/>
                  <a:gd name="T23" fmla="*/ 80 h 385"/>
                  <a:gd name="T24" fmla="*/ 35 w 166"/>
                  <a:gd name="T25" fmla="*/ 93 h 385"/>
                  <a:gd name="T26" fmla="*/ 37 w 166"/>
                  <a:gd name="T27" fmla="*/ 107 h 385"/>
                  <a:gd name="T28" fmla="*/ 37 w 166"/>
                  <a:gd name="T29" fmla="*/ 114 h 385"/>
                  <a:gd name="T30" fmla="*/ 33 w 166"/>
                  <a:gd name="T31" fmla="*/ 115 h 385"/>
                  <a:gd name="T32" fmla="*/ 29 w 166"/>
                  <a:gd name="T33" fmla="*/ 117 h 385"/>
                  <a:gd name="T34" fmla="*/ 28 w 166"/>
                  <a:gd name="T35" fmla="*/ 119 h 385"/>
                  <a:gd name="T36" fmla="*/ 26 w 166"/>
                  <a:gd name="T37" fmla="*/ 122 h 385"/>
                  <a:gd name="T38" fmla="*/ 23 w 166"/>
                  <a:gd name="T39" fmla="*/ 127 h 385"/>
                  <a:gd name="T40" fmla="*/ 18 w 166"/>
                  <a:gd name="T41" fmla="*/ 127 h 385"/>
                  <a:gd name="T42" fmla="*/ 12 w 166"/>
                  <a:gd name="T43" fmla="*/ 124 h 385"/>
                  <a:gd name="T44" fmla="*/ 7 w 166"/>
                  <a:gd name="T45" fmla="*/ 119 h 385"/>
                  <a:gd name="T46" fmla="*/ 4 w 166"/>
                  <a:gd name="T47" fmla="*/ 114 h 385"/>
                  <a:gd name="T48" fmla="*/ 2 w 166"/>
                  <a:gd name="T49" fmla="*/ 108 h 385"/>
                  <a:gd name="T50" fmla="*/ 0 w 166"/>
                  <a:gd name="T51" fmla="*/ 101 h 385"/>
                  <a:gd name="T52" fmla="*/ 0 w 166"/>
                  <a:gd name="T53" fmla="*/ 90 h 385"/>
                  <a:gd name="T54" fmla="*/ 2 w 166"/>
                  <a:gd name="T55" fmla="*/ 67 h 385"/>
                  <a:gd name="T56" fmla="*/ 6 w 166"/>
                  <a:gd name="T57" fmla="*/ 41 h 385"/>
                  <a:gd name="T58" fmla="*/ 6 w 166"/>
                  <a:gd name="T59" fmla="*/ 24 h 385"/>
                  <a:gd name="T60" fmla="*/ 8 w 166"/>
                  <a:gd name="T61" fmla="*/ 15 h 385"/>
                  <a:gd name="T62" fmla="*/ 13 w 166"/>
                  <a:gd name="T63" fmla="*/ 12 h 385"/>
                  <a:gd name="T64" fmla="*/ 17 w 166"/>
                  <a:gd name="T65" fmla="*/ 8 h 385"/>
                  <a:gd name="T66" fmla="*/ 20 w 166"/>
                  <a:gd name="T67" fmla="*/ 3 h 385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166" h="385">
                    <a:moveTo>
                      <a:pt x="63" y="0"/>
                    </a:moveTo>
                    <a:lnTo>
                      <a:pt x="68" y="7"/>
                    </a:lnTo>
                    <a:lnTo>
                      <a:pt x="74" y="12"/>
                    </a:lnTo>
                    <a:lnTo>
                      <a:pt x="79" y="16"/>
                    </a:lnTo>
                    <a:lnTo>
                      <a:pt x="84" y="19"/>
                    </a:lnTo>
                    <a:lnTo>
                      <a:pt x="96" y="23"/>
                    </a:lnTo>
                    <a:lnTo>
                      <a:pt x="108" y="26"/>
                    </a:lnTo>
                    <a:lnTo>
                      <a:pt x="121" y="27"/>
                    </a:lnTo>
                    <a:lnTo>
                      <a:pt x="135" y="29"/>
                    </a:lnTo>
                    <a:lnTo>
                      <a:pt x="142" y="30"/>
                    </a:lnTo>
                    <a:lnTo>
                      <a:pt x="149" y="32"/>
                    </a:lnTo>
                    <a:lnTo>
                      <a:pt x="158" y="35"/>
                    </a:lnTo>
                    <a:lnTo>
                      <a:pt x="166" y="38"/>
                    </a:lnTo>
                    <a:lnTo>
                      <a:pt x="157" y="54"/>
                    </a:lnTo>
                    <a:lnTo>
                      <a:pt x="148" y="71"/>
                    </a:lnTo>
                    <a:lnTo>
                      <a:pt x="140" y="89"/>
                    </a:lnTo>
                    <a:lnTo>
                      <a:pt x="133" y="107"/>
                    </a:lnTo>
                    <a:lnTo>
                      <a:pt x="125" y="125"/>
                    </a:lnTo>
                    <a:lnTo>
                      <a:pt x="120" y="142"/>
                    </a:lnTo>
                    <a:lnTo>
                      <a:pt x="115" y="161"/>
                    </a:lnTo>
                    <a:lnTo>
                      <a:pt x="111" y="180"/>
                    </a:lnTo>
                    <a:lnTo>
                      <a:pt x="106" y="200"/>
                    </a:lnTo>
                    <a:lnTo>
                      <a:pt x="104" y="219"/>
                    </a:lnTo>
                    <a:lnTo>
                      <a:pt x="103" y="239"/>
                    </a:lnTo>
                    <a:lnTo>
                      <a:pt x="104" y="258"/>
                    </a:lnTo>
                    <a:lnTo>
                      <a:pt x="105" y="278"/>
                    </a:lnTo>
                    <a:lnTo>
                      <a:pt x="108" y="298"/>
                    </a:lnTo>
                    <a:lnTo>
                      <a:pt x="113" y="318"/>
                    </a:lnTo>
                    <a:lnTo>
                      <a:pt x="119" y="337"/>
                    </a:lnTo>
                    <a:lnTo>
                      <a:pt x="112" y="339"/>
                    </a:lnTo>
                    <a:lnTo>
                      <a:pt x="104" y="340"/>
                    </a:lnTo>
                    <a:lnTo>
                      <a:pt x="99" y="342"/>
                    </a:lnTo>
                    <a:lnTo>
                      <a:pt x="94" y="346"/>
                    </a:lnTo>
                    <a:lnTo>
                      <a:pt x="89" y="348"/>
                    </a:lnTo>
                    <a:lnTo>
                      <a:pt x="86" y="351"/>
                    </a:lnTo>
                    <a:lnTo>
                      <a:pt x="84" y="354"/>
                    </a:lnTo>
                    <a:lnTo>
                      <a:pt x="82" y="357"/>
                    </a:lnTo>
                    <a:lnTo>
                      <a:pt x="78" y="364"/>
                    </a:lnTo>
                    <a:lnTo>
                      <a:pt x="75" y="371"/>
                    </a:lnTo>
                    <a:lnTo>
                      <a:pt x="69" y="378"/>
                    </a:lnTo>
                    <a:lnTo>
                      <a:pt x="63" y="385"/>
                    </a:lnTo>
                    <a:lnTo>
                      <a:pt x="53" y="379"/>
                    </a:lnTo>
                    <a:lnTo>
                      <a:pt x="43" y="374"/>
                    </a:lnTo>
                    <a:lnTo>
                      <a:pt x="35" y="369"/>
                    </a:lnTo>
                    <a:lnTo>
                      <a:pt x="27" y="361"/>
                    </a:lnTo>
                    <a:lnTo>
                      <a:pt x="21" y="355"/>
                    </a:lnTo>
                    <a:lnTo>
                      <a:pt x="16" y="347"/>
                    </a:lnTo>
                    <a:lnTo>
                      <a:pt x="12" y="339"/>
                    </a:lnTo>
                    <a:lnTo>
                      <a:pt x="7" y="331"/>
                    </a:lnTo>
                    <a:lnTo>
                      <a:pt x="5" y="321"/>
                    </a:lnTo>
                    <a:lnTo>
                      <a:pt x="3" y="312"/>
                    </a:lnTo>
                    <a:lnTo>
                      <a:pt x="1" y="302"/>
                    </a:lnTo>
                    <a:lnTo>
                      <a:pt x="0" y="292"/>
                    </a:lnTo>
                    <a:lnTo>
                      <a:pt x="0" y="270"/>
                    </a:lnTo>
                    <a:lnTo>
                      <a:pt x="1" y="248"/>
                    </a:lnTo>
                    <a:lnTo>
                      <a:pt x="7" y="199"/>
                    </a:lnTo>
                    <a:lnTo>
                      <a:pt x="14" y="149"/>
                    </a:lnTo>
                    <a:lnTo>
                      <a:pt x="17" y="122"/>
                    </a:lnTo>
                    <a:lnTo>
                      <a:pt x="18" y="97"/>
                    </a:lnTo>
                    <a:lnTo>
                      <a:pt x="18" y="72"/>
                    </a:lnTo>
                    <a:lnTo>
                      <a:pt x="16" y="48"/>
                    </a:lnTo>
                    <a:lnTo>
                      <a:pt x="25" y="44"/>
                    </a:lnTo>
                    <a:lnTo>
                      <a:pt x="33" y="40"/>
                    </a:lnTo>
                    <a:lnTo>
                      <a:pt x="40" y="36"/>
                    </a:lnTo>
                    <a:lnTo>
                      <a:pt x="46" y="30"/>
                    </a:lnTo>
                    <a:lnTo>
                      <a:pt x="52" y="23"/>
                    </a:lnTo>
                    <a:lnTo>
                      <a:pt x="56" y="17"/>
                    </a:lnTo>
                    <a:lnTo>
                      <a:pt x="60" y="9"/>
                    </a:lnTo>
                    <a:lnTo>
                      <a:pt x="63" y="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90" name="Tønder"/>
              <p:cNvSpPr>
                <a:spLocks/>
              </p:cNvSpPr>
              <p:nvPr/>
            </p:nvSpPr>
            <p:spPr bwMode="auto">
              <a:xfrm>
                <a:off x="930275" y="5559425"/>
                <a:ext cx="476250" cy="509588"/>
              </a:xfrm>
              <a:custGeom>
                <a:avLst/>
                <a:gdLst>
                  <a:gd name="T0" fmla="*/ 11 w 898"/>
                  <a:gd name="T1" fmla="*/ 119 h 964"/>
                  <a:gd name="T2" fmla="*/ 4 w 898"/>
                  <a:gd name="T3" fmla="*/ 150 h 964"/>
                  <a:gd name="T4" fmla="*/ 3 w 898"/>
                  <a:gd name="T5" fmla="*/ 196 h 964"/>
                  <a:gd name="T6" fmla="*/ 7 w 898"/>
                  <a:gd name="T7" fmla="*/ 258 h 964"/>
                  <a:gd name="T8" fmla="*/ 3 w 898"/>
                  <a:gd name="T9" fmla="*/ 292 h 964"/>
                  <a:gd name="T10" fmla="*/ 26 w 898"/>
                  <a:gd name="T11" fmla="*/ 315 h 964"/>
                  <a:gd name="T12" fmla="*/ 53 w 898"/>
                  <a:gd name="T13" fmla="*/ 320 h 964"/>
                  <a:gd name="T14" fmla="*/ 77 w 898"/>
                  <a:gd name="T15" fmla="*/ 314 h 964"/>
                  <a:gd name="T16" fmla="*/ 95 w 898"/>
                  <a:gd name="T17" fmla="*/ 312 h 964"/>
                  <a:gd name="T18" fmla="*/ 141 w 898"/>
                  <a:gd name="T19" fmla="*/ 313 h 964"/>
                  <a:gd name="T20" fmla="*/ 173 w 898"/>
                  <a:gd name="T21" fmla="*/ 316 h 964"/>
                  <a:gd name="T22" fmla="*/ 184 w 898"/>
                  <a:gd name="T23" fmla="*/ 317 h 964"/>
                  <a:gd name="T24" fmla="*/ 187 w 898"/>
                  <a:gd name="T25" fmla="*/ 303 h 964"/>
                  <a:gd name="T26" fmla="*/ 184 w 898"/>
                  <a:gd name="T27" fmla="*/ 299 h 964"/>
                  <a:gd name="T28" fmla="*/ 178 w 898"/>
                  <a:gd name="T29" fmla="*/ 293 h 964"/>
                  <a:gd name="T30" fmla="*/ 178 w 898"/>
                  <a:gd name="T31" fmla="*/ 278 h 964"/>
                  <a:gd name="T32" fmla="*/ 185 w 898"/>
                  <a:gd name="T33" fmla="*/ 273 h 964"/>
                  <a:gd name="T34" fmla="*/ 186 w 898"/>
                  <a:gd name="T35" fmla="*/ 261 h 964"/>
                  <a:gd name="T36" fmla="*/ 198 w 898"/>
                  <a:gd name="T37" fmla="*/ 250 h 964"/>
                  <a:gd name="T38" fmla="*/ 214 w 898"/>
                  <a:gd name="T39" fmla="*/ 247 h 964"/>
                  <a:gd name="T40" fmla="*/ 217 w 898"/>
                  <a:gd name="T41" fmla="*/ 234 h 964"/>
                  <a:gd name="T42" fmla="*/ 211 w 898"/>
                  <a:gd name="T43" fmla="*/ 202 h 964"/>
                  <a:gd name="T44" fmla="*/ 224 w 898"/>
                  <a:gd name="T45" fmla="*/ 183 h 964"/>
                  <a:gd name="T46" fmla="*/ 242 w 898"/>
                  <a:gd name="T47" fmla="*/ 166 h 964"/>
                  <a:gd name="T48" fmla="*/ 243 w 898"/>
                  <a:gd name="T49" fmla="*/ 154 h 964"/>
                  <a:gd name="T50" fmla="*/ 230 w 898"/>
                  <a:gd name="T51" fmla="*/ 146 h 964"/>
                  <a:gd name="T52" fmla="*/ 246 w 898"/>
                  <a:gd name="T53" fmla="*/ 134 h 964"/>
                  <a:gd name="T54" fmla="*/ 261 w 898"/>
                  <a:gd name="T55" fmla="*/ 134 h 964"/>
                  <a:gd name="T56" fmla="*/ 275 w 898"/>
                  <a:gd name="T57" fmla="*/ 132 h 964"/>
                  <a:gd name="T58" fmla="*/ 291 w 898"/>
                  <a:gd name="T59" fmla="*/ 121 h 964"/>
                  <a:gd name="T60" fmla="*/ 300 w 898"/>
                  <a:gd name="T61" fmla="*/ 110 h 964"/>
                  <a:gd name="T62" fmla="*/ 296 w 898"/>
                  <a:gd name="T63" fmla="*/ 101 h 964"/>
                  <a:gd name="T64" fmla="*/ 282 w 898"/>
                  <a:gd name="T65" fmla="*/ 98 h 964"/>
                  <a:gd name="T66" fmla="*/ 278 w 898"/>
                  <a:gd name="T67" fmla="*/ 90 h 964"/>
                  <a:gd name="T68" fmla="*/ 281 w 898"/>
                  <a:gd name="T69" fmla="*/ 75 h 964"/>
                  <a:gd name="T70" fmla="*/ 262 w 898"/>
                  <a:gd name="T71" fmla="*/ 64 h 964"/>
                  <a:gd name="T72" fmla="*/ 252 w 898"/>
                  <a:gd name="T73" fmla="*/ 74 h 964"/>
                  <a:gd name="T74" fmla="*/ 241 w 898"/>
                  <a:gd name="T75" fmla="*/ 82 h 964"/>
                  <a:gd name="T76" fmla="*/ 224 w 898"/>
                  <a:gd name="T77" fmla="*/ 79 h 964"/>
                  <a:gd name="T78" fmla="*/ 217 w 898"/>
                  <a:gd name="T79" fmla="*/ 61 h 964"/>
                  <a:gd name="T80" fmla="*/ 224 w 898"/>
                  <a:gd name="T81" fmla="*/ 42 h 964"/>
                  <a:gd name="T82" fmla="*/ 213 w 898"/>
                  <a:gd name="T83" fmla="*/ 32 h 964"/>
                  <a:gd name="T84" fmla="*/ 197 w 898"/>
                  <a:gd name="T85" fmla="*/ 17 h 964"/>
                  <a:gd name="T86" fmla="*/ 184 w 898"/>
                  <a:gd name="T87" fmla="*/ 22 h 964"/>
                  <a:gd name="T88" fmla="*/ 166 w 898"/>
                  <a:gd name="T89" fmla="*/ 34 h 964"/>
                  <a:gd name="T90" fmla="*/ 157 w 898"/>
                  <a:gd name="T91" fmla="*/ 46 h 964"/>
                  <a:gd name="T92" fmla="*/ 147 w 898"/>
                  <a:gd name="T93" fmla="*/ 47 h 964"/>
                  <a:gd name="T94" fmla="*/ 139 w 898"/>
                  <a:gd name="T95" fmla="*/ 42 h 964"/>
                  <a:gd name="T96" fmla="*/ 140 w 898"/>
                  <a:gd name="T97" fmla="*/ 27 h 964"/>
                  <a:gd name="T98" fmla="*/ 111 w 898"/>
                  <a:gd name="T99" fmla="*/ 21 h 964"/>
                  <a:gd name="T100" fmla="*/ 74 w 898"/>
                  <a:gd name="T101" fmla="*/ 11 h 964"/>
                  <a:gd name="T102" fmla="*/ 38 w 898"/>
                  <a:gd name="T103" fmla="*/ 2 h 964"/>
                  <a:gd name="T104" fmla="*/ 13 w 898"/>
                  <a:gd name="T105" fmla="*/ 12 h 964"/>
                  <a:gd name="T106" fmla="*/ 20 w 898"/>
                  <a:gd name="T107" fmla="*/ 65 h 964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898" h="964">
                    <a:moveTo>
                      <a:pt x="75" y="290"/>
                    </a:moveTo>
                    <a:lnTo>
                      <a:pt x="62" y="306"/>
                    </a:lnTo>
                    <a:lnTo>
                      <a:pt x="52" y="323"/>
                    </a:lnTo>
                    <a:lnTo>
                      <a:pt x="42" y="340"/>
                    </a:lnTo>
                    <a:lnTo>
                      <a:pt x="34" y="358"/>
                    </a:lnTo>
                    <a:lnTo>
                      <a:pt x="26" y="376"/>
                    </a:lnTo>
                    <a:lnTo>
                      <a:pt x="21" y="393"/>
                    </a:lnTo>
                    <a:lnTo>
                      <a:pt x="17" y="411"/>
                    </a:lnTo>
                    <a:lnTo>
                      <a:pt x="13" y="430"/>
                    </a:lnTo>
                    <a:lnTo>
                      <a:pt x="11" y="449"/>
                    </a:lnTo>
                    <a:lnTo>
                      <a:pt x="8" y="468"/>
                    </a:lnTo>
                    <a:lnTo>
                      <a:pt x="7" y="488"/>
                    </a:lnTo>
                    <a:lnTo>
                      <a:pt x="6" y="507"/>
                    </a:lnTo>
                    <a:lnTo>
                      <a:pt x="7" y="547"/>
                    </a:lnTo>
                    <a:lnTo>
                      <a:pt x="10" y="588"/>
                    </a:lnTo>
                    <a:lnTo>
                      <a:pt x="13" y="629"/>
                    </a:lnTo>
                    <a:lnTo>
                      <a:pt x="16" y="670"/>
                    </a:lnTo>
                    <a:lnTo>
                      <a:pt x="18" y="712"/>
                    </a:lnTo>
                    <a:lnTo>
                      <a:pt x="20" y="754"/>
                    </a:lnTo>
                    <a:lnTo>
                      <a:pt x="20" y="775"/>
                    </a:lnTo>
                    <a:lnTo>
                      <a:pt x="19" y="796"/>
                    </a:lnTo>
                    <a:lnTo>
                      <a:pt x="18" y="816"/>
                    </a:lnTo>
                    <a:lnTo>
                      <a:pt x="16" y="837"/>
                    </a:lnTo>
                    <a:lnTo>
                      <a:pt x="14" y="857"/>
                    </a:lnTo>
                    <a:lnTo>
                      <a:pt x="10" y="878"/>
                    </a:lnTo>
                    <a:lnTo>
                      <a:pt x="5" y="898"/>
                    </a:lnTo>
                    <a:lnTo>
                      <a:pt x="0" y="918"/>
                    </a:lnTo>
                    <a:lnTo>
                      <a:pt x="31" y="929"/>
                    </a:lnTo>
                    <a:lnTo>
                      <a:pt x="62" y="941"/>
                    </a:lnTo>
                    <a:lnTo>
                      <a:pt x="79" y="946"/>
                    </a:lnTo>
                    <a:lnTo>
                      <a:pt x="95" y="952"/>
                    </a:lnTo>
                    <a:lnTo>
                      <a:pt x="111" y="955"/>
                    </a:lnTo>
                    <a:lnTo>
                      <a:pt x="127" y="958"/>
                    </a:lnTo>
                    <a:lnTo>
                      <a:pt x="143" y="960"/>
                    </a:lnTo>
                    <a:lnTo>
                      <a:pt x="159" y="961"/>
                    </a:lnTo>
                    <a:lnTo>
                      <a:pt x="175" y="960"/>
                    </a:lnTo>
                    <a:lnTo>
                      <a:pt x="191" y="958"/>
                    </a:lnTo>
                    <a:lnTo>
                      <a:pt x="206" y="954"/>
                    </a:lnTo>
                    <a:lnTo>
                      <a:pt x="222" y="946"/>
                    </a:lnTo>
                    <a:lnTo>
                      <a:pt x="230" y="943"/>
                    </a:lnTo>
                    <a:lnTo>
                      <a:pt x="237" y="938"/>
                    </a:lnTo>
                    <a:lnTo>
                      <a:pt x="245" y="933"/>
                    </a:lnTo>
                    <a:lnTo>
                      <a:pt x="253" y="927"/>
                    </a:lnTo>
                    <a:lnTo>
                      <a:pt x="269" y="933"/>
                    </a:lnTo>
                    <a:lnTo>
                      <a:pt x="285" y="936"/>
                    </a:lnTo>
                    <a:lnTo>
                      <a:pt x="304" y="938"/>
                    </a:lnTo>
                    <a:lnTo>
                      <a:pt x="322" y="940"/>
                    </a:lnTo>
                    <a:lnTo>
                      <a:pt x="362" y="940"/>
                    </a:lnTo>
                    <a:lnTo>
                      <a:pt x="402" y="940"/>
                    </a:lnTo>
                    <a:lnTo>
                      <a:pt x="423" y="940"/>
                    </a:lnTo>
                    <a:lnTo>
                      <a:pt x="443" y="940"/>
                    </a:lnTo>
                    <a:lnTo>
                      <a:pt x="463" y="941"/>
                    </a:lnTo>
                    <a:lnTo>
                      <a:pt x="482" y="943"/>
                    </a:lnTo>
                    <a:lnTo>
                      <a:pt x="501" y="946"/>
                    </a:lnTo>
                    <a:lnTo>
                      <a:pt x="519" y="950"/>
                    </a:lnTo>
                    <a:lnTo>
                      <a:pt x="528" y="954"/>
                    </a:lnTo>
                    <a:lnTo>
                      <a:pt x="536" y="957"/>
                    </a:lnTo>
                    <a:lnTo>
                      <a:pt x="544" y="960"/>
                    </a:lnTo>
                    <a:lnTo>
                      <a:pt x="552" y="964"/>
                    </a:lnTo>
                    <a:lnTo>
                      <a:pt x="551" y="953"/>
                    </a:lnTo>
                    <a:lnTo>
                      <a:pt x="551" y="942"/>
                    </a:lnTo>
                    <a:lnTo>
                      <a:pt x="552" y="933"/>
                    </a:lnTo>
                    <a:lnTo>
                      <a:pt x="555" y="925"/>
                    </a:lnTo>
                    <a:lnTo>
                      <a:pt x="558" y="918"/>
                    </a:lnTo>
                    <a:lnTo>
                      <a:pt x="561" y="911"/>
                    </a:lnTo>
                    <a:lnTo>
                      <a:pt x="567" y="905"/>
                    </a:lnTo>
                    <a:lnTo>
                      <a:pt x="571" y="899"/>
                    </a:lnTo>
                    <a:lnTo>
                      <a:pt x="563" y="900"/>
                    </a:lnTo>
                    <a:lnTo>
                      <a:pt x="556" y="900"/>
                    </a:lnTo>
                    <a:lnTo>
                      <a:pt x="551" y="898"/>
                    </a:lnTo>
                    <a:lnTo>
                      <a:pt x="546" y="896"/>
                    </a:lnTo>
                    <a:lnTo>
                      <a:pt x="541" y="894"/>
                    </a:lnTo>
                    <a:lnTo>
                      <a:pt x="538" y="889"/>
                    </a:lnTo>
                    <a:lnTo>
                      <a:pt x="535" y="885"/>
                    </a:lnTo>
                    <a:lnTo>
                      <a:pt x="533" y="881"/>
                    </a:lnTo>
                    <a:lnTo>
                      <a:pt x="530" y="870"/>
                    </a:lnTo>
                    <a:lnTo>
                      <a:pt x="528" y="858"/>
                    </a:lnTo>
                    <a:lnTo>
                      <a:pt x="525" y="845"/>
                    </a:lnTo>
                    <a:lnTo>
                      <a:pt x="524" y="834"/>
                    </a:lnTo>
                    <a:lnTo>
                      <a:pt x="533" y="834"/>
                    </a:lnTo>
                    <a:lnTo>
                      <a:pt x="540" y="831"/>
                    </a:lnTo>
                    <a:lnTo>
                      <a:pt x="547" y="830"/>
                    </a:lnTo>
                    <a:lnTo>
                      <a:pt x="551" y="827"/>
                    </a:lnTo>
                    <a:lnTo>
                      <a:pt x="554" y="824"/>
                    </a:lnTo>
                    <a:lnTo>
                      <a:pt x="555" y="821"/>
                    </a:lnTo>
                    <a:lnTo>
                      <a:pt x="556" y="817"/>
                    </a:lnTo>
                    <a:lnTo>
                      <a:pt x="557" y="811"/>
                    </a:lnTo>
                    <a:lnTo>
                      <a:pt x="556" y="802"/>
                    </a:lnTo>
                    <a:lnTo>
                      <a:pt x="556" y="790"/>
                    </a:lnTo>
                    <a:lnTo>
                      <a:pt x="556" y="785"/>
                    </a:lnTo>
                    <a:lnTo>
                      <a:pt x="557" y="779"/>
                    </a:lnTo>
                    <a:lnTo>
                      <a:pt x="558" y="774"/>
                    </a:lnTo>
                    <a:lnTo>
                      <a:pt x="561" y="768"/>
                    </a:lnTo>
                    <a:lnTo>
                      <a:pt x="577" y="760"/>
                    </a:lnTo>
                    <a:lnTo>
                      <a:pt x="593" y="752"/>
                    </a:lnTo>
                    <a:lnTo>
                      <a:pt x="602" y="750"/>
                    </a:lnTo>
                    <a:lnTo>
                      <a:pt x="612" y="748"/>
                    </a:lnTo>
                    <a:lnTo>
                      <a:pt x="623" y="748"/>
                    </a:lnTo>
                    <a:lnTo>
                      <a:pt x="636" y="749"/>
                    </a:lnTo>
                    <a:lnTo>
                      <a:pt x="641" y="741"/>
                    </a:lnTo>
                    <a:lnTo>
                      <a:pt x="644" y="734"/>
                    </a:lnTo>
                    <a:lnTo>
                      <a:pt x="647" y="725"/>
                    </a:lnTo>
                    <a:lnTo>
                      <a:pt x="649" y="718"/>
                    </a:lnTo>
                    <a:lnTo>
                      <a:pt x="649" y="709"/>
                    </a:lnTo>
                    <a:lnTo>
                      <a:pt x="649" y="702"/>
                    </a:lnTo>
                    <a:lnTo>
                      <a:pt x="648" y="695"/>
                    </a:lnTo>
                    <a:lnTo>
                      <a:pt x="647" y="686"/>
                    </a:lnTo>
                    <a:lnTo>
                      <a:pt x="637" y="654"/>
                    </a:lnTo>
                    <a:lnTo>
                      <a:pt x="627" y="618"/>
                    </a:lnTo>
                    <a:lnTo>
                      <a:pt x="631" y="607"/>
                    </a:lnTo>
                    <a:lnTo>
                      <a:pt x="635" y="598"/>
                    </a:lnTo>
                    <a:lnTo>
                      <a:pt x="640" y="588"/>
                    </a:lnTo>
                    <a:lnTo>
                      <a:pt x="646" y="580"/>
                    </a:lnTo>
                    <a:lnTo>
                      <a:pt x="657" y="565"/>
                    </a:lnTo>
                    <a:lnTo>
                      <a:pt x="672" y="551"/>
                    </a:lnTo>
                    <a:lnTo>
                      <a:pt x="686" y="538"/>
                    </a:lnTo>
                    <a:lnTo>
                      <a:pt x="701" y="524"/>
                    </a:lnTo>
                    <a:lnTo>
                      <a:pt x="709" y="516"/>
                    </a:lnTo>
                    <a:lnTo>
                      <a:pt x="716" y="507"/>
                    </a:lnTo>
                    <a:lnTo>
                      <a:pt x="723" y="498"/>
                    </a:lnTo>
                    <a:lnTo>
                      <a:pt x="730" y="487"/>
                    </a:lnTo>
                    <a:lnTo>
                      <a:pt x="731" y="479"/>
                    </a:lnTo>
                    <a:lnTo>
                      <a:pt x="730" y="472"/>
                    </a:lnTo>
                    <a:lnTo>
                      <a:pt x="728" y="466"/>
                    </a:lnTo>
                    <a:lnTo>
                      <a:pt x="726" y="461"/>
                    </a:lnTo>
                    <a:lnTo>
                      <a:pt x="722" y="457"/>
                    </a:lnTo>
                    <a:lnTo>
                      <a:pt x="718" y="452"/>
                    </a:lnTo>
                    <a:lnTo>
                      <a:pt x="714" y="449"/>
                    </a:lnTo>
                    <a:lnTo>
                      <a:pt x="709" y="447"/>
                    </a:lnTo>
                    <a:lnTo>
                      <a:pt x="687" y="439"/>
                    </a:lnTo>
                    <a:lnTo>
                      <a:pt x="664" y="430"/>
                    </a:lnTo>
                    <a:lnTo>
                      <a:pt x="683" y="423"/>
                    </a:lnTo>
                    <a:lnTo>
                      <a:pt x="702" y="414"/>
                    </a:lnTo>
                    <a:lnTo>
                      <a:pt x="719" y="407"/>
                    </a:lnTo>
                    <a:lnTo>
                      <a:pt x="736" y="402"/>
                    </a:lnTo>
                    <a:lnTo>
                      <a:pt x="746" y="400"/>
                    </a:lnTo>
                    <a:lnTo>
                      <a:pt x="754" y="399"/>
                    </a:lnTo>
                    <a:lnTo>
                      <a:pt x="763" y="399"/>
                    </a:lnTo>
                    <a:lnTo>
                      <a:pt x="773" y="399"/>
                    </a:lnTo>
                    <a:lnTo>
                      <a:pt x="782" y="401"/>
                    </a:lnTo>
                    <a:lnTo>
                      <a:pt x="793" y="403"/>
                    </a:lnTo>
                    <a:lnTo>
                      <a:pt x="803" y="407"/>
                    </a:lnTo>
                    <a:lnTo>
                      <a:pt x="814" y="412"/>
                    </a:lnTo>
                    <a:lnTo>
                      <a:pt x="818" y="404"/>
                    </a:lnTo>
                    <a:lnTo>
                      <a:pt x="822" y="397"/>
                    </a:lnTo>
                    <a:lnTo>
                      <a:pt x="828" y="390"/>
                    </a:lnTo>
                    <a:lnTo>
                      <a:pt x="834" y="385"/>
                    </a:lnTo>
                    <a:lnTo>
                      <a:pt x="849" y="377"/>
                    </a:lnTo>
                    <a:lnTo>
                      <a:pt x="864" y="368"/>
                    </a:lnTo>
                    <a:lnTo>
                      <a:pt x="871" y="364"/>
                    </a:lnTo>
                    <a:lnTo>
                      <a:pt x="878" y="359"/>
                    </a:lnTo>
                    <a:lnTo>
                      <a:pt x="885" y="353"/>
                    </a:lnTo>
                    <a:lnTo>
                      <a:pt x="890" y="347"/>
                    </a:lnTo>
                    <a:lnTo>
                      <a:pt x="894" y="340"/>
                    </a:lnTo>
                    <a:lnTo>
                      <a:pt x="897" y="331"/>
                    </a:lnTo>
                    <a:lnTo>
                      <a:pt x="898" y="321"/>
                    </a:lnTo>
                    <a:lnTo>
                      <a:pt x="898" y="309"/>
                    </a:lnTo>
                    <a:lnTo>
                      <a:pt x="895" y="306"/>
                    </a:lnTo>
                    <a:lnTo>
                      <a:pt x="891" y="305"/>
                    </a:lnTo>
                    <a:lnTo>
                      <a:pt x="887" y="303"/>
                    </a:lnTo>
                    <a:lnTo>
                      <a:pt x="882" y="302"/>
                    </a:lnTo>
                    <a:lnTo>
                      <a:pt x="873" y="300"/>
                    </a:lnTo>
                    <a:lnTo>
                      <a:pt x="862" y="299"/>
                    </a:lnTo>
                    <a:lnTo>
                      <a:pt x="853" y="297"/>
                    </a:lnTo>
                    <a:lnTo>
                      <a:pt x="845" y="293"/>
                    </a:lnTo>
                    <a:lnTo>
                      <a:pt x="840" y="291"/>
                    </a:lnTo>
                    <a:lnTo>
                      <a:pt x="837" y="288"/>
                    </a:lnTo>
                    <a:lnTo>
                      <a:pt x="835" y="285"/>
                    </a:lnTo>
                    <a:lnTo>
                      <a:pt x="833" y="281"/>
                    </a:lnTo>
                    <a:lnTo>
                      <a:pt x="832" y="269"/>
                    </a:lnTo>
                    <a:lnTo>
                      <a:pt x="832" y="259"/>
                    </a:lnTo>
                    <a:lnTo>
                      <a:pt x="833" y="250"/>
                    </a:lnTo>
                    <a:lnTo>
                      <a:pt x="836" y="242"/>
                    </a:lnTo>
                    <a:lnTo>
                      <a:pt x="838" y="233"/>
                    </a:lnTo>
                    <a:lnTo>
                      <a:pt x="840" y="226"/>
                    </a:lnTo>
                    <a:lnTo>
                      <a:pt x="842" y="217"/>
                    </a:lnTo>
                    <a:lnTo>
                      <a:pt x="842" y="206"/>
                    </a:lnTo>
                    <a:lnTo>
                      <a:pt x="821" y="204"/>
                    </a:lnTo>
                    <a:lnTo>
                      <a:pt x="802" y="200"/>
                    </a:lnTo>
                    <a:lnTo>
                      <a:pt x="785" y="193"/>
                    </a:lnTo>
                    <a:lnTo>
                      <a:pt x="768" y="187"/>
                    </a:lnTo>
                    <a:lnTo>
                      <a:pt x="765" y="197"/>
                    </a:lnTo>
                    <a:lnTo>
                      <a:pt x="761" y="205"/>
                    </a:lnTo>
                    <a:lnTo>
                      <a:pt x="758" y="213"/>
                    </a:lnTo>
                    <a:lnTo>
                      <a:pt x="754" y="221"/>
                    </a:lnTo>
                    <a:lnTo>
                      <a:pt x="749" y="227"/>
                    </a:lnTo>
                    <a:lnTo>
                      <a:pt x="743" y="233"/>
                    </a:lnTo>
                    <a:lnTo>
                      <a:pt x="737" y="239"/>
                    </a:lnTo>
                    <a:lnTo>
                      <a:pt x="730" y="244"/>
                    </a:lnTo>
                    <a:lnTo>
                      <a:pt x="720" y="245"/>
                    </a:lnTo>
                    <a:lnTo>
                      <a:pt x="712" y="245"/>
                    </a:lnTo>
                    <a:lnTo>
                      <a:pt x="703" y="245"/>
                    </a:lnTo>
                    <a:lnTo>
                      <a:pt x="696" y="245"/>
                    </a:lnTo>
                    <a:lnTo>
                      <a:pt x="682" y="242"/>
                    </a:lnTo>
                    <a:lnTo>
                      <a:pt x="670" y="238"/>
                    </a:lnTo>
                    <a:lnTo>
                      <a:pt x="649" y="227"/>
                    </a:lnTo>
                    <a:lnTo>
                      <a:pt x="627" y="215"/>
                    </a:lnTo>
                    <a:lnTo>
                      <a:pt x="634" y="203"/>
                    </a:lnTo>
                    <a:lnTo>
                      <a:pt x="641" y="192"/>
                    </a:lnTo>
                    <a:lnTo>
                      <a:pt x="650" y="182"/>
                    </a:lnTo>
                    <a:lnTo>
                      <a:pt x="658" y="171"/>
                    </a:lnTo>
                    <a:lnTo>
                      <a:pt x="676" y="152"/>
                    </a:lnTo>
                    <a:lnTo>
                      <a:pt x="693" y="131"/>
                    </a:lnTo>
                    <a:lnTo>
                      <a:pt x="681" y="129"/>
                    </a:lnTo>
                    <a:lnTo>
                      <a:pt x="672" y="126"/>
                    </a:lnTo>
                    <a:lnTo>
                      <a:pt x="663" y="122"/>
                    </a:lnTo>
                    <a:lnTo>
                      <a:pt x="656" y="116"/>
                    </a:lnTo>
                    <a:lnTo>
                      <a:pt x="649" y="110"/>
                    </a:lnTo>
                    <a:lnTo>
                      <a:pt x="642" y="104"/>
                    </a:lnTo>
                    <a:lnTo>
                      <a:pt x="637" y="96"/>
                    </a:lnTo>
                    <a:lnTo>
                      <a:pt x="631" y="90"/>
                    </a:lnTo>
                    <a:lnTo>
                      <a:pt x="619" y="75"/>
                    </a:lnTo>
                    <a:lnTo>
                      <a:pt x="607" y="63"/>
                    </a:lnTo>
                    <a:lnTo>
                      <a:pt x="599" y="58"/>
                    </a:lnTo>
                    <a:lnTo>
                      <a:pt x="591" y="52"/>
                    </a:lnTo>
                    <a:lnTo>
                      <a:pt x="581" y="49"/>
                    </a:lnTo>
                    <a:lnTo>
                      <a:pt x="571" y="47"/>
                    </a:lnTo>
                    <a:lnTo>
                      <a:pt x="564" y="54"/>
                    </a:lnTo>
                    <a:lnTo>
                      <a:pt x="558" y="61"/>
                    </a:lnTo>
                    <a:lnTo>
                      <a:pt x="551" y="66"/>
                    </a:lnTo>
                    <a:lnTo>
                      <a:pt x="543" y="71"/>
                    </a:lnTo>
                    <a:lnTo>
                      <a:pt x="528" y="81"/>
                    </a:lnTo>
                    <a:lnTo>
                      <a:pt x="511" y="90"/>
                    </a:lnTo>
                    <a:lnTo>
                      <a:pt x="503" y="95"/>
                    </a:lnTo>
                    <a:lnTo>
                      <a:pt x="496" y="101"/>
                    </a:lnTo>
                    <a:lnTo>
                      <a:pt x="489" y="107"/>
                    </a:lnTo>
                    <a:lnTo>
                      <a:pt x="483" y="113"/>
                    </a:lnTo>
                    <a:lnTo>
                      <a:pt x="477" y="121"/>
                    </a:lnTo>
                    <a:lnTo>
                      <a:pt x="473" y="129"/>
                    </a:lnTo>
                    <a:lnTo>
                      <a:pt x="470" y="139"/>
                    </a:lnTo>
                    <a:lnTo>
                      <a:pt x="468" y="150"/>
                    </a:lnTo>
                    <a:lnTo>
                      <a:pt x="462" y="146"/>
                    </a:lnTo>
                    <a:lnTo>
                      <a:pt x="456" y="143"/>
                    </a:lnTo>
                    <a:lnTo>
                      <a:pt x="448" y="142"/>
                    </a:lnTo>
                    <a:lnTo>
                      <a:pt x="440" y="141"/>
                    </a:lnTo>
                    <a:lnTo>
                      <a:pt x="432" y="140"/>
                    </a:lnTo>
                    <a:lnTo>
                      <a:pt x="423" y="138"/>
                    </a:lnTo>
                    <a:lnTo>
                      <a:pt x="417" y="135"/>
                    </a:lnTo>
                    <a:lnTo>
                      <a:pt x="412" y="131"/>
                    </a:lnTo>
                    <a:lnTo>
                      <a:pt x="416" y="125"/>
                    </a:lnTo>
                    <a:lnTo>
                      <a:pt x="419" y="118"/>
                    </a:lnTo>
                    <a:lnTo>
                      <a:pt x="421" y="108"/>
                    </a:lnTo>
                    <a:lnTo>
                      <a:pt x="421" y="99"/>
                    </a:lnTo>
                    <a:lnTo>
                      <a:pt x="421" y="88"/>
                    </a:lnTo>
                    <a:lnTo>
                      <a:pt x="419" y="80"/>
                    </a:lnTo>
                    <a:lnTo>
                      <a:pt x="416" y="71"/>
                    </a:lnTo>
                    <a:lnTo>
                      <a:pt x="412" y="66"/>
                    </a:lnTo>
                    <a:lnTo>
                      <a:pt x="383" y="66"/>
                    </a:lnTo>
                    <a:lnTo>
                      <a:pt x="358" y="65"/>
                    </a:lnTo>
                    <a:lnTo>
                      <a:pt x="333" y="62"/>
                    </a:lnTo>
                    <a:lnTo>
                      <a:pt x="310" y="58"/>
                    </a:lnTo>
                    <a:lnTo>
                      <a:pt x="288" y="52"/>
                    </a:lnTo>
                    <a:lnTo>
                      <a:pt x="265" y="47"/>
                    </a:lnTo>
                    <a:lnTo>
                      <a:pt x="244" y="41"/>
                    </a:lnTo>
                    <a:lnTo>
                      <a:pt x="223" y="33"/>
                    </a:lnTo>
                    <a:lnTo>
                      <a:pt x="202" y="27"/>
                    </a:lnTo>
                    <a:lnTo>
                      <a:pt x="181" y="21"/>
                    </a:lnTo>
                    <a:lnTo>
                      <a:pt x="160" y="14"/>
                    </a:lnTo>
                    <a:lnTo>
                      <a:pt x="138" y="9"/>
                    </a:lnTo>
                    <a:lnTo>
                      <a:pt x="115" y="5"/>
                    </a:lnTo>
                    <a:lnTo>
                      <a:pt x="91" y="2"/>
                    </a:lnTo>
                    <a:lnTo>
                      <a:pt x="64" y="1"/>
                    </a:lnTo>
                    <a:lnTo>
                      <a:pt x="37" y="0"/>
                    </a:lnTo>
                    <a:lnTo>
                      <a:pt x="38" y="17"/>
                    </a:lnTo>
                    <a:lnTo>
                      <a:pt x="39" y="36"/>
                    </a:lnTo>
                    <a:lnTo>
                      <a:pt x="40" y="55"/>
                    </a:lnTo>
                    <a:lnTo>
                      <a:pt x="42" y="74"/>
                    </a:lnTo>
                    <a:lnTo>
                      <a:pt x="48" y="115"/>
                    </a:lnTo>
                    <a:lnTo>
                      <a:pt x="55" y="155"/>
                    </a:lnTo>
                    <a:lnTo>
                      <a:pt x="61" y="194"/>
                    </a:lnTo>
                    <a:lnTo>
                      <a:pt x="67" y="231"/>
                    </a:lnTo>
                    <a:lnTo>
                      <a:pt x="72" y="263"/>
                    </a:lnTo>
                    <a:lnTo>
                      <a:pt x="75" y="290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91" name="Tønder kant"/>
              <p:cNvSpPr>
                <a:spLocks/>
              </p:cNvSpPr>
              <p:nvPr/>
            </p:nvSpPr>
            <p:spPr bwMode="auto">
              <a:xfrm>
                <a:off x="930275" y="5559425"/>
                <a:ext cx="476250" cy="509588"/>
              </a:xfrm>
              <a:custGeom>
                <a:avLst/>
                <a:gdLst>
                  <a:gd name="T0" fmla="*/ 11 w 898"/>
                  <a:gd name="T1" fmla="*/ 119 h 964"/>
                  <a:gd name="T2" fmla="*/ 4 w 898"/>
                  <a:gd name="T3" fmla="*/ 150 h 964"/>
                  <a:gd name="T4" fmla="*/ 3 w 898"/>
                  <a:gd name="T5" fmla="*/ 196 h 964"/>
                  <a:gd name="T6" fmla="*/ 7 w 898"/>
                  <a:gd name="T7" fmla="*/ 258 h 964"/>
                  <a:gd name="T8" fmla="*/ 3 w 898"/>
                  <a:gd name="T9" fmla="*/ 292 h 964"/>
                  <a:gd name="T10" fmla="*/ 26 w 898"/>
                  <a:gd name="T11" fmla="*/ 315 h 964"/>
                  <a:gd name="T12" fmla="*/ 53 w 898"/>
                  <a:gd name="T13" fmla="*/ 320 h 964"/>
                  <a:gd name="T14" fmla="*/ 77 w 898"/>
                  <a:gd name="T15" fmla="*/ 314 h 964"/>
                  <a:gd name="T16" fmla="*/ 95 w 898"/>
                  <a:gd name="T17" fmla="*/ 312 h 964"/>
                  <a:gd name="T18" fmla="*/ 141 w 898"/>
                  <a:gd name="T19" fmla="*/ 313 h 964"/>
                  <a:gd name="T20" fmla="*/ 173 w 898"/>
                  <a:gd name="T21" fmla="*/ 316 h 964"/>
                  <a:gd name="T22" fmla="*/ 184 w 898"/>
                  <a:gd name="T23" fmla="*/ 317 h 964"/>
                  <a:gd name="T24" fmla="*/ 187 w 898"/>
                  <a:gd name="T25" fmla="*/ 303 h 964"/>
                  <a:gd name="T26" fmla="*/ 184 w 898"/>
                  <a:gd name="T27" fmla="*/ 299 h 964"/>
                  <a:gd name="T28" fmla="*/ 178 w 898"/>
                  <a:gd name="T29" fmla="*/ 293 h 964"/>
                  <a:gd name="T30" fmla="*/ 178 w 898"/>
                  <a:gd name="T31" fmla="*/ 278 h 964"/>
                  <a:gd name="T32" fmla="*/ 185 w 898"/>
                  <a:gd name="T33" fmla="*/ 273 h 964"/>
                  <a:gd name="T34" fmla="*/ 186 w 898"/>
                  <a:gd name="T35" fmla="*/ 261 h 964"/>
                  <a:gd name="T36" fmla="*/ 198 w 898"/>
                  <a:gd name="T37" fmla="*/ 250 h 964"/>
                  <a:gd name="T38" fmla="*/ 214 w 898"/>
                  <a:gd name="T39" fmla="*/ 247 h 964"/>
                  <a:gd name="T40" fmla="*/ 217 w 898"/>
                  <a:gd name="T41" fmla="*/ 234 h 964"/>
                  <a:gd name="T42" fmla="*/ 211 w 898"/>
                  <a:gd name="T43" fmla="*/ 202 h 964"/>
                  <a:gd name="T44" fmla="*/ 224 w 898"/>
                  <a:gd name="T45" fmla="*/ 183 h 964"/>
                  <a:gd name="T46" fmla="*/ 242 w 898"/>
                  <a:gd name="T47" fmla="*/ 166 h 964"/>
                  <a:gd name="T48" fmla="*/ 243 w 898"/>
                  <a:gd name="T49" fmla="*/ 154 h 964"/>
                  <a:gd name="T50" fmla="*/ 230 w 898"/>
                  <a:gd name="T51" fmla="*/ 146 h 964"/>
                  <a:gd name="T52" fmla="*/ 246 w 898"/>
                  <a:gd name="T53" fmla="*/ 134 h 964"/>
                  <a:gd name="T54" fmla="*/ 261 w 898"/>
                  <a:gd name="T55" fmla="*/ 134 h 964"/>
                  <a:gd name="T56" fmla="*/ 275 w 898"/>
                  <a:gd name="T57" fmla="*/ 132 h 964"/>
                  <a:gd name="T58" fmla="*/ 291 w 898"/>
                  <a:gd name="T59" fmla="*/ 121 h 964"/>
                  <a:gd name="T60" fmla="*/ 300 w 898"/>
                  <a:gd name="T61" fmla="*/ 110 h 964"/>
                  <a:gd name="T62" fmla="*/ 296 w 898"/>
                  <a:gd name="T63" fmla="*/ 101 h 964"/>
                  <a:gd name="T64" fmla="*/ 282 w 898"/>
                  <a:gd name="T65" fmla="*/ 98 h 964"/>
                  <a:gd name="T66" fmla="*/ 278 w 898"/>
                  <a:gd name="T67" fmla="*/ 90 h 964"/>
                  <a:gd name="T68" fmla="*/ 281 w 898"/>
                  <a:gd name="T69" fmla="*/ 75 h 964"/>
                  <a:gd name="T70" fmla="*/ 262 w 898"/>
                  <a:gd name="T71" fmla="*/ 64 h 964"/>
                  <a:gd name="T72" fmla="*/ 252 w 898"/>
                  <a:gd name="T73" fmla="*/ 74 h 964"/>
                  <a:gd name="T74" fmla="*/ 241 w 898"/>
                  <a:gd name="T75" fmla="*/ 82 h 964"/>
                  <a:gd name="T76" fmla="*/ 224 w 898"/>
                  <a:gd name="T77" fmla="*/ 79 h 964"/>
                  <a:gd name="T78" fmla="*/ 217 w 898"/>
                  <a:gd name="T79" fmla="*/ 61 h 964"/>
                  <a:gd name="T80" fmla="*/ 224 w 898"/>
                  <a:gd name="T81" fmla="*/ 42 h 964"/>
                  <a:gd name="T82" fmla="*/ 213 w 898"/>
                  <a:gd name="T83" fmla="*/ 32 h 964"/>
                  <a:gd name="T84" fmla="*/ 197 w 898"/>
                  <a:gd name="T85" fmla="*/ 17 h 964"/>
                  <a:gd name="T86" fmla="*/ 184 w 898"/>
                  <a:gd name="T87" fmla="*/ 22 h 964"/>
                  <a:gd name="T88" fmla="*/ 166 w 898"/>
                  <a:gd name="T89" fmla="*/ 34 h 964"/>
                  <a:gd name="T90" fmla="*/ 157 w 898"/>
                  <a:gd name="T91" fmla="*/ 46 h 964"/>
                  <a:gd name="T92" fmla="*/ 147 w 898"/>
                  <a:gd name="T93" fmla="*/ 47 h 964"/>
                  <a:gd name="T94" fmla="*/ 139 w 898"/>
                  <a:gd name="T95" fmla="*/ 42 h 964"/>
                  <a:gd name="T96" fmla="*/ 140 w 898"/>
                  <a:gd name="T97" fmla="*/ 27 h 964"/>
                  <a:gd name="T98" fmla="*/ 111 w 898"/>
                  <a:gd name="T99" fmla="*/ 21 h 964"/>
                  <a:gd name="T100" fmla="*/ 74 w 898"/>
                  <a:gd name="T101" fmla="*/ 11 h 964"/>
                  <a:gd name="T102" fmla="*/ 38 w 898"/>
                  <a:gd name="T103" fmla="*/ 2 h 964"/>
                  <a:gd name="T104" fmla="*/ 13 w 898"/>
                  <a:gd name="T105" fmla="*/ 12 h 964"/>
                  <a:gd name="T106" fmla="*/ 20 w 898"/>
                  <a:gd name="T107" fmla="*/ 65 h 964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0" t="0" r="r" b="b"/>
                <a:pathLst>
                  <a:path w="898" h="964">
                    <a:moveTo>
                      <a:pt x="75" y="290"/>
                    </a:moveTo>
                    <a:lnTo>
                      <a:pt x="62" y="306"/>
                    </a:lnTo>
                    <a:lnTo>
                      <a:pt x="52" y="323"/>
                    </a:lnTo>
                    <a:lnTo>
                      <a:pt x="42" y="340"/>
                    </a:lnTo>
                    <a:lnTo>
                      <a:pt x="34" y="358"/>
                    </a:lnTo>
                    <a:lnTo>
                      <a:pt x="26" y="376"/>
                    </a:lnTo>
                    <a:lnTo>
                      <a:pt x="21" y="393"/>
                    </a:lnTo>
                    <a:lnTo>
                      <a:pt x="17" y="411"/>
                    </a:lnTo>
                    <a:lnTo>
                      <a:pt x="13" y="430"/>
                    </a:lnTo>
                    <a:lnTo>
                      <a:pt x="11" y="449"/>
                    </a:lnTo>
                    <a:lnTo>
                      <a:pt x="8" y="468"/>
                    </a:lnTo>
                    <a:lnTo>
                      <a:pt x="7" y="488"/>
                    </a:lnTo>
                    <a:lnTo>
                      <a:pt x="6" y="507"/>
                    </a:lnTo>
                    <a:lnTo>
                      <a:pt x="7" y="547"/>
                    </a:lnTo>
                    <a:lnTo>
                      <a:pt x="10" y="588"/>
                    </a:lnTo>
                    <a:lnTo>
                      <a:pt x="13" y="629"/>
                    </a:lnTo>
                    <a:lnTo>
                      <a:pt x="16" y="670"/>
                    </a:lnTo>
                    <a:lnTo>
                      <a:pt x="18" y="712"/>
                    </a:lnTo>
                    <a:lnTo>
                      <a:pt x="20" y="754"/>
                    </a:lnTo>
                    <a:lnTo>
                      <a:pt x="20" y="775"/>
                    </a:lnTo>
                    <a:lnTo>
                      <a:pt x="19" y="796"/>
                    </a:lnTo>
                    <a:lnTo>
                      <a:pt x="18" y="816"/>
                    </a:lnTo>
                    <a:lnTo>
                      <a:pt x="16" y="837"/>
                    </a:lnTo>
                    <a:lnTo>
                      <a:pt x="14" y="857"/>
                    </a:lnTo>
                    <a:lnTo>
                      <a:pt x="10" y="878"/>
                    </a:lnTo>
                    <a:lnTo>
                      <a:pt x="5" y="898"/>
                    </a:lnTo>
                    <a:lnTo>
                      <a:pt x="0" y="918"/>
                    </a:lnTo>
                    <a:lnTo>
                      <a:pt x="31" y="929"/>
                    </a:lnTo>
                    <a:lnTo>
                      <a:pt x="62" y="941"/>
                    </a:lnTo>
                    <a:lnTo>
                      <a:pt x="79" y="946"/>
                    </a:lnTo>
                    <a:lnTo>
                      <a:pt x="95" y="952"/>
                    </a:lnTo>
                    <a:lnTo>
                      <a:pt x="111" y="955"/>
                    </a:lnTo>
                    <a:lnTo>
                      <a:pt x="127" y="958"/>
                    </a:lnTo>
                    <a:lnTo>
                      <a:pt x="143" y="960"/>
                    </a:lnTo>
                    <a:lnTo>
                      <a:pt x="159" y="961"/>
                    </a:lnTo>
                    <a:lnTo>
                      <a:pt x="175" y="960"/>
                    </a:lnTo>
                    <a:lnTo>
                      <a:pt x="191" y="958"/>
                    </a:lnTo>
                    <a:lnTo>
                      <a:pt x="206" y="954"/>
                    </a:lnTo>
                    <a:lnTo>
                      <a:pt x="222" y="946"/>
                    </a:lnTo>
                    <a:lnTo>
                      <a:pt x="230" y="943"/>
                    </a:lnTo>
                    <a:lnTo>
                      <a:pt x="237" y="938"/>
                    </a:lnTo>
                    <a:lnTo>
                      <a:pt x="245" y="933"/>
                    </a:lnTo>
                    <a:lnTo>
                      <a:pt x="253" y="927"/>
                    </a:lnTo>
                    <a:lnTo>
                      <a:pt x="269" y="933"/>
                    </a:lnTo>
                    <a:lnTo>
                      <a:pt x="285" y="936"/>
                    </a:lnTo>
                    <a:lnTo>
                      <a:pt x="304" y="938"/>
                    </a:lnTo>
                    <a:lnTo>
                      <a:pt x="322" y="940"/>
                    </a:lnTo>
                    <a:lnTo>
                      <a:pt x="362" y="940"/>
                    </a:lnTo>
                    <a:lnTo>
                      <a:pt x="402" y="940"/>
                    </a:lnTo>
                    <a:lnTo>
                      <a:pt x="423" y="940"/>
                    </a:lnTo>
                    <a:lnTo>
                      <a:pt x="443" y="940"/>
                    </a:lnTo>
                    <a:lnTo>
                      <a:pt x="463" y="941"/>
                    </a:lnTo>
                    <a:lnTo>
                      <a:pt x="482" y="943"/>
                    </a:lnTo>
                    <a:lnTo>
                      <a:pt x="501" y="946"/>
                    </a:lnTo>
                    <a:lnTo>
                      <a:pt x="519" y="950"/>
                    </a:lnTo>
                    <a:lnTo>
                      <a:pt x="528" y="954"/>
                    </a:lnTo>
                    <a:lnTo>
                      <a:pt x="536" y="957"/>
                    </a:lnTo>
                    <a:lnTo>
                      <a:pt x="544" y="960"/>
                    </a:lnTo>
                    <a:lnTo>
                      <a:pt x="552" y="964"/>
                    </a:lnTo>
                    <a:lnTo>
                      <a:pt x="551" y="953"/>
                    </a:lnTo>
                    <a:lnTo>
                      <a:pt x="551" y="942"/>
                    </a:lnTo>
                    <a:lnTo>
                      <a:pt x="552" y="933"/>
                    </a:lnTo>
                    <a:lnTo>
                      <a:pt x="555" y="925"/>
                    </a:lnTo>
                    <a:lnTo>
                      <a:pt x="558" y="918"/>
                    </a:lnTo>
                    <a:lnTo>
                      <a:pt x="561" y="911"/>
                    </a:lnTo>
                    <a:lnTo>
                      <a:pt x="567" y="905"/>
                    </a:lnTo>
                    <a:lnTo>
                      <a:pt x="571" y="899"/>
                    </a:lnTo>
                    <a:lnTo>
                      <a:pt x="563" y="900"/>
                    </a:lnTo>
                    <a:lnTo>
                      <a:pt x="556" y="900"/>
                    </a:lnTo>
                    <a:lnTo>
                      <a:pt x="551" y="898"/>
                    </a:lnTo>
                    <a:lnTo>
                      <a:pt x="546" y="896"/>
                    </a:lnTo>
                    <a:lnTo>
                      <a:pt x="541" y="894"/>
                    </a:lnTo>
                    <a:lnTo>
                      <a:pt x="538" y="889"/>
                    </a:lnTo>
                    <a:lnTo>
                      <a:pt x="535" y="885"/>
                    </a:lnTo>
                    <a:lnTo>
                      <a:pt x="533" y="881"/>
                    </a:lnTo>
                    <a:lnTo>
                      <a:pt x="530" y="870"/>
                    </a:lnTo>
                    <a:lnTo>
                      <a:pt x="528" y="858"/>
                    </a:lnTo>
                    <a:lnTo>
                      <a:pt x="525" y="845"/>
                    </a:lnTo>
                    <a:lnTo>
                      <a:pt x="524" y="834"/>
                    </a:lnTo>
                    <a:lnTo>
                      <a:pt x="533" y="834"/>
                    </a:lnTo>
                    <a:lnTo>
                      <a:pt x="540" y="831"/>
                    </a:lnTo>
                    <a:lnTo>
                      <a:pt x="547" y="830"/>
                    </a:lnTo>
                    <a:lnTo>
                      <a:pt x="551" y="827"/>
                    </a:lnTo>
                    <a:lnTo>
                      <a:pt x="554" y="824"/>
                    </a:lnTo>
                    <a:lnTo>
                      <a:pt x="555" y="821"/>
                    </a:lnTo>
                    <a:lnTo>
                      <a:pt x="556" y="817"/>
                    </a:lnTo>
                    <a:lnTo>
                      <a:pt x="557" y="811"/>
                    </a:lnTo>
                    <a:lnTo>
                      <a:pt x="556" y="802"/>
                    </a:lnTo>
                    <a:lnTo>
                      <a:pt x="556" y="790"/>
                    </a:lnTo>
                    <a:lnTo>
                      <a:pt x="556" y="785"/>
                    </a:lnTo>
                    <a:lnTo>
                      <a:pt x="557" y="779"/>
                    </a:lnTo>
                    <a:lnTo>
                      <a:pt x="558" y="774"/>
                    </a:lnTo>
                    <a:lnTo>
                      <a:pt x="561" y="768"/>
                    </a:lnTo>
                    <a:lnTo>
                      <a:pt x="577" y="760"/>
                    </a:lnTo>
                    <a:lnTo>
                      <a:pt x="593" y="752"/>
                    </a:lnTo>
                    <a:lnTo>
                      <a:pt x="602" y="750"/>
                    </a:lnTo>
                    <a:lnTo>
                      <a:pt x="612" y="748"/>
                    </a:lnTo>
                    <a:lnTo>
                      <a:pt x="623" y="748"/>
                    </a:lnTo>
                    <a:lnTo>
                      <a:pt x="636" y="749"/>
                    </a:lnTo>
                    <a:lnTo>
                      <a:pt x="641" y="741"/>
                    </a:lnTo>
                    <a:lnTo>
                      <a:pt x="644" y="734"/>
                    </a:lnTo>
                    <a:lnTo>
                      <a:pt x="647" y="725"/>
                    </a:lnTo>
                    <a:lnTo>
                      <a:pt x="649" y="718"/>
                    </a:lnTo>
                    <a:lnTo>
                      <a:pt x="649" y="709"/>
                    </a:lnTo>
                    <a:lnTo>
                      <a:pt x="649" y="702"/>
                    </a:lnTo>
                    <a:lnTo>
                      <a:pt x="648" y="695"/>
                    </a:lnTo>
                    <a:lnTo>
                      <a:pt x="647" y="686"/>
                    </a:lnTo>
                    <a:lnTo>
                      <a:pt x="637" y="654"/>
                    </a:lnTo>
                    <a:lnTo>
                      <a:pt x="627" y="618"/>
                    </a:lnTo>
                    <a:lnTo>
                      <a:pt x="631" y="607"/>
                    </a:lnTo>
                    <a:lnTo>
                      <a:pt x="635" y="598"/>
                    </a:lnTo>
                    <a:lnTo>
                      <a:pt x="640" y="588"/>
                    </a:lnTo>
                    <a:lnTo>
                      <a:pt x="646" y="580"/>
                    </a:lnTo>
                    <a:lnTo>
                      <a:pt x="657" y="565"/>
                    </a:lnTo>
                    <a:lnTo>
                      <a:pt x="672" y="551"/>
                    </a:lnTo>
                    <a:lnTo>
                      <a:pt x="686" y="538"/>
                    </a:lnTo>
                    <a:lnTo>
                      <a:pt x="701" y="524"/>
                    </a:lnTo>
                    <a:lnTo>
                      <a:pt x="709" y="516"/>
                    </a:lnTo>
                    <a:lnTo>
                      <a:pt x="716" y="507"/>
                    </a:lnTo>
                    <a:lnTo>
                      <a:pt x="723" y="498"/>
                    </a:lnTo>
                    <a:lnTo>
                      <a:pt x="730" y="487"/>
                    </a:lnTo>
                    <a:lnTo>
                      <a:pt x="731" y="479"/>
                    </a:lnTo>
                    <a:lnTo>
                      <a:pt x="730" y="472"/>
                    </a:lnTo>
                    <a:lnTo>
                      <a:pt x="728" y="466"/>
                    </a:lnTo>
                    <a:lnTo>
                      <a:pt x="726" y="461"/>
                    </a:lnTo>
                    <a:lnTo>
                      <a:pt x="722" y="457"/>
                    </a:lnTo>
                    <a:lnTo>
                      <a:pt x="718" y="452"/>
                    </a:lnTo>
                    <a:lnTo>
                      <a:pt x="714" y="449"/>
                    </a:lnTo>
                    <a:lnTo>
                      <a:pt x="709" y="447"/>
                    </a:lnTo>
                    <a:lnTo>
                      <a:pt x="687" y="439"/>
                    </a:lnTo>
                    <a:lnTo>
                      <a:pt x="664" y="430"/>
                    </a:lnTo>
                    <a:lnTo>
                      <a:pt x="683" y="423"/>
                    </a:lnTo>
                    <a:lnTo>
                      <a:pt x="702" y="414"/>
                    </a:lnTo>
                    <a:lnTo>
                      <a:pt x="719" y="407"/>
                    </a:lnTo>
                    <a:lnTo>
                      <a:pt x="736" y="402"/>
                    </a:lnTo>
                    <a:lnTo>
                      <a:pt x="746" y="400"/>
                    </a:lnTo>
                    <a:lnTo>
                      <a:pt x="754" y="399"/>
                    </a:lnTo>
                    <a:lnTo>
                      <a:pt x="763" y="399"/>
                    </a:lnTo>
                    <a:lnTo>
                      <a:pt x="773" y="399"/>
                    </a:lnTo>
                    <a:lnTo>
                      <a:pt x="782" y="401"/>
                    </a:lnTo>
                    <a:lnTo>
                      <a:pt x="793" y="403"/>
                    </a:lnTo>
                    <a:lnTo>
                      <a:pt x="803" y="407"/>
                    </a:lnTo>
                    <a:lnTo>
                      <a:pt x="814" y="412"/>
                    </a:lnTo>
                    <a:lnTo>
                      <a:pt x="818" y="404"/>
                    </a:lnTo>
                    <a:lnTo>
                      <a:pt x="822" y="397"/>
                    </a:lnTo>
                    <a:lnTo>
                      <a:pt x="828" y="390"/>
                    </a:lnTo>
                    <a:lnTo>
                      <a:pt x="834" y="385"/>
                    </a:lnTo>
                    <a:lnTo>
                      <a:pt x="849" y="377"/>
                    </a:lnTo>
                    <a:lnTo>
                      <a:pt x="864" y="368"/>
                    </a:lnTo>
                    <a:lnTo>
                      <a:pt x="871" y="364"/>
                    </a:lnTo>
                    <a:lnTo>
                      <a:pt x="878" y="359"/>
                    </a:lnTo>
                    <a:lnTo>
                      <a:pt x="885" y="353"/>
                    </a:lnTo>
                    <a:lnTo>
                      <a:pt x="890" y="347"/>
                    </a:lnTo>
                    <a:lnTo>
                      <a:pt x="894" y="340"/>
                    </a:lnTo>
                    <a:lnTo>
                      <a:pt x="897" y="331"/>
                    </a:lnTo>
                    <a:lnTo>
                      <a:pt x="898" y="321"/>
                    </a:lnTo>
                    <a:lnTo>
                      <a:pt x="898" y="309"/>
                    </a:lnTo>
                    <a:lnTo>
                      <a:pt x="895" y="306"/>
                    </a:lnTo>
                    <a:lnTo>
                      <a:pt x="891" y="305"/>
                    </a:lnTo>
                    <a:lnTo>
                      <a:pt x="887" y="303"/>
                    </a:lnTo>
                    <a:lnTo>
                      <a:pt x="882" y="302"/>
                    </a:lnTo>
                    <a:lnTo>
                      <a:pt x="873" y="300"/>
                    </a:lnTo>
                    <a:lnTo>
                      <a:pt x="862" y="299"/>
                    </a:lnTo>
                    <a:lnTo>
                      <a:pt x="853" y="297"/>
                    </a:lnTo>
                    <a:lnTo>
                      <a:pt x="845" y="293"/>
                    </a:lnTo>
                    <a:lnTo>
                      <a:pt x="840" y="291"/>
                    </a:lnTo>
                    <a:lnTo>
                      <a:pt x="837" y="288"/>
                    </a:lnTo>
                    <a:lnTo>
                      <a:pt x="835" y="285"/>
                    </a:lnTo>
                    <a:lnTo>
                      <a:pt x="833" y="281"/>
                    </a:lnTo>
                    <a:lnTo>
                      <a:pt x="832" y="269"/>
                    </a:lnTo>
                    <a:lnTo>
                      <a:pt x="832" y="259"/>
                    </a:lnTo>
                    <a:lnTo>
                      <a:pt x="833" y="250"/>
                    </a:lnTo>
                    <a:lnTo>
                      <a:pt x="836" y="242"/>
                    </a:lnTo>
                    <a:lnTo>
                      <a:pt x="838" y="233"/>
                    </a:lnTo>
                    <a:lnTo>
                      <a:pt x="840" y="226"/>
                    </a:lnTo>
                    <a:lnTo>
                      <a:pt x="842" y="217"/>
                    </a:lnTo>
                    <a:lnTo>
                      <a:pt x="842" y="206"/>
                    </a:lnTo>
                    <a:lnTo>
                      <a:pt x="821" y="204"/>
                    </a:lnTo>
                    <a:lnTo>
                      <a:pt x="802" y="200"/>
                    </a:lnTo>
                    <a:lnTo>
                      <a:pt x="785" y="193"/>
                    </a:lnTo>
                    <a:lnTo>
                      <a:pt x="768" y="187"/>
                    </a:lnTo>
                    <a:lnTo>
                      <a:pt x="765" y="197"/>
                    </a:lnTo>
                    <a:lnTo>
                      <a:pt x="761" y="205"/>
                    </a:lnTo>
                    <a:lnTo>
                      <a:pt x="758" y="213"/>
                    </a:lnTo>
                    <a:lnTo>
                      <a:pt x="754" y="221"/>
                    </a:lnTo>
                    <a:lnTo>
                      <a:pt x="749" y="227"/>
                    </a:lnTo>
                    <a:lnTo>
                      <a:pt x="743" y="233"/>
                    </a:lnTo>
                    <a:lnTo>
                      <a:pt x="737" y="239"/>
                    </a:lnTo>
                    <a:lnTo>
                      <a:pt x="730" y="244"/>
                    </a:lnTo>
                    <a:lnTo>
                      <a:pt x="720" y="245"/>
                    </a:lnTo>
                    <a:lnTo>
                      <a:pt x="712" y="245"/>
                    </a:lnTo>
                    <a:lnTo>
                      <a:pt x="703" y="245"/>
                    </a:lnTo>
                    <a:lnTo>
                      <a:pt x="696" y="245"/>
                    </a:lnTo>
                    <a:lnTo>
                      <a:pt x="682" y="242"/>
                    </a:lnTo>
                    <a:lnTo>
                      <a:pt x="670" y="238"/>
                    </a:lnTo>
                    <a:lnTo>
                      <a:pt x="649" y="227"/>
                    </a:lnTo>
                    <a:lnTo>
                      <a:pt x="627" y="215"/>
                    </a:lnTo>
                    <a:lnTo>
                      <a:pt x="634" y="203"/>
                    </a:lnTo>
                    <a:lnTo>
                      <a:pt x="641" y="192"/>
                    </a:lnTo>
                    <a:lnTo>
                      <a:pt x="650" y="182"/>
                    </a:lnTo>
                    <a:lnTo>
                      <a:pt x="658" y="171"/>
                    </a:lnTo>
                    <a:lnTo>
                      <a:pt x="676" y="152"/>
                    </a:lnTo>
                    <a:lnTo>
                      <a:pt x="693" y="131"/>
                    </a:lnTo>
                    <a:lnTo>
                      <a:pt x="681" y="129"/>
                    </a:lnTo>
                    <a:lnTo>
                      <a:pt x="672" y="126"/>
                    </a:lnTo>
                    <a:lnTo>
                      <a:pt x="663" y="122"/>
                    </a:lnTo>
                    <a:lnTo>
                      <a:pt x="656" y="116"/>
                    </a:lnTo>
                    <a:lnTo>
                      <a:pt x="649" y="110"/>
                    </a:lnTo>
                    <a:lnTo>
                      <a:pt x="642" y="104"/>
                    </a:lnTo>
                    <a:lnTo>
                      <a:pt x="637" y="96"/>
                    </a:lnTo>
                    <a:lnTo>
                      <a:pt x="631" y="90"/>
                    </a:lnTo>
                    <a:lnTo>
                      <a:pt x="619" y="75"/>
                    </a:lnTo>
                    <a:lnTo>
                      <a:pt x="607" y="63"/>
                    </a:lnTo>
                    <a:lnTo>
                      <a:pt x="599" y="58"/>
                    </a:lnTo>
                    <a:lnTo>
                      <a:pt x="591" y="52"/>
                    </a:lnTo>
                    <a:lnTo>
                      <a:pt x="581" y="49"/>
                    </a:lnTo>
                    <a:lnTo>
                      <a:pt x="571" y="47"/>
                    </a:lnTo>
                    <a:lnTo>
                      <a:pt x="564" y="54"/>
                    </a:lnTo>
                    <a:lnTo>
                      <a:pt x="558" y="61"/>
                    </a:lnTo>
                    <a:lnTo>
                      <a:pt x="551" y="66"/>
                    </a:lnTo>
                    <a:lnTo>
                      <a:pt x="543" y="71"/>
                    </a:lnTo>
                    <a:lnTo>
                      <a:pt x="528" y="81"/>
                    </a:lnTo>
                    <a:lnTo>
                      <a:pt x="511" y="90"/>
                    </a:lnTo>
                    <a:lnTo>
                      <a:pt x="503" y="95"/>
                    </a:lnTo>
                    <a:lnTo>
                      <a:pt x="496" y="101"/>
                    </a:lnTo>
                    <a:lnTo>
                      <a:pt x="489" y="107"/>
                    </a:lnTo>
                    <a:lnTo>
                      <a:pt x="483" y="113"/>
                    </a:lnTo>
                    <a:lnTo>
                      <a:pt x="477" y="121"/>
                    </a:lnTo>
                    <a:lnTo>
                      <a:pt x="473" y="129"/>
                    </a:lnTo>
                    <a:lnTo>
                      <a:pt x="470" y="139"/>
                    </a:lnTo>
                    <a:lnTo>
                      <a:pt x="468" y="150"/>
                    </a:lnTo>
                    <a:lnTo>
                      <a:pt x="462" y="146"/>
                    </a:lnTo>
                    <a:lnTo>
                      <a:pt x="456" y="143"/>
                    </a:lnTo>
                    <a:lnTo>
                      <a:pt x="448" y="142"/>
                    </a:lnTo>
                    <a:lnTo>
                      <a:pt x="440" y="141"/>
                    </a:lnTo>
                    <a:lnTo>
                      <a:pt x="432" y="140"/>
                    </a:lnTo>
                    <a:lnTo>
                      <a:pt x="423" y="138"/>
                    </a:lnTo>
                    <a:lnTo>
                      <a:pt x="417" y="135"/>
                    </a:lnTo>
                    <a:lnTo>
                      <a:pt x="412" y="131"/>
                    </a:lnTo>
                    <a:lnTo>
                      <a:pt x="416" y="125"/>
                    </a:lnTo>
                    <a:lnTo>
                      <a:pt x="419" y="118"/>
                    </a:lnTo>
                    <a:lnTo>
                      <a:pt x="421" y="108"/>
                    </a:lnTo>
                    <a:lnTo>
                      <a:pt x="421" y="99"/>
                    </a:lnTo>
                    <a:lnTo>
                      <a:pt x="421" y="88"/>
                    </a:lnTo>
                    <a:lnTo>
                      <a:pt x="419" y="80"/>
                    </a:lnTo>
                    <a:lnTo>
                      <a:pt x="416" y="71"/>
                    </a:lnTo>
                    <a:lnTo>
                      <a:pt x="412" y="66"/>
                    </a:lnTo>
                    <a:lnTo>
                      <a:pt x="383" y="66"/>
                    </a:lnTo>
                    <a:lnTo>
                      <a:pt x="358" y="65"/>
                    </a:lnTo>
                    <a:lnTo>
                      <a:pt x="333" y="62"/>
                    </a:lnTo>
                    <a:lnTo>
                      <a:pt x="310" y="58"/>
                    </a:lnTo>
                    <a:lnTo>
                      <a:pt x="288" y="52"/>
                    </a:lnTo>
                    <a:lnTo>
                      <a:pt x="265" y="47"/>
                    </a:lnTo>
                    <a:lnTo>
                      <a:pt x="244" y="41"/>
                    </a:lnTo>
                    <a:lnTo>
                      <a:pt x="223" y="33"/>
                    </a:lnTo>
                    <a:lnTo>
                      <a:pt x="202" y="27"/>
                    </a:lnTo>
                    <a:lnTo>
                      <a:pt x="181" y="21"/>
                    </a:lnTo>
                    <a:lnTo>
                      <a:pt x="160" y="14"/>
                    </a:lnTo>
                    <a:lnTo>
                      <a:pt x="138" y="9"/>
                    </a:lnTo>
                    <a:lnTo>
                      <a:pt x="115" y="5"/>
                    </a:lnTo>
                    <a:lnTo>
                      <a:pt x="91" y="2"/>
                    </a:lnTo>
                    <a:lnTo>
                      <a:pt x="64" y="1"/>
                    </a:lnTo>
                    <a:lnTo>
                      <a:pt x="37" y="0"/>
                    </a:lnTo>
                    <a:lnTo>
                      <a:pt x="38" y="17"/>
                    </a:lnTo>
                    <a:lnTo>
                      <a:pt x="39" y="36"/>
                    </a:lnTo>
                    <a:lnTo>
                      <a:pt x="40" y="55"/>
                    </a:lnTo>
                    <a:lnTo>
                      <a:pt x="42" y="74"/>
                    </a:lnTo>
                    <a:lnTo>
                      <a:pt x="48" y="115"/>
                    </a:lnTo>
                    <a:lnTo>
                      <a:pt x="55" y="155"/>
                    </a:lnTo>
                    <a:lnTo>
                      <a:pt x="61" y="194"/>
                    </a:lnTo>
                    <a:lnTo>
                      <a:pt x="67" y="231"/>
                    </a:lnTo>
                    <a:lnTo>
                      <a:pt x="72" y="263"/>
                    </a:lnTo>
                    <a:lnTo>
                      <a:pt x="75" y="29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050" name="Svendborg"/>
            <p:cNvGrpSpPr/>
            <p:nvPr/>
          </p:nvGrpSpPr>
          <p:grpSpPr>
            <a:xfrm>
              <a:off x="2368550" y="5589588"/>
              <a:ext cx="341313" cy="381000"/>
              <a:chOff x="2368550" y="5589588"/>
              <a:chExt cx="341313" cy="381000"/>
            </a:xfrm>
            <a:grpFill/>
          </p:grpSpPr>
          <p:sp>
            <p:nvSpPr>
              <p:cNvPr id="1084" name="Svendborg"/>
              <p:cNvSpPr>
                <a:spLocks/>
              </p:cNvSpPr>
              <p:nvPr/>
            </p:nvSpPr>
            <p:spPr bwMode="auto">
              <a:xfrm>
                <a:off x="2481263" y="5832475"/>
                <a:ext cx="109538" cy="138113"/>
              </a:xfrm>
              <a:custGeom>
                <a:avLst/>
                <a:gdLst>
                  <a:gd name="T0" fmla="*/ 55 w 206"/>
                  <a:gd name="T1" fmla="*/ 0 h 263"/>
                  <a:gd name="T2" fmla="*/ 57 w 206"/>
                  <a:gd name="T3" fmla="*/ 1 h 263"/>
                  <a:gd name="T4" fmla="*/ 59 w 206"/>
                  <a:gd name="T5" fmla="*/ 5 h 263"/>
                  <a:gd name="T6" fmla="*/ 59 w 206"/>
                  <a:gd name="T7" fmla="*/ 11 h 263"/>
                  <a:gd name="T8" fmla="*/ 61 w 206"/>
                  <a:gd name="T9" fmla="*/ 15 h 263"/>
                  <a:gd name="T10" fmla="*/ 64 w 206"/>
                  <a:gd name="T11" fmla="*/ 16 h 263"/>
                  <a:gd name="T12" fmla="*/ 65 w 206"/>
                  <a:gd name="T13" fmla="*/ 18 h 263"/>
                  <a:gd name="T14" fmla="*/ 63 w 206"/>
                  <a:gd name="T15" fmla="*/ 25 h 263"/>
                  <a:gd name="T16" fmla="*/ 58 w 206"/>
                  <a:gd name="T17" fmla="*/ 36 h 263"/>
                  <a:gd name="T18" fmla="*/ 54 w 206"/>
                  <a:gd name="T19" fmla="*/ 48 h 263"/>
                  <a:gd name="T20" fmla="*/ 54 w 206"/>
                  <a:gd name="T21" fmla="*/ 53 h 263"/>
                  <a:gd name="T22" fmla="*/ 55 w 206"/>
                  <a:gd name="T23" fmla="*/ 55 h 263"/>
                  <a:gd name="T24" fmla="*/ 56 w 206"/>
                  <a:gd name="T25" fmla="*/ 58 h 263"/>
                  <a:gd name="T26" fmla="*/ 58 w 206"/>
                  <a:gd name="T27" fmla="*/ 60 h 263"/>
                  <a:gd name="T28" fmla="*/ 62 w 206"/>
                  <a:gd name="T29" fmla="*/ 61 h 263"/>
                  <a:gd name="T30" fmla="*/ 66 w 206"/>
                  <a:gd name="T31" fmla="*/ 62 h 263"/>
                  <a:gd name="T32" fmla="*/ 67 w 206"/>
                  <a:gd name="T33" fmla="*/ 65 h 263"/>
                  <a:gd name="T34" fmla="*/ 63 w 206"/>
                  <a:gd name="T35" fmla="*/ 70 h 263"/>
                  <a:gd name="T36" fmla="*/ 58 w 206"/>
                  <a:gd name="T37" fmla="*/ 75 h 263"/>
                  <a:gd name="T38" fmla="*/ 55 w 206"/>
                  <a:gd name="T39" fmla="*/ 80 h 263"/>
                  <a:gd name="T40" fmla="*/ 51 w 206"/>
                  <a:gd name="T41" fmla="*/ 83 h 263"/>
                  <a:gd name="T42" fmla="*/ 47 w 206"/>
                  <a:gd name="T43" fmla="*/ 81 h 263"/>
                  <a:gd name="T44" fmla="*/ 41 w 206"/>
                  <a:gd name="T45" fmla="*/ 81 h 263"/>
                  <a:gd name="T46" fmla="*/ 32 w 206"/>
                  <a:gd name="T47" fmla="*/ 82 h 263"/>
                  <a:gd name="T48" fmla="*/ 25 w 206"/>
                  <a:gd name="T49" fmla="*/ 85 h 263"/>
                  <a:gd name="T50" fmla="*/ 18 w 206"/>
                  <a:gd name="T51" fmla="*/ 82 h 263"/>
                  <a:gd name="T52" fmla="*/ 13 w 206"/>
                  <a:gd name="T53" fmla="*/ 71 h 263"/>
                  <a:gd name="T54" fmla="*/ 8 w 206"/>
                  <a:gd name="T55" fmla="*/ 60 h 263"/>
                  <a:gd name="T56" fmla="*/ 3 w 206"/>
                  <a:gd name="T57" fmla="*/ 49 h 263"/>
                  <a:gd name="T58" fmla="*/ 4 w 206"/>
                  <a:gd name="T59" fmla="*/ 41 h 263"/>
                  <a:gd name="T60" fmla="*/ 11 w 206"/>
                  <a:gd name="T61" fmla="*/ 37 h 263"/>
                  <a:gd name="T62" fmla="*/ 21 w 206"/>
                  <a:gd name="T63" fmla="*/ 29 h 263"/>
                  <a:gd name="T64" fmla="*/ 35 w 206"/>
                  <a:gd name="T65" fmla="*/ 17 h 263"/>
                  <a:gd name="T66" fmla="*/ 47 w 206"/>
                  <a:gd name="T67" fmla="*/ 6 h 263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206" h="263">
                    <a:moveTo>
                      <a:pt x="159" y="1"/>
                    </a:moveTo>
                    <a:lnTo>
                      <a:pt x="164" y="0"/>
                    </a:lnTo>
                    <a:lnTo>
                      <a:pt x="168" y="1"/>
                    </a:lnTo>
                    <a:lnTo>
                      <a:pt x="171" y="3"/>
                    </a:lnTo>
                    <a:lnTo>
                      <a:pt x="173" y="6"/>
                    </a:lnTo>
                    <a:lnTo>
                      <a:pt x="175" y="15"/>
                    </a:lnTo>
                    <a:lnTo>
                      <a:pt x="176" y="25"/>
                    </a:lnTo>
                    <a:lnTo>
                      <a:pt x="176" y="34"/>
                    </a:lnTo>
                    <a:lnTo>
                      <a:pt x="180" y="43"/>
                    </a:lnTo>
                    <a:lnTo>
                      <a:pt x="182" y="46"/>
                    </a:lnTo>
                    <a:lnTo>
                      <a:pt x="185" y="47"/>
                    </a:lnTo>
                    <a:lnTo>
                      <a:pt x="190" y="48"/>
                    </a:lnTo>
                    <a:lnTo>
                      <a:pt x="196" y="47"/>
                    </a:lnTo>
                    <a:lnTo>
                      <a:pt x="194" y="55"/>
                    </a:lnTo>
                    <a:lnTo>
                      <a:pt x="191" y="65"/>
                    </a:lnTo>
                    <a:lnTo>
                      <a:pt x="187" y="75"/>
                    </a:lnTo>
                    <a:lnTo>
                      <a:pt x="183" y="87"/>
                    </a:lnTo>
                    <a:lnTo>
                      <a:pt x="172" y="110"/>
                    </a:lnTo>
                    <a:lnTo>
                      <a:pt x="165" y="132"/>
                    </a:lnTo>
                    <a:lnTo>
                      <a:pt x="162" y="144"/>
                    </a:lnTo>
                    <a:lnTo>
                      <a:pt x="161" y="153"/>
                    </a:lnTo>
                    <a:lnTo>
                      <a:pt x="161" y="159"/>
                    </a:lnTo>
                    <a:lnTo>
                      <a:pt x="162" y="163"/>
                    </a:lnTo>
                    <a:lnTo>
                      <a:pt x="163" y="167"/>
                    </a:lnTo>
                    <a:lnTo>
                      <a:pt x="165" y="171"/>
                    </a:lnTo>
                    <a:lnTo>
                      <a:pt x="167" y="174"/>
                    </a:lnTo>
                    <a:lnTo>
                      <a:pt x="170" y="177"/>
                    </a:lnTo>
                    <a:lnTo>
                      <a:pt x="173" y="181"/>
                    </a:lnTo>
                    <a:lnTo>
                      <a:pt x="179" y="183"/>
                    </a:lnTo>
                    <a:lnTo>
                      <a:pt x="184" y="185"/>
                    </a:lnTo>
                    <a:lnTo>
                      <a:pt x="190" y="186"/>
                    </a:lnTo>
                    <a:lnTo>
                      <a:pt x="198" y="187"/>
                    </a:lnTo>
                    <a:lnTo>
                      <a:pt x="206" y="187"/>
                    </a:lnTo>
                    <a:lnTo>
                      <a:pt x="201" y="196"/>
                    </a:lnTo>
                    <a:lnTo>
                      <a:pt x="195" y="205"/>
                    </a:lnTo>
                    <a:lnTo>
                      <a:pt x="188" y="212"/>
                    </a:lnTo>
                    <a:lnTo>
                      <a:pt x="182" y="220"/>
                    </a:lnTo>
                    <a:lnTo>
                      <a:pt x="174" y="227"/>
                    </a:lnTo>
                    <a:lnTo>
                      <a:pt x="168" y="234"/>
                    </a:lnTo>
                    <a:lnTo>
                      <a:pt x="163" y="243"/>
                    </a:lnTo>
                    <a:lnTo>
                      <a:pt x="159" y="253"/>
                    </a:lnTo>
                    <a:lnTo>
                      <a:pt x="152" y="250"/>
                    </a:lnTo>
                    <a:lnTo>
                      <a:pt x="146" y="247"/>
                    </a:lnTo>
                    <a:lnTo>
                      <a:pt x="140" y="246"/>
                    </a:lnTo>
                    <a:lnTo>
                      <a:pt x="133" y="245"/>
                    </a:lnTo>
                    <a:lnTo>
                      <a:pt x="122" y="244"/>
                    </a:lnTo>
                    <a:lnTo>
                      <a:pt x="109" y="246"/>
                    </a:lnTo>
                    <a:lnTo>
                      <a:pt x="97" y="248"/>
                    </a:lnTo>
                    <a:lnTo>
                      <a:pt x="87" y="252"/>
                    </a:lnTo>
                    <a:lnTo>
                      <a:pt x="75" y="257"/>
                    </a:lnTo>
                    <a:lnTo>
                      <a:pt x="65" y="263"/>
                    </a:lnTo>
                    <a:lnTo>
                      <a:pt x="55" y="247"/>
                    </a:lnTo>
                    <a:lnTo>
                      <a:pt x="47" y="231"/>
                    </a:lnTo>
                    <a:lnTo>
                      <a:pt x="40" y="214"/>
                    </a:lnTo>
                    <a:lnTo>
                      <a:pt x="32" y="197"/>
                    </a:lnTo>
                    <a:lnTo>
                      <a:pt x="25" y="181"/>
                    </a:lnTo>
                    <a:lnTo>
                      <a:pt x="16" y="164"/>
                    </a:lnTo>
                    <a:lnTo>
                      <a:pt x="8" y="147"/>
                    </a:lnTo>
                    <a:lnTo>
                      <a:pt x="0" y="131"/>
                    </a:lnTo>
                    <a:lnTo>
                      <a:pt x="11" y="125"/>
                    </a:lnTo>
                    <a:lnTo>
                      <a:pt x="23" y="117"/>
                    </a:lnTo>
                    <a:lnTo>
                      <a:pt x="33" y="111"/>
                    </a:lnTo>
                    <a:lnTo>
                      <a:pt x="44" y="103"/>
                    </a:lnTo>
                    <a:lnTo>
                      <a:pt x="64" y="87"/>
                    </a:lnTo>
                    <a:lnTo>
                      <a:pt x="84" y="70"/>
                    </a:lnTo>
                    <a:lnTo>
                      <a:pt x="103" y="52"/>
                    </a:lnTo>
                    <a:lnTo>
                      <a:pt x="121" y="35"/>
                    </a:lnTo>
                    <a:lnTo>
                      <a:pt x="140" y="17"/>
                    </a:lnTo>
                    <a:lnTo>
                      <a:pt x="159" y="1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85" name="Svendborg kant"/>
              <p:cNvSpPr>
                <a:spLocks/>
              </p:cNvSpPr>
              <p:nvPr/>
            </p:nvSpPr>
            <p:spPr bwMode="auto">
              <a:xfrm>
                <a:off x="2481263" y="5832475"/>
                <a:ext cx="109538" cy="138113"/>
              </a:xfrm>
              <a:custGeom>
                <a:avLst/>
                <a:gdLst>
                  <a:gd name="T0" fmla="*/ 55 w 206"/>
                  <a:gd name="T1" fmla="*/ 0 h 263"/>
                  <a:gd name="T2" fmla="*/ 57 w 206"/>
                  <a:gd name="T3" fmla="*/ 1 h 263"/>
                  <a:gd name="T4" fmla="*/ 59 w 206"/>
                  <a:gd name="T5" fmla="*/ 5 h 263"/>
                  <a:gd name="T6" fmla="*/ 59 w 206"/>
                  <a:gd name="T7" fmla="*/ 11 h 263"/>
                  <a:gd name="T8" fmla="*/ 61 w 206"/>
                  <a:gd name="T9" fmla="*/ 15 h 263"/>
                  <a:gd name="T10" fmla="*/ 64 w 206"/>
                  <a:gd name="T11" fmla="*/ 16 h 263"/>
                  <a:gd name="T12" fmla="*/ 65 w 206"/>
                  <a:gd name="T13" fmla="*/ 18 h 263"/>
                  <a:gd name="T14" fmla="*/ 63 w 206"/>
                  <a:gd name="T15" fmla="*/ 25 h 263"/>
                  <a:gd name="T16" fmla="*/ 58 w 206"/>
                  <a:gd name="T17" fmla="*/ 36 h 263"/>
                  <a:gd name="T18" fmla="*/ 54 w 206"/>
                  <a:gd name="T19" fmla="*/ 48 h 263"/>
                  <a:gd name="T20" fmla="*/ 54 w 206"/>
                  <a:gd name="T21" fmla="*/ 53 h 263"/>
                  <a:gd name="T22" fmla="*/ 55 w 206"/>
                  <a:gd name="T23" fmla="*/ 55 h 263"/>
                  <a:gd name="T24" fmla="*/ 56 w 206"/>
                  <a:gd name="T25" fmla="*/ 58 h 263"/>
                  <a:gd name="T26" fmla="*/ 58 w 206"/>
                  <a:gd name="T27" fmla="*/ 60 h 263"/>
                  <a:gd name="T28" fmla="*/ 62 w 206"/>
                  <a:gd name="T29" fmla="*/ 61 h 263"/>
                  <a:gd name="T30" fmla="*/ 66 w 206"/>
                  <a:gd name="T31" fmla="*/ 62 h 263"/>
                  <a:gd name="T32" fmla="*/ 67 w 206"/>
                  <a:gd name="T33" fmla="*/ 65 h 263"/>
                  <a:gd name="T34" fmla="*/ 63 w 206"/>
                  <a:gd name="T35" fmla="*/ 70 h 263"/>
                  <a:gd name="T36" fmla="*/ 58 w 206"/>
                  <a:gd name="T37" fmla="*/ 75 h 263"/>
                  <a:gd name="T38" fmla="*/ 55 w 206"/>
                  <a:gd name="T39" fmla="*/ 80 h 263"/>
                  <a:gd name="T40" fmla="*/ 51 w 206"/>
                  <a:gd name="T41" fmla="*/ 83 h 263"/>
                  <a:gd name="T42" fmla="*/ 47 w 206"/>
                  <a:gd name="T43" fmla="*/ 81 h 263"/>
                  <a:gd name="T44" fmla="*/ 41 w 206"/>
                  <a:gd name="T45" fmla="*/ 81 h 263"/>
                  <a:gd name="T46" fmla="*/ 32 w 206"/>
                  <a:gd name="T47" fmla="*/ 82 h 263"/>
                  <a:gd name="T48" fmla="*/ 25 w 206"/>
                  <a:gd name="T49" fmla="*/ 85 h 263"/>
                  <a:gd name="T50" fmla="*/ 18 w 206"/>
                  <a:gd name="T51" fmla="*/ 82 h 263"/>
                  <a:gd name="T52" fmla="*/ 13 w 206"/>
                  <a:gd name="T53" fmla="*/ 71 h 263"/>
                  <a:gd name="T54" fmla="*/ 8 w 206"/>
                  <a:gd name="T55" fmla="*/ 60 h 263"/>
                  <a:gd name="T56" fmla="*/ 3 w 206"/>
                  <a:gd name="T57" fmla="*/ 49 h 263"/>
                  <a:gd name="T58" fmla="*/ 4 w 206"/>
                  <a:gd name="T59" fmla="*/ 41 h 263"/>
                  <a:gd name="T60" fmla="*/ 11 w 206"/>
                  <a:gd name="T61" fmla="*/ 37 h 263"/>
                  <a:gd name="T62" fmla="*/ 21 w 206"/>
                  <a:gd name="T63" fmla="*/ 29 h 263"/>
                  <a:gd name="T64" fmla="*/ 35 w 206"/>
                  <a:gd name="T65" fmla="*/ 17 h 263"/>
                  <a:gd name="T66" fmla="*/ 47 w 206"/>
                  <a:gd name="T67" fmla="*/ 6 h 263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206" h="263">
                    <a:moveTo>
                      <a:pt x="159" y="1"/>
                    </a:moveTo>
                    <a:lnTo>
                      <a:pt x="164" y="0"/>
                    </a:lnTo>
                    <a:lnTo>
                      <a:pt x="168" y="1"/>
                    </a:lnTo>
                    <a:lnTo>
                      <a:pt x="171" y="3"/>
                    </a:lnTo>
                    <a:lnTo>
                      <a:pt x="173" y="6"/>
                    </a:lnTo>
                    <a:lnTo>
                      <a:pt x="175" y="15"/>
                    </a:lnTo>
                    <a:lnTo>
                      <a:pt x="176" y="25"/>
                    </a:lnTo>
                    <a:lnTo>
                      <a:pt x="176" y="34"/>
                    </a:lnTo>
                    <a:lnTo>
                      <a:pt x="180" y="43"/>
                    </a:lnTo>
                    <a:lnTo>
                      <a:pt x="182" y="46"/>
                    </a:lnTo>
                    <a:lnTo>
                      <a:pt x="185" y="47"/>
                    </a:lnTo>
                    <a:lnTo>
                      <a:pt x="190" y="48"/>
                    </a:lnTo>
                    <a:lnTo>
                      <a:pt x="196" y="47"/>
                    </a:lnTo>
                    <a:lnTo>
                      <a:pt x="194" y="55"/>
                    </a:lnTo>
                    <a:lnTo>
                      <a:pt x="191" y="65"/>
                    </a:lnTo>
                    <a:lnTo>
                      <a:pt x="187" y="75"/>
                    </a:lnTo>
                    <a:lnTo>
                      <a:pt x="183" y="87"/>
                    </a:lnTo>
                    <a:lnTo>
                      <a:pt x="172" y="110"/>
                    </a:lnTo>
                    <a:lnTo>
                      <a:pt x="165" y="132"/>
                    </a:lnTo>
                    <a:lnTo>
                      <a:pt x="162" y="144"/>
                    </a:lnTo>
                    <a:lnTo>
                      <a:pt x="161" y="153"/>
                    </a:lnTo>
                    <a:lnTo>
                      <a:pt x="161" y="159"/>
                    </a:lnTo>
                    <a:lnTo>
                      <a:pt x="162" y="163"/>
                    </a:lnTo>
                    <a:lnTo>
                      <a:pt x="163" y="167"/>
                    </a:lnTo>
                    <a:lnTo>
                      <a:pt x="165" y="171"/>
                    </a:lnTo>
                    <a:lnTo>
                      <a:pt x="167" y="174"/>
                    </a:lnTo>
                    <a:lnTo>
                      <a:pt x="170" y="177"/>
                    </a:lnTo>
                    <a:lnTo>
                      <a:pt x="173" y="181"/>
                    </a:lnTo>
                    <a:lnTo>
                      <a:pt x="179" y="183"/>
                    </a:lnTo>
                    <a:lnTo>
                      <a:pt x="184" y="185"/>
                    </a:lnTo>
                    <a:lnTo>
                      <a:pt x="190" y="186"/>
                    </a:lnTo>
                    <a:lnTo>
                      <a:pt x="198" y="187"/>
                    </a:lnTo>
                    <a:lnTo>
                      <a:pt x="206" y="187"/>
                    </a:lnTo>
                    <a:lnTo>
                      <a:pt x="201" y="196"/>
                    </a:lnTo>
                    <a:lnTo>
                      <a:pt x="195" y="205"/>
                    </a:lnTo>
                    <a:lnTo>
                      <a:pt x="188" y="212"/>
                    </a:lnTo>
                    <a:lnTo>
                      <a:pt x="182" y="220"/>
                    </a:lnTo>
                    <a:lnTo>
                      <a:pt x="174" y="227"/>
                    </a:lnTo>
                    <a:lnTo>
                      <a:pt x="168" y="234"/>
                    </a:lnTo>
                    <a:lnTo>
                      <a:pt x="163" y="243"/>
                    </a:lnTo>
                    <a:lnTo>
                      <a:pt x="159" y="253"/>
                    </a:lnTo>
                    <a:lnTo>
                      <a:pt x="152" y="250"/>
                    </a:lnTo>
                    <a:lnTo>
                      <a:pt x="146" y="247"/>
                    </a:lnTo>
                    <a:lnTo>
                      <a:pt x="140" y="246"/>
                    </a:lnTo>
                    <a:lnTo>
                      <a:pt x="133" y="245"/>
                    </a:lnTo>
                    <a:lnTo>
                      <a:pt x="122" y="244"/>
                    </a:lnTo>
                    <a:lnTo>
                      <a:pt x="109" y="246"/>
                    </a:lnTo>
                    <a:lnTo>
                      <a:pt x="97" y="248"/>
                    </a:lnTo>
                    <a:lnTo>
                      <a:pt x="87" y="252"/>
                    </a:lnTo>
                    <a:lnTo>
                      <a:pt x="75" y="257"/>
                    </a:lnTo>
                    <a:lnTo>
                      <a:pt x="65" y="263"/>
                    </a:lnTo>
                    <a:lnTo>
                      <a:pt x="55" y="247"/>
                    </a:lnTo>
                    <a:lnTo>
                      <a:pt x="47" y="231"/>
                    </a:lnTo>
                    <a:lnTo>
                      <a:pt x="40" y="214"/>
                    </a:lnTo>
                    <a:lnTo>
                      <a:pt x="32" y="197"/>
                    </a:lnTo>
                    <a:lnTo>
                      <a:pt x="25" y="181"/>
                    </a:lnTo>
                    <a:lnTo>
                      <a:pt x="16" y="164"/>
                    </a:lnTo>
                    <a:lnTo>
                      <a:pt x="8" y="147"/>
                    </a:lnTo>
                    <a:lnTo>
                      <a:pt x="0" y="131"/>
                    </a:lnTo>
                    <a:lnTo>
                      <a:pt x="11" y="125"/>
                    </a:lnTo>
                    <a:lnTo>
                      <a:pt x="23" y="117"/>
                    </a:lnTo>
                    <a:lnTo>
                      <a:pt x="33" y="111"/>
                    </a:lnTo>
                    <a:lnTo>
                      <a:pt x="44" y="103"/>
                    </a:lnTo>
                    <a:lnTo>
                      <a:pt x="64" y="87"/>
                    </a:lnTo>
                    <a:lnTo>
                      <a:pt x="84" y="70"/>
                    </a:lnTo>
                    <a:lnTo>
                      <a:pt x="103" y="52"/>
                    </a:lnTo>
                    <a:lnTo>
                      <a:pt x="121" y="35"/>
                    </a:lnTo>
                    <a:lnTo>
                      <a:pt x="140" y="17"/>
                    </a:lnTo>
                    <a:lnTo>
                      <a:pt x="159" y="1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86" name="Svendborg"/>
              <p:cNvSpPr>
                <a:spLocks/>
              </p:cNvSpPr>
              <p:nvPr/>
            </p:nvSpPr>
            <p:spPr bwMode="auto">
              <a:xfrm>
                <a:off x="2368550" y="5589588"/>
                <a:ext cx="341313" cy="266700"/>
              </a:xfrm>
              <a:custGeom>
                <a:avLst/>
                <a:gdLst>
                  <a:gd name="T0" fmla="*/ 175 w 645"/>
                  <a:gd name="T1" fmla="*/ 43 h 506"/>
                  <a:gd name="T2" fmla="*/ 160 w 645"/>
                  <a:gd name="T3" fmla="*/ 39 h 506"/>
                  <a:gd name="T4" fmla="*/ 146 w 645"/>
                  <a:gd name="T5" fmla="*/ 32 h 506"/>
                  <a:gd name="T6" fmla="*/ 136 w 645"/>
                  <a:gd name="T7" fmla="*/ 29 h 506"/>
                  <a:gd name="T8" fmla="*/ 125 w 645"/>
                  <a:gd name="T9" fmla="*/ 31 h 506"/>
                  <a:gd name="T10" fmla="*/ 128 w 645"/>
                  <a:gd name="T11" fmla="*/ 36 h 506"/>
                  <a:gd name="T12" fmla="*/ 127 w 645"/>
                  <a:gd name="T13" fmla="*/ 40 h 506"/>
                  <a:gd name="T14" fmla="*/ 124 w 645"/>
                  <a:gd name="T15" fmla="*/ 42 h 506"/>
                  <a:gd name="T16" fmla="*/ 119 w 645"/>
                  <a:gd name="T17" fmla="*/ 43 h 506"/>
                  <a:gd name="T18" fmla="*/ 114 w 645"/>
                  <a:gd name="T19" fmla="*/ 42 h 506"/>
                  <a:gd name="T20" fmla="*/ 112 w 645"/>
                  <a:gd name="T21" fmla="*/ 51 h 506"/>
                  <a:gd name="T22" fmla="*/ 110 w 645"/>
                  <a:gd name="T23" fmla="*/ 57 h 506"/>
                  <a:gd name="T24" fmla="*/ 97 w 645"/>
                  <a:gd name="T25" fmla="*/ 56 h 506"/>
                  <a:gd name="T26" fmla="*/ 75 w 645"/>
                  <a:gd name="T27" fmla="*/ 55 h 506"/>
                  <a:gd name="T28" fmla="*/ 53 w 645"/>
                  <a:gd name="T29" fmla="*/ 60 h 506"/>
                  <a:gd name="T30" fmla="*/ 42 w 645"/>
                  <a:gd name="T31" fmla="*/ 64 h 506"/>
                  <a:gd name="T32" fmla="*/ 32 w 645"/>
                  <a:gd name="T33" fmla="*/ 70 h 506"/>
                  <a:gd name="T34" fmla="*/ 23 w 645"/>
                  <a:gd name="T35" fmla="*/ 78 h 506"/>
                  <a:gd name="T36" fmla="*/ 16 w 645"/>
                  <a:gd name="T37" fmla="*/ 89 h 506"/>
                  <a:gd name="T38" fmla="*/ 10 w 645"/>
                  <a:gd name="T39" fmla="*/ 101 h 506"/>
                  <a:gd name="T40" fmla="*/ 12 w 645"/>
                  <a:gd name="T41" fmla="*/ 110 h 506"/>
                  <a:gd name="T42" fmla="*/ 14 w 645"/>
                  <a:gd name="T43" fmla="*/ 117 h 506"/>
                  <a:gd name="T44" fmla="*/ 11 w 645"/>
                  <a:gd name="T45" fmla="*/ 124 h 506"/>
                  <a:gd name="T46" fmla="*/ 2 w 645"/>
                  <a:gd name="T47" fmla="*/ 139 h 506"/>
                  <a:gd name="T48" fmla="*/ 4 w 645"/>
                  <a:gd name="T49" fmla="*/ 146 h 506"/>
                  <a:gd name="T50" fmla="*/ 9 w 645"/>
                  <a:gd name="T51" fmla="*/ 155 h 506"/>
                  <a:gd name="T52" fmla="*/ 30 w 645"/>
                  <a:gd name="T53" fmla="*/ 157 h 506"/>
                  <a:gd name="T54" fmla="*/ 47 w 645"/>
                  <a:gd name="T55" fmla="*/ 158 h 506"/>
                  <a:gd name="T56" fmla="*/ 55 w 645"/>
                  <a:gd name="T57" fmla="*/ 161 h 506"/>
                  <a:gd name="T58" fmla="*/ 63 w 645"/>
                  <a:gd name="T59" fmla="*/ 166 h 506"/>
                  <a:gd name="T60" fmla="*/ 82 w 645"/>
                  <a:gd name="T61" fmla="*/ 161 h 506"/>
                  <a:gd name="T62" fmla="*/ 106 w 645"/>
                  <a:gd name="T63" fmla="*/ 150 h 506"/>
                  <a:gd name="T64" fmla="*/ 128 w 645"/>
                  <a:gd name="T65" fmla="*/ 137 h 506"/>
                  <a:gd name="T66" fmla="*/ 146 w 645"/>
                  <a:gd name="T67" fmla="*/ 141 h 506"/>
                  <a:gd name="T68" fmla="*/ 160 w 645"/>
                  <a:gd name="T69" fmla="*/ 138 h 506"/>
                  <a:gd name="T70" fmla="*/ 173 w 645"/>
                  <a:gd name="T71" fmla="*/ 132 h 506"/>
                  <a:gd name="T72" fmla="*/ 182 w 645"/>
                  <a:gd name="T73" fmla="*/ 121 h 506"/>
                  <a:gd name="T74" fmla="*/ 190 w 645"/>
                  <a:gd name="T75" fmla="*/ 107 h 506"/>
                  <a:gd name="T76" fmla="*/ 196 w 645"/>
                  <a:gd name="T77" fmla="*/ 90 h 506"/>
                  <a:gd name="T78" fmla="*/ 203 w 645"/>
                  <a:gd name="T79" fmla="*/ 65 h 506"/>
                  <a:gd name="T80" fmla="*/ 215 w 645"/>
                  <a:gd name="T81" fmla="*/ 3 h 506"/>
                  <a:gd name="T82" fmla="*/ 208 w 645"/>
                  <a:gd name="T83" fmla="*/ 1 h 506"/>
                  <a:gd name="T84" fmla="*/ 204 w 645"/>
                  <a:gd name="T85" fmla="*/ 6 h 506"/>
                  <a:gd name="T86" fmla="*/ 197 w 645"/>
                  <a:gd name="T87" fmla="*/ 16 h 506"/>
                  <a:gd name="T88" fmla="*/ 190 w 645"/>
                  <a:gd name="T89" fmla="*/ 25 h 506"/>
                  <a:gd name="T90" fmla="*/ 186 w 645"/>
                  <a:gd name="T91" fmla="*/ 33 h 506"/>
                  <a:gd name="T92" fmla="*/ 184 w 645"/>
                  <a:gd name="T93" fmla="*/ 43 h 50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</a:gdLst>
                <a:ahLst/>
                <a:cxnLst>
                  <a:cxn ang="T94">
                    <a:pos x="T0" y="T1"/>
                  </a:cxn>
                  <a:cxn ang="T95">
                    <a:pos x="T2" y="T3"/>
                  </a:cxn>
                  <a:cxn ang="T96">
                    <a:pos x="T4" y="T5"/>
                  </a:cxn>
                  <a:cxn ang="T97">
                    <a:pos x="T6" y="T7"/>
                  </a:cxn>
                  <a:cxn ang="T98">
                    <a:pos x="T8" y="T9"/>
                  </a:cxn>
                  <a:cxn ang="T99">
                    <a:pos x="T10" y="T11"/>
                  </a:cxn>
                  <a:cxn ang="T100">
                    <a:pos x="T12" y="T13"/>
                  </a:cxn>
                  <a:cxn ang="T101">
                    <a:pos x="T14" y="T15"/>
                  </a:cxn>
                  <a:cxn ang="T102">
                    <a:pos x="T16" y="T17"/>
                  </a:cxn>
                  <a:cxn ang="T103">
                    <a:pos x="T18" y="T19"/>
                  </a:cxn>
                  <a:cxn ang="T104">
                    <a:pos x="T20" y="T21"/>
                  </a:cxn>
                  <a:cxn ang="T105">
                    <a:pos x="T22" y="T23"/>
                  </a:cxn>
                  <a:cxn ang="T106">
                    <a:pos x="T24" y="T25"/>
                  </a:cxn>
                  <a:cxn ang="T107">
                    <a:pos x="T26" y="T27"/>
                  </a:cxn>
                  <a:cxn ang="T108">
                    <a:pos x="T28" y="T29"/>
                  </a:cxn>
                  <a:cxn ang="T109">
                    <a:pos x="T30" y="T31"/>
                  </a:cxn>
                  <a:cxn ang="T110">
                    <a:pos x="T32" y="T33"/>
                  </a:cxn>
                  <a:cxn ang="T111">
                    <a:pos x="T34" y="T35"/>
                  </a:cxn>
                  <a:cxn ang="T112">
                    <a:pos x="T36" y="T37"/>
                  </a:cxn>
                  <a:cxn ang="T113">
                    <a:pos x="T38" y="T39"/>
                  </a:cxn>
                  <a:cxn ang="T114">
                    <a:pos x="T40" y="T41"/>
                  </a:cxn>
                  <a:cxn ang="T115">
                    <a:pos x="T42" y="T43"/>
                  </a:cxn>
                  <a:cxn ang="T116">
                    <a:pos x="T44" y="T45"/>
                  </a:cxn>
                  <a:cxn ang="T117">
                    <a:pos x="T46" y="T47"/>
                  </a:cxn>
                  <a:cxn ang="T118">
                    <a:pos x="T48" y="T49"/>
                  </a:cxn>
                  <a:cxn ang="T119">
                    <a:pos x="T50" y="T51"/>
                  </a:cxn>
                  <a:cxn ang="T120">
                    <a:pos x="T52" y="T53"/>
                  </a:cxn>
                  <a:cxn ang="T121">
                    <a:pos x="T54" y="T55"/>
                  </a:cxn>
                  <a:cxn ang="T122">
                    <a:pos x="T56" y="T57"/>
                  </a:cxn>
                  <a:cxn ang="T123">
                    <a:pos x="T58" y="T59"/>
                  </a:cxn>
                  <a:cxn ang="T124">
                    <a:pos x="T60" y="T61"/>
                  </a:cxn>
                  <a:cxn ang="T125">
                    <a:pos x="T62" y="T63"/>
                  </a:cxn>
                  <a:cxn ang="T126">
                    <a:pos x="T64" y="T65"/>
                  </a:cxn>
                  <a:cxn ang="T127">
                    <a:pos x="T66" y="T67"/>
                  </a:cxn>
                  <a:cxn ang="T128">
                    <a:pos x="T68" y="T69"/>
                  </a:cxn>
                  <a:cxn ang="T129">
                    <a:pos x="T70" y="T71"/>
                  </a:cxn>
                  <a:cxn ang="T130">
                    <a:pos x="T72" y="T73"/>
                  </a:cxn>
                  <a:cxn ang="T131">
                    <a:pos x="T74" y="T75"/>
                  </a:cxn>
                  <a:cxn ang="T132">
                    <a:pos x="T76" y="T77"/>
                  </a:cxn>
                  <a:cxn ang="T133">
                    <a:pos x="T78" y="T79"/>
                  </a:cxn>
                  <a:cxn ang="T134">
                    <a:pos x="T80" y="T81"/>
                  </a:cxn>
                  <a:cxn ang="T135">
                    <a:pos x="T82" y="T83"/>
                  </a:cxn>
                  <a:cxn ang="T136">
                    <a:pos x="T84" y="T85"/>
                  </a:cxn>
                  <a:cxn ang="T137">
                    <a:pos x="T86" y="T87"/>
                  </a:cxn>
                  <a:cxn ang="T138">
                    <a:pos x="T88" y="T89"/>
                  </a:cxn>
                  <a:cxn ang="T139">
                    <a:pos x="T90" y="T91"/>
                  </a:cxn>
                  <a:cxn ang="T140">
                    <a:pos x="T92" y="T93"/>
                  </a:cxn>
                </a:cxnLst>
                <a:rect l="0" t="0" r="r" b="b"/>
                <a:pathLst>
                  <a:path w="645" h="506">
                    <a:moveTo>
                      <a:pt x="552" y="131"/>
                    </a:moveTo>
                    <a:lnTo>
                      <a:pt x="538" y="132"/>
                    </a:lnTo>
                    <a:lnTo>
                      <a:pt x="525" y="131"/>
                    </a:lnTo>
                    <a:lnTo>
                      <a:pt x="513" y="129"/>
                    </a:lnTo>
                    <a:lnTo>
                      <a:pt x="501" y="126"/>
                    </a:lnTo>
                    <a:lnTo>
                      <a:pt x="479" y="116"/>
                    </a:lnTo>
                    <a:lnTo>
                      <a:pt x="459" y="105"/>
                    </a:lnTo>
                    <a:lnTo>
                      <a:pt x="448" y="99"/>
                    </a:lnTo>
                    <a:lnTo>
                      <a:pt x="439" y="95"/>
                    </a:lnTo>
                    <a:lnTo>
                      <a:pt x="428" y="91"/>
                    </a:lnTo>
                    <a:lnTo>
                      <a:pt x="419" y="88"/>
                    </a:lnTo>
                    <a:lnTo>
                      <a:pt x="408" y="87"/>
                    </a:lnTo>
                    <a:lnTo>
                      <a:pt x="397" y="87"/>
                    </a:lnTo>
                    <a:lnTo>
                      <a:pt x="386" y="89"/>
                    </a:lnTo>
                    <a:lnTo>
                      <a:pt x="374" y="94"/>
                    </a:lnTo>
                    <a:lnTo>
                      <a:pt x="379" y="98"/>
                    </a:lnTo>
                    <a:lnTo>
                      <a:pt x="382" y="103"/>
                    </a:lnTo>
                    <a:lnTo>
                      <a:pt x="383" y="107"/>
                    </a:lnTo>
                    <a:lnTo>
                      <a:pt x="383" y="111"/>
                    </a:lnTo>
                    <a:lnTo>
                      <a:pt x="383" y="115"/>
                    </a:lnTo>
                    <a:lnTo>
                      <a:pt x="381" y="119"/>
                    </a:lnTo>
                    <a:lnTo>
                      <a:pt x="379" y="123"/>
                    </a:lnTo>
                    <a:lnTo>
                      <a:pt x="375" y="125"/>
                    </a:lnTo>
                    <a:lnTo>
                      <a:pt x="371" y="127"/>
                    </a:lnTo>
                    <a:lnTo>
                      <a:pt x="366" y="129"/>
                    </a:lnTo>
                    <a:lnTo>
                      <a:pt x="362" y="130"/>
                    </a:lnTo>
                    <a:lnTo>
                      <a:pt x="357" y="130"/>
                    </a:lnTo>
                    <a:lnTo>
                      <a:pt x="351" y="129"/>
                    </a:lnTo>
                    <a:lnTo>
                      <a:pt x="346" y="128"/>
                    </a:lnTo>
                    <a:lnTo>
                      <a:pt x="341" y="126"/>
                    </a:lnTo>
                    <a:lnTo>
                      <a:pt x="337" y="122"/>
                    </a:lnTo>
                    <a:lnTo>
                      <a:pt x="337" y="138"/>
                    </a:lnTo>
                    <a:lnTo>
                      <a:pt x="336" y="154"/>
                    </a:lnTo>
                    <a:lnTo>
                      <a:pt x="335" y="162"/>
                    </a:lnTo>
                    <a:lnTo>
                      <a:pt x="334" y="168"/>
                    </a:lnTo>
                    <a:lnTo>
                      <a:pt x="330" y="173"/>
                    </a:lnTo>
                    <a:lnTo>
                      <a:pt x="327" y="178"/>
                    </a:lnTo>
                    <a:lnTo>
                      <a:pt x="309" y="173"/>
                    </a:lnTo>
                    <a:lnTo>
                      <a:pt x="290" y="170"/>
                    </a:lnTo>
                    <a:lnTo>
                      <a:pt x="270" y="168"/>
                    </a:lnTo>
                    <a:lnTo>
                      <a:pt x="249" y="167"/>
                    </a:lnTo>
                    <a:lnTo>
                      <a:pt x="226" y="167"/>
                    </a:lnTo>
                    <a:lnTo>
                      <a:pt x="204" y="170"/>
                    </a:lnTo>
                    <a:lnTo>
                      <a:pt x="181" y="174"/>
                    </a:lnTo>
                    <a:lnTo>
                      <a:pt x="159" y="181"/>
                    </a:lnTo>
                    <a:lnTo>
                      <a:pt x="147" y="184"/>
                    </a:lnTo>
                    <a:lnTo>
                      <a:pt x="137" y="189"/>
                    </a:lnTo>
                    <a:lnTo>
                      <a:pt x="126" y="194"/>
                    </a:lnTo>
                    <a:lnTo>
                      <a:pt x="116" y="199"/>
                    </a:lnTo>
                    <a:lnTo>
                      <a:pt x="105" y="206"/>
                    </a:lnTo>
                    <a:lnTo>
                      <a:pt x="96" y="212"/>
                    </a:lnTo>
                    <a:lnTo>
                      <a:pt x="86" y="219"/>
                    </a:lnTo>
                    <a:lnTo>
                      <a:pt x="78" y="228"/>
                    </a:lnTo>
                    <a:lnTo>
                      <a:pt x="69" y="236"/>
                    </a:lnTo>
                    <a:lnTo>
                      <a:pt x="61" y="246"/>
                    </a:lnTo>
                    <a:lnTo>
                      <a:pt x="53" y="256"/>
                    </a:lnTo>
                    <a:lnTo>
                      <a:pt x="47" y="268"/>
                    </a:lnTo>
                    <a:lnTo>
                      <a:pt x="41" y="279"/>
                    </a:lnTo>
                    <a:lnTo>
                      <a:pt x="36" y="291"/>
                    </a:lnTo>
                    <a:lnTo>
                      <a:pt x="31" y="305"/>
                    </a:lnTo>
                    <a:lnTo>
                      <a:pt x="27" y="318"/>
                    </a:lnTo>
                    <a:lnTo>
                      <a:pt x="33" y="325"/>
                    </a:lnTo>
                    <a:lnTo>
                      <a:pt x="37" y="330"/>
                    </a:lnTo>
                    <a:lnTo>
                      <a:pt x="40" y="337"/>
                    </a:lnTo>
                    <a:lnTo>
                      <a:pt x="41" y="344"/>
                    </a:lnTo>
                    <a:lnTo>
                      <a:pt x="41" y="351"/>
                    </a:lnTo>
                    <a:lnTo>
                      <a:pt x="39" y="358"/>
                    </a:lnTo>
                    <a:lnTo>
                      <a:pt x="37" y="367"/>
                    </a:lnTo>
                    <a:lnTo>
                      <a:pt x="33" y="374"/>
                    </a:lnTo>
                    <a:lnTo>
                      <a:pt x="26" y="390"/>
                    </a:lnTo>
                    <a:lnTo>
                      <a:pt x="17" y="405"/>
                    </a:lnTo>
                    <a:lnTo>
                      <a:pt x="7" y="418"/>
                    </a:lnTo>
                    <a:lnTo>
                      <a:pt x="0" y="431"/>
                    </a:lnTo>
                    <a:lnTo>
                      <a:pt x="6" y="434"/>
                    </a:lnTo>
                    <a:lnTo>
                      <a:pt x="11" y="440"/>
                    </a:lnTo>
                    <a:lnTo>
                      <a:pt x="17" y="445"/>
                    </a:lnTo>
                    <a:lnTo>
                      <a:pt x="21" y="452"/>
                    </a:lnTo>
                    <a:lnTo>
                      <a:pt x="28" y="466"/>
                    </a:lnTo>
                    <a:lnTo>
                      <a:pt x="37" y="477"/>
                    </a:lnTo>
                    <a:lnTo>
                      <a:pt x="65" y="476"/>
                    </a:lnTo>
                    <a:lnTo>
                      <a:pt x="90" y="474"/>
                    </a:lnTo>
                    <a:lnTo>
                      <a:pt x="111" y="474"/>
                    </a:lnTo>
                    <a:lnTo>
                      <a:pt x="130" y="475"/>
                    </a:lnTo>
                    <a:lnTo>
                      <a:pt x="140" y="476"/>
                    </a:lnTo>
                    <a:lnTo>
                      <a:pt x="148" y="479"/>
                    </a:lnTo>
                    <a:lnTo>
                      <a:pt x="156" y="481"/>
                    </a:lnTo>
                    <a:lnTo>
                      <a:pt x="164" y="484"/>
                    </a:lnTo>
                    <a:lnTo>
                      <a:pt x="171" y="488"/>
                    </a:lnTo>
                    <a:lnTo>
                      <a:pt x="180" y="493"/>
                    </a:lnTo>
                    <a:lnTo>
                      <a:pt x="188" y="499"/>
                    </a:lnTo>
                    <a:lnTo>
                      <a:pt x="196" y="506"/>
                    </a:lnTo>
                    <a:lnTo>
                      <a:pt x="222" y="496"/>
                    </a:lnTo>
                    <a:lnTo>
                      <a:pt x="246" y="486"/>
                    </a:lnTo>
                    <a:lnTo>
                      <a:pt x="271" y="475"/>
                    </a:lnTo>
                    <a:lnTo>
                      <a:pt x="295" y="464"/>
                    </a:lnTo>
                    <a:lnTo>
                      <a:pt x="318" y="452"/>
                    </a:lnTo>
                    <a:lnTo>
                      <a:pt x="340" y="440"/>
                    </a:lnTo>
                    <a:lnTo>
                      <a:pt x="362" y="426"/>
                    </a:lnTo>
                    <a:lnTo>
                      <a:pt x="383" y="412"/>
                    </a:lnTo>
                    <a:lnTo>
                      <a:pt x="402" y="418"/>
                    </a:lnTo>
                    <a:lnTo>
                      <a:pt x="420" y="422"/>
                    </a:lnTo>
                    <a:lnTo>
                      <a:pt x="437" y="424"/>
                    </a:lnTo>
                    <a:lnTo>
                      <a:pt x="453" y="424"/>
                    </a:lnTo>
                    <a:lnTo>
                      <a:pt x="467" y="422"/>
                    </a:lnTo>
                    <a:lnTo>
                      <a:pt x="481" y="417"/>
                    </a:lnTo>
                    <a:lnTo>
                      <a:pt x="494" y="412"/>
                    </a:lnTo>
                    <a:lnTo>
                      <a:pt x="506" y="406"/>
                    </a:lnTo>
                    <a:lnTo>
                      <a:pt x="518" y="397"/>
                    </a:lnTo>
                    <a:lnTo>
                      <a:pt x="528" y="388"/>
                    </a:lnTo>
                    <a:lnTo>
                      <a:pt x="538" y="376"/>
                    </a:lnTo>
                    <a:lnTo>
                      <a:pt x="547" y="365"/>
                    </a:lnTo>
                    <a:lnTo>
                      <a:pt x="556" y="351"/>
                    </a:lnTo>
                    <a:lnTo>
                      <a:pt x="563" y="337"/>
                    </a:lnTo>
                    <a:lnTo>
                      <a:pt x="570" y="323"/>
                    </a:lnTo>
                    <a:lnTo>
                      <a:pt x="578" y="306"/>
                    </a:lnTo>
                    <a:lnTo>
                      <a:pt x="584" y="289"/>
                    </a:lnTo>
                    <a:lnTo>
                      <a:pt x="589" y="272"/>
                    </a:lnTo>
                    <a:lnTo>
                      <a:pt x="595" y="254"/>
                    </a:lnTo>
                    <a:lnTo>
                      <a:pt x="600" y="235"/>
                    </a:lnTo>
                    <a:lnTo>
                      <a:pt x="609" y="197"/>
                    </a:lnTo>
                    <a:lnTo>
                      <a:pt x="617" y="159"/>
                    </a:lnTo>
                    <a:lnTo>
                      <a:pt x="632" y="82"/>
                    </a:lnTo>
                    <a:lnTo>
                      <a:pt x="645" y="10"/>
                    </a:lnTo>
                    <a:lnTo>
                      <a:pt x="637" y="9"/>
                    </a:lnTo>
                    <a:lnTo>
                      <a:pt x="629" y="7"/>
                    </a:lnTo>
                    <a:lnTo>
                      <a:pt x="623" y="4"/>
                    </a:lnTo>
                    <a:lnTo>
                      <a:pt x="617" y="0"/>
                    </a:lnTo>
                    <a:lnTo>
                      <a:pt x="615" y="10"/>
                    </a:lnTo>
                    <a:lnTo>
                      <a:pt x="612" y="18"/>
                    </a:lnTo>
                    <a:lnTo>
                      <a:pt x="607" y="27"/>
                    </a:lnTo>
                    <a:lnTo>
                      <a:pt x="602" y="34"/>
                    </a:lnTo>
                    <a:lnTo>
                      <a:pt x="592" y="48"/>
                    </a:lnTo>
                    <a:lnTo>
                      <a:pt x="580" y="62"/>
                    </a:lnTo>
                    <a:lnTo>
                      <a:pt x="575" y="68"/>
                    </a:lnTo>
                    <a:lnTo>
                      <a:pt x="569" y="75"/>
                    </a:lnTo>
                    <a:lnTo>
                      <a:pt x="564" y="83"/>
                    </a:lnTo>
                    <a:lnTo>
                      <a:pt x="560" y="90"/>
                    </a:lnTo>
                    <a:lnTo>
                      <a:pt x="557" y="99"/>
                    </a:lnTo>
                    <a:lnTo>
                      <a:pt x="554" y="109"/>
                    </a:lnTo>
                    <a:lnTo>
                      <a:pt x="553" y="119"/>
                    </a:lnTo>
                    <a:lnTo>
                      <a:pt x="552" y="131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87" name="Svendborg kant"/>
              <p:cNvSpPr>
                <a:spLocks/>
              </p:cNvSpPr>
              <p:nvPr/>
            </p:nvSpPr>
            <p:spPr bwMode="auto">
              <a:xfrm>
                <a:off x="2368550" y="5589588"/>
                <a:ext cx="341313" cy="266700"/>
              </a:xfrm>
              <a:custGeom>
                <a:avLst/>
                <a:gdLst>
                  <a:gd name="T0" fmla="*/ 175 w 645"/>
                  <a:gd name="T1" fmla="*/ 43 h 506"/>
                  <a:gd name="T2" fmla="*/ 160 w 645"/>
                  <a:gd name="T3" fmla="*/ 39 h 506"/>
                  <a:gd name="T4" fmla="*/ 146 w 645"/>
                  <a:gd name="T5" fmla="*/ 32 h 506"/>
                  <a:gd name="T6" fmla="*/ 136 w 645"/>
                  <a:gd name="T7" fmla="*/ 29 h 506"/>
                  <a:gd name="T8" fmla="*/ 125 w 645"/>
                  <a:gd name="T9" fmla="*/ 31 h 506"/>
                  <a:gd name="T10" fmla="*/ 128 w 645"/>
                  <a:gd name="T11" fmla="*/ 36 h 506"/>
                  <a:gd name="T12" fmla="*/ 127 w 645"/>
                  <a:gd name="T13" fmla="*/ 40 h 506"/>
                  <a:gd name="T14" fmla="*/ 124 w 645"/>
                  <a:gd name="T15" fmla="*/ 42 h 506"/>
                  <a:gd name="T16" fmla="*/ 119 w 645"/>
                  <a:gd name="T17" fmla="*/ 43 h 506"/>
                  <a:gd name="T18" fmla="*/ 114 w 645"/>
                  <a:gd name="T19" fmla="*/ 42 h 506"/>
                  <a:gd name="T20" fmla="*/ 112 w 645"/>
                  <a:gd name="T21" fmla="*/ 51 h 506"/>
                  <a:gd name="T22" fmla="*/ 110 w 645"/>
                  <a:gd name="T23" fmla="*/ 57 h 506"/>
                  <a:gd name="T24" fmla="*/ 97 w 645"/>
                  <a:gd name="T25" fmla="*/ 56 h 506"/>
                  <a:gd name="T26" fmla="*/ 75 w 645"/>
                  <a:gd name="T27" fmla="*/ 55 h 506"/>
                  <a:gd name="T28" fmla="*/ 53 w 645"/>
                  <a:gd name="T29" fmla="*/ 60 h 506"/>
                  <a:gd name="T30" fmla="*/ 42 w 645"/>
                  <a:gd name="T31" fmla="*/ 64 h 506"/>
                  <a:gd name="T32" fmla="*/ 32 w 645"/>
                  <a:gd name="T33" fmla="*/ 70 h 506"/>
                  <a:gd name="T34" fmla="*/ 23 w 645"/>
                  <a:gd name="T35" fmla="*/ 78 h 506"/>
                  <a:gd name="T36" fmla="*/ 16 w 645"/>
                  <a:gd name="T37" fmla="*/ 89 h 506"/>
                  <a:gd name="T38" fmla="*/ 10 w 645"/>
                  <a:gd name="T39" fmla="*/ 101 h 506"/>
                  <a:gd name="T40" fmla="*/ 12 w 645"/>
                  <a:gd name="T41" fmla="*/ 110 h 506"/>
                  <a:gd name="T42" fmla="*/ 14 w 645"/>
                  <a:gd name="T43" fmla="*/ 117 h 506"/>
                  <a:gd name="T44" fmla="*/ 11 w 645"/>
                  <a:gd name="T45" fmla="*/ 124 h 506"/>
                  <a:gd name="T46" fmla="*/ 2 w 645"/>
                  <a:gd name="T47" fmla="*/ 139 h 506"/>
                  <a:gd name="T48" fmla="*/ 4 w 645"/>
                  <a:gd name="T49" fmla="*/ 146 h 506"/>
                  <a:gd name="T50" fmla="*/ 9 w 645"/>
                  <a:gd name="T51" fmla="*/ 155 h 506"/>
                  <a:gd name="T52" fmla="*/ 30 w 645"/>
                  <a:gd name="T53" fmla="*/ 157 h 506"/>
                  <a:gd name="T54" fmla="*/ 47 w 645"/>
                  <a:gd name="T55" fmla="*/ 158 h 506"/>
                  <a:gd name="T56" fmla="*/ 55 w 645"/>
                  <a:gd name="T57" fmla="*/ 161 h 506"/>
                  <a:gd name="T58" fmla="*/ 63 w 645"/>
                  <a:gd name="T59" fmla="*/ 166 h 506"/>
                  <a:gd name="T60" fmla="*/ 82 w 645"/>
                  <a:gd name="T61" fmla="*/ 161 h 506"/>
                  <a:gd name="T62" fmla="*/ 106 w 645"/>
                  <a:gd name="T63" fmla="*/ 150 h 506"/>
                  <a:gd name="T64" fmla="*/ 128 w 645"/>
                  <a:gd name="T65" fmla="*/ 137 h 506"/>
                  <a:gd name="T66" fmla="*/ 146 w 645"/>
                  <a:gd name="T67" fmla="*/ 141 h 506"/>
                  <a:gd name="T68" fmla="*/ 160 w 645"/>
                  <a:gd name="T69" fmla="*/ 138 h 506"/>
                  <a:gd name="T70" fmla="*/ 173 w 645"/>
                  <a:gd name="T71" fmla="*/ 132 h 506"/>
                  <a:gd name="T72" fmla="*/ 182 w 645"/>
                  <a:gd name="T73" fmla="*/ 121 h 506"/>
                  <a:gd name="T74" fmla="*/ 190 w 645"/>
                  <a:gd name="T75" fmla="*/ 107 h 506"/>
                  <a:gd name="T76" fmla="*/ 196 w 645"/>
                  <a:gd name="T77" fmla="*/ 90 h 506"/>
                  <a:gd name="T78" fmla="*/ 203 w 645"/>
                  <a:gd name="T79" fmla="*/ 65 h 506"/>
                  <a:gd name="T80" fmla="*/ 215 w 645"/>
                  <a:gd name="T81" fmla="*/ 3 h 506"/>
                  <a:gd name="T82" fmla="*/ 208 w 645"/>
                  <a:gd name="T83" fmla="*/ 1 h 506"/>
                  <a:gd name="T84" fmla="*/ 204 w 645"/>
                  <a:gd name="T85" fmla="*/ 6 h 506"/>
                  <a:gd name="T86" fmla="*/ 197 w 645"/>
                  <a:gd name="T87" fmla="*/ 16 h 506"/>
                  <a:gd name="T88" fmla="*/ 190 w 645"/>
                  <a:gd name="T89" fmla="*/ 25 h 506"/>
                  <a:gd name="T90" fmla="*/ 186 w 645"/>
                  <a:gd name="T91" fmla="*/ 33 h 506"/>
                  <a:gd name="T92" fmla="*/ 184 w 645"/>
                  <a:gd name="T93" fmla="*/ 43 h 50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</a:gdLst>
                <a:ahLst/>
                <a:cxnLst>
                  <a:cxn ang="T94">
                    <a:pos x="T0" y="T1"/>
                  </a:cxn>
                  <a:cxn ang="T95">
                    <a:pos x="T2" y="T3"/>
                  </a:cxn>
                  <a:cxn ang="T96">
                    <a:pos x="T4" y="T5"/>
                  </a:cxn>
                  <a:cxn ang="T97">
                    <a:pos x="T6" y="T7"/>
                  </a:cxn>
                  <a:cxn ang="T98">
                    <a:pos x="T8" y="T9"/>
                  </a:cxn>
                  <a:cxn ang="T99">
                    <a:pos x="T10" y="T11"/>
                  </a:cxn>
                  <a:cxn ang="T100">
                    <a:pos x="T12" y="T13"/>
                  </a:cxn>
                  <a:cxn ang="T101">
                    <a:pos x="T14" y="T15"/>
                  </a:cxn>
                  <a:cxn ang="T102">
                    <a:pos x="T16" y="T17"/>
                  </a:cxn>
                  <a:cxn ang="T103">
                    <a:pos x="T18" y="T19"/>
                  </a:cxn>
                  <a:cxn ang="T104">
                    <a:pos x="T20" y="T21"/>
                  </a:cxn>
                  <a:cxn ang="T105">
                    <a:pos x="T22" y="T23"/>
                  </a:cxn>
                  <a:cxn ang="T106">
                    <a:pos x="T24" y="T25"/>
                  </a:cxn>
                  <a:cxn ang="T107">
                    <a:pos x="T26" y="T27"/>
                  </a:cxn>
                  <a:cxn ang="T108">
                    <a:pos x="T28" y="T29"/>
                  </a:cxn>
                  <a:cxn ang="T109">
                    <a:pos x="T30" y="T31"/>
                  </a:cxn>
                  <a:cxn ang="T110">
                    <a:pos x="T32" y="T33"/>
                  </a:cxn>
                  <a:cxn ang="T111">
                    <a:pos x="T34" y="T35"/>
                  </a:cxn>
                  <a:cxn ang="T112">
                    <a:pos x="T36" y="T37"/>
                  </a:cxn>
                  <a:cxn ang="T113">
                    <a:pos x="T38" y="T39"/>
                  </a:cxn>
                  <a:cxn ang="T114">
                    <a:pos x="T40" y="T41"/>
                  </a:cxn>
                  <a:cxn ang="T115">
                    <a:pos x="T42" y="T43"/>
                  </a:cxn>
                  <a:cxn ang="T116">
                    <a:pos x="T44" y="T45"/>
                  </a:cxn>
                  <a:cxn ang="T117">
                    <a:pos x="T46" y="T47"/>
                  </a:cxn>
                  <a:cxn ang="T118">
                    <a:pos x="T48" y="T49"/>
                  </a:cxn>
                  <a:cxn ang="T119">
                    <a:pos x="T50" y="T51"/>
                  </a:cxn>
                  <a:cxn ang="T120">
                    <a:pos x="T52" y="T53"/>
                  </a:cxn>
                  <a:cxn ang="T121">
                    <a:pos x="T54" y="T55"/>
                  </a:cxn>
                  <a:cxn ang="T122">
                    <a:pos x="T56" y="T57"/>
                  </a:cxn>
                  <a:cxn ang="T123">
                    <a:pos x="T58" y="T59"/>
                  </a:cxn>
                  <a:cxn ang="T124">
                    <a:pos x="T60" y="T61"/>
                  </a:cxn>
                  <a:cxn ang="T125">
                    <a:pos x="T62" y="T63"/>
                  </a:cxn>
                  <a:cxn ang="T126">
                    <a:pos x="T64" y="T65"/>
                  </a:cxn>
                  <a:cxn ang="T127">
                    <a:pos x="T66" y="T67"/>
                  </a:cxn>
                  <a:cxn ang="T128">
                    <a:pos x="T68" y="T69"/>
                  </a:cxn>
                  <a:cxn ang="T129">
                    <a:pos x="T70" y="T71"/>
                  </a:cxn>
                  <a:cxn ang="T130">
                    <a:pos x="T72" y="T73"/>
                  </a:cxn>
                  <a:cxn ang="T131">
                    <a:pos x="T74" y="T75"/>
                  </a:cxn>
                  <a:cxn ang="T132">
                    <a:pos x="T76" y="T77"/>
                  </a:cxn>
                  <a:cxn ang="T133">
                    <a:pos x="T78" y="T79"/>
                  </a:cxn>
                  <a:cxn ang="T134">
                    <a:pos x="T80" y="T81"/>
                  </a:cxn>
                  <a:cxn ang="T135">
                    <a:pos x="T82" y="T83"/>
                  </a:cxn>
                  <a:cxn ang="T136">
                    <a:pos x="T84" y="T85"/>
                  </a:cxn>
                  <a:cxn ang="T137">
                    <a:pos x="T86" y="T87"/>
                  </a:cxn>
                  <a:cxn ang="T138">
                    <a:pos x="T88" y="T89"/>
                  </a:cxn>
                  <a:cxn ang="T139">
                    <a:pos x="T90" y="T91"/>
                  </a:cxn>
                  <a:cxn ang="T140">
                    <a:pos x="T92" y="T93"/>
                  </a:cxn>
                </a:cxnLst>
                <a:rect l="0" t="0" r="r" b="b"/>
                <a:pathLst>
                  <a:path w="645" h="506">
                    <a:moveTo>
                      <a:pt x="552" y="131"/>
                    </a:moveTo>
                    <a:lnTo>
                      <a:pt x="538" y="132"/>
                    </a:lnTo>
                    <a:lnTo>
                      <a:pt x="525" y="131"/>
                    </a:lnTo>
                    <a:lnTo>
                      <a:pt x="513" y="129"/>
                    </a:lnTo>
                    <a:lnTo>
                      <a:pt x="501" y="126"/>
                    </a:lnTo>
                    <a:lnTo>
                      <a:pt x="479" y="116"/>
                    </a:lnTo>
                    <a:lnTo>
                      <a:pt x="459" y="105"/>
                    </a:lnTo>
                    <a:lnTo>
                      <a:pt x="448" y="99"/>
                    </a:lnTo>
                    <a:lnTo>
                      <a:pt x="439" y="95"/>
                    </a:lnTo>
                    <a:lnTo>
                      <a:pt x="428" y="91"/>
                    </a:lnTo>
                    <a:lnTo>
                      <a:pt x="419" y="88"/>
                    </a:lnTo>
                    <a:lnTo>
                      <a:pt x="408" y="87"/>
                    </a:lnTo>
                    <a:lnTo>
                      <a:pt x="397" y="87"/>
                    </a:lnTo>
                    <a:lnTo>
                      <a:pt x="386" y="89"/>
                    </a:lnTo>
                    <a:lnTo>
                      <a:pt x="374" y="94"/>
                    </a:lnTo>
                    <a:lnTo>
                      <a:pt x="379" y="98"/>
                    </a:lnTo>
                    <a:lnTo>
                      <a:pt x="382" y="103"/>
                    </a:lnTo>
                    <a:lnTo>
                      <a:pt x="383" y="107"/>
                    </a:lnTo>
                    <a:lnTo>
                      <a:pt x="383" y="111"/>
                    </a:lnTo>
                    <a:lnTo>
                      <a:pt x="383" y="115"/>
                    </a:lnTo>
                    <a:lnTo>
                      <a:pt x="381" y="119"/>
                    </a:lnTo>
                    <a:lnTo>
                      <a:pt x="379" y="123"/>
                    </a:lnTo>
                    <a:lnTo>
                      <a:pt x="375" y="125"/>
                    </a:lnTo>
                    <a:lnTo>
                      <a:pt x="371" y="127"/>
                    </a:lnTo>
                    <a:lnTo>
                      <a:pt x="366" y="129"/>
                    </a:lnTo>
                    <a:lnTo>
                      <a:pt x="362" y="130"/>
                    </a:lnTo>
                    <a:lnTo>
                      <a:pt x="357" y="130"/>
                    </a:lnTo>
                    <a:lnTo>
                      <a:pt x="351" y="129"/>
                    </a:lnTo>
                    <a:lnTo>
                      <a:pt x="346" y="128"/>
                    </a:lnTo>
                    <a:lnTo>
                      <a:pt x="341" y="126"/>
                    </a:lnTo>
                    <a:lnTo>
                      <a:pt x="337" y="122"/>
                    </a:lnTo>
                    <a:lnTo>
                      <a:pt x="337" y="138"/>
                    </a:lnTo>
                    <a:lnTo>
                      <a:pt x="336" y="154"/>
                    </a:lnTo>
                    <a:lnTo>
                      <a:pt x="335" y="162"/>
                    </a:lnTo>
                    <a:lnTo>
                      <a:pt x="334" y="168"/>
                    </a:lnTo>
                    <a:lnTo>
                      <a:pt x="330" y="173"/>
                    </a:lnTo>
                    <a:lnTo>
                      <a:pt x="327" y="178"/>
                    </a:lnTo>
                    <a:lnTo>
                      <a:pt x="309" y="173"/>
                    </a:lnTo>
                    <a:lnTo>
                      <a:pt x="290" y="170"/>
                    </a:lnTo>
                    <a:lnTo>
                      <a:pt x="270" y="168"/>
                    </a:lnTo>
                    <a:lnTo>
                      <a:pt x="249" y="167"/>
                    </a:lnTo>
                    <a:lnTo>
                      <a:pt x="226" y="167"/>
                    </a:lnTo>
                    <a:lnTo>
                      <a:pt x="204" y="170"/>
                    </a:lnTo>
                    <a:lnTo>
                      <a:pt x="181" y="174"/>
                    </a:lnTo>
                    <a:lnTo>
                      <a:pt x="159" y="181"/>
                    </a:lnTo>
                    <a:lnTo>
                      <a:pt x="147" y="184"/>
                    </a:lnTo>
                    <a:lnTo>
                      <a:pt x="137" y="189"/>
                    </a:lnTo>
                    <a:lnTo>
                      <a:pt x="126" y="194"/>
                    </a:lnTo>
                    <a:lnTo>
                      <a:pt x="116" y="199"/>
                    </a:lnTo>
                    <a:lnTo>
                      <a:pt x="105" y="206"/>
                    </a:lnTo>
                    <a:lnTo>
                      <a:pt x="96" y="212"/>
                    </a:lnTo>
                    <a:lnTo>
                      <a:pt x="86" y="219"/>
                    </a:lnTo>
                    <a:lnTo>
                      <a:pt x="78" y="228"/>
                    </a:lnTo>
                    <a:lnTo>
                      <a:pt x="69" y="236"/>
                    </a:lnTo>
                    <a:lnTo>
                      <a:pt x="61" y="246"/>
                    </a:lnTo>
                    <a:lnTo>
                      <a:pt x="53" y="256"/>
                    </a:lnTo>
                    <a:lnTo>
                      <a:pt x="47" y="268"/>
                    </a:lnTo>
                    <a:lnTo>
                      <a:pt x="41" y="279"/>
                    </a:lnTo>
                    <a:lnTo>
                      <a:pt x="36" y="291"/>
                    </a:lnTo>
                    <a:lnTo>
                      <a:pt x="31" y="305"/>
                    </a:lnTo>
                    <a:lnTo>
                      <a:pt x="27" y="318"/>
                    </a:lnTo>
                    <a:lnTo>
                      <a:pt x="33" y="325"/>
                    </a:lnTo>
                    <a:lnTo>
                      <a:pt x="37" y="330"/>
                    </a:lnTo>
                    <a:lnTo>
                      <a:pt x="40" y="337"/>
                    </a:lnTo>
                    <a:lnTo>
                      <a:pt x="41" y="344"/>
                    </a:lnTo>
                    <a:lnTo>
                      <a:pt x="41" y="351"/>
                    </a:lnTo>
                    <a:lnTo>
                      <a:pt x="39" y="358"/>
                    </a:lnTo>
                    <a:lnTo>
                      <a:pt x="37" y="367"/>
                    </a:lnTo>
                    <a:lnTo>
                      <a:pt x="33" y="374"/>
                    </a:lnTo>
                    <a:lnTo>
                      <a:pt x="26" y="390"/>
                    </a:lnTo>
                    <a:lnTo>
                      <a:pt x="17" y="405"/>
                    </a:lnTo>
                    <a:lnTo>
                      <a:pt x="7" y="418"/>
                    </a:lnTo>
                    <a:lnTo>
                      <a:pt x="0" y="431"/>
                    </a:lnTo>
                    <a:lnTo>
                      <a:pt x="6" y="434"/>
                    </a:lnTo>
                    <a:lnTo>
                      <a:pt x="11" y="440"/>
                    </a:lnTo>
                    <a:lnTo>
                      <a:pt x="17" y="445"/>
                    </a:lnTo>
                    <a:lnTo>
                      <a:pt x="21" y="452"/>
                    </a:lnTo>
                    <a:lnTo>
                      <a:pt x="28" y="466"/>
                    </a:lnTo>
                    <a:lnTo>
                      <a:pt x="37" y="477"/>
                    </a:lnTo>
                    <a:lnTo>
                      <a:pt x="65" y="476"/>
                    </a:lnTo>
                    <a:lnTo>
                      <a:pt x="90" y="474"/>
                    </a:lnTo>
                    <a:lnTo>
                      <a:pt x="111" y="474"/>
                    </a:lnTo>
                    <a:lnTo>
                      <a:pt x="130" y="475"/>
                    </a:lnTo>
                    <a:lnTo>
                      <a:pt x="140" y="476"/>
                    </a:lnTo>
                    <a:lnTo>
                      <a:pt x="148" y="479"/>
                    </a:lnTo>
                    <a:lnTo>
                      <a:pt x="156" y="481"/>
                    </a:lnTo>
                    <a:lnTo>
                      <a:pt x="164" y="484"/>
                    </a:lnTo>
                    <a:lnTo>
                      <a:pt x="171" y="488"/>
                    </a:lnTo>
                    <a:lnTo>
                      <a:pt x="180" y="493"/>
                    </a:lnTo>
                    <a:lnTo>
                      <a:pt x="188" y="499"/>
                    </a:lnTo>
                    <a:lnTo>
                      <a:pt x="196" y="506"/>
                    </a:lnTo>
                    <a:lnTo>
                      <a:pt x="222" y="496"/>
                    </a:lnTo>
                    <a:lnTo>
                      <a:pt x="246" y="486"/>
                    </a:lnTo>
                    <a:lnTo>
                      <a:pt x="271" y="475"/>
                    </a:lnTo>
                    <a:lnTo>
                      <a:pt x="295" y="464"/>
                    </a:lnTo>
                    <a:lnTo>
                      <a:pt x="318" y="452"/>
                    </a:lnTo>
                    <a:lnTo>
                      <a:pt x="340" y="440"/>
                    </a:lnTo>
                    <a:lnTo>
                      <a:pt x="362" y="426"/>
                    </a:lnTo>
                    <a:lnTo>
                      <a:pt x="383" y="412"/>
                    </a:lnTo>
                    <a:lnTo>
                      <a:pt x="402" y="418"/>
                    </a:lnTo>
                    <a:lnTo>
                      <a:pt x="420" y="422"/>
                    </a:lnTo>
                    <a:lnTo>
                      <a:pt x="437" y="424"/>
                    </a:lnTo>
                    <a:lnTo>
                      <a:pt x="453" y="424"/>
                    </a:lnTo>
                    <a:lnTo>
                      <a:pt x="467" y="422"/>
                    </a:lnTo>
                    <a:lnTo>
                      <a:pt x="481" y="417"/>
                    </a:lnTo>
                    <a:lnTo>
                      <a:pt x="494" y="412"/>
                    </a:lnTo>
                    <a:lnTo>
                      <a:pt x="506" y="406"/>
                    </a:lnTo>
                    <a:lnTo>
                      <a:pt x="518" y="397"/>
                    </a:lnTo>
                    <a:lnTo>
                      <a:pt x="528" y="388"/>
                    </a:lnTo>
                    <a:lnTo>
                      <a:pt x="538" y="376"/>
                    </a:lnTo>
                    <a:lnTo>
                      <a:pt x="547" y="365"/>
                    </a:lnTo>
                    <a:lnTo>
                      <a:pt x="556" y="351"/>
                    </a:lnTo>
                    <a:lnTo>
                      <a:pt x="563" y="337"/>
                    </a:lnTo>
                    <a:lnTo>
                      <a:pt x="570" y="323"/>
                    </a:lnTo>
                    <a:lnTo>
                      <a:pt x="578" y="306"/>
                    </a:lnTo>
                    <a:lnTo>
                      <a:pt x="584" y="289"/>
                    </a:lnTo>
                    <a:lnTo>
                      <a:pt x="589" y="272"/>
                    </a:lnTo>
                    <a:lnTo>
                      <a:pt x="595" y="254"/>
                    </a:lnTo>
                    <a:lnTo>
                      <a:pt x="600" y="235"/>
                    </a:lnTo>
                    <a:lnTo>
                      <a:pt x="609" y="197"/>
                    </a:lnTo>
                    <a:lnTo>
                      <a:pt x="617" y="159"/>
                    </a:lnTo>
                    <a:lnTo>
                      <a:pt x="632" y="82"/>
                    </a:lnTo>
                    <a:lnTo>
                      <a:pt x="645" y="10"/>
                    </a:lnTo>
                    <a:lnTo>
                      <a:pt x="637" y="9"/>
                    </a:lnTo>
                    <a:lnTo>
                      <a:pt x="629" y="7"/>
                    </a:lnTo>
                    <a:lnTo>
                      <a:pt x="623" y="4"/>
                    </a:lnTo>
                    <a:lnTo>
                      <a:pt x="617" y="0"/>
                    </a:lnTo>
                    <a:lnTo>
                      <a:pt x="615" y="10"/>
                    </a:lnTo>
                    <a:lnTo>
                      <a:pt x="612" y="18"/>
                    </a:lnTo>
                    <a:lnTo>
                      <a:pt x="607" y="27"/>
                    </a:lnTo>
                    <a:lnTo>
                      <a:pt x="602" y="34"/>
                    </a:lnTo>
                    <a:lnTo>
                      <a:pt x="592" y="48"/>
                    </a:lnTo>
                    <a:lnTo>
                      <a:pt x="580" y="62"/>
                    </a:lnTo>
                    <a:lnTo>
                      <a:pt x="575" y="68"/>
                    </a:lnTo>
                    <a:lnTo>
                      <a:pt x="569" y="75"/>
                    </a:lnTo>
                    <a:lnTo>
                      <a:pt x="564" y="83"/>
                    </a:lnTo>
                    <a:lnTo>
                      <a:pt x="560" y="90"/>
                    </a:lnTo>
                    <a:lnTo>
                      <a:pt x="557" y="99"/>
                    </a:lnTo>
                    <a:lnTo>
                      <a:pt x="554" y="109"/>
                    </a:lnTo>
                    <a:lnTo>
                      <a:pt x="553" y="119"/>
                    </a:lnTo>
                    <a:lnTo>
                      <a:pt x="552" y="131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051" name="Langeland"/>
            <p:cNvSpPr>
              <a:spLocks/>
            </p:cNvSpPr>
            <p:nvPr/>
          </p:nvSpPr>
          <p:spPr bwMode="auto">
            <a:xfrm>
              <a:off x="2581275" y="5668963"/>
              <a:ext cx="247650" cy="623888"/>
            </a:xfrm>
            <a:custGeom>
              <a:avLst/>
              <a:gdLst>
                <a:gd name="T0" fmla="*/ 37 w 469"/>
                <a:gd name="T1" fmla="*/ 389 h 1180"/>
                <a:gd name="T2" fmla="*/ 44 w 469"/>
                <a:gd name="T3" fmla="*/ 383 h 1180"/>
                <a:gd name="T4" fmla="*/ 49 w 469"/>
                <a:gd name="T5" fmla="*/ 375 h 1180"/>
                <a:gd name="T6" fmla="*/ 57 w 469"/>
                <a:gd name="T7" fmla="*/ 356 h 1180"/>
                <a:gd name="T8" fmla="*/ 65 w 469"/>
                <a:gd name="T9" fmla="*/ 319 h 1180"/>
                <a:gd name="T10" fmla="*/ 70 w 469"/>
                <a:gd name="T11" fmla="*/ 297 h 1180"/>
                <a:gd name="T12" fmla="*/ 82 w 469"/>
                <a:gd name="T13" fmla="*/ 253 h 1180"/>
                <a:gd name="T14" fmla="*/ 97 w 469"/>
                <a:gd name="T15" fmla="*/ 206 h 1180"/>
                <a:gd name="T16" fmla="*/ 108 w 469"/>
                <a:gd name="T17" fmla="*/ 180 h 1180"/>
                <a:gd name="T18" fmla="*/ 122 w 469"/>
                <a:gd name="T19" fmla="*/ 157 h 1180"/>
                <a:gd name="T20" fmla="*/ 135 w 469"/>
                <a:gd name="T21" fmla="*/ 113 h 1180"/>
                <a:gd name="T22" fmla="*/ 147 w 469"/>
                <a:gd name="T23" fmla="*/ 59 h 1180"/>
                <a:gd name="T24" fmla="*/ 154 w 469"/>
                <a:gd name="T25" fmla="*/ 20 h 1180"/>
                <a:gd name="T26" fmla="*/ 152 w 469"/>
                <a:gd name="T27" fmla="*/ 4 h 1180"/>
                <a:gd name="T28" fmla="*/ 141 w 469"/>
                <a:gd name="T29" fmla="*/ 16 h 1180"/>
                <a:gd name="T30" fmla="*/ 133 w 469"/>
                <a:gd name="T31" fmla="*/ 31 h 1180"/>
                <a:gd name="T32" fmla="*/ 123 w 469"/>
                <a:gd name="T33" fmla="*/ 59 h 1180"/>
                <a:gd name="T34" fmla="*/ 113 w 469"/>
                <a:gd name="T35" fmla="*/ 94 h 1180"/>
                <a:gd name="T36" fmla="*/ 102 w 469"/>
                <a:gd name="T37" fmla="*/ 129 h 1180"/>
                <a:gd name="T38" fmla="*/ 95 w 469"/>
                <a:gd name="T39" fmla="*/ 144 h 1180"/>
                <a:gd name="T40" fmla="*/ 85 w 469"/>
                <a:gd name="T41" fmla="*/ 158 h 1180"/>
                <a:gd name="T42" fmla="*/ 75 w 469"/>
                <a:gd name="T43" fmla="*/ 165 h 1180"/>
                <a:gd name="T44" fmla="*/ 69 w 469"/>
                <a:gd name="T45" fmla="*/ 166 h 1180"/>
                <a:gd name="T46" fmla="*/ 64 w 469"/>
                <a:gd name="T47" fmla="*/ 168 h 1180"/>
                <a:gd name="T48" fmla="*/ 58 w 469"/>
                <a:gd name="T49" fmla="*/ 176 h 1180"/>
                <a:gd name="T50" fmla="*/ 46 w 469"/>
                <a:gd name="T51" fmla="*/ 193 h 1180"/>
                <a:gd name="T52" fmla="*/ 33 w 469"/>
                <a:gd name="T53" fmla="*/ 210 h 1180"/>
                <a:gd name="T54" fmla="*/ 28 w 469"/>
                <a:gd name="T55" fmla="*/ 221 h 1180"/>
                <a:gd name="T56" fmla="*/ 27 w 469"/>
                <a:gd name="T57" fmla="*/ 228 h 1180"/>
                <a:gd name="T58" fmla="*/ 28 w 469"/>
                <a:gd name="T59" fmla="*/ 232 h 1180"/>
                <a:gd name="T60" fmla="*/ 30 w 469"/>
                <a:gd name="T61" fmla="*/ 233 h 1180"/>
                <a:gd name="T62" fmla="*/ 33 w 469"/>
                <a:gd name="T63" fmla="*/ 228 h 1180"/>
                <a:gd name="T64" fmla="*/ 37 w 469"/>
                <a:gd name="T65" fmla="*/ 226 h 1180"/>
                <a:gd name="T66" fmla="*/ 44 w 469"/>
                <a:gd name="T67" fmla="*/ 236 h 1180"/>
                <a:gd name="T68" fmla="*/ 50 w 469"/>
                <a:gd name="T69" fmla="*/ 259 h 1180"/>
                <a:gd name="T70" fmla="*/ 33 w 469"/>
                <a:gd name="T71" fmla="*/ 264 h 1180"/>
                <a:gd name="T72" fmla="*/ 26 w 469"/>
                <a:gd name="T73" fmla="*/ 264 h 1180"/>
                <a:gd name="T74" fmla="*/ 22 w 469"/>
                <a:gd name="T75" fmla="*/ 266 h 1180"/>
                <a:gd name="T76" fmla="*/ 21 w 469"/>
                <a:gd name="T77" fmla="*/ 277 h 1180"/>
                <a:gd name="T78" fmla="*/ 18 w 469"/>
                <a:gd name="T79" fmla="*/ 287 h 1180"/>
                <a:gd name="T80" fmla="*/ 13 w 469"/>
                <a:gd name="T81" fmla="*/ 296 h 1180"/>
                <a:gd name="T82" fmla="*/ 7 w 469"/>
                <a:gd name="T83" fmla="*/ 303 h 1180"/>
                <a:gd name="T84" fmla="*/ 0 w 469"/>
                <a:gd name="T85" fmla="*/ 306 h 1180"/>
                <a:gd name="T86" fmla="*/ 7 w 469"/>
                <a:gd name="T87" fmla="*/ 311 h 1180"/>
                <a:gd name="T88" fmla="*/ 12 w 469"/>
                <a:gd name="T89" fmla="*/ 318 h 1180"/>
                <a:gd name="T90" fmla="*/ 16 w 469"/>
                <a:gd name="T91" fmla="*/ 328 h 1180"/>
                <a:gd name="T92" fmla="*/ 21 w 469"/>
                <a:gd name="T93" fmla="*/ 346 h 1180"/>
                <a:gd name="T94" fmla="*/ 27 w 469"/>
                <a:gd name="T95" fmla="*/ 378 h 1180"/>
                <a:gd name="T96" fmla="*/ 31 w 469"/>
                <a:gd name="T97" fmla="*/ 393 h 1180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469" h="1180">
                  <a:moveTo>
                    <a:pt x="94" y="1180"/>
                  </a:moveTo>
                  <a:lnTo>
                    <a:pt x="102" y="1175"/>
                  </a:lnTo>
                  <a:lnTo>
                    <a:pt x="111" y="1169"/>
                  </a:lnTo>
                  <a:lnTo>
                    <a:pt x="118" y="1164"/>
                  </a:lnTo>
                  <a:lnTo>
                    <a:pt x="124" y="1156"/>
                  </a:lnTo>
                  <a:lnTo>
                    <a:pt x="131" y="1150"/>
                  </a:lnTo>
                  <a:lnTo>
                    <a:pt x="137" y="1141"/>
                  </a:lnTo>
                  <a:lnTo>
                    <a:pt x="142" y="1134"/>
                  </a:lnTo>
                  <a:lnTo>
                    <a:pt x="147" y="1126"/>
                  </a:lnTo>
                  <a:lnTo>
                    <a:pt x="157" y="1108"/>
                  </a:lnTo>
                  <a:lnTo>
                    <a:pt x="164" y="1089"/>
                  </a:lnTo>
                  <a:lnTo>
                    <a:pt x="171" y="1069"/>
                  </a:lnTo>
                  <a:lnTo>
                    <a:pt x="177" y="1048"/>
                  </a:lnTo>
                  <a:lnTo>
                    <a:pt x="186" y="1005"/>
                  </a:lnTo>
                  <a:lnTo>
                    <a:pt x="195" y="959"/>
                  </a:lnTo>
                  <a:lnTo>
                    <a:pt x="199" y="936"/>
                  </a:lnTo>
                  <a:lnTo>
                    <a:pt x="204" y="914"/>
                  </a:lnTo>
                  <a:lnTo>
                    <a:pt x="210" y="892"/>
                  </a:lnTo>
                  <a:lnTo>
                    <a:pt x="215" y="871"/>
                  </a:lnTo>
                  <a:lnTo>
                    <a:pt x="232" y="818"/>
                  </a:lnTo>
                  <a:lnTo>
                    <a:pt x="247" y="761"/>
                  </a:lnTo>
                  <a:lnTo>
                    <a:pt x="263" y="704"/>
                  </a:lnTo>
                  <a:lnTo>
                    <a:pt x="281" y="648"/>
                  </a:lnTo>
                  <a:lnTo>
                    <a:pt x="291" y="619"/>
                  </a:lnTo>
                  <a:lnTo>
                    <a:pt x="301" y="592"/>
                  </a:lnTo>
                  <a:lnTo>
                    <a:pt x="313" y="565"/>
                  </a:lnTo>
                  <a:lnTo>
                    <a:pt x="324" y="540"/>
                  </a:lnTo>
                  <a:lnTo>
                    <a:pt x="338" y="515"/>
                  </a:lnTo>
                  <a:lnTo>
                    <a:pt x="352" y="492"/>
                  </a:lnTo>
                  <a:lnTo>
                    <a:pt x="367" y="470"/>
                  </a:lnTo>
                  <a:lnTo>
                    <a:pt x="384" y="450"/>
                  </a:lnTo>
                  <a:lnTo>
                    <a:pt x="394" y="394"/>
                  </a:lnTo>
                  <a:lnTo>
                    <a:pt x="406" y="338"/>
                  </a:lnTo>
                  <a:lnTo>
                    <a:pt x="419" y="284"/>
                  </a:lnTo>
                  <a:lnTo>
                    <a:pt x="432" y="231"/>
                  </a:lnTo>
                  <a:lnTo>
                    <a:pt x="443" y="176"/>
                  </a:lnTo>
                  <a:lnTo>
                    <a:pt x="454" y="119"/>
                  </a:lnTo>
                  <a:lnTo>
                    <a:pt x="458" y="91"/>
                  </a:lnTo>
                  <a:lnTo>
                    <a:pt x="462" y="61"/>
                  </a:lnTo>
                  <a:lnTo>
                    <a:pt x="465" y="31"/>
                  </a:lnTo>
                  <a:lnTo>
                    <a:pt x="469" y="0"/>
                  </a:lnTo>
                  <a:lnTo>
                    <a:pt x="456" y="11"/>
                  </a:lnTo>
                  <a:lnTo>
                    <a:pt x="444" y="22"/>
                  </a:lnTo>
                  <a:lnTo>
                    <a:pt x="435" y="35"/>
                  </a:lnTo>
                  <a:lnTo>
                    <a:pt x="424" y="48"/>
                  </a:lnTo>
                  <a:lnTo>
                    <a:pt x="416" y="62"/>
                  </a:lnTo>
                  <a:lnTo>
                    <a:pt x="407" y="77"/>
                  </a:lnTo>
                  <a:lnTo>
                    <a:pt x="400" y="92"/>
                  </a:lnTo>
                  <a:lnTo>
                    <a:pt x="394" y="107"/>
                  </a:lnTo>
                  <a:lnTo>
                    <a:pt x="381" y="141"/>
                  </a:lnTo>
                  <a:lnTo>
                    <a:pt x="370" y="176"/>
                  </a:lnTo>
                  <a:lnTo>
                    <a:pt x="359" y="211"/>
                  </a:lnTo>
                  <a:lnTo>
                    <a:pt x="350" y="247"/>
                  </a:lnTo>
                  <a:lnTo>
                    <a:pt x="340" y="283"/>
                  </a:lnTo>
                  <a:lnTo>
                    <a:pt x="331" y="319"/>
                  </a:lnTo>
                  <a:lnTo>
                    <a:pt x="319" y="354"/>
                  </a:lnTo>
                  <a:lnTo>
                    <a:pt x="307" y="386"/>
                  </a:lnTo>
                  <a:lnTo>
                    <a:pt x="300" y="403"/>
                  </a:lnTo>
                  <a:lnTo>
                    <a:pt x="293" y="418"/>
                  </a:lnTo>
                  <a:lnTo>
                    <a:pt x="285" y="433"/>
                  </a:lnTo>
                  <a:lnTo>
                    <a:pt x="276" y="448"/>
                  </a:lnTo>
                  <a:lnTo>
                    <a:pt x="266" y="461"/>
                  </a:lnTo>
                  <a:lnTo>
                    <a:pt x="257" y="474"/>
                  </a:lnTo>
                  <a:lnTo>
                    <a:pt x="245" y="485"/>
                  </a:lnTo>
                  <a:lnTo>
                    <a:pt x="234" y="496"/>
                  </a:lnTo>
                  <a:lnTo>
                    <a:pt x="226" y="496"/>
                  </a:lnTo>
                  <a:lnTo>
                    <a:pt x="219" y="496"/>
                  </a:lnTo>
                  <a:lnTo>
                    <a:pt x="213" y="496"/>
                  </a:lnTo>
                  <a:lnTo>
                    <a:pt x="206" y="497"/>
                  </a:lnTo>
                  <a:lnTo>
                    <a:pt x="201" y="498"/>
                  </a:lnTo>
                  <a:lnTo>
                    <a:pt x="196" y="500"/>
                  </a:lnTo>
                  <a:lnTo>
                    <a:pt x="192" y="503"/>
                  </a:lnTo>
                  <a:lnTo>
                    <a:pt x="187" y="505"/>
                  </a:lnTo>
                  <a:lnTo>
                    <a:pt x="181" y="517"/>
                  </a:lnTo>
                  <a:lnTo>
                    <a:pt x="175" y="529"/>
                  </a:lnTo>
                  <a:lnTo>
                    <a:pt x="166" y="541"/>
                  </a:lnTo>
                  <a:lnTo>
                    <a:pt x="157" y="554"/>
                  </a:lnTo>
                  <a:lnTo>
                    <a:pt x="137" y="579"/>
                  </a:lnTo>
                  <a:lnTo>
                    <a:pt x="118" y="604"/>
                  </a:lnTo>
                  <a:lnTo>
                    <a:pt x="108" y="617"/>
                  </a:lnTo>
                  <a:lnTo>
                    <a:pt x="100" y="630"/>
                  </a:lnTo>
                  <a:lnTo>
                    <a:pt x="93" y="641"/>
                  </a:lnTo>
                  <a:lnTo>
                    <a:pt x="87" y="653"/>
                  </a:lnTo>
                  <a:lnTo>
                    <a:pt x="83" y="663"/>
                  </a:lnTo>
                  <a:lnTo>
                    <a:pt x="81" y="674"/>
                  </a:lnTo>
                  <a:lnTo>
                    <a:pt x="81" y="679"/>
                  </a:lnTo>
                  <a:lnTo>
                    <a:pt x="81" y="684"/>
                  </a:lnTo>
                  <a:lnTo>
                    <a:pt x="82" y="689"/>
                  </a:lnTo>
                  <a:lnTo>
                    <a:pt x="84" y="693"/>
                  </a:lnTo>
                  <a:lnTo>
                    <a:pt x="85" y="697"/>
                  </a:lnTo>
                  <a:lnTo>
                    <a:pt x="87" y="700"/>
                  </a:lnTo>
                  <a:lnTo>
                    <a:pt x="88" y="701"/>
                  </a:lnTo>
                  <a:lnTo>
                    <a:pt x="89" y="700"/>
                  </a:lnTo>
                  <a:lnTo>
                    <a:pt x="92" y="697"/>
                  </a:lnTo>
                  <a:lnTo>
                    <a:pt x="95" y="692"/>
                  </a:lnTo>
                  <a:lnTo>
                    <a:pt x="99" y="685"/>
                  </a:lnTo>
                  <a:lnTo>
                    <a:pt x="104" y="681"/>
                  </a:lnTo>
                  <a:lnTo>
                    <a:pt x="107" y="680"/>
                  </a:lnTo>
                  <a:lnTo>
                    <a:pt x="112" y="680"/>
                  </a:lnTo>
                  <a:lnTo>
                    <a:pt x="116" y="681"/>
                  </a:lnTo>
                  <a:lnTo>
                    <a:pt x="122" y="683"/>
                  </a:lnTo>
                  <a:lnTo>
                    <a:pt x="132" y="710"/>
                  </a:lnTo>
                  <a:lnTo>
                    <a:pt x="138" y="729"/>
                  </a:lnTo>
                  <a:lnTo>
                    <a:pt x="143" y="749"/>
                  </a:lnTo>
                  <a:lnTo>
                    <a:pt x="150" y="777"/>
                  </a:lnTo>
                  <a:lnTo>
                    <a:pt x="127" y="784"/>
                  </a:lnTo>
                  <a:lnTo>
                    <a:pt x="108" y="792"/>
                  </a:lnTo>
                  <a:lnTo>
                    <a:pt x="99" y="794"/>
                  </a:lnTo>
                  <a:lnTo>
                    <a:pt x="88" y="794"/>
                  </a:lnTo>
                  <a:lnTo>
                    <a:pt x="83" y="794"/>
                  </a:lnTo>
                  <a:lnTo>
                    <a:pt x="78" y="792"/>
                  </a:lnTo>
                  <a:lnTo>
                    <a:pt x="72" y="790"/>
                  </a:lnTo>
                  <a:lnTo>
                    <a:pt x="65" y="787"/>
                  </a:lnTo>
                  <a:lnTo>
                    <a:pt x="65" y="798"/>
                  </a:lnTo>
                  <a:lnTo>
                    <a:pt x="64" y="810"/>
                  </a:lnTo>
                  <a:lnTo>
                    <a:pt x="63" y="821"/>
                  </a:lnTo>
                  <a:lnTo>
                    <a:pt x="62" y="833"/>
                  </a:lnTo>
                  <a:lnTo>
                    <a:pt x="59" y="843"/>
                  </a:lnTo>
                  <a:lnTo>
                    <a:pt x="57" y="854"/>
                  </a:lnTo>
                  <a:lnTo>
                    <a:pt x="53" y="863"/>
                  </a:lnTo>
                  <a:lnTo>
                    <a:pt x="49" y="873"/>
                  </a:lnTo>
                  <a:lnTo>
                    <a:pt x="44" y="881"/>
                  </a:lnTo>
                  <a:lnTo>
                    <a:pt x="40" y="890"/>
                  </a:lnTo>
                  <a:lnTo>
                    <a:pt x="35" y="897"/>
                  </a:lnTo>
                  <a:lnTo>
                    <a:pt x="28" y="903"/>
                  </a:lnTo>
                  <a:lnTo>
                    <a:pt x="22" y="909"/>
                  </a:lnTo>
                  <a:lnTo>
                    <a:pt x="15" y="913"/>
                  </a:lnTo>
                  <a:lnTo>
                    <a:pt x="7" y="916"/>
                  </a:lnTo>
                  <a:lnTo>
                    <a:pt x="0" y="918"/>
                  </a:lnTo>
                  <a:lnTo>
                    <a:pt x="7" y="922"/>
                  </a:lnTo>
                  <a:lnTo>
                    <a:pt x="14" y="928"/>
                  </a:lnTo>
                  <a:lnTo>
                    <a:pt x="20" y="934"/>
                  </a:lnTo>
                  <a:lnTo>
                    <a:pt x="25" y="940"/>
                  </a:lnTo>
                  <a:lnTo>
                    <a:pt x="31" y="947"/>
                  </a:lnTo>
                  <a:lnTo>
                    <a:pt x="35" y="954"/>
                  </a:lnTo>
                  <a:lnTo>
                    <a:pt x="39" y="961"/>
                  </a:lnTo>
                  <a:lnTo>
                    <a:pt x="43" y="969"/>
                  </a:lnTo>
                  <a:lnTo>
                    <a:pt x="49" y="986"/>
                  </a:lnTo>
                  <a:lnTo>
                    <a:pt x="56" y="1003"/>
                  </a:lnTo>
                  <a:lnTo>
                    <a:pt x="60" y="1021"/>
                  </a:lnTo>
                  <a:lnTo>
                    <a:pt x="64" y="1040"/>
                  </a:lnTo>
                  <a:lnTo>
                    <a:pt x="71" y="1078"/>
                  </a:lnTo>
                  <a:lnTo>
                    <a:pt x="76" y="1116"/>
                  </a:lnTo>
                  <a:lnTo>
                    <a:pt x="80" y="1134"/>
                  </a:lnTo>
                  <a:lnTo>
                    <a:pt x="83" y="1150"/>
                  </a:lnTo>
                  <a:lnTo>
                    <a:pt x="88" y="1166"/>
                  </a:lnTo>
                  <a:lnTo>
                    <a:pt x="94" y="1180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52" name="Langeland kant"/>
            <p:cNvSpPr>
              <a:spLocks/>
            </p:cNvSpPr>
            <p:nvPr/>
          </p:nvSpPr>
          <p:spPr bwMode="auto">
            <a:xfrm>
              <a:off x="2581275" y="5668963"/>
              <a:ext cx="247650" cy="623888"/>
            </a:xfrm>
            <a:custGeom>
              <a:avLst/>
              <a:gdLst>
                <a:gd name="T0" fmla="*/ 37 w 469"/>
                <a:gd name="T1" fmla="*/ 389 h 1180"/>
                <a:gd name="T2" fmla="*/ 44 w 469"/>
                <a:gd name="T3" fmla="*/ 383 h 1180"/>
                <a:gd name="T4" fmla="*/ 49 w 469"/>
                <a:gd name="T5" fmla="*/ 375 h 1180"/>
                <a:gd name="T6" fmla="*/ 57 w 469"/>
                <a:gd name="T7" fmla="*/ 356 h 1180"/>
                <a:gd name="T8" fmla="*/ 65 w 469"/>
                <a:gd name="T9" fmla="*/ 319 h 1180"/>
                <a:gd name="T10" fmla="*/ 70 w 469"/>
                <a:gd name="T11" fmla="*/ 297 h 1180"/>
                <a:gd name="T12" fmla="*/ 82 w 469"/>
                <a:gd name="T13" fmla="*/ 253 h 1180"/>
                <a:gd name="T14" fmla="*/ 97 w 469"/>
                <a:gd name="T15" fmla="*/ 206 h 1180"/>
                <a:gd name="T16" fmla="*/ 108 w 469"/>
                <a:gd name="T17" fmla="*/ 180 h 1180"/>
                <a:gd name="T18" fmla="*/ 122 w 469"/>
                <a:gd name="T19" fmla="*/ 157 h 1180"/>
                <a:gd name="T20" fmla="*/ 135 w 469"/>
                <a:gd name="T21" fmla="*/ 113 h 1180"/>
                <a:gd name="T22" fmla="*/ 147 w 469"/>
                <a:gd name="T23" fmla="*/ 59 h 1180"/>
                <a:gd name="T24" fmla="*/ 154 w 469"/>
                <a:gd name="T25" fmla="*/ 20 h 1180"/>
                <a:gd name="T26" fmla="*/ 152 w 469"/>
                <a:gd name="T27" fmla="*/ 4 h 1180"/>
                <a:gd name="T28" fmla="*/ 141 w 469"/>
                <a:gd name="T29" fmla="*/ 16 h 1180"/>
                <a:gd name="T30" fmla="*/ 133 w 469"/>
                <a:gd name="T31" fmla="*/ 31 h 1180"/>
                <a:gd name="T32" fmla="*/ 123 w 469"/>
                <a:gd name="T33" fmla="*/ 59 h 1180"/>
                <a:gd name="T34" fmla="*/ 113 w 469"/>
                <a:gd name="T35" fmla="*/ 94 h 1180"/>
                <a:gd name="T36" fmla="*/ 102 w 469"/>
                <a:gd name="T37" fmla="*/ 129 h 1180"/>
                <a:gd name="T38" fmla="*/ 95 w 469"/>
                <a:gd name="T39" fmla="*/ 144 h 1180"/>
                <a:gd name="T40" fmla="*/ 85 w 469"/>
                <a:gd name="T41" fmla="*/ 158 h 1180"/>
                <a:gd name="T42" fmla="*/ 75 w 469"/>
                <a:gd name="T43" fmla="*/ 165 h 1180"/>
                <a:gd name="T44" fmla="*/ 69 w 469"/>
                <a:gd name="T45" fmla="*/ 166 h 1180"/>
                <a:gd name="T46" fmla="*/ 64 w 469"/>
                <a:gd name="T47" fmla="*/ 168 h 1180"/>
                <a:gd name="T48" fmla="*/ 58 w 469"/>
                <a:gd name="T49" fmla="*/ 176 h 1180"/>
                <a:gd name="T50" fmla="*/ 46 w 469"/>
                <a:gd name="T51" fmla="*/ 193 h 1180"/>
                <a:gd name="T52" fmla="*/ 33 w 469"/>
                <a:gd name="T53" fmla="*/ 210 h 1180"/>
                <a:gd name="T54" fmla="*/ 28 w 469"/>
                <a:gd name="T55" fmla="*/ 221 h 1180"/>
                <a:gd name="T56" fmla="*/ 27 w 469"/>
                <a:gd name="T57" fmla="*/ 228 h 1180"/>
                <a:gd name="T58" fmla="*/ 28 w 469"/>
                <a:gd name="T59" fmla="*/ 232 h 1180"/>
                <a:gd name="T60" fmla="*/ 30 w 469"/>
                <a:gd name="T61" fmla="*/ 233 h 1180"/>
                <a:gd name="T62" fmla="*/ 33 w 469"/>
                <a:gd name="T63" fmla="*/ 228 h 1180"/>
                <a:gd name="T64" fmla="*/ 37 w 469"/>
                <a:gd name="T65" fmla="*/ 226 h 1180"/>
                <a:gd name="T66" fmla="*/ 44 w 469"/>
                <a:gd name="T67" fmla="*/ 236 h 1180"/>
                <a:gd name="T68" fmla="*/ 50 w 469"/>
                <a:gd name="T69" fmla="*/ 259 h 1180"/>
                <a:gd name="T70" fmla="*/ 33 w 469"/>
                <a:gd name="T71" fmla="*/ 264 h 1180"/>
                <a:gd name="T72" fmla="*/ 26 w 469"/>
                <a:gd name="T73" fmla="*/ 264 h 1180"/>
                <a:gd name="T74" fmla="*/ 22 w 469"/>
                <a:gd name="T75" fmla="*/ 266 h 1180"/>
                <a:gd name="T76" fmla="*/ 21 w 469"/>
                <a:gd name="T77" fmla="*/ 277 h 1180"/>
                <a:gd name="T78" fmla="*/ 18 w 469"/>
                <a:gd name="T79" fmla="*/ 287 h 1180"/>
                <a:gd name="T80" fmla="*/ 13 w 469"/>
                <a:gd name="T81" fmla="*/ 296 h 1180"/>
                <a:gd name="T82" fmla="*/ 7 w 469"/>
                <a:gd name="T83" fmla="*/ 303 h 1180"/>
                <a:gd name="T84" fmla="*/ 0 w 469"/>
                <a:gd name="T85" fmla="*/ 306 h 1180"/>
                <a:gd name="T86" fmla="*/ 7 w 469"/>
                <a:gd name="T87" fmla="*/ 311 h 1180"/>
                <a:gd name="T88" fmla="*/ 12 w 469"/>
                <a:gd name="T89" fmla="*/ 318 h 1180"/>
                <a:gd name="T90" fmla="*/ 16 w 469"/>
                <a:gd name="T91" fmla="*/ 328 h 1180"/>
                <a:gd name="T92" fmla="*/ 21 w 469"/>
                <a:gd name="T93" fmla="*/ 346 h 1180"/>
                <a:gd name="T94" fmla="*/ 27 w 469"/>
                <a:gd name="T95" fmla="*/ 378 h 1180"/>
                <a:gd name="T96" fmla="*/ 31 w 469"/>
                <a:gd name="T97" fmla="*/ 393 h 1180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469" h="1180">
                  <a:moveTo>
                    <a:pt x="94" y="1180"/>
                  </a:moveTo>
                  <a:lnTo>
                    <a:pt x="102" y="1175"/>
                  </a:lnTo>
                  <a:lnTo>
                    <a:pt x="111" y="1169"/>
                  </a:lnTo>
                  <a:lnTo>
                    <a:pt x="118" y="1164"/>
                  </a:lnTo>
                  <a:lnTo>
                    <a:pt x="124" y="1156"/>
                  </a:lnTo>
                  <a:lnTo>
                    <a:pt x="131" y="1150"/>
                  </a:lnTo>
                  <a:lnTo>
                    <a:pt x="137" y="1141"/>
                  </a:lnTo>
                  <a:lnTo>
                    <a:pt x="142" y="1134"/>
                  </a:lnTo>
                  <a:lnTo>
                    <a:pt x="147" y="1126"/>
                  </a:lnTo>
                  <a:lnTo>
                    <a:pt x="157" y="1108"/>
                  </a:lnTo>
                  <a:lnTo>
                    <a:pt x="164" y="1089"/>
                  </a:lnTo>
                  <a:lnTo>
                    <a:pt x="171" y="1069"/>
                  </a:lnTo>
                  <a:lnTo>
                    <a:pt x="177" y="1048"/>
                  </a:lnTo>
                  <a:lnTo>
                    <a:pt x="186" y="1005"/>
                  </a:lnTo>
                  <a:lnTo>
                    <a:pt x="195" y="959"/>
                  </a:lnTo>
                  <a:lnTo>
                    <a:pt x="199" y="936"/>
                  </a:lnTo>
                  <a:lnTo>
                    <a:pt x="204" y="914"/>
                  </a:lnTo>
                  <a:lnTo>
                    <a:pt x="210" y="892"/>
                  </a:lnTo>
                  <a:lnTo>
                    <a:pt x="215" y="871"/>
                  </a:lnTo>
                  <a:lnTo>
                    <a:pt x="232" y="818"/>
                  </a:lnTo>
                  <a:lnTo>
                    <a:pt x="247" y="761"/>
                  </a:lnTo>
                  <a:lnTo>
                    <a:pt x="263" y="704"/>
                  </a:lnTo>
                  <a:lnTo>
                    <a:pt x="281" y="648"/>
                  </a:lnTo>
                  <a:lnTo>
                    <a:pt x="291" y="619"/>
                  </a:lnTo>
                  <a:lnTo>
                    <a:pt x="301" y="592"/>
                  </a:lnTo>
                  <a:lnTo>
                    <a:pt x="313" y="565"/>
                  </a:lnTo>
                  <a:lnTo>
                    <a:pt x="324" y="540"/>
                  </a:lnTo>
                  <a:lnTo>
                    <a:pt x="338" y="515"/>
                  </a:lnTo>
                  <a:lnTo>
                    <a:pt x="352" y="492"/>
                  </a:lnTo>
                  <a:lnTo>
                    <a:pt x="367" y="470"/>
                  </a:lnTo>
                  <a:lnTo>
                    <a:pt x="384" y="450"/>
                  </a:lnTo>
                  <a:lnTo>
                    <a:pt x="394" y="394"/>
                  </a:lnTo>
                  <a:lnTo>
                    <a:pt x="406" y="338"/>
                  </a:lnTo>
                  <a:lnTo>
                    <a:pt x="419" y="284"/>
                  </a:lnTo>
                  <a:lnTo>
                    <a:pt x="432" y="231"/>
                  </a:lnTo>
                  <a:lnTo>
                    <a:pt x="443" y="176"/>
                  </a:lnTo>
                  <a:lnTo>
                    <a:pt x="454" y="119"/>
                  </a:lnTo>
                  <a:lnTo>
                    <a:pt x="458" y="91"/>
                  </a:lnTo>
                  <a:lnTo>
                    <a:pt x="462" y="61"/>
                  </a:lnTo>
                  <a:lnTo>
                    <a:pt x="465" y="31"/>
                  </a:lnTo>
                  <a:lnTo>
                    <a:pt x="469" y="0"/>
                  </a:lnTo>
                  <a:lnTo>
                    <a:pt x="456" y="11"/>
                  </a:lnTo>
                  <a:lnTo>
                    <a:pt x="444" y="22"/>
                  </a:lnTo>
                  <a:lnTo>
                    <a:pt x="435" y="35"/>
                  </a:lnTo>
                  <a:lnTo>
                    <a:pt x="424" y="48"/>
                  </a:lnTo>
                  <a:lnTo>
                    <a:pt x="416" y="62"/>
                  </a:lnTo>
                  <a:lnTo>
                    <a:pt x="407" y="77"/>
                  </a:lnTo>
                  <a:lnTo>
                    <a:pt x="400" y="92"/>
                  </a:lnTo>
                  <a:lnTo>
                    <a:pt x="394" y="107"/>
                  </a:lnTo>
                  <a:lnTo>
                    <a:pt x="381" y="141"/>
                  </a:lnTo>
                  <a:lnTo>
                    <a:pt x="370" y="176"/>
                  </a:lnTo>
                  <a:lnTo>
                    <a:pt x="359" y="211"/>
                  </a:lnTo>
                  <a:lnTo>
                    <a:pt x="350" y="247"/>
                  </a:lnTo>
                  <a:lnTo>
                    <a:pt x="340" y="283"/>
                  </a:lnTo>
                  <a:lnTo>
                    <a:pt x="331" y="319"/>
                  </a:lnTo>
                  <a:lnTo>
                    <a:pt x="319" y="354"/>
                  </a:lnTo>
                  <a:lnTo>
                    <a:pt x="307" y="386"/>
                  </a:lnTo>
                  <a:lnTo>
                    <a:pt x="300" y="403"/>
                  </a:lnTo>
                  <a:lnTo>
                    <a:pt x="293" y="418"/>
                  </a:lnTo>
                  <a:lnTo>
                    <a:pt x="285" y="433"/>
                  </a:lnTo>
                  <a:lnTo>
                    <a:pt x="276" y="448"/>
                  </a:lnTo>
                  <a:lnTo>
                    <a:pt x="266" y="461"/>
                  </a:lnTo>
                  <a:lnTo>
                    <a:pt x="257" y="474"/>
                  </a:lnTo>
                  <a:lnTo>
                    <a:pt x="245" y="485"/>
                  </a:lnTo>
                  <a:lnTo>
                    <a:pt x="234" y="496"/>
                  </a:lnTo>
                  <a:lnTo>
                    <a:pt x="226" y="496"/>
                  </a:lnTo>
                  <a:lnTo>
                    <a:pt x="219" y="496"/>
                  </a:lnTo>
                  <a:lnTo>
                    <a:pt x="213" y="496"/>
                  </a:lnTo>
                  <a:lnTo>
                    <a:pt x="206" y="497"/>
                  </a:lnTo>
                  <a:lnTo>
                    <a:pt x="201" y="498"/>
                  </a:lnTo>
                  <a:lnTo>
                    <a:pt x="196" y="500"/>
                  </a:lnTo>
                  <a:lnTo>
                    <a:pt x="192" y="503"/>
                  </a:lnTo>
                  <a:lnTo>
                    <a:pt x="187" y="505"/>
                  </a:lnTo>
                  <a:lnTo>
                    <a:pt x="181" y="517"/>
                  </a:lnTo>
                  <a:lnTo>
                    <a:pt x="175" y="529"/>
                  </a:lnTo>
                  <a:lnTo>
                    <a:pt x="166" y="541"/>
                  </a:lnTo>
                  <a:lnTo>
                    <a:pt x="157" y="554"/>
                  </a:lnTo>
                  <a:lnTo>
                    <a:pt x="137" y="579"/>
                  </a:lnTo>
                  <a:lnTo>
                    <a:pt x="118" y="604"/>
                  </a:lnTo>
                  <a:lnTo>
                    <a:pt x="108" y="617"/>
                  </a:lnTo>
                  <a:lnTo>
                    <a:pt x="100" y="630"/>
                  </a:lnTo>
                  <a:lnTo>
                    <a:pt x="93" y="641"/>
                  </a:lnTo>
                  <a:lnTo>
                    <a:pt x="87" y="653"/>
                  </a:lnTo>
                  <a:lnTo>
                    <a:pt x="83" y="663"/>
                  </a:lnTo>
                  <a:lnTo>
                    <a:pt x="81" y="674"/>
                  </a:lnTo>
                  <a:lnTo>
                    <a:pt x="81" y="679"/>
                  </a:lnTo>
                  <a:lnTo>
                    <a:pt x="81" y="684"/>
                  </a:lnTo>
                  <a:lnTo>
                    <a:pt x="82" y="689"/>
                  </a:lnTo>
                  <a:lnTo>
                    <a:pt x="84" y="693"/>
                  </a:lnTo>
                  <a:lnTo>
                    <a:pt x="85" y="697"/>
                  </a:lnTo>
                  <a:lnTo>
                    <a:pt x="87" y="700"/>
                  </a:lnTo>
                  <a:lnTo>
                    <a:pt x="88" y="701"/>
                  </a:lnTo>
                  <a:lnTo>
                    <a:pt x="89" y="700"/>
                  </a:lnTo>
                  <a:lnTo>
                    <a:pt x="92" y="697"/>
                  </a:lnTo>
                  <a:lnTo>
                    <a:pt x="95" y="692"/>
                  </a:lnTo>
                  <a:lnTo>
                    <a:pt x="99" y="685"/>
                  </a:lnTo>
                  <a:lnTo>
                    <a:pt x="104" y="681"/>
                  </a:lnTo>
                  <a:lnTo>
                    <a:pt x="107" y="680"/>
                  </a:lnTo>
                  <a:lnTo>
                    <a:pt x="112" y="680"/>
                  </a:lnTo>
                  <a:lnTo>
                    <a:pt x="116" y="681"/>
                  </a:lnTo>
                  <a:lnTo>
                    <a:pt x="122" y="683"/>
                  </a:lnTo>
                  <a:lnTo>
                    <a:pt x="132" y="710"/>
                  </a:lnTo>
                  <a:lnTo>
                    <a:pt x="138" y="729"/>
                  </a:lnTo>
                  <a:lnTo>
                    <a:pt x="143" y="749"/>
                  </a:lnTo>
                  <a:lnTo>
                    <a:pt x="150" y="777"/>
                  </a:lnTo>
                  <a:lnTo>
                    <a:pt x="127" y="784"/>
                  </a:lnTo>
                  <a:lnTo>
                    <a:pt x="108" y="792"/>
                  </a:lnTo>
                  <a:lnTo>
                    <a:pt x="99" y="794"/>
                  </a:lnTo>
                  <a:lnTo>
                    <a:pt x="88" y="794"/>
                  </a:lnTo>
                  <a:lnTo>
                    <a:pt x="83" y="794"/>
                  </a:lnTo>
                  <a:lnTo>
                    <a:pt x="78" y="792"/>
                  </a:lnTo>
                  <a:lnTo>
                    <a:pt x="72" y="790"/>
                  </a:lnTo>
                  <a:lnTo>
                    <a:pt x="65" y="787"/>
                  </a:lnTo>
                  <a:lnTo>
                    <a:pt x="65" y="798"/>
                  </a:lnTo>
                  <a:lnTo>
                    <a:pt x="64" y="810"/>
                  </a:lnTo>
                  <a:lnTo>
                    <a:pt x="63" y="821"/>
                  </a:lnTo>
                  <a:lnTo>
                    <a:pt x="62" y="833"/>
                  </a:lnTo>
                  <a:lnTo>
                    <a:pt x="59" y="843"/>
                  </a:lnTo>
                  <a:lnTo>
                    <a:pt x="57" y="854"/>
                  </a:lnTo>
                  <a:lnTo>
                    <a:pt x="53" y="863"/>
                  </a:lnTo>
                  <a:lnTo>
                    <a:pt x="49" y="873"/>
                  </a:lnTo>
                  <a:lnTo>
                    <a:pt x="44" y="881"/>
                  </a:lnTo>
                  <a:lnTo>
                    <a:pt x="40" y="890"/>
                  </a:lnTo>
                  <a:lnTo>
                    <a:pt x="35" y="897"/>
                  </a:lnTo>
                  <a:lnTo>
                    <a:pt x="28" y="903"/>
                  </a:lnTo>
                  <a:lnTo>
                    <a:pt x="22" y="909"/>
                  </a:lnTo>
                  <a:lnTo>
                    <a:pt x="15" y="913"/>
                  </a:lnTo>
                  <a:lnTo>
                    <a:pt x="7" y="916"/>
                  </a:lnTo>
                  <a:lnTo>
                    <a:pt x="0" y="918"/>
                  </a:lnTo>
                  <a:lnTo>
                    <a:pt x="7" y="922"/>
                  </a:lnTo>
                  <a:lnTo>
                    <a:pt x="14" y="928"/>
                  </a:lnTo>
                  <a:lnTo>
                    <a:pt x="20" y="934"/>
                  </a:lnTo>
                  <a:lnTo>
                    <a:pt x="25" y="940"/>
                  </a:lnTo>
                  <a:lnTo>
                    <a:pt x="31" y="947"/>
                  </a:lnTo>
                  <a:lnTo>
                    <a:pt x="35" y="954"/>
                  </a:lnTo>
                  <a:lnTo>
                    <a:pt x="39" y="961"/>
                  </a:lnTo>
                  <a:lnTo>
                    <a:pt x="43" y="969"/>
                  </a:lnTo>
                  <a:lnTo>
                    <a:pt x="49" y="986"/>
                  </a:lnTo>
                  <a:lnTo>
                    <a:pt x="56" y="1003"/>
                  </a:lnTo>
                  <a:lnTo>
                    <a:pt x="60" y="1021"/>
                  </a:lnTo>
                  <a:lnTo>
                    <a:pt x="64" y="1040"/>
                  </a:lnTo>
                  <a:lnTo>
                    <a:pt x="71" y="1078"/>
                  </a:lnTo>
                  <a:lnTo>
                    <a:pt x="76" y="1116"/>
                  </a:lnTo>
                  <a:lnTo>
                    <a:pt x="80" y="1134"/>
                  </a:lnTo>
                  <a:lnTo>
                    <a:pt x="83" y="1150"/>
                  </a:lnTo>
                  <a:lnTo>
                    <a:pt x="88" y="1166"/>
                  </a:lnTo>
                  <a:lnTo>
                    <a:pt x="94" y="1180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53" name="Aabenraa"/>
            <p:cNvSpPr>
              <a:spLocks/>
            </p:cNvSpPr>
            <p:nvPr/>
          </p:nvSpPr>
          <p:spPr bwMode="auto">
            <a:xfrm>
              <a:off x="1222375" y="5678488"/>
              <a:ext cx="508000" cy="520700"/>
            </a:xfrm>
            <a:custGeom>
              <a:avLst/>
              <a:gdLst>
                <a:gd name="T0" fmla="*/ 125 w 958"/>
                <a:gd name="T1" fmla="*/ 28 h 983"/>
                <a:gd name="T2" fmla="*/ 112 w 958"/>
                <a:gd name="T3" fmla="*/ 49 h 983"/>
                <a:gd name="T4" fmla="*/ 93 w 958"/>
                <a:gd name="T5" fmla="*/ 64 h 983"/>
                <a:gd name="T6" fmla="*/ 76 w 958"/>
                <a:gd name="T7" fmla="*/ 66 h 983"/>
                <a:gd name="T8" fmla="*/ 62 w 958"/>
                <a:gd name="T9" fmla="*/ 62 h 983"/>
                <a:gd name="T10" fmla="*/ 61 w 958"/>
                <a:gd name="T11" fmla="*/ 74 h 983"/>
                <a:gd name="T12" fmla="*/ 66 w 958"/>
                <a:gd name="T13" fmla="*/ 92 h 983"/>
                <a:gd name="T14" fmla="*/ 56 w 958"/>
                <a:gd name="T15" fmla="*/ 101 h 983"/>
                <a:gd name="T16" fmla="*/ 45 w 958"/>
                <a:gd name="T17" fmla="*/ 112 h 983"/>
                <a:gd name="T18" fmla="*/ 37 w 958"/>
                <a:gd name="T19" fmla="*/ 150 h 983"/>
                <a:gd name="T20" fmla="*/ 39 w 958"/>
                <a:gd name="T21" fmla="*/ 165 h 983"/>
                <a:gd name="T22" fmla="*/ 33 w 958"/>
                <a:gd name="T23" fmla="*/ 179 h 983"/>
                <a:gd name="T24" fmla="*/ 13 w 958"/>
                <a:gd name="T25" fmla="*/ 181 h 983"/>
                <a:gd name="T26" fmla="*/ 2 w 958"/>
                <a:gd name="T27" fmla="*/ 206 h 983"/>
                <a:gd name="T28" fmla="*/ 2 w 958"/>
                <a:gd name="T29" fmla="*/ 219 h 983"/>
                <a:gd name="T30" fmla="*/ 11 w 958"/>
                <a:gd name="T31" fmla="*/ 222 h 983"/>
                <a:gd name="T32" fmla="*/ 8 w 958"/>
                <a:gd name="T33" fmla="*/ 233 h 983"/>
                <a:gd name="T34" fmla="*/ 6 w 958"/>
                <a:gd name="T35" fmla="*/ 255 h 983"/>
                <a:gd name="T36" fmla="*/ 24 w 958"/>
                <a:gd name="T37" fmla="*/ 263 h 983"/>
                <a:gd name="T38" fmla="*/ 57 w 958"/>
                <a:gd name="T39" fmla="*/ 268 h 983"/>
                <a:gd name="T40" fmla="*/ 100 w 958"/>
                <a:gd name="T41" fmla="*/ 273 h 983"/>
                <a:gd name="T42" fmla="*/ 119 w 958"/>
                <a:gd name="T43" fmla="*/ 280 h 983"/>
                <a:gd name="T44" fmla="*/ 130 w 958"/>
                <a:gd name="T45" fmla="*/ 291 h 983"/>
                <a:gd name="T46" fmla="*/ 132 w 958"/>
                <a:gd name="T47" fmla="*/ 309 h 983"/>
                <a:gd name="T48" fmla="*/ 135 w 958"/>
                <a:gd name="T49" fmla="*/ 322 h 983"/>
                <a:gd name="T50" fmla="*/ 172 w 958"/>
                <a:gd name="T51" fmla="*/ 326 h 983"/>
                <a:gd name="T52" fmla="*/ 202 w 958"/>
                <a:gd name="T53" fmla="*/ 301 h 983"/>
                <a:gd name="T54" fmla="*/ 223 w 958"/>
                <a:gd name="T55" fmla="*/ 296 h 983"/>
                <a:gd name="T56" fmla="*/ 242 w 958"/>
                <a:gd name="T57" fmla="*/ 292 h 983"/>
                <a:gd name="T58" fmla="*/ 256 w 958"/>
                <a:gd name="T59" fmla="*/ 281 h 983"/>
                <a:gd name="T60" fmla="*/ 260 w 958"/>
                <a:gd name="T61" fmla="*/ 264 h 983"/>
                <a:gd name="T62" fmla="*/ 257 w 958"/>
                <a:gd name="T63" fmla="*/ 246 h 983"/>
                <a:gd name="T64" fmla="*/ 263 w 958"/>
                <a:gd name="T65" fmla="*/ 238 h 983"/>
                <a:gd name="T66" fmla="*/ 253 w 958"/>
                <a:gd name="T67" fmla="*/ 235 h 983"/>
                <a:gd name="T68" fmla="*/ 237 w 958"/>
                <a:gd name="T69" fmla="*/ 233 h 983"/>
                <a:gd name="T70" fmla="*/ 235 w 958"/>
                <a:gd name="T71" fmla="*/ 219 h 983"/>
                <a:gd name="T72" fmla="*/ 251 w 958"/>
                <a:gd name="T73" fmla="*/ 181 h 983"/>
                <a:gd name="T74" fmla="*/ 262 w 958"/>
                <a:gd name="T75" fmla="*/ 180 h 983"/>
                <a:gd name="T76" fmla="*/ 271 w 958"/>
                <a:gd name="T77" fmla="*/ 193 h 983"/>
                <a:gd name="T78" fmla="*/ 280 w 958"/>
                <a:gd name="T79" fmla="*/ 197 h 983"/>
                <a:gd name="T80" fmla="*/ 293 w 958"/>
                <a:gd name="T81" fmla="*/ 186 h 983"/>
                <a:gd name="T82" fmla="*/ 314 w 958"/>
                <a:gd name="T83" fmla="*/ 153 h 983"/>
                <a:gd name="T84" fmla="*/ 320 w 958"/>
                <a:gd name="T85" fmla="*/ 133 h 983"/>
                <a:gd name="T86" fmla="*/ 317 w 958"/>
                <a:gd name="T87" fmla="*/ 120 h 983"/>
                <a:gd name="T88" fmla="*/ 286 w 958"/>
                <a:gd name="T89" fmla="*/ 127 h 983"/>
                <a:gd name="T90" fmla="*/ 254 w 958"/>
                <a:gd name="T91" fmla="*/ 138 h 983"/>
                <a:gd name="T92" fmla="*/ 237 w 958"/>
                <a:gd name="T93" fmla="*/ 138 h 983"/>
                <a:gd name="T94" fmla="*/ 225 w 958"/>
                <a:gd name="T95" fmla="*/ 129 h 983"/>
                <a:gd name="T96" fmla="*/ 219 w 958"/>
                <a:gd name="T97" fmla="*/ 109 h 983"/>
                <a:gd name="T98" fmla="*/ 249 w 958"/>
                <a:gd name="T99" fmla="*/ 106 h 983"/>
                <a:gd name="T100" fmla="*/ 268 w 958"/>
                <a:gd name="T101" fmla="*/ 96 h 983"/>
                <a:gd name="T102" fmla="*/ 277 w 958"/>
                <a:gd name="T103" fmla="*/ 81 h 983"/>
                <a:gd name="T104" fmla="*/ 275 w 958"/>
                <a:gd name="T105" fmla="*/ 65 h 983"/>
                <a:gd name="T106" fmla="*/ 265 w 958"/>
                <a:gd name="T107" fmla="*/ 52 h 983"/>
                <a:gd name="T108" fmla="*/ 245 w 958"/>
                <a:gd name="T109" fmla="*/ 46 h 983"/>
                <a:gd name="T110" fmla="*/ 237 w 958"/>
                <a:gd name="T111" fmla="*/ 35 h 983"/>
                <a:gd name="T112" fmla="*/ 231 w 958"/>
                <a:gd name="T113" fmla="*/ 23 h 983"/>
                <a:gd name="T114" fmla="*/ 214 w 958"/>
                <a:gd name="T115" fmla="*/ 16 h 983"/>
                <a:gd name="T116" fmla="*/ 166 w 958"/>
                <a:gd name="T117" fmla="*/ 9 h 983"/>
                <a:gd name="T118" fmla="*/ 149 w 958"/>
                <a:gd name="T119" fmla="*/ 2 h 983"/>
                <a:gd name="T120" fmla="*/ 147 w 958"/>
                <a:gd name="T121" fmla="*/ 23 h 983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958" h="983">
                  <a:moveTo>
                    <a:pt x="430" y="84"/>
                  </a:moveTo>
                  <a:lnTo>
                    <a:pt x="417" y="84"/>
                  </a:lnTo>
                  <a:lnTo>
                    <a:pt x="403" y="84"/>
                  </a:lnTo>
                  <a:lnTo>
                    <a:pt x="388" y="84"/>
                  </a:lnTo>
                  <a:lnTo>
                    <a:pt x="375" y="84"/>
                  </a:lnTo>
                  <a:lnTo>
                    <a:pt x="368" y="97"/>
                  </a:lnTo>
                  <a:lnTo>
                    <a:pt x="361" y="110"/>
                  </a:lnTo>
                  <a:lnTo>
                    <a:pt x="354" y="123"/>
                  </a:lnTo>
                  <a:lnTo>
                    <a:pt x="345" y="136"/>
                  </a:lnTo>
                  <a:lnTo>
                    <a:pt x="336" y="147"/>
                  </a:lnTo>
                  <a:lnTo>
                    <a:pt x="325" y="159"/>
                  </a:lnTo>
                  <a:lnTo>
                    <a:pt x="315" y="169"/>
                  </a:lnTo>
                  <a:lnTo>
                    <a:pt x="303" y="178"/>
                  </a:lnTo>
                  <a:lnTo>
                    <a:pt x="290" y="186"/>
                  </a:lnTo>
                  <a:lnTo>
                    <a:pt x="278" y="192"/>
                  </a:lnTo>
                  <a:lnTo>
                    <a:pt x="264" y="197"/>
                  </a:lnTo>
                  <a:lnTo>
                    <a:pt x="250" y="199"/>
                  </a:lnTo>
                  <a:lnTo>
                    <a:pt x="243" y="200"/>
                  </a:lnTo>
                  <a:lnTo>
                    <a:pt x="236" y="200"/>
                  </a:lnTo>
                  <a:lnTo>
                    <a:pt x="227" y="199"/>
                  </a:lnTo>
                  <a:lnTo>
                    <a:pt x="220" y="198"/>
                  </a:lnTo>
                  <a:lnTo>
                    <a:pt x="211" y="197"/>
                  </a:lnTo>
                  <a:lnTo>
                    <a:pt x="204" y="194"/>
                  </a:lnTo>
                  <a:lnTo>
                    <a:pt x="196" y="191"/>
                  </a:lnTo>
                  <a:lnTo>
                    <a:pt x="187" y="187"/>
                  </a:lnTo>
                  <a:lnTo>
                    <a:pt x="184" y="193"/>
                  </a:lnTo>
                  <a:lnTo>
                    <a:pt x="182" y="198"/>
                  </a:lnTo>
                  <a:lnTo>
                    <a:pt x="181" y="203"/>
                  </a:lnTo>
                  <a:lnTo>
                    <a:pt x="181" y="209"/>
                  </a:lnTo>
                  <a:lnTo>
                    <a:pt x="183" y="221"/>
                  </a:lnTo>
                  <a:lnTo>
                    <a:pt x="186" y="233"/>
                  </a:lnTo>
                  <a:lnTo>
                    <a:pt x="191" y="246"/>
                  </a:lnTo>
                  <a:lnTo>
                    <a:pt x="196" y="260"/>
                  </a:lnTo>
                  <a:lnTo>
                    <a:pt x="197" y="267"/>
                  </a:lnTo>
                  <a:lnTo>
                    <a:pt x="198" y="275"/>
                  </a:lnTo>
                  <a:lnTo>
                    <a:pt x="198" y="282"/>
                  </a:lnTo>
                  <a:lnTo>
                    <a:pt x="197" y="291"/>
                  </a:lnTo>
                  <a:lnTo>
                    <a:pt x="186" y="294"/>
                  </a:lnTo>
                  <a:lnTo>
                    <a:pt x="178" y="298"/>
                  </a:lnTo>
                  <a:lnTo>
                    <a:pt x="169" y="303"/>
                  </a:lnTo>
                  <a:lnTo>
                    <a:pt x="161" y="308"/>
                  </a:lnTo>
                  <a:lnTo>
                    <a:pt x="154" y="315"/>
                  </a:lnTo>
                  <a:lnTo>
                    <a:pt x="147" y="321"/>
                  </a:lnTo>
                  <a:lnTo>
                    <a:pt x="141" y="328"/>
                  </a:lnTo>
                  <a:lnTo>
                    <a:pt x="135" y="336"/>
                  </a:lnTo>
                  <a:lnTo>
                    <a:pt x="114" y="368"/>
                  </a:lnTo>
                  <a:lnTo>
                    <a:pt x="94" y="402"/>
                  </a:lnTo>
                  <a:lnTo>
                    <a:pt x="102" y="420"/>
                  </a:lnTo>
                  <a:lnTo>
                    <a:pt x="108" y="439"/>
                  </a:lnTo>
                  <a:lnTo>
                    <a:pt x="111" y="449"/>
                  </a:lnTo>
                  <a:lnTo>
                    <a:pt x="114" y="458"/>
                  </a:lnTo>
                  <a:lnTo>
                    <a:pt x="116" y="466"/>
                  </a:lnTo>
                  <a:lnTo>
                    <a:pt x="116" y="476"/>
                  </a:lnTo>
                  <a:lnTo>
                    <a:pt x="117" y="485"/>
                  </a:lnTo>
                  <a:lnTo>
                    <a:pt x="116" y="494"/>
                  </a:lnTo>
                  <a:lnTo>
                    <a:pt x="115" y="503"/>
                  </a:lnTo>
                  <a:lnTo>
                    <a:pt x="112" y="512"/>
                  </a:lnTo>
                  <a:lnTo>
                    <a:pt x="109" y="520"/>
                  </a:lnTo>
                  <a:lnTo>
                    <a:pt x="105" y="527"/>
                  </a:lnTo>
                  <a:lnTo>
                    <a:pt x="100" y="536"/>
                  </a:lnTo>
                  <a:lnTo>
                    <a:pt x="94" y="543"/>
                  </a:lnTo>
                  <a:lnTo>
                    <a:pt x="80" y="543"/>
                  </a:lnTo>
                  <a:lnTo>
                    <a:pt x="65" y="543"/>
                  </a:lnTo>
                  <a:lnTo>
                    <a:pt x="51" y="543"/>
                  </a:lnTo>
                  <a:lnTo>
                    <a:pt x="38" y="543"/>
                  </a:lnTo>
                  <a:lnTo>
                    <a:pt x="30" y="554"/>
                  </a:lnTo>
                  <a:lnTo>
                    <a:pt x="25" y="565"/>
                  </a:lnTo>
                  <a:lnTo>
                    <a:pt x="20" y="578"/>
                  </a:lnTo>
                  <a:lnTo>
                    <a:pt x="16" y="591"/>
                  </a:lnTo>
                  <a:lnTo>
                    <a:pt x="7" y="618"/>
                  </a:lnTo>
                  <a:lnTo>
                    <a:pt x="0" y="645"/>
                  </a:lnTo>
                  <a:lnTo>
                    <a:pt x="1" y="650"/>
                  </a:lnTo>
                  <a:lnTo>
                    <a:pt x="2" y="652"/>
                  </a:lnTo>
                  <a:lnTo>
                    <a:pt x="4" y="654"/>
                  </a:lnTo>
                  <a:lnTo>
                    <a:pt x="6" y="656"/>
                  </a:lnTo>
                  <a:lnTo>
                    <a:pt x="12" y="658"/>
                  </a:lnTo>
                  <a:lnTo>
                    <a:pt x="19" y="660"/>
                  </a:lnTo>
                  <a:lnTo>
                    <a:pt x="25" y="661"/>
                  </a:lnTo>
                  <a:lnTo>
                    <a:pt x="31" y="664"/>
                  </a:lnTo>
                  <a:lnTo>
                    <a:pt x="34" y="665"/>
                  </a:lnTo>
                  <a:lnTo>
                    <a:pt x="36" y="668"/>
                  </a:lnTo>
                  <a:lnTo>
                    <a:pt x="37" y="671"/>
                  </a:lnTo>
                  <a:lnTo>
                    <a:pt x="38" y="674"/>
                  </a:lnTo>
                  <a:lnTo>
                    <a:pt x="30" y="686"/>
                  </a:lnTo>
                  <a:lnTo>
                    <a:pt x="25" y="697"/>
                  </a:lnTo>
                  <a:lnTo>
                    <a:pt x="22" y="706"/>
                  </a:lnTo>
                  <a:lnTo>
                    <a:pt x="19" y="715"/>
                  </a:lnTo>
                  <a:lnTo>
                    <a:pt x="15" y="734"/>
                  </a:lnTo>
                  <a:lnTo>
                    <a:pt x="9" y="758"/>
                  </a:lnTo>
                  <a:lnTo>
                    <a:pt x="19" y="765"/>
                  </a:lnTo>
                  <a:lnTo>
                    <a:pt x="28" y="771"/>
                  </a:lnTo>
                  <a:lnTo>
                    <a:pt x="39" y="776"/>
                  </a:lnTo>
                  <a:lnTo>
                    <a:pt x="49" y="781"/>
                  </a:lnTo>
                  <a:lnTo>
                    <a:pt x="60" y="785"/>
                  </a:lnTo>
                  <a:lnTo>
                    <a:pt x="71" y="789"/>
                  </a:lnTo>
                  <a:lnTo>
                    <a:pt x="83" y="792"/>
                  </a:lnTo>
                  <a:lnTo>
                    <a:pt x="95" y="795"/>
                  </a:lnTo>
                  <a:lnTo>
                    <a:pt x="120" y="799"/>
                  </a:lnTo>
                  <a:lnTo>
                    <a:pt x="145" y="801"/>
                  </a:lnTo>
                  <a:lnTo>
                    <a:pt x="170" y="804"/>
                  </a:lnTo>
                  <a:lnTo>
                    <a:pt x="197" y="807"/>
                  </a:lnTo>
                  <a:lnTo>
                    <a:pt x="223" y="809"/>
                  </a:lnTo>
                  <a:lnTo>
                    <a:pt x="249" y="811"/>
                  </a:lnTo>
                  <a:lnTo>
                    <a:pt x="275" y="815"/>
                  </a:lnTo>
                  <a:lnTo>
                    <a:pt x="299" y="819"/>
                  </a:lnTo>
                  <a:lnTo>
                    <a:pt x="312" y="822"/>
                  </a:lnTo>
                  <a:lnTo>
                    <a:pt x="323" y="827"/>
                  </a:lnTo>
                  <a:lnTo>
                    <a:pt x="334" y="831"/>
                  </a:lnTo>
                  <a:lnTo>
                    <a:pt x="345" y="835"/>
                  </a:lnTo>
                  <a:lnTo>
                    <a:pt x="356" y="840"/>
                  </a:lnTo>
                  <a:lnTo>
                    <a:pt x="365" y="847"/>
                  </a:lnTo>
                  <a:lnTo>
                    <a:pt x="375" y="854"/>
                  </a:lnTo>
                  <a:lnTo>
                    <a:pt x="384" y="861"/>
                  </a:lnTo>
                  <a:lnTo>
                    <a:pt x="387" y="865"/>
                  </a:lnTo>
                  <a:lnTo>
                    <a:pt x="389" y="871"/>
                  </a:lnTo>
                  <a:lnTo>
                    <a:pt x="390" y="877"/>
                  </a:lnTo>
                  <a:lnTo>
                    <a:pt x="393" y="883"/>
                  </a:lnTo>
                  <a:lnTo>
                    <a:pt x="394" y="897"/>
                  </a:lnTo>
                  <a:lnTo>
                    <a:pt x="394" y="912"/>
                  </a:lnTo>
                  <a:lnTo>
                    <a:pt x="395" y="927"/>
                  </a:lnTo>
                  <a:lnTo>
                    <a:pt x="396" y="941"/>
                  </a:lnTo>
                  <a:lnTo>
                    <a:pt x="397" y="948"/>
                  </a:lnTo>
                  <a:lnTo>
                    <a:pt x="398" y="954"/>
                  </a:lnTo>
                  <a:lnTo>
                    <a:pt x="400" y="959"/>
                  </a:lnTo>
                  <a:lnTo>
                    <a:pt x="403" y="964"/>
                  </a:lnTo>
                  <a:lnTo>
                    <a:pt x="423" y="964"/>
                  </a:lnTo>
                  <a:lnTo>
                    <a:pt x="443" y="967"/>
                  </a:lnTo>
                  <a:lnTo>
                    <a:pt x="462" y="969"/>
                  </a:lnTo>
                  <a:lnTo>
                    <a:pt x="480" y="972"/>
                  </a:lnTo>
                  <a:lnTo>
                    <a:pt x="516" y="977"/>
                  </a:lnTo>
                  <a:lnTo>
                    <a:pt x="553" y="983"/>
                  </a:lnTo>
                  <a:lnTo>
                    <a:pt x="568" y="955"/>
                  </a:lnTo>
                  <a:lnTo>
                    <a:pt x="586" y="928"/>
                  </a:lnTo>
                  <a:lnTo>
                    <a:pt x="595" y="915"/>
                  </a:lnTo>
                  <a:lnTo>
                    <a:pt x="605" y="902"/>
                  </a:lnTo>
                  <a:lnTo>
                    <a:pt x="616" y="891"/>
                  </a:lnTo>
                  <a:lnTo>
                    <a:pt x="627" y="880"/>
                  </a:lnTo>
                  <a:lnTo>
                    <a:pt x="642" y="883"/>
                  </a:lnTo>
                  <a:lnTo>
                    <a:pt x="656" y="884"/>
                  </a:lnTo>
                  <a:lnTo>
                    <a:pt x="668" y="886"/>
                  </a:lnTo>
                  <a:lnTo>
                    <a:pt x="681" y="886"/>
                  </a:lnTo>
                  <a:lnTo>
                    <a:pt x="693" y="883"/>
                  </a:lnTo>
                  <a:lnTo>
                    <a:pt x="704" y="881"/>
                  </a:lnTo>
                  <a:lnTo>
                    <a:pt x="715" y="878"/>
                  </a:lnTo>
                  <a:lnTo>
                    <a:pt x="724" y="874"/>
                  </a:lnTo>
                  <a:lnTo>
                    <a:pt x="734" y="869"/>
                  </a:lnTo>
                  <a:lnTo>
                    <a:pt x="742" y="862"/>
                  </a:lnTo>
                  <a:lnTo>
                    <a:pt x="751" y="856"/>
                  </a:lnTo>
                  <a:lnTo>
                    <a:pt x="759" y="849"/>
                  </a:lnTo>
                  <a:lnTo>
                    <a:pt x="766" y="841"/>
                  </a:lnTo>
                  <a:lnTo>
                    <a:pt x="774" y="833"/>
                  </a:lnTo>
                  <a:lnTo>
                    <a:pt x="780" y="823"/>
                  </a:lnTo>
                  <a:lnTo>
                    <a:pt x="786" y="815"/>
                  </a:lnTo>
                  <a:lnTo>
                    <a:pt x="782" y="803"/>
                  </a:lnTo>
                  <a:lnTo>
                    <a:pt x="777" y="790"/>
                  </a:lnTo>
                  <a:lnTo>
                    <a:pt x="773" y="775"/>
                  </a:lnTo>
                  <a:lnTo>
                    <a:pt x="770" y="759"/>
                  </a:lnTo>
                  <a:lnTo>
                    <a:pt x="769" y="752"/>
                  </a:lnTo>
                  <a:lnTo>
                    <a:pt x="769" y="744"/>
                  </a:lnTo>
                  <a:lnTo>
                    <a:pt x="769" y="737"/>
                  </a:lnTo>
                  <a:lnTo>
                    <a:pt x="771" y="731"/>
                  </a:lnTo>
                  <a:lnTo>
                    <a:pt x="773" y="724"/>
                  </a:lnTo>
                  <a:lnTo>
                    <a:pt x="776" y="719"/>
                  </a:lnTo>
                  <a:lnTo>
                    <a:pt x="781" y="715"/>
                  </a:lnTo>
                  <a:lnTo>
                    <a:pt x="786" y="712"/>
                  </a:lnTo>
                  <a:lnTo>
                    <a:pt x="783" y="709"/>
                  </a:lnTo>
                  <a:lnTo>
                    <a:pt x="778" y="706"/>
                  </a:lnTo>
                  <a:lnTo>
                    <a:pt x="773" y="705"/>
                  </a:lnTo>
                  <a:lnTo>
                    <a:pt x="767" y="704"/>
                  </a:lnTo>
                  <a:lnTo>
                    <a:pt x="756" y="703"/>
                  </a:lnTo>
                  <a:lnTo>
                    <a:pt x="743" y="703"/>
                  </a:lnTo>
                  <a:lnTo>
                    <a:pt x="731" y="703"/>
                  </a:lnTo>
                  <a:lnTo>
                    <a:pt x="719" y="701"/>
                  </a:lnTo>
                  <a:lnTo>
                    <a:pt x="714" y="700"/>
                  </a:lnTo>
                  <a:lnTo>
                    <a:pt x="710" y="698"/>
                  </a:lnTo>
                  <a:lnTo>
                    <a:pt x="705" y="696"/>
                  </a:lnTo>
                  <a:lnTo>
                    <a:pt x="702" y="693"/>
                  </a:lnTo>
                  <a:lnTo>
                    <a:pt x="702" y="680"/>
                  </a:lnTo>
                  <a:lnTo>
                    <a:pt x="702" y="669"/>
                  </a:lnTo>
                  <a:lnTo>
                    <a:pt x="703" y="657"/>
                  </a:lnTo>
                  <a:lnTo>
                    <a:pt x="704" y="648"/>
                  </a:lnTo>
                  <a:lnTo>
                    <a:pt x="708" y="630"/>
                  </a:lnTo>
                  <a:lnTo>
                    <a:pt x="715" y="613"/>
                  </a:lnTo>
                  <a:lnTo>
                    <a:pt x="731" y="580"/>
                  </a:lnTo>
                  <a:lnTo>
                    <a:pt x="750" y="543"/>
                  </a:lnTo>
                  <a:lnTo>
                    <a:pt x="758" y="538"/>
                  </a:lnTo>
                  <a:lnTo>
                    <a:pt x="766" y="536"/>
                  </a:lnTo>
                  <a:lnTo>
                    <a:pt x="773" y="535"/>
                  </a:lnTo>
                  <a:lnTo>
                    <a:pt x="779" y="537"/>
                  </a:lnTo>
                  <a:lnTo>
                    <a:pt x="784" y="539"/>
                  </a:lnTo>
                  <a:lnTo>
                    <a:pt x="789" y="544"/>
                  </a:lnTo>
                  <a:lnTo>
                    <a:pt x="793" y="549"/>
                  </a:lnTo>
                  <a:lnTo>
                    <a:pt x="796" y="555"/>
                  </a:lnTo>
                  <a:lnTo>
                    <a:pt x="803" y="567"/>
                  </a:lnTo>
                  <a:lnTo>
                    <a:pt x="812" y="579"/>
                  </a:lnTo>
                  <a:lnTo>
                    <a:pt x="816" y="583"/>
                  </a:lnTo>
                  <a:lnTo>
                    <a:pt x="821" y="588"/>
                  </a:lnTo>
                  <a:lnTo>
                    <a:pt x="826" y="590"/>
                  </a:lnTo>
                  <a:lnTo>
                    <a:pt x="834" y="590"/>
                  </a:lnTo>
                  <a:lnTo>
                    <a:pt x="837" y="589"/>
                  </a:lnTo>
                  <a:lnTo>
                    <a:pt x="841" y="586"/>
                  </a:lnTo>
                  <a:lnTo>
                    <a:pt x="846" y="584"/>
                  </a:lnTo>
                  <a:lnTo>
                    <a:pt x="852" y="580"/>
                  </a:lnTo>
                  <a:lnTo>
                    <a:pt x="863" y="570"/>
                  </a:lnTo>
                  <a:lnTo>
                    <a:pt x="877" y="556"/>
                  </a:lnTo>
                  <a:lnTo>
                    <a:pt x="891" y="539"/>
                  </a:lnTo>
                  <a:lnTo>
                    <a:pt x="904" y="521"/>
                  </a:lnTo>
                  <a:lnTo>
                    <a:pt x="917" y="501"/>
                  </a:lnTo>
                  <a:lnTo>
                    <a:pt x="930" y="481"/>
                  </a:lnTo>
                  <a:lnTo>
                    <a:pt x="940" y="460"/>
                  </a:lnTo>
                  <a:lnTo>
                    <a:pt x="950" y="439"/>
                  </a:lnTo>
                  <a:lnTo>
                    <a:pt x="953" y="429"/>
                  </a:lnTo>
                  <a:lnTo>
                    <a:pt x="955" y="419"/>
                  </a:lnTo>
                  <a:lnTo>
                    <a:pt x="957" y="410"/>
                  </a:lnTo>
                  <a:lnTo>
                    <a:pt x="958" y="400"/>
                  </a:lnTo>
                  <a:lnTo>
                    <a:pt x="958" y="391"/>
                  </a:lnTo>
                  <a:lnTo>
                    <a:pt x="957" y="382"/>
                  </a:lnTo>
                  <a:lnTo>
                    <a:pt x="956" y="375"/>
                  </a:lnTo>
                  <a:lnTo>
                    <a:pt x="953" y="367"/>
                  </a:lnTo>
                  <a:lnTo>
                    <a:pt x="948" y="361"/>
                  </a:lnTo>
                  <a:lnTo>
                    <a:pt x="942" y="355"/>
                  </a:lnTo>
                  <a:lnTo>
                    <a:pt x="936" y="351"/>
                  </a:lnTo>
                  <a:lnTo>
                    <a:pt x="928" y="346"/>
                  </a:lnTo>
                  <a:lnTo>
                    <a:pt x="895" y="362"/>
                  </a:lnTo>
                  <a:lnTo>
                    <a:pt x="855" y="381"/>
                  </a:lnTo>
                  <a:lnTo>
                    <a:pt x="834" y="391"/>
                  </a:lnTo>
                  <a:lnTo>
                    <a:pt x="813" y="399"/>
                  </a:lnTo>
                  <a:lnTo>
                    <a:pt x="791" y="406"/>
                  </a:lnTo>
                  <a:lnTo>
                    <a:pt x="770" y="412"/>
                  </a:lnTo>
                  <a:lnTo>
                    <a:pt x="759" y="414"/>
                  </a:lnTo>
                  <a:lnTo>
                    <a:pt x="749" y="415"/>
                  </a:lnTo>
                  <a:lnTo>
                    <a:pt x="739" y="416"/>
                  </a:lnTo>
                  <a:lnTo>
                    <a:pt x="730" y="416"/>
                  </a:lnTo>
                  <a:lnTo>
                    <a:pt x="720" y="415"/>
                  </a:lnTo>
                  <a:lnTo>
                    <a:pt x="711" y="413"/>
                  </a:lnTo>
                  <a:lnTo>
                    <a:pt x="702" y="410"/>
                  </a:lnTo>
                  <a:lnTo>
                    <a:pt x="695" y="405"/>
                  </a:lnTo>
                  <a:lnTo>
                    <a:pt x="687" y="400"/>
                  </a:lnTo>
                  <a:lnTo>
                    <a:pt x="681" y="394"/>
                  </a:lnTo>
                  <a:lnTo>
                    <a:pt x="675" y="386"/>
                  </a:lnTo>
                  <a:lnTo>
                    <a:pt x="670" y="377"/>
                  </a:lnTo>
                  <a:lnTo>
                    <a:pt x="664" y="367"/>
                  </a:lnTo>
                  <a:lnTo>
                    <a:pt x="661" y="356"/>
                  </a:lnTo>
                  <a:lnTo>
                    <a:pt x="658" y="342"/>
                  </a:lnTo>
                  <a:lnTo>
                    <a:pt x="656" y="327"/>
                  </a:lnTo>
                  <a:lnTo>
                    <a:pt x="676" y="328"/>
                  </a:lnTo>
                  <a:lnTo>
                    <a:pt x="696" y="327"/>
                  </a:lnTo>
                  <a:lnTo>
                    <a:pt x="714" y="326"/>
                  </a:lnTo>
                  <a:lnTo>
                    <a:pt x="731" y="323"/>
                  </a:lnTo>
                  <a:lnTo>
                    <a:pt x="745" y="319"/>
                  </a:lnTo>
                  <a:lnTo>
                    <a:pt x="759" y="315"/>
                  </a:lnTo>
                  <a:lnTo>
                    <a:pt x="772" y="308"/>
                  </a:lnTo>
                  <a:lnTo>
                    <a:pt x="783" y="302"/>
                  </a:lnTo>
                  <a:lnTo>
                    <a:pt x="794" y="295"/>
                  </a:lnTo>
                  <a:lnTo>
                    <a:pt x="802" y="287"/>
                  </a:lnTo>
                  <a:lnTo>
                    <a:pt x="811" y="279"/>
                  </a:lnTo>
                  <a:lnTo>
                    <a:pt x="817" y="270"/>
                  </a:lnTo>
                  <a:lnTo>
                    <a:pt x="821" y="261"/>
                  </a:lnTo>
                  <a:lnTo>
                    <a:pt x="825" y="252"/>
                  </a:lnTo>
                  <a:lnTo>
                    <a:pt x="829" y="242"/>
                  </a:lnTo>
                  <a:lnTo>
                    <a:pt x="830" y="232"/>
                  </a:lnTo>
                  <a:lnTo>
                    <a:pt x="830" y="222"/>
                  </a:lnTo>
                  <a:lnTo>
                    <a:pt x="830" y="213"/>
                  </a:lnTo>
                  <a:lnTo>
                    <a:pt x="827" y="204"/>
                  </a:lnTo>
                  <a:lnTo>
                    <a:pt x="824" y="195"/>
                  </a:lnTo>
                  <a:lnTo>
                    <a:pt x="820" y="186"/>
                  </a:lnTo>
                  <a:lnTo>
                    <a:pt x="815" y="178"/>
                  </a:lnTo>
                  <a:lnTo>
                    <a:pt x="809" y="171"/>
                  </a:lnTo>
                  <a:lnTo>
                    <a:pt x="800" y="163"/>
                  </a:lnTo>
                  <a:lnTo>
                    <a:pt x="792" y="157"/>
                  </a:lnTo>
                  <a:lnTo>
                    <a:pt x="782" y="152"/>
                  </a:lnTo>
                  <a:lnTo>
                    <a:pt x="772" y="146"/>
                  </a:lnTo>
                  <a:lnTo>
                    <a:pt x="760" y="143"/>
                  </a:lnTo>
                  <a:lnTo>
                    <a:pt x="746" y="141"/>
                  </a:lnTo>
                  <a:lnTo>
                    <a:pt x="733" y="139"/>
                  </a:lnTo>
                  <a:lnTo>
                    <a:pt x="718" y="139"/>
                  </a:lnTo>
                  <a:lnTo>
                    <a:pt x="702" y="140"/>
                  </a:lnTo>
                  <a:lnTo>
                    <a:pt x="706" y="128"/>
                  </a:lnTo>
                  <a:lnTo>
                    <a:pt x="708" y="117"/>
                  </a:lnTo>
                  <a:lnTo>
                    <a:pt x="710" y="106"/>
                  </a:lnTo>
                  <a:lnTo>
                    <a:pt x="708" y="98"/>
                  </a:lnTo>
                  <a:lnTo>
                    <a:pt x="706" y="89"/>
                  </a:lnTo>
                  <a:lnTo>
                    <a:pt x="703" y="82"/>
                  </a:lnTo>
                  <a:lnTo>
                    <a:pt x="699" y="76"/>
                  </a:lnTo>
                  <a:lnTo>
                    <a:pt x="693" y="70"/>
                  </a:lnTo>
                  <a:lnTo>
                    <a:pt x="686" y="65"/>
                  </a:lnTo>
                  <a:lnTo>
                    <a:pt x="679" y="61"/>
                  </a:lnTo>
                  <a:lnTo>
                    <a:pt x="670" y="58"/>
                  </a:lnTo>
                  <a:lnTo>
                    <a:pt x="661" y="55"/>
                  </a:lnTo>
                  <a:lnTo>
                    <a:pt x="640" y="49"/>
                  </a:lnTo>
                  <a:lnTo>
                    <a:pt x="617" y="45"/>
                  </a:lnTo>
                  <a:lnTo>
                    <a:pt x="568" y="40"/>
                  </a:lnTo>
                  <a:lnTo>
                    <a:pt x="519" y="33"/>
                  </a:lnTo>
                  <a:lnTo>
                    <a:pt x="506" y="30"/>
                  </a:lnTo>
                  <a:lnTo>
                    <a:pt x="496" y="27"/>
                  </a:lnTo>
                  <a:lnTo>
                    <a:pt x="484" y="24"/>
                  </a:lnTo>
                  <a:lnTo>
                    <a:pt x="474" y="21"/>
                  </a:lnTo>
                  <a:lnTo>
                    <a:pt x="464" y="17"/>
                  </a:lnTo>
                  <a:lnTo>
                    <a:pt x="456" y="12"/>
                  </a:lnTo>
                  <a:lnTo>
                    <a:pt x="447" y="6"/>
                  </a:lnTo>
                  <a:lnTo>
                    <a:pt x="440" y="0"/>
                  </a:lnTo>
                  <a:lnTo>
                    <a:pt x="440" y="23"/>
                  </a:lnTo>
                  <a:lnTo>
                    <a:pt x="441" y="47"/>
                  </a:lnTo>
                  <a:lnTo>
                    <a:pt x="440" y="58"/>
                  </a:lnTo>
                  <a:lnTo>
                    <a:pt x="439" y="68"/>
                  </a:lnTo>
                  <a:lnTo>
                    <a:pt x="438" y="73"/>
                  </a:lnTo>
                  <a:lnTo>
                    <a:pt x="436" y="77"/>
                  </a:lnTo>
                  <a:lnTo>
                    <a:pt x="434" y="81"/>
                  </a:lnTo>
                  <a:lnTo>
                    <a:pt x="430" y="84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54" name="Aabenraa kant"/>
            <p:cNvSpPr>
              <a:spLocks/>
            </p:cNvSpPr>
            <p:nvPr/>
          </p:nvSpPr>
          <p:spPr bwMode="auto">
            <a:xfrm>
              <a:off x="1222375" y="5678488"/>
              <a:ext cx="508000" cy="520700"/>
            </a:xfrm>
            <a:custGeom>
              <a:avLst/>
              <a:gdLst>
                <a:gd name="T0" fmla="*/ 125 w 958"/>
                <a:gd name="T1" fmla="*/ 28 h 983"/>
                <a:gd name="T2" fmla="*/ 112 w 958"/>
                <a:gd name="T3" fmla="*/ 49 h 983"/>
                <a:gd name="T4" fmla="*/ 93 w 958"/>
                <a:gd name="T5" fmla="*/ 64 h 983"/>
                <a:gd name="T6" fmla="*/ 76 w 958"/>
                <a:gd name="T7" fmla="*/ 66 h 983"/>
                <a:gd name="T8" fmla="*/ 62 w 958"/>
                <a:gd name="T9" fmla="*/ 62 h 983"/>
                <a:gd name="T10" fmla="*/ 61 w 958"/>
                <a:gd name="T11" fmla="*/ 74 h 983"/>
                <a:gd name="T12" fmla="*/ 66 w 958"/>
                <a:gd name="T13" fmla="*/ 92 h 983"/>
                <a:gd name="T14" fmla="*/ 56 w 958"/>
                <a:gd name="T15" fmla="*/ 101 h 983"/>
                <a:gd name="T16" fmla="*/ 45 w 958"/>
                <a:gd name="T17" fmla="*/ 112 h 983"/>
                <a:gd name="T18" fmla="*/ 37 w 958"/>
                <a:gd name="T19" fmla="*/ 150 h 983"/>
                <a:gd name="T20" fmla="*/ 39 w 958"/>
                <a:gd name="T21" fmla="*/ 165 h 983"/>
                <a:gd name="T22" fmla="*/ 33 w 958"/>
                <a:gd name="T23" fmla="*/ 179 h 983"/>
                <a:gd name="T24" fmla="*/ 13 w 958"/>
                <a:gd name="T25" fmla="*/ 181 h 983"/>
                <a:gd name="T26" fmla="*/ 2 w 958"/>
                <a:gd name="T27" fmla="*/ 206 h 983"/>
                <a:gd name="T28" fmla="*/ 2 w 958"/>
                <a:gd name="T29" fmla="*/ 219 h 983"/>
                <a:gd name="T30" fmla="*/ 11 w 958"/>
                <a:gd name="T31" fmla="*/ 222 h 983"/>
                <a:gd name="T32" fmla="*/ 8 w 958"/>
                <a:gd name="T33" fmla="*/ 233 h 983"/>
                <a:gd name="T34" fmla="*/ 6 w 958"/>
                <a:gd name="T35" fmla="*/ 255 h 983"/>
                <a:gd name="T36" fmla="*/ 24 w 958"/>
                <a:gd name="T37" fmla="*/ 263 h 983"/>
                <a:gd name="T38" fmla="*/ 57 w 958"/>
                <a:gd name="T39" fmla="*/ 268 h 983"/>
                <a:gd name="T40" fmla="*/ 100 w 958"/>
                <a:gd name="T41" fmla="*/ 273 h 983"/>
                <a:gd name="T42" fmla="*/ 119 w 958"/>
                <a:gd name="T43" fmla="*/ 280 h 983"/>
                <a:gd name="T44" fmla="*/ 130 w 958"/>
                <a:gd name="T45" fmla="*/ 291 h 983"/>
                <a:gd name="T46" fmla="*/ 132 w 958"/>
                <a:gd name="T47" fmla="*/ 309 h 983"/>
                <a:gd name="T48" fmla="*/ 135 w 958"/>
                <a:gd name="T49" fmla="*/ 322 h 983"/>
                <a:gd name="T50" fmla="*/ 172 w 958"/>
                <a:gd name="T51" fmla="*/ 326 h 983"/>
                <a:gd name="T52" fmla="*/ 202 w 958"/>
                <a:gd name="T53" fmla="*/ 301 h 983"/>
                <a:gd name="T54" fmla="*/ 223 w 958"/>
                <a:gd name="T55" fmla="*/ 296 h 983"/>
                <a:gd name="T56" fmla="*/ 242 w 958"/>
                <a:gd name="T57" fmla="*/ 292 h 983"/>
                <a:gd name="T58" fmla="*/ 256 w 958"/>
                <a:gd name="T59" fmla="*/ 281 h 983"/>
                <a:gd name="T60" fmla="*/ 260 w 958"/>
                <a:gd name="T61" fmla="*/ 264 h 983"/>
                <a:gd name="T62" fmla="*/ 257 w 958"/>
                <a:gd name="T63" fmla="*/ 246 h 983"/>
                <a:gd name="T64" fmla="*/ 263 w 958"/>
                <a:gd name="T65" fmla="*/ 238 h 983"/>
                <a:gd name="T66" fmla="*/ 253 w 958"/>
                <a:gd name="T67" fmla="*/ 235 h 983"/>
                <a:gd name="T68" fmla="*/ 237 w 958"/>
                <a:gd name="T69" fmla="*/ 233 h 983"/>
                <a:gd name="T70" fmla="*/ 235 w 958"/>
                <a:gd name="T71" fmla="*/ 219 h 983"/>
                <a:gd name="T72" fmla="*/ 251 w 958"/>
                <a:gd name="T73" fmla="*/ 181 h 983"/>
                <a:gd name="T74" fmla="*/ 262 w 958"/>
                <a:gd name="T75" fmla="*/ 180 h 983"/>
                <a:gd name="T76" fmla="*/ 271 w 958"/>
                <a:gd name="T77" fmla="*/ 193 h 983"/>
                <a:gd name="T78" fmla="*/ 280 w 958"/>
                <a:gd name="T79" fmla="*/ 197 h 983"/>
                <a:gd name="T80" fmla="*/ 293 w 958"/>
                <a:gd name="T81" fmla="*/ 186 h 983"/>
                <a:gd name="T82" fmla="*/ 314 w 958"/>
                <a:gd name="T83" fmla="*/ 153 h 983"/>
                <a:gd name="T84" fmla="*/ 320 w 958"/>
                <a:gd name="T85" fmla="*/ 133 h 983"/>
                <a:gd name="T86" fmla="*/ 317 w 958"/>
                <a:gd name="T87" fmla="*/ 120 h 983"/>
                <a:gd name="T88" fmla="*/ 286 w 958"/>
                <a:gd name="T89" fmla="*/ 127 h 983"/>
                <a:gd name="T90" fmla="*/ 254 w 958"/>
                <a:gd name="T91" fmla="*/ 138 h 983"/>
                <a:gd name="T92" fmla="*/ 237 w 958"/>
                <a:gd name="T93" fmla="*/ 138 h 983"/>
                <a:gd name="T94" fmla="*/ 225 w 958"/>
                <a:gd name="T95" fmla="*/ 129 h 983"/>
                <a:gd name="T96" fmla="*/ 219 w 958"/>
                <a:gd name="T97" fmla="*/ 109 h 983"/>
                <a:gd name="T98" fmla="*/ 249 w 958"/>
                <a:gd name="T99" fmla="*/ 106 h 983"/>
                <a:gd name="T100" fmla="*/ 268 w 958"/>
                <a:gd name="T101" fmla="*/ 96 h 983"/>
                <a:gd name="T102" fmla="*/ 277 w 958"/>
                <a:gd name="T103" fmla="*/ 81 h 983"/>
                <a:gd name="T104" fmla="*/ 275 w 958"/>
                <a:gd name="T105" fmla="*/ 65 h 983"/>
                <a:gd name="T106" fmla="*/ 265 w 958"/>
                <a:gd name="T107" fmla="*/ 52 h 983"/>
                <a:gd name="T108" fmla="*/ 245 w 958"/>
                <a:gd name="T109" fmla="*/ 46 h 983"/>
                <a:gd name="T110" fmla="*/ 237 w 958"/>
                <a:gd name="T111" fmla="*/ 35 h 983"/>
                <a:gd name="T112" fmla="*/ 231 w 958"/>
                <a:gd name="T113" fmla="*/ 23 h 983"/>
                <a:gd name="T114" fmla="*/ 214 w 958"/>
                <a:gd name="T115" fmla="*/ 16 h 983"/>
                <a:gd name="T116" fmla="*/ 166 w 958"/>
                <a:gd name="T117" fmla="*/ 9 h 983"/>
                <a:gd name="T118" fmla="*/ 149 w 958"/>
                <a:gd name="T119" fmla="*/ 2 h 983"/>
                <a:gd name="T120" fmla="*/ 147 w 958"/>
                <a:gd name="T121" fmla="*/ 23 h 983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958" h="983">
                  <a:moveTo>
                    <a:pt x="430" y="84"/>
                  </a:moveTo>
                  <a:lnTo>
                    <a:pt x="417" y="84"/>
                  </a:lnTo>
                  <a:lnTo>
                    <a:pt x="403" y="84"/>
                  </a:lnTo>
                  <a:lnTo>
                    <a:pt x="388" y="84"/>
                  </a:lnTo>
                  <a:lnTo>
                    <a:pt x="375" y="84"/>
                  </a:lnTo>
                  <a:lnTo>
                    <a:pt x="368" y="97"/>
                  </a:lnTo>
                  <a:lnTo>
                    <a:pt x="361" y="110"/>
                  </a:lnTo>
                  <a:lnTo>
                    <a:pt x="354" y="123"/>
                  </a:lnTo>
                  <a:lnTo>
                    <a:pt x="345" y="136"/>
                  </a:lnTo>
                  <a:lnTo>
                    <a:pt x="336" y="147"/>
                  </a:lnTo>
                  <a:lnTo>
                    <a:pt x="325" y="159"/>
                  </a:lnTo>
                  <a:lnTo>
                    <a:pt x="315" y="169"/>
                  </a:lnTo>
                  <a:lnTo>
                    <a:pt x="303" y="178"/>
                  </a:lnTo>
                  <a:lnTo>
                    <a:pt x="290" y="186"/>
                  </a:lnTo>
                  <a:lnTo>
                    <a:pt x="278" y="192"/>
                  </a:lnTo>
                  <a:lnTo>
                    <a:pt x="264" y="197"/>
                  </a:lnTo>
                  <a:lnTo>
                    <a:pt x="250" y="199"/>
                  </a:lnTo>
                  <a:lnTo>
                    <a:pt x="243" y="200"/>
                  </a:lnTo>
                  <a:lnTo>
                    <a:pt x="236" y="200"/>
                  </a:lnTo>
                  <a:lnTo>
                    <a:pt x="227" y="199"/>
                  </a:lnTo>
                  <a:lnTo>
                    <a:pt x="220" y="198"/>
                  </a:lnTo>
                  <a:lnTo>
                    <a:pt x="211" y="197"/>
                  </a:lnTo>
                  <a:lnTo>
                    <a:pt x="204" y="194"/>
                  </a:lnTo>
                  <a:lnTo>
                    <a:pt x="196" y="191"/>
                  </a:lnTo>
                  <a:lnTo>
                    <a:pt x="187" y="187"/>
                  </a:lnTo>
                  <a:lnTo>
                    <a:pt x="184" y="193"/>
                  </a:lnTo>
                  <a:lnTo>
                    <a:pt x="182" y="198"/>
                  </a:lnTo>
                  <a:lnTo>
                    <a:pt x="181" y="203"/>
                  </a:lnTo>
                  <a:lnTo>
                    <a:pt x="181" y="209"/>
                  </a:lnTo>
                  <a:lnTo>
                    <a:pt x="183" y="221"/>
                  </a:lnTo>
                  <a:lnTo>
                    <a:pt x="186" y="233"/>
                  </a:lnTo>
                  <a:lnTo>
                    <a:pt x="191" y="246"/>
                  </a:lnTo>
                  <a:lnTo>
                    <a:pt x="196" y="260"/>
                  </a:lnTo>
                  <a:lnTo>
                    <a:pt x="197" y="267"/>
                  </a:lnTo>
                  <a:lnTo>
                    <a:pt x="198" y="275"/>
                  </a:lnTo>
                  <a:lnTo>
                    <a:pt x="198" y="282"/>
                  </a:lnTo>
                  <a:lnTo>
                    <a:pt x="197" y="291"/>
                  </a:lnTo>
                  <a:lnTo>
                    <a:pt x="186" y="294"/>
                  </a:lnTo>
                  <a:lnTo>
                    <a:pt x="178" y="298"/>
                  </a:lnTo>
                  <a:lnTo>
                    <a:pt x="169" y="303"/>
                  </a:lnTo>
                  <a:lnTo>
                    <a:pt x="161" y="308"/>
                  </a:lnTo>
                  <a:lnTo>
                    <a:pt x="154" y="315"/>
                  </a:lnTo>
                  <a:lnTo>
                    <a:pt x="147" y="321"/>
                  </a:lnTo>
                  <a:lnTo>
                    <a:pt x="141" y="328"/>
                  </a:lnTo>
                  <a:lnTo>
                    <a:pt x="135" y="336"/>
                  </a:lnTo>
                  <a:lnTo>
                    <a:pt x="114" y="368"/>
                  </a:lnTo>
                  <a:lnTo>
                    <a:pt x="94" y="402"/>
                  </a:lnTo>
                  <a:lnTo>
                    <a:pt x="102" y="420"/>
                  </a:lnTo>
                  <a:lnTo>
                    <a:pt x="108" y="439"/>
                  </a:lnTo>
                  <a:lnTo>
                    <a:pt x="111" y="449"/>
                  </a:lnTo>
                  <a:lnTo>
                    <a:pt x="114" y="458"/>
                  </a:lnTo>
                  <a:lnTo>
                    <a:pt x="116" y="466"/>
                  </a:lnTo>
                  <a:lnTo>
                    <a:pt x="116" y="476"/>
                  </a:lnTo>
                  <a:lnTo>
                    <a:pt x="117" y="485"/>
                  </a:lnTo>
                  <a:lnTo>
                    <a:pt x="116" y="494"/>
                  </a:lnTo>
                  <a:lnTo>
                    <a:pt x="115" y="503"/>
                  </a:lnTo>
                  <a:lnTo>
                    <a:pt x="112" y="512"/>
                  </a:lnTo>
                  <a:lnTo>
                    <a:pt x="109" y="520"/>
                  </a:lnTo>
                  <a:lnTo>
                    <a:pt x="105" y="527"/>
                  </a:lnTo>
                  <a:lnTo>
                    <a:pt x="100" y="536"/>
                  </a:lnTo>
                  <a:lnTo>
                    <a:pt x="94" y="543"/>
                  </a:lnTo>
                  <a:lnTo>
                    <a:pt x="80" y="543"/>
                  </a:lnTo>
                  <a:lnTo>
                    <a:pt x="65" y="543"/>
                  </a:lnTo>
                  <a:lnTo>
                    <a:pt x="51" y="543"/>
                  </a:lnTo>
                  <a:lnTo>
                    <a:pt x="38" y="543"/>
                  </a:lnTo>
                  <a:lnTo>
                    <a:pt x="30" y="554"/>
                  </a:lnTo>
                  <a:lnTo>
                    <a:pt x="25" y="565"/>
                  </a:lnTo>
                  <a:lnTo>
                    <a:pt x="20" y="578"/>
                  </a:lnTo>
                  <a:lnTo>
                    <a:pt x="16" y="591"/>
                  </a:lnTo>
                  <a:lnTo>
                    <a:pt x="7" y="618"/>
                  </a:lnTo>
                  <a:lnTo>
                    <a:pt x="0" y="645"/>
                  </a:lnTo>
                  <a:lnTo>
                    <a:pt x="1" y="650"/>
                  </a:lnTo>
                  <a:lnTo>
                    <a:pt x="2" y="652"/>
                  </a:lnTo>
                  <a:lnTo>
                    <a:pt x="4" y="654"/>
                  </a:lnTo>
                  <a:lnTo>
                    <a:pt x="6" y="656"/>
                  </a:lnTo>
                  <a:lnTo>
                    <a:pt x="12" y="658"/>
                  </a:lnTo>
                  <a:lnTo>
                    <a:pt x="19" y="660"/>
                  </a:lnTo>
                  <a:lnTo>
                    <a:pt x="25" y="661"/>
                  </a:lnTo>
                  <a:lnTo>
                    <a:pt x="31" y="664"/>
                  </a:lnTo>
                  <a:lnTo>
                    <a:pt x="34" y="665"/>
                  </a:lnTo>
                  <a:lnTo>
                    <a:pt x="36" y="668"/>
                  </a:lnTo>
                  <a:lnTo>
                    <a:pt x="37" y="671"/>
                  </a:lnTo>
                  <a:lnTo>
                    <a:pt x="38" y="674"/>
                  </a:lnTo>
                  <a:lnTo>
                    <a:pt x="30" y="686"/>
                  </a:lnTo>
                  <a:lnTo>
                    <a:pt x="25" y="697"/>
                  </a:lnTo>
                  <a:lnTo>
                    <a:pt x="22" y="706"/>
                  </a:lnTo>
                  <a:lnTo>
                    <a:pt x="19" y="715"/>
                  </a:lnTo>
                  <a:lnTo>
                    <a:pt x="15" y="734"/>
                  </a:lnTo>
                  <a:lnTo>
                    <a:pt x="9" y="758"/>
                  </a:lnTo>
                  <a:lnTo>
                    <a:pt x="19" y="765"/>
                  </a:lnTo>
                  <a:lnTo>
                    <a:pt x="28" y="771"/>
                  </a:lnTo>
                  <a:lnTo>
                    <a:pt x="39" y="776"/>
                  </a:lnTo>
                  <a:lnTo>
                    <a:pt x="49" y="781"/>
                  </a:lnTo>
                  <a:lnTo>
                    <a:pt x="60" y="785"/>
                  </a:lnTo>
                  <a:lnTo>
                    <a:pt x="71" y="789"/>
                  </a:lnTo>
                  <a:lnTo>
                    <a:pt x="83" y="792"/>
                  </a:lnTo>
                  <a:lnTo>
                    <a:pt x="95" y="795"/>
                  </a:lnTo>
                  <a:lnTo>
                    <a:pt x="120" y="799"/>
                  </a:lnTo>
                  <a:lnTo>
                    <a:pt x="145" y="801"/>
                  </a:lnTo>
                  <a:lnTo>
                    <a:pt x="170" y="804"/>
                  </a:lnTo>
                  <a:lnTo>
                    <a:pt x="197" y="807"/>
                  </a:lnTo>
                  <a:lnTo>
                    <a:pt x="223" y="809"/>
                  </a:lnTo>
                  <a:lnTo>
                    <a:pt x="249" y="811"/>
                  </a:lnTo>
                  <a:lnTo>
                    <a:pt x="275" y="815"/>
                  </a:lnTo>
                  <a:lnTo>
                    <a:pt x="299" y="819"/>
                  </a:lnTo>
                  <a:lnTo>
                    <a:pt x="312" y="822"/>
                  </a:lnTo>
                  <a:lnTo>
                    <a:pt x="323" y="827"/>
                  </a:lnTo>
                  <a:lnTo>
                    <a:pt x="334" y="831"/>
                  </a:lnTo>
                  <a:lnTo>
                    <a:pt x="345" y="835"/>
                  </a:lnTo>
                  <a:lnTo>
                    <a:pt x="356" y="840"/>
                  </a:lnTo>
                  <a:lnTo>
                    <a:pt x="365" y="847"/>
                  </a:lnTo>
                  <a:lnTo>
                    <a:pt x="375" y="854"/>
                  </a:lnTo>
                  <a:lnTo>
                    <a:pt x="384" y="861"/>
                  </a:lnTo>
                  <a:lnTo>
                    <a:pt x="387" y="865"/>
                  </a:lnTo>
                  <a:lnTo>
                    <a:pt x="389" y="871"/>
                  </a:lnTo>
                  <a:lnTo>
                    <a:pt x="390" y="877"/>
                  </a:lnTo>
                  <a:lnTo>
                    <a:pt x="393" y="883"/>
                  </a:lnTo>
                  <a:lnTo>
                    <a:pt x="394" y="897"/>
                  </a:lnTo>
                  <a:lnTo>
                    <a:pt x="394" y="912"/>
                  </a:lnTo>
                  <a:lnTo>
                    <a:pt x="395" y="927"/>
                  </a:lnTo>
                  <a:lnTo>
                    <a:pt x="396" y="941"/>
                  </a:lnTo>
                  <a:lnTo>
                    <a:pt x="397" y="948"/>
                  </a:lnTo>
                  <a:lnTo>
                    <a:pt x="398" y="954"/>
                  </a:lnTo>
                  <a:lnTo>
                    <a:pt x="400" y="959"/>
                  </a:lnTo>
                  <a:lnTo>
                    <a:pt x="403" y="964"/>
                  </a:lnTo>
                  <a:lnTo>
                    <a:pt x="423" y="964"/>
                  </a:lnTo>
                  <a:lnTo>
                    <a:pt x="443" y="967"/>
                  </a:lnTo>
                  <a:lnTo>
                    <a:pt x="462" y="969"/>
                  </a:lnTo>
                  <a:lnTo>
                    <a:pt x="480" y="972"/>
                  </a:lnTo>
                  <a:lnTo>
                    <a:pt x="516" y="977"/>
                  </a:lnTo>
                  <a:lnTo>
                    <a:pt x="553" y="983"/>
                  </a:lnTo>
                  <a:lnTo>
                    <a:pt x="568" y="955"/>
                  </a:lnTo>
                  <a:lnTo>
                    <a:pt x="586" y="928"/>
                  </a:lnTo>
                  <a:lnTo>
                    <a:pt x="595" y="915"/>
                  </a:lnTo>
                  <a:lnTo>
                    <a:pt x="605" y="902"/>
                  </a:lnTo>
                  <a:lnTo>
                    <a:pt x="616" y="891"/>
                  </a:lnTo>
                  <a:lnTo>
                    <a:pt x="627" y="880"/>
                  </a:lnTo>
                  <a:lnTo>
                    <a:pt x="642" y="883"/>
                  </a:lnTo>
                  <a:lnTo>
                    <a:pt x="656" y="884"/>
                  </a:lnTo>
                  <a:lnTo>
                    <a:pt x="668" y="886"/>
                  </a:lnTo>
                  <a:lnTo>
                    <a:pt x="681" y="886"/>
                  </a:lnTo>
                  <a:lnTo>
                    <a:pt x="693" y="883"/>
                  </a:lnTo>
                  <a:lnTo>
                    <a:pt x="704" y="881"/>
                  </a:lnTo>
                  <a:lnTo>
                    <a:pt x="715" y="878"/>
                  </a:lnTo>
                  <a:lnTo>
                    <a:pt x="724" y="874"/>
                  </a:lnTo>
                  <a:lnTo>
                    <a:pt x="734" y="869"/>
                  </a:lnTo>
                  <a:lnTo>
                    <a:pt x="742" y="862"/>
                  </a:lnTo>
                  <a:lnTo>
                    <a:pt x="751" y="856"/>
                  </a:lnTo>
                  <a:lnTo>
                    <a:pt x="759" y="849"/>
                  </a:lnTo>
                  <a:lnTo>
                    <a:pt x="766" y="841"/>
                  </a:lnTo>
                  <a:lnTo>
                    <a:pt x="774" y="833"/>
                  </a:lnTo>
                  <a:lnTo>
                    <a:pt x="780" y="823"/>
                  </a:lnTo>
                  <a:lnTo>
                    <a:pt x="786" y="815"/>
                  </a:lnTo>
                  <a:lnTo>
                    <a:pt x="782" y="803"/>
                  </a:lnTo>
                  <a:lnTo>
                    <a:pt x="777" y="790"/>
                  </a:lnTo>
                  <a:lnTo>
                    <a:pt x="773" y="775"/>
                  </a:lnTo>
                  <a:lnTo>
                    <a:pt x="770" y="759"/>
                  </a:lnTo>
                  <a:lnTo>
                    <a:pt x="769" y="752"/>
                  </a:lnTo>
                  <a:lnTo>
                    <a:pt x="769" y="744"/>
                  </a:lnTo>
                  <a:lnTo>
                    <a:pt x="769" y="737"/>
                  </a:lnTo>
                  <a:lnTo>
                    <a:pt x="771" y="731"/>
                  </a:lnTo>
                  <a:lnTo>
                    <a:pt x="773" y="724"/>
                  </a:lnTo>
                  <a:lnTo>
                    <a:pt x="776" y="719"/>
                  </a:lnTo>
                  <a:lnTo>
                    <a:pt x="781" y="715"/>
                  </a:lnTo>
                  <a:lnTo>
                    <a:pt x="786" y="712"/>
                  </a:lnTo>
                  <a:lnTo>
                    <a:pt x="783" y="709"/>
                  </a:lnTo>
                  <a:lnTo>
                    <a:pt x="778" y="706"/>
                  </a:lnTo>
                  <a:lnTo>
                    <a:pt x="773" y="705"/>
                  </a:lnTo>
                  <a:lnTo>
                    <a:pt x="767" y="704"/>
                  </a:lnTo>
                  <a:lnTo>
                    <a:pt x="756" y="703"/>
                  </a:lnTo>
                  <a:lnTo>
                    <a:pt x="743" y="703"/>
                  </a:lnTo>
                  <a:lnTo>
                    <a:pt x="731" y="703"/>
                  </a:lnTo>
                  <a:lnTo>
                    <a:pt x="719" y="701"/>
                  </a:lnTo>
                  <a:lnTo>
                    <a:pt x="714" y="700"/>
                  </a:lnTo>
                  <a:lnTo>
                    <a:pt x="710" y="698"/>
                  </a:lnTo>
                  <a:lnTo>
                    <a:pt x="705" y="696"/>
                  </a:lnTo>
                  <a:lnTo>
                    <a:pt x="702" y="693"/>
                  </a:lnTo>
                  <a:lnTo>
                    <a:pt x="702" y="680"/>
                  </a:lnTo>
                  <a:lnTo>
                    <a:pt x="702" y="669"/>
                  </a:lnTo>
                  <a:lnTo>
                    <a:pt x="703" y="657"/>
                  </a:lnTo>
                  <a:lnTo>
                    <a:pt x="704" y="648"/>
                  </a:lnTo>
                  <a:lnTo>
                    <a:pt x="708" y="630"/>
                  </a:lnTo>
                  <a:lnTo>
                    <a:pt x="715" y="613"/>
                  </a:lnTo>
                  <a:lnTo>
                    <a:pt x="731" y="580"/>
                  </a:lnTo>
                  <a:lnTo>
                    <a:pt x="750" y="543"/>
                  </a:lnTo>
                  <a:lnTo>
                    <a:pt x="758" y="538"/>
                  </a:lnTo>
                  <a:lnTo>
                    <a:pt x="766" y="536"/>
                  </a:lnTo>
                  <a:lnTo>
                    <a:pt x="773" y="535"/>
                  </a:lnTo>
                  <a:lnTo>
                    <a:pt x="779" y="537"/>
                  </a:lnTo>
                  <a:lnTo>
                    <a:pt x="784" y="539"/>
                  </a:lnTo>
                  <a:lnTo>
                    <a:pt x="789" y="544"/>
                  </a:lnTo>
                  <a:lnTo>
                    <a:pt x="793" y="549"/>
                  </a:lnTo>
                  <a:lnTo>
                    <a:pt x="796" y="555"/>
                  </a:lnTo>
                  <a:lnTo>
                    <a:pt x="803" y="567"/>
                  </a:lnTo>
                  <a:lnTo>
                    <a:pt x="812" y="579"/>
                  </a:lnTo>
                  <a:lnTo>
                    <a:pt x="816" y="583"/>
                  </a:lnTo>
                  <a:lnTo>
                    <a:pt x="821" y="588"/>
                  </a:lnTo>
                  <a:lnTo>
                    <a:pt x="826" y="590"/>
                  </a:lnTo>
                  <a:lnTo>
                    <a:pt x="834" y="590"/>
                  </a:lnTo>
                  <a:lnTo>
                    <a:pt x="837" y="589"/>
                  </a:lnTo>
                  <a:lnTo>
                    <a:pt x="841" y="586"/>
                  </a:lnTo>
                  <a:lnTo>
                    <a:pt x="846" y="584"/>
                  </a:lnTo>
                  <a:lnTo>
                    <a:pt x="852" y="580"/>
                  </a:lnTo>
                  <a:lnTo>
                    <a:pt x="863" y="570"/>
                  </a:lnTo>
                  <a:lnTo>
                    <a:pt x="877" y="556"/>
                  </a:lnTo>
                  <a:lnTo>
                    <a:pt x="891" y="539"/>
                  </a:lnTo>
                  <a:lnTo>
                    <a:pt x="904" y="521"/>
                  </a:lnTo>
                  <a:lnTo>
                    <a:pt x="917" y="501"/>
                  </a:lnTo>
                  <a:lnTo>
                    <a:pt x="930" y="481"/>
                  </a:lnTo>
                  <a:lnTo>
                    <a:pt x="940" y="460"/>
                  </a:lnTo>
                  <a:lnTo>
                    <a:pt x="950" y="439"/>
                  </a:lnTo>
                  <a:lnTo>
                    <a:pt x="953" y="429"/>
                  </a:lnTo>
                  <a:lnTo>
                    <a:pt x="955" y="419"/>
                  </a:lnTo>
                  <a:lnTo>
                    <a:pt x="957" y="410"/>
                  </a:lnTo>
                  <a:lnTo>
                    <a:pt x="958" y="400"/>
                  </a:lnTo>
                  <a:lnTo>
                    <a:pt x="958" y="391"/>
                  </a:lnTo>
                  <a:lnTo>
                    <a:pt x="957" y="382"/>
                  </a:lnTo>
                  <a:lnTo>
                    <a:pt x="956" y="375"/>
                  </a:lnTo>
                  <a:lnTo>
                    <a:pt x="953" y="367"/>
                  </a:lnTo>
                  <a:lnTo>
                    <a:pt x="948" y="361"/>
                  </a:lnTo>
                  <a:lnTo>
                    <a:pt x="942" y="355"/>
                  </a:lnTo>
                  <a:lnTo>
                    <a:pt x="936" y="351"/>
                  </a:lnTo>
                  <a:lnTo>
                    <a:pt x="928" y="346"/>
                  </a:lnTo>
                  <a:lnTo>
                    <a:pt x="895" y="362"/>
                  </a:lnTo>
                  <a:lnTo>
                    <a:pt x="855" y="381"/>
                  </a:lnTo>
                  <a:lnTo>
                    <a:pt x="834" y="391"/>
                  </a:lnTo>
                  <a:lnTo>
                    <a:pt x="813" y="399"/>
                  </a:lnTo>
                  <a:lnTo>
                    <a:pt x="791" y="406"/>
                  </a:lnTo>
                  <a:lnTo>
                    <a:pt x="770" y="412"/>
                  </a:lnTo>
                  <a:lnTo>
                    <a:pt x="759" y="414"/>
                  </a:lnTo>
                  <a:lnTo>
                    <a:pt x="749" y="415"/>
                  </a:lnTo>
                  <a:lnTo>
                    <a:pt x="739" y="416"/>
                  </a:lnTo>
                  <a:lnTo>
                    <a:pt x="730" y="416"/>
                  </a:lnTo>
                  <a:lnTo>
                    <a:pt x="720" y="415"/>
                  </a:lnTo>
                  <a:lnTo>
                    <a:pt x="711" y="413"/>
                  </a:lnTo>
                  <a:lnTo>
                    <a:pt x="702" y="410"/>
                  </a:lnTo>
                  <a:lnTo>
                    <a:pt x="695" y="405"/>
                  </a:lnTo>
                  <a:lnTo>
                    <a:pt x="687" y="400"/>
                  </a:lnTo>
                  <a:lnTo>
                    <a:pt x="681" y="394"/>
                  </a:lnTo>
                  <a:lnTo>
                    <a:pt x="675" y="386"/>
                  </a:lnTo>
                  <a:lnTo>
                    <a:pt x="670" y="377"/>
                  </a:lnTo>
                  <a:lnTo>
                    <a:pt x="664" y="367"/>
                  </a:lnTo>
                  <a:lnTo>
                    <a:pt x="661" y="356"/>
                  </a:lnTo>
                  <a:lnTo>
                    <a:pt x="658" y="342"/>
                  </a:lnTo>
                  <a:lnTo>
                    <a:pt x="656" y="327"/>
                  </a:lnTo>
                  <a:lnTo>
                    <a:pt x="676" y="328"/>
                  </a:lnTo>
                  <a:lnTo>
                    <a:pt x="696" y="327"/>
                  </a:lnTo>
                  <a:lnTo>
                    <a:pt x="714" y="326"/>
                  </a:lnTo>
                  <a:lnTo>
                    <a:pt x="731" y="323"/>
                  </a:lnTo>
                  <a:lnTo>
                    <a:pt x="745" y="319"/>
                  </a:lnTo>
                  <a:lnTo>
                    <a:pt x="759" y="315"/>
                  </a:lnTo>
                  <a:lnTo>
                    <a:pt x="772" y="308"/>
                  </a:lnTo>
                  <a:lnTo>
                    <a:pt x="783" y="302"/>
                  </a:lnTo>
                  <a:lnTo>
                    <a:pt x="794" y="295"/>
                  </a:lnTo>
                  <a:lnTo>
                    <a:pt x="802" y="287"/>
                  </a:lnTo>
                  <a:lnTo>
                    <a:pt x="811" y="279"/>
                  </a:lnTo>
                  <a:lnTo>
                    <a:pt x="817" y="270"/>
                  </a:lnTo>
                  <a:lnTo>
                    <a:pt x="821" y="261"/>
                  </a:lnTo>
                  <a:lnTo>
                    <a:pt x="825" y="252"/>
                  </a:lnTo>
                  <a:lnTo>
                    <a:pt x="829" y="242"/>
                  </a:lnTo>
                  <a:lnTo>
                    <a:pt x="830" y="232"/>
                  </a:lnTo>
                  <a:lnTo>
                    <a:pt x="830" y="222"/>
                  </a:lnTo>
                  <a:lnTo>
                    <a:pt x="830" y="213"/>
                  </a:lnTo>
                  <a:lnTo>
                    <a:pt x="827" y="204"/>
                  </a:lnTo>
                  <a:lnTo>
                    <a:pt x="824" y="195"/>
                  </a:lnTo>
                  <a:lnTo>
                    <a:pt x="820" y="186"/>
                  </a:lnTo>
                  <a:lnTo>
                    <a:pt x="815" y="178"/>
                  </a:lnTo>
                  <a:lnTo>
                    <a:pt x="809" y="171"/>
                  </a:lnTo>
                  <a:lnTo>
                    <a:pt x="800" y="163"/>
                  </a:lnTo>
                  <a:lnTo>
                    <a:pt x="792" y="157"/>
                  </a:lnTo>
                  <a:lnTo>
                    <a:pt x="782" y="152"/>
                  </a:lnTo>
                  <a:lnTo>
                    <a:pt x="772" y="146"/>
                  </a:lnTo>
                  <a:lnTo>
                    <a:pt x="760" y="143"/>
                  </a:lnTo>
                  <a:lnTo>
                    <a:pt x="746" y="141"/>
                  </a:lnTo>
                  <a:lnTo>
                    <a:pt x="733" y="139"/>
                  </a:lnTo>
                  <a:lnTo>
                    <a:pt x="718" y="139"/>
                  </a:lnTo>
                  <a:lnTo>
                    <a:pt x="702" y="140"/>
                  </a:lnTo>
                  <a:lnTo>
                    <a:pt x="706" y="128"/>
                  </a:lnTo>
                  <a:lnTo>
                    <a:pt x="708" y="117"/>
                  </a:lnTo>
                  <a:lnTo>
                    <a:pt x="710" y="106"/>
                  </a:lnTo>
                  <a:lnTo>
                    <a:pt x="708" y="98"/>
                  </a:lnTo>
                  <a:lnTo>
                    <a:pt x="706" y="89"/>
                  </a:lnTo>
                  <a:lnTo>
                    <a:pt x="703" y="82"/>
                  </a:lnTo>
                  <a:lnTo>
                    <a:pt x="699" y="76"/>
                  </a:lnTo>
                  <a:lnTo>
                    <a:pt x="693" y="70"/>
                  </a:lnTo>
                  <a:lnTo>
                    <a:pt x="686" y="65"/>
                  </a:lnTo>
                  <a:lnTo>
                    <a:pt x="679" y="61"/>
                  </a:lnTo>
                  <a:lnTo>
                    <a:pt x="670" y="58"/>
                  </a:lnTo>
                  <a:lnTo>
                    <a:pt x="661" y="55"/>
                  </a:lnTo>
                  <a:lnTo>
                    <a:pt x="640" y="49"/>
                  </a:lnTo>
                  <a:lnTo>
                    <a:pt x="617" y="45"/>
                  </a:lnTo>
                  <a:lnTo>
                    <a:pt x="568" y="40"/>
                  </a:lnTo>
                  <a:lnTo>
                    <a:pt x="519" y="33"/>
                  </a:lnTo>
                  <a:lnTo>
                    <a:pt x="506" y="30"/>
                  </a:lnTo>
                  <a:lnTo>
                    <a:pt x="496" y="27"/>
                  </a:lnTo>
                  <a:lnTo>
                    <a:pt x="484" y="24"/>
                  </a:lnTo>
                  <a:lnTo>
                    <a:pt x="474" y="21"/>
                  </a:lnTo>
                  <a:lnTo>
                    <a:pt x="464" y="17"/>
                  </a:lnTo>
                  <a:lnTo>
                    <a:pt x="456" y="12"/>
                  </a:lnTo>
                  <a:lnTo>
                    <a:pt x="447" y="6"/>
                  </a:lnTo>
                  <a:lnTo>
                    <a:pt x="440" y="0"/>
                  </a:lnTo>
                  <a:lnTo>
                    <a:pt x="440" y="23"/>
                  </a:lnTo>
                  <a:lnTo>
                    <a:pt x="441" y="47"/>
                  </a:lnTo>
                  <a:lnTo>
                    <a:pt x="440" y="58"/>
                  </a:lnTo>
                  <a:lnTo>
                    <a:pt x="439" y="68"/>
                  </a:lnTo>
                  <a:lnTo>
                    <a:pt x="438" y="73"/>
                  </a:lnTo>
                  <a:lnTo>
                    <a:pt x="436" y="77"/>
                  </a:lnTo>
                  <a:lnTo>
                    <a:pt x="434" y="81"/>
                  </a:lnTo>
                  <a:lnTo>
                    <a:pt x="430" y="84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055" name="Sønderborg"/>
            <p:cNvGrpSpPr/>
            <p:nvPr/>
          </p:nvGrpSpPr>
          <p:grpSpPr>
            <a:xfrm>
              <a:off x="1604963" y="5805488"/>
              <a:ext cx="495300" cy="338138"/>
              <a:chOff x="1604963" y="5805488"/>
              <a:chExt cx="495300" cy="338138"/>
            </a:xfrm>
            <a:grpFill/>
          </p:grpSpPr>
          <p:sp>
            <p:nvSpPr>
              <p:cNvPr id="1076" name="Sønderborg"/>
              <p:cNvSpPr>
                <a:spLocks/>
              </p:cNvSpPr>
              <p:nvPr/>
            </p:nvSpPr>
            <p:spPr bwMode="auto">
              <a:xfrm>
                <a:off x="1951038" y="6069013"/>
                <a:ext cx="79375" cy="49213"/>
              </a:xfrm>
              <a:custGeom>
                <a:avLst/>
                <a:gdLst>
                  <a:gd name="T0" fmla="*/ 7 w 152"/>
                  <a:gd name="T1" fmla="*/ 0 h 93"/>
                  <a:gd name="T2" fmla="*/ 17 w 152"/>
                  <a:gd name="T3" fmla="*/ 8 h 93"/>
                  <a:gd name="T4" fmla="*/ 27 w 152"/>
                  <a:gd name="T5" fmla="*/ 15 h 93"/>
                  <a:gd name="T6" fmla="*/ 32 w 152"/>
                  <a:gd name="T7" fmla="*/ 19 h 93"/>
                  <a:gd name="T8" fmla="*/ 38 w 152"/>
                  <a:gd name="T9" fmla="*/ 23 h 93"/>
                  <a:gd name="T10" fmla="*/ 44 w 152"/>
                  <a:gd name="T11" fmla="*/ 26 h 93"/>
                  <a:gd name="T12" fmla="*/ 50 w 152"/>
                  <a:gd name="T13" fmla="*/ 28 h 93"/>
                  <a:gd name="T14" fmla="*/ 46 w 152"/>
                  <a:gd name="T15" fmla="*/ 30 h 93"/>
                  <a:gd name="T16" fmla="*/ 43 w 152"/>
                  <a:gd name="T17" fmla="*/ 31 h 93"/>
                  <a:gd name="T18" fmla="*/ 40 w 152"/>
                  <a:gd name="T19" fmla="*/ 31 h 93"/>
                  <a:gd name="T20" fmla="*/ 37 w 152"/>
                  <a:gd name="T21" fmla="*/ 31 h 93"/>
                  <a:gd name="T22" fmla="*/ 34 w 152"/>
                  <a:gd name="T23" fmla="*/ 31 h 93"/>
                  <a:gd name="T24" fmla="*/ 30 w 152"/>
                  <a:gd name="T25" fmla="*/ 30 h 93"/>
                  <a:gd name="T26" fmla="*/ 27 w 152"/>
                  <a:gd name="T27" fmla="*/ 28 h 93"/>
                  <a:gd name="T28" fmla="*/ 24 w 152"/>
                  <a:gd name="T29" fmla="*/ 27 h 93"/>
                  <a:gd name="T30" fmla="*/ 18 w 152"/>
                  <a:gd name="T31" fmla="*/ 24 h 93"/>
                  <a:gd name="T32" fmla="*/ 12 w 152"/>
                  <a:gd name="T33" fmla="*/ 21 h 93"/>
                  <a:gd name="T34" fmla="*/ 9 w 152"/>
                  <a:gd name="T35" fmla="*/ 19 h 93"/>
                  <a:gd name="T36" fmla="*/ 6 w 152"/>
                  <a:gd name="T37" fmla="*/ 18 h 93"/>
                  <a:gd name="T38" fmla="*/ 4 w 152"/>
                  <a:gd name="T39" fmla="*/ 17 h 93"/>
                  <a:gd name="T40" fmla="*/ 1 w 152"/>
                  <a:gd name="T41" fmla="*/ 16 h 93"/>
                  <a:gd name="T42" fmla="*/ 0 w 152"/>
                  <a:gd name="T43" fmla="*/ 14 h 93"/>
                  <a:gd name="T44" fmla="*/ 0 w 152"/>
                  <a:gd name="T45" fmla="*/ 12 h 93"/>
                  <a:gd name="T46" fmla="*/ 0 w 152"/>
                  <a:gd name="T47" fmla="*/ 11 h 93"/>
                  <a:gd name="T48" fmla="*/ 0 w 152"/>
                  <a:gd name="T49" fmla="*/ 10 h 93"/>
                  <a:gd name="T50" fmla="*/ 1 w 152"/>
                  <a:gd name="T51" fmla="*/ 8 h 93"/>
                  <a:gd name="T52" fmla="*/ 2 w 152"/>
                  <a:gd name="T53" fmla="*/ 6 h 93"/>
                  <a:gd name="T54" fmla="*/ 4 w 152"/>
                  <a:gd name="T55" fmla="*/ 5 h 93"/>
                  <a:gd name="T56" fmla="*/ 5 w 152"/>
                  <a:gd name="T57" fmla="*/ 4 h 93"/>
                  <a:gd name="T58" fmla="*/ 6 w 152"/>
                  <a:gd name="T59" fmla="*/ 2 h 93"/>
                  <a:gd name="T60" fmla="*/ 7 w 152"/>
                  <a:gd name="T61" fmla="*/ 0 h 93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152" h="93">
                    <a:moveTo>
                      <a:pt x="20" y="0"/>
                    </a:moveTo>
                    <a:lnTo>
                      <a:pt x="52" y="23"/>
                    </a:lnTo>
                    <a:lnTo>
                      <a:pt x="82" y="46"/>
                    </a:lnTo>
                    <a:lnTo>
                      <a:pt x="98" y="58"/>
                    </a:lnTo>
                    <a:lnTo>
                      <a:pt x="115" y="68"/>
                    </a:lnTo>
                    <a:lnTo>
                      <a:pt x="133" y="77"/>
                    </a:lnTo>
                    <a:lnTo>
                      <a:pt x="152" y="84"/>
                    </a:lnTo>
                    <a:lnTo>
                      <a:pt x="141" y="90"/>
                    </a:lnTo>
                    <a:lnTo>
                      <a:pt x="132" y="92"/>
                    </a:lnTo>
                    <a:lnTo>
                      <a:pt x="121" y="93"/>
                    </a:lnTo>
                    <a:lnTo>
                      <a:pt x="112" y="93"/>
                    </a:lnTo>
                    <a:lnTo>
                      <a:pt x="102" y="92"/>
                    </a:lnTo>
                    <a:lnTo>
                      <a:pt x="92" y="89"/>
                    </a:lnTo>
                    <a:lnTo>
                      <a:pt x="82" y="85"/>
                    </a:lnTo>
                    <a:lnTo>
                      <a:pt x="73" y="81"/>
                    </a:lnTo>
                    <a:lnTo>
                      <a:pt x="55" y="72"/>
                    </a:lnTo>
                    <a:lnTo>
                      <a:pt x="37" y="62"/>
                    </a:lnTo>
                    <a:lnTo>
                      <a:pt x="27" y="57"/>
                    </a:lnTo>
                    <a:lnTo>
                      <a:pt x="19" y="53"/>
                    </a:lnTo>
                    <a:lnTo>
                      <a:pt x="11" y="50"/>
                    </a:lnTo>
                    <a:lnTo>
                      <a:pt x="2" y="48"/>
                    </a:lnTo>
                    <a:lnTo>
                      <a:pt x="0" y="42"/>
                    </a:lnTo>
                    <a:lnTo>
                      <a:pt x="0" y="37"/>
                    </a:lnTo>
                    <a:lnTo>
                      <a:pt x="0" y="34"/>
                    </a:lnTo>
                    <a:lnTo>
                      <a:pt x="1" y="30"/>
                    </a:lnTo>
                    <a:lnTo>
                      <a:pt x="3" y="24"/>
                    </a:lnTo>
                    <a:lnTo>
                      <a:pt x="6" y="19"/>
                    </a:lnTo>
                    <a:lnTo>
                      <a:pt x="11" y="15"/>
                    </a:lnTo>
                    <a:lnTo>
                      <a:pt x="15" y="12"/>
                    </a:lnTo>
                    <a:lnTo>
                      <a:pt x="18" y="6"/>
                    </a:lnTo>
                    <a:lnTo>
                      <a:pt x="20" y="0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77" name="Sønderborg kant"/>
              <p:cNvSpPr>
                <a:spLocks/>
              </p:cNvSpPr>
              <p:nvPr/>
            </p:nvSpPr>
            <p:spPr bwMode="auto">
              <a:xfrm>
                <a:off x="1951038" y="6069013"/>
                <a:ext cx="79375" cy="49213"/>
              </a:xfrm>
              <a:custGeom>
                <a:avLst/>
                <a:gdLst>
                  <a:gd name="T0" fmla="*/ 7 w 152"/>
                  <a:gd name="T1" fmla="*/ 0 h 93"/>
                  <a:gd name="T2" fmla="*/ 17 w 152"/>
                  <a:gd name="T3" fmla="*/ 8 h 93"/>
                  <a:gd name="T4" fmla="*/ 27 w 152"/>
                  <a:gd name="T5" fmla="*/ 15 h 93"/>
                  <a:gd name="T6" fmla="*/ 32 w 152"/>
                  <a:gd name="T7" fmla="*/ 19 h 93"/>
                  <a:gd name="T8" fmla="*/ 38 w 152"/>
                  <a:gd name="T9" fmla="*/ 23 h 93"/>
                  <a:gd name="T10" fmla="*/ 44 w 152"/>
                  <a:gd name="T11" fmla="*/ 26 h 93"/>
                  <a:gd name="T12" fmla="*/ 50 w 152"/>
                  <a:gd name="T13" fmla="*/ 28 h 93"/>
                  <a:gd name="T14" fmla="*/ 46 w 152"/>
                  <a:gd name="T15" fmla="*/ 30 h 93"/>
                  <a:gd name="T16" fmla="*/ 43 w 152"/>
                  <a:gd name="T17" fmla="*/ 31 h 93"/>
                  <a:gd name="T18" fmla="*/ 40 w 152"/>
                  <a:gd name="T19" fmla="*/ 31 h 93"/>
                  <a:gd name="T20" fmla="*/ 37 w 152"/>
                  <a:gd name="T21" fmla="*/ 31 h 93"/>
                  <a:gd name="T22" fmla="*/ 34 w 152"/>
                  <a:gd name="T23" fmla="*/ 31 h 93"/>
                  <a:gd name="T24" fmla="*/ 30 w 152"/>
                  <a:gd name="T25" fmla="*/ 30 h 93"/>
                  <a:gd name="T26" fmla="*/ 27 w 152"/>
                  <a:gd name="T27" fmla="*/ 28 h 93"/>
                  <a:gd name="T28" fmla="*/ 24 w 152"/>
                  <a:gd name="T29" fmla="*/ 27 h 93"/>
                  <a:gd name="T30" fmla="*/ 18 w 152"/>
                  <a:gd name="T31" fmla="*/ 24 h 93"/>
                  <a:gd name="T32" fmla="*/ 12 w 152"/>
                  <a:gd name="T33" fmla="*/ 21 h 93"/>
                  <a:gd name="T34" fmla="*/ 9 w 152"/>
                  <a:gd name="T35" fmla="*/ 19 h 93"/>
                  <a:gd name="T36" fmla="*/ 6 w 152"/>
                  <a:gd name="T37" fmla="*/ 18 h 93"/>
                  <a:gd name="T38" fmla="*/ 4 w 152"/>
                  <a:gd name="T39" fmla="*/ 17 h 93"/>
                  <a:gd name="T40" fmla="*/ 1 w 152"/>
                  <a:gd name="T41" fmla="*/ 16 h 93"/>
                  <a:gd name="T42" fmla="*/ 0 w 152"/>
                  <a:gd name="T43" fmla="*/ 14 h 93"/>
                  <a:gd name="T44" fmla="*/ 0 w 152"/>
                  <a:gd name="T45" fmla="*/ 12 h 93"/>
                  <a:gd name="T46" fmla="*/ 0 w 152"/>
                  <a:gd name="T47" fmla="*/ 11 h 93"/>
                  <a:gd name="T48" fmla="*/ 0 w 152"/>
                  <a:gd name="T49" fmla="*/ 10 h 93"/>
                  <a:gd name="T50" fmla="*/ 1 w 152"/>
                  <a:gd name="T51" fmla="*/ 8 h 93"/>
                  <a:gd name="T52" fmla="*/ 2 w 152"/>
                  <a:gd name="T53" fmla="*/ 6 h 93"/>
                  <a:gd name="T54" fmla="*/ 4 w 152"/>
                  <a:gd name="T55" fmla="*/ 5 h 93"/>
                  <a:gd name="T56" fmla="*/ 5 w 152"/>
                  <a:gd name="T57" fmla="*/ 4 h 93"/>
                  <a:gd name="T58" fmla="*/ 6 w 152"/>
                  <a:gd name="T59" fmla="*/ 2 h 93"/>
                  <a:gd name="T60" fmla="*/ 7 w 152"/>
                  <a:gd name="T61" fmla="*/ 0 h 93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152" h="93">
                    <a:moveTo>
                      <a:pt x="20" y="0"/>
                    </a:moveTo>
                    <a:lnTo>
                      <a:pt x="52" y="23"/>
                    </a:lnTo>
                    <a:lnTo>
                      <a:pt x="82" y="46"/>
                    </a:lnTo>
                    <a:lnTo>
                      <a:pt x="98" y="58"/>
                    </a:lnTo>
                    <a:lnTo>
                      <a:pt x="115" y="68"/>
                    </a:lnTo>
                    <a:lnTo>
                      <a:pt x="133" y="77"/>
                    </a:lnTo>
                    <a:lnTo>
                      <a:pt x="152" y="84"/>
                    </a:lnTo>
                    <a:lnTo>
                      <a:pt x="141" y="90"/>
                    </a:lnTo>
                    <a:lnTo>
                      <a:pt x="132" y="92"/>
                    </a:lnTo>
                    <a:lnTo>
                      <a:pt x="121" y="93"/>
                    </a:lnTo>
                    <a:lnTo>
                      <a:pt x="112" y="93"/>
                    </a:lnTo>
                    <a:lnTo>
                      <a:pt x="102" y="92"/>
                    </a:lnTo>
                    <a:lnTo>
                      <a:pt x="92" y="89"/>
                    </a:lnTo>
                    <a:lnTo>
                      <a:pt x="82" y="85"/>
                    </a:lnTo>
                    <a:lnTo>
                      <a:pt x="73" y="81"/>
                    </a:lnTo>
                    <a:lnTo>
                      <a:pt x="55" y="72"/>
                    </a:lnTo>
                    <a:lnTo>
                      <a:pt x="37" y="62"/>
                    </a:lnTo>
                    <a:lnTo>
                      <a:pt x="27" y="57"/>
                    </a:lnTo>
                    <a:lnTo>
                      <a:pt x="19" y="53"/>
                    </a:lnTo>
                    <a:lnTo>
                      <a:pt x="11" y="50"/>
                    </a:lnTo>
                    <a:lnTo>
                      <a:pt x="2" y="48"/>
                    </a:lnTo>
                    <a:lnTo>
                      <a:pt x="0" y="42"/>
                    </a:lnTo>
                    <a:lnTo>
                      <a:pt x="0" y="37"/>
                    </a:lnTo>
                    <a:lnTo>
                      <a:pt x="0" y="34"/>
                    </a:lnTo>
                    <a:lnTo>
                      <a:pt x="1" y="30"/>
                    </a:lnTo>
                    <a:lnTo>
                      <a:pt x="3" y="24"/>
                    </a:lnTo>
                    <a:lnTo>
                      <a:pt x="6" y="19"/>
                    </a:lnTo>
                    <a:lnTo>
                      <a:pt x="11" y="15"/>
                    </a:lnTo>
                    <a:lnTo>
                      <a:pt x="15" y="12"/>
                    </a:lnTo>
                    <a:lnTo>
                      <a:pt x="18" y="6"/>
                    </a:lnTo>
                    <a:lnTo>
                      <a:pt x="20" y="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78" name="Sønderborg"/>
              <p:cNvSpPr>
                <a:spLocks/>
              </p:cNvSpPr>
              <p:nvPr/>
            </p:nvSpPr>
            <p:spPr bwMode="auto">
              <a:xfrm>
                <a:off x="1758950" y="5805488"/>
                <a:ext cx="341313" cy="293688"/>
              </a:xfrm>
              <a:custGeom>
                <a:avLst/>
                <a:gdLst>
                  <a:gd name="T0" fmla="*/ 112 w 645"/>
                  <a:gd name="T1" fmla="*/ 144 h 555"/>
                  <a:gd name="T2" fmla="*/ 107 w 645"/>
                  <a:gd name="T3" fmla="*/ 138 h 555"/>
                  <a:gd name="T4" fmla="*/ 110 w 645"/>
                  <a:gd name="T5" fmla="*/ 128 h 555"/>
                  <a:gd name="T6" fmla="*/ 102 w 645"/>
                  <a:gd name="T7" fmla="*/ 134 h 555"/>
                  <a:gd name="T8" fmla="*/ 90 w 645"/>
                  <a:gd name="T9" fmla="*/ 130 h 555"/>
                  <a:gd name="T10" fmla="*/ 77 w 645"/>
                  <a:gd name="T11" fmla="*/ 106 h 555"/>
                  <a:gd name="T12" fmla="*/ 65 w 645"/>
                  <a:gd name="T13" fmla="*/ 102 h 555"/>
                  <a:gd name="T14" fmla="*/ 66 w 645"/>
                  <a:gd name="T15" fmla="*/ 128 h 555"/>
                  <a:gd name="T16" fmla="*/ 85 w 645"/>
                  <a:gd name="T17" fmla="*/ 161 h 555"/>
                  <a:gd name="T18" fmla="*/ 106 w 645"/>
                  <a:gd name="T19" fmla="*/ 161 h 555"/>
                  <a:gd name="T20" fmla="*/ 154 w 645"/>
                  <a:gd name="T21" fmla="*/ 159 h 555"/>
                  <a:gd name="T22" fmla="*/ 188 w 645"/>
                  <a:gd name="T23" fmla="*/ 183 h 555"/>
                  <a:gd name="T24" fmla="*/ 209 w 645"/>
                  <a:gd name="T25" fmla="*/ 177 h 555"/>
                  <a:gd name="T26" fmla="*/ 196 w 645"/>
                  <a:gd name="T27" fmla="*/ 126 h 555"/>
                  <a:gd name="T28" fmla="*/ 178 w 645"/>
                  <a:gd name="T29" fmla="*/ 84 h 555"/>
                  <a:gd name="T30" fmla="*/ 158 w 645"/>
                  <a:gd name="T31" fmla="*/ 63 h 555"/>
                  <a:gd name="T32" fmla="*/ 128 w 645"/>
                  <a:gd name="T33" fmla="*/ 51 h 555"/>
                  <a:gd name="T34" fmla="*/ 109 w 645"/>
                  <a:gd name="T35" fmla="*/ 32 h 555"/>
                  <a:gd name="T36" fmla="*/ 87 w 645"/>
                  <a:gd name="T37" fmla="*/ 14 h 555"/>
                  <a:gd name="T38" fmla="*/ 60 w 645"/>
                  <a:gd name="T39" fmla="*/ 2 h 555"/>
                  <a:gd name="T40" fmla="*/ 33 w 645"/>
                  <a:gd name="T41" fmla="*/ 1 h 555"/>
                  <a:gd name="T42" fmla="*/ 9 w 645"/>
                  <a:gd name="T43" fmla="*/ 15 h 555"/>
                  <a:gd name="T44" fmla="*/ 4 w 645"/>
                  <a:gd name="T45" fmla="*/ 31 h 555"/>
                  <a:gd name="T46" fmla="*/ 27 w 645"/>
                  <a:gd name="T47" fmla="*/ 27 h 555"/>
                  <a:gd name="T48" fmla="*/ 41 w 645"/>
                  <a:gd name="T49" fmla="*/ 26 h 555"/>
                  <a:gd name="T50" fmla="*/ 44 w 645"/>
                  <a:gd name="T51" fmla="*/ 32 h 555"/>
                  <a:gd name="T52" fmla="*/ 39 w 645"/>
                  <a:gd name="T53" fmla="*/ 39 h 555"/>
                  <a:gd name="T54" fmla="*/ 31 w 645"/>
                  <a:gd name="T55" fmla="*/ 43 h 555"/>
                  <a:gd name="T56" fmla="*/ 13 w 645"/>
                  <a:gd name="T57" fmla="*/ 47 h 555"/>
                  <a:gd name="T58" fmla="*/ 23 w 645"/>
                  <a:gd name="T59" fmla="*/ 58 h 555"/>
                  <a:gd name="T60" fmla="*/ 42 w 645"/>
                  <a:gd name="T61" fmla="*/ 58 h 555"/>
                  <a:gd name="T62" fmla="*/ 72 w 645"/>
                  <a:gd name="T63" fmla="*/ 54 h 555"/>
                  <a:gd name="T64" fmla="*/ 80 w 645"/>
                  <a:gd name="T65" fmla="*/ 61 h 555"/>
                  <a:gd name="T66" fmla="*/ 75 w 645"/>
                  <a:gd name="T67" fmla="*/ 68 h 555"/>
                  <a:gd name="T68" fmla="*/ 83 w 645"/>
                  <a:gd name="T69" fmla="*/ 77 h 555"/>
                  <a:gd name="T70" fmla="*/ 81 w 645"/>
                  <a:gd name="T71" fmla="*/ 83 h 555"/>
                  <a:gd name="T72" fmla="*/ 107 w 645"/>
                  <a:gd name="T73" fmla="*/ 91 h 555"/>
                  <a:gd name="T74" fmla="*/ 112 w 645"/>
                  <a:gd name="T75" fmla="*/ 101 h 555"/>
                  <a:gd name="T76" fmla="*/ 105 w 645"/>
                  <a:gd name="T77" fmla="*/ 104 h 555"/>
                  <a:gd name="T78" fmla="*/ 110 w 645"/>
                  <a:gd name="T79" fmla="*/ 112 h 555"/>
                  <a:gd name="T80" fmla="*/ 117 w 645"/>
                  <a:gd name="T81" fmla="*/ 112 h 555"/>
                  <a:gd name="T82" fmla="*/ 123 w 645"/>
                  <a:gd name="T83" fmla="*/ 113 h 555"/>
                  <a:gd name="T84" fmla="*/ 124 w 645"/>
                  <a:gd name="T85" fmla="*/ 119 h 555"/>
                  <a:gd name="T86" fmla="*/ 116 w 645"/>
                  <a:gd name="T87" fmla="*/ 123 h 555"/>
                  <a:gd name="T88" fmla="*/ 126 w 645"/>
                  <a:gd name="T89" fmla="*/ 127 h 555"/>
                  <a:gd name="T90" fmla="*/ 141 w 645"/>
                  <a:gd name="T91" fmla="*/ 132 h 555"/>
                  <a:gd name="T92" fmla="*/ 148 w 645"/>
                  <a:gd name="T93" fmla="*/ 126 h 555"/>
                  <a:gd name="T94" fmla="*/ 150 w 645"/>
                  <a:gd name="T95" fmla="*/ 134 h 555"/>
                  <a:gd name="T96" fmla="*/ 158 w 645"/>
                  <a:gd name="T97" fmla="*/ 137 h 555"/>
                  <a:gd name="T98" fmla="*/ 154 w 645"/>
                  <a:gd name="T99" fmla="*/ 134 h 555"/>
                  <a:gd name="T100" fmla="*/ 155 w 645"/>
                  <a:gd name="T101" fmla="*/ 126 h 555"/>
                  <a:gd name="T102" fmla="*/ 161 w 645"/>
                  <a:gd name="T103" fmla="*/ 128 h 555"/>
                  <a:gd name="T104" fmla="*/ 163 w 645"/>
                  <a:gd name="T105" fmla="*/ 135 h 555"/>
                  <a:gd name="T106" fmla="*/ 167 w 645"/>
                  <a:gd name="T107" fmla="*/ 126 h 555"/>
                  <a:gd name="T108" fmla="*/ 179 w 645"/>
                  <a:gd name="T109" fmla="*/ 128 h 555"/>
                  <a:gd name="T110" fmla="*/ 179 w 645"/>
                  <a:gd name="T111" fmla="*/ 138 h 555"/>
                  <a:gd name="T112" fmla="*/ 170 w 645"/>
                  <a:gd name="T113" fmla="*/ 144 h 555"/>
                  <a:gd name="T114" fmla="*/ 152 w 645"/>
                  <a:gd name="T115" fmla="*/ 142 h 555"/>
                  <a:gd name="T116" fmla="*/ 124 w 645"/>
                  <a:gd name="T117" fmla="*/ 142 h 555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0" t="0" r="r" b="b"/>
                <a:pathLst>
                  <a:path w="645" h="555">
                    <a:moveTo>
                      <a:pt x="346" y="404"/>
                    </a:moveTo>
                    <a:lnTo>
                      <a:pt x="346" y="412"/>
                    </a:lnTo>
                    <a:lnTo>
                      <a:pt x="345" y="418"/>
                    </a:lnTo>
                    <a:lnTo>
                      <a:pt x="343" y="423"/>
                    </a:lnTo>
                    <a:lnTo>
                      <a:pt x="340" y="428"/>
                    </a:lnTo>
                    <a:lnTo>
                      <a:pt x="336" y="431"/>
                    </a:lnTo>
                    <a:lnTo>
                      <a:pt x="331" y="432"/>
                    </a:lnTo>
                    <a:lnTo>
                      <a:pt x="325" y="433"/>
                    </a:lnTo>
                    <a:lnTo>
                      <a:pt x="318" y="433"/>
                    </a:lnTo>
                    <a:lnTo>
                      <a:pt x="318" y="425"/>
                    </a:lnTo>
                    <a:lnTo>
                      <a:pt x="320" y="418"/>
                    </a:lnTo>
                    <a:lnTo>
                      <a:pt x="322" y="413"/>
                    </a:lnTo>
                    <a:lnTo>
                      <a:pt x="325" y="408"/>
                    </a:lnTo>
                    <a:lnTo>
                      <a:pt x="328" y="402"/>
                    </a:lnTo>
                    <a:lnTo>
                      <a:pt x="331" y="398"/>
                    </a:lnTo>
                    <a:lnTo>
                      <a:pt x="335" y="393"/>
                    </a:lnTo>
                    <a:lnTo>
                      <a:pt x="337" y="387"/>
                    </a:lnTo>
                    <a:lnTo>
                      <a:pt x="331" y="385"/>
                    </a:lnTo>
                    <a:lnTo>
                      <a:pt x="327" y="387"/>
                    </a:lnTo>
                    <a:lnTo>
                      <a:pt x="323" y="388"/>
                    </a:lnTo>
                    <a:lnTo>
                      <a:pt x="320" y="389"/>
                    </a:lnTo>
                    <a:lnTo>
                      <a:pt x="315" y="393"/>
                    </a:lnTo>
                    <a:lnTo>
                      <a:pt x="310" y="398"/>
                    </a:lnTo>
                    <a:lnTo>
                      <a:pt x="306" y="402"/>
                    </a:lnTo>
                    <a:lnTo>
                      <a:pt x="300" y="405"/>
                    </a:lnTo>
                    <a:lnTo>
                      <a:pt x="296" y="407"/>
                    </a:lnTo>
                    <a:lnTo>
                      <a:pt x="291" y="407"/>
                    </a:lnTo>
                    <a:lnTo>
                      <a:pt x="286" y="407"/>
                    </a:lnTo>
                    <a:lnTo>
                      <a:pt x="280" y="404"/>
                    </a:lnTo>
                    <a:lnTo>
                      <a:pt x="270" y="391"/>
                    </a:lnTo>
                    <a:lnTo>
                      <a:pt x="262" y="374"/>
                    </a:lnTo>
                    <a:lnTo>
                      <a:pt x="254" y="358"/>
                    </a:lnTo>
                    <a:lnTo>
                      <a:pt x="246" y="341"/>
                    </a:lnTo>
                    <a:lnTo>
                      <a:pt x="241" y="333"/>
                    </a:lnTo>
                    <a:lnTo>
                      <a:pt x="237" y="325"/>
                    </a:lnTo>
                    <a:lnTo>
                      <a:pt x="231" y="318"/>
                    </a:lnTo>
                    <a:lnTo>
                      <a:pt x="226" y="312"/>
                    </a:lnTo>
                    <a:lnTo>
                      <a:pt x="220" y="305"/>
                    </a:lnTo>
                    <a:lnTo>
                      <a:pt x="212" y="300"/>
                    </a:lnTo>
                    <a:lnTo>
                      <a:pt x="205" y="296"/>
                    </a:lnTo>
                    <a:lnTo>
                      <a:pt x="196" y="293"/>
                    </a:lnTo>
                    <a:lnTo>
                      <a:pt x="194" y="306"/>
                    </a:lnTo>
                    <a:lnTo>
                      <a:pt x="191" y="320"/>
                    </a:lnTo>
                    <a:lnTo>
                      <a:pt x="190" y="333"/>
                    </a:lnTo>
                    <a:lnTo>
                      <a:pt x="191" y="345"/>
                    </a:lnTo>
                    <a:lnTo>
                      <a:pt x="192" y="358"/>
                    </a:lnTo>
                    <a:lnTo>
                      <a:pt x="195" y="371"/>
                    </a:lnTo>
                    <a:lnTo>
                      <a:pt x="198" y="383"/>
                    </a:lnTo>
                    <a:lnTo>
                      <a:pt x="201" y="395"/>
                    </a:lnTo>
                    <a:lnTo>
                      <a:pt x="209" y="418"/>
                    </a:lnTo>
                    <a:lnTo>
                      <a:pt x="220" y="439"/>
                    </a:lnTo>
                    <a:lnTo>
                      <a:pt x="231" y="460"/>
                    </a:lnTo>
                    <a:lnTo>
                      <a:pt x="243" y="480"/>
                    </a:lnTo>
                    <a:lnTo>
                      <a:pt x="256" y="484"/>
                    </a:lnTo>
                    <a:lnTo>
                      <a:pt x="267" y="488"/>
                    </a:lnTo>
                    <a:lnTo>
                      <a:pt x="278" y="489"/>
                    </a:lnTo>
                    <a:lnTo>
                      <a:pt x="288" y="489"/>
                    </a:lnTo>
                    <a:lnTo>
                      <a:pt x="299" y="488"/>
                    </a:lnTo>
                    <a:lnTo>
                      <a:pt x="308" y="486"/>
                    </a:lnTo>
                    <a:lnTo>
                      <a:pt x="317" y="483"/>
                    </a:lnTo>
                    <a:lnTo>
                      <a:pt x="326" y="479"/>
                    </a:lnTo>
                    <a:lnTo>
                      <a:pt x="360" y="461"/>
                    </a:lnTo>
                    <a:lnTo>
                      <a:pt x="393" y="442"/>
                    </a:lnTo>
                    <a:lnTo>
                      <a:pt x="418" y="453"/>
                    </a:lnTo>
                    <a:lnTo>
                      <a:pt x="441" y="464"/>
                    </a:lnTo>
                    <a:lnTo>
                      <a:pt x="462" y="478"/>
                    </a:lnTo>
                    <a:lnTo>
                      <a:pt x="483" y="492"/>
                    </a:lnTo>
                    <a:lnTo>
                      <a:pt x="503" y="508"/>
                    </a:lnTo>
                    <a:lnTo>
                      <a:pt x="523" y="522"/>
                    </a:lnTo>
                    <a:lnTo>
                      <a:pt x="542" y="539"/>
                    </a:lnTo>
                    <a:lnTo>
                      <a:pt x="561" y="555"/>
                    </a:lnTo>
                    <a:lnTo>
                      <a:pt x="565" y="550"/>
                    </a:lnTo>
                    <a:lnTo>
                      <a:pt x="569" y="546"/>
                    </a:lnTo>
                    <a:lnTo>
                      <a:pt x="575" y="541"/>
                    </a:lnTo>
                    <a:lnTo>
                      <a:pt x="579" y="538"/>
                    </a:lnTo>
                    <a:lnTo>
                      <a:pt x="590" y="534"/>
                    </a:lnTo>
                    <a:lnTo>
                      <a:pt x="602" y="532"/>
                    </a:lnTo>
                    <a:lnTo>
                      <a:pt x="626" y="530"/>
                    </a:lnTo>
                    <a:lnTo>
                      <a:pt x="645" y="527"/>
                    </a:lnTo>
                    <a:lnTo>
                      <a:pt x="633" y="498"/>
                    </a:lnTo>
                    <a:lnTo>
                      <a:pt x="621" y="469"/>
                    </a:lnTo>
                    <a:lnTo>
                      <a:pt x="610" y="438"/>
                    </a:lnTo>
                    <a:lnTo>
                      <a:pt x="600" y="408"/>
                    </a:lnTo>
                    <a:lnTo>
                      <a:pt x="589" y="377"/>
                    </a:lnTo>
                    <a:lnTo>
                      <a:pt x="579" y="348"/>
                    </a:lnTo>
                    <a:lnTo>
                      <a:pt x="567" y="318"/>
                    </a:lnTo>
                    <a:lnTo>
                      <a:pt x="555" y="290"/>
                    </a:lnTo>
                    <a:lnTo>
                      <a:pt x="547" y="276"/>
                    </a:lnTo>
                    <a:lnTo>
                      <a:pt x="540" y="263"/>
                    </a:lnTo>
                    <a:lnTo>
                      <a:pt x="533" y="251"/>
                    </a:lnTo>
                    <a:lnTo>
                      <a:pt x="524" y="238"/>
                    </a:lnTo>
                    <a:lnTo>
                      <a:pt x="515" y="226"/>
                    </a:lnTo>
                    <a:lnTo>
                      <a:pt x="505" y="216"/>
                    </a:lnTo>
                    <a:lnTo>
                      <a:pt x="496" y="205"/>
                    </a:lnTo>
                    <a:lnTo>
                      <a:pt x="484" y="196"/>
                    </a:lnTo>
                    <a:lnTo>
                      <a:pt x="473" y="188"/>
                    </a:lnTo>
                    <a:lnTo>
                      <a:pt x="460" y="180"/>
                    </a:lnTo>
                    <a:lnTo>
                      <a:pt x="446" y="173"/>
                    </a:lnTo>
                    <a:lnTo>
                      <a:pt x="433" y="166"/>
                    </a:lnTo>
                    <a:lnTo>
                      <a:pt x="417" y="161"/>
                    </a:lnTo>
                    <a:lnTo>
                      <a:pt x="401" y="157"/>
                    </a:lnTo>
                    <a:lnTo>
                      <a:pt x="383" y="154"/>
                    </a:lnTo>
                    <a:lnTo>
                      <a:pt x="365" y="152"/>
                    </a:lnTo>
                    <a:lnTo>
                      <a:pt x="359" y="141"/>
                    </a:lnTo>
                    <a:lnTo>
                      <a:pt x="353" y="130"/>
                    </a:lnTo>
                    <a:lnTo>
                      <a:pt x="345" y="119"/>
                    </a:lnTo>
                    <a:lnTo>
                      <a:pt x="337" y="107"/>
                    </a:lnTo>
                    <a:lnTo>
                      <a:pt x="327" y="97"/>
                    </a:lnTo>
                    <a:lnTo>
                      <a:pt x="318" y="86"/>
                    </a:lnTo>
                    <a:lnTo>
                      <a:pt x="307" y="77"/>
                    </a:lnTo>
                    <a:lnTo>
                      <a:pt x="297" y="67"/>
                    </a:lnTo>
                    <a:lnTo>
                      <a:pt x="285" y="58"/>
                    </a:lnTo>
                    <a:lnTo>
                      <a:pt x="272" y="50"/>
                    </a:lnTo>
                    <a:lnTo>
                      <a:pt x="261" y="41"/>
                    </a:lnTo>
                    <a:lnTo>
                      <a:pt x="247" y="33"/>
                    </a:lnTo>
                    <a:lnTo>
                      <a:pt x="235" y="26"/>
                    </a:lnTo>
                    <a:lnTo>
                      <a:pt x="221" y="20"/>
                    </a:lnTo>
                    <a:lnTo>
                      <a:pt x="207" y="15"/>
                    </a:lnTo>
                    <a:lnTo>
                      <a:pt x="194" y="10"/>
                    </a:lnTo>
                    <a:lnTo>
                      <a:pt x="180" y="5"/>
                    </a:lnTo>
                    <a:lnTo>
                      <a:pt x="166" y="3"/>
                    </a:lnTo>
                    <a:lnTo>
                      <a:pt x="152" y="1"/>
                    </a:lnTo>
                    <a:lnTo>
                      <a:pt x="139" y="0"/>
                    </a:lnTo>
                    <a:lnTo>
                      <a:pt x="125" y="0"/>
                    </a:lnTo>
                    <a:lnTo>
                      <a:pt x="111" y="1"/>
                    </a:lnTo>
                    <a:lnTo>
                      <a:pt x="98" y="3"/>
                    </a:lnTo>
                    <a:lnTo>
                      <a:pt x="85" y="7"/>
                    </a:lnTo>
                    <a:lnTo>
                      <a:pt x="72" y="12"/>
                    </a:lnTo>
                    <a:lnTo>
                      <a:pt x="60" y="18"/>
                    </a:lnTo>
                    <a:lnTo>
                      <a:pt x="48" y="25"/>
                    </a:lnTo>
                    <a:lnTo>
                      <a:pt x="38" y="35"/>
                    </a:lnTo>
                    <a:lnTo>
                      <a:pt x="27" y="45"/>
                    </a:lnTo>
                    <a:lnTo>
                      <a:pt x="17" y="58"/>
                    </a:lnTo>
                    <a:lnTo>
                      <a:pt x="8" y="72"/>
                    </a:lnTo>
                    <a:lnTo>
                      <a:pt x="0" y="86"/>
                    </a:lnTo>
                    <a:lnTo>
                      <a:pt x="3" y="90"/>
                    </a:lnTo>
                    <a:lnTo>
                      <a:pt x="7" y="92"/>
                    </a:lnTo>
                    <a:lnTo>
                      <a:pt x="11" y="94"/>
                    </a:lnTo>
                    <a:lnTo>
                      <a:pt x="16" y="95"/>
                    </a:lnTo>
                    <a:lnTo>
                      <a:pt x="25" y="96"/>
                    </a:lnTo>
                    <a:lnTo>
                      <a:pt x="33" y="95"/>
                    </a:lnTo>
                    <a:lnTo>
                      <a:pt x="53" y="91"/>
                    </a:lnTo>
                    <a:lnTo>
                      <a:pt x="72" y="83"/>
                    </a:lnTo>
                    <a:lnTo>
                      <a:pt x="82" y="80"/>
                    </a:lnTo>
                    <a:lnTo>
                      <a:pt x="91" y="77"/>
                    </a:lnTo>
                    <a:lnTo>
                      <a:pt x="101" y="76"/>
                    </a:lnTo>
                    <a:lnTo>
                      <a:pt x="110" y="75"/>
                    </a:lnTo>
                    <a:lnTo>
                      <a:pt x="115" y="76"/>
                    </a:lnTo>
                    <a:lnTo>
                      <a:pt x="119" y="77"/>
                    </a:lnTo>
                    <a:lnTo>
                      <a:pt x="122" y="78"/>
                    </a:lnTo>
                    <a:lnTo>
                      <a:pt x="126" y="80"/>
                    </a:lnTo>
                    <a:lnTo>
                      <a:pt x="130" y="83"/>
                    </a:lnTo>
                    <a:lnTo>
                      <a:pt x="133" y="86"/>
                    </a:lnTo>
                    <a:lnTo>
                      <a:pt x="137" y="91"/>
                    </a:lnTo>
                    <a:lnTo>
                      <a:pt x="140" y="96"/>
                    </a:lnTo>
                    <a:lnTo>
                      <a:pt x="133" y="97"/>
                    </a:lnTo>
                    <a:lnTo>
                      <a:pt x="128" y="99"/>
                    </a:lnTo>
                    <a:lnTo>
                      <a:pt x="124" y="101"/>
                    </a:lnTo>
                    <a:lnTo>
                      <a:pt x="122" y="103"/>
                    </a:lnTo>
                    <a:lnTo>
                      <a:pt x="119" y="107"/>
                    </a:lnTo>
                    <a:lnTo>
                      <a:pt x="118" y="113"/>
                    </a:lnTo>
                    <a:lnTo>
                      <a:pt x="118" y="118"/>
                    </a:lnTo>
                    <a:lnTo>
                      <a:pt x="116" y="124"/>
                    </a:lnTo>
                    <a:lnTo>
                      <a:pt x="113" y="126"/>
                    </a:lnTo>
                    <a:lnTo>
                      <a:pt x="111" y="129"/>
                    </a:lnTo>
                    <a:lnTo>
                      <a:pt x="107" y="132"/>
                    </a:lnTo>
                    <a:lnTo>
                      <a:pt x="103" y="134"/>
                    </a:lnTo>
                    <a:lnTo>
                      <a:pt x="92" y="130"/>
                    </a:lnTo>
                    <a:lnTo>
                      <a:pt x="84" y="127"/>
                    </a:lnTo>
                    <a:lnTo>
                      <a:pt x="78" y="127"/>
                    </a:lnTo>
                    <a:lnTo>
                      <a:pt x="71" y="127"/>
                    </a:lnTo>
                    <a:lnTo>
                      <a:pt x="58" y="131"/>
                    </a:lnTo>
                    <a:lnTo>
                      <a:pt x="37" y="134"/>
                    </a:lnTo>
                    <a:lnTo>
                      <a:pt x="40" y="142"/>
                    </a:lnTo>
                    <a:lnTo>
                      <a:pt x="43" y="150"/>
                    </a:lnTo>
                    <a:lnTo>
                      <a:pt x="47" y="156"/>
                    </a:lnTo>
                    <a:lnTo>
                      <a:pt x="51" y="162"/>
                    </a:lnTo>
                    <a:lnTo>
                      <a:pt x="58" y="166"/>
                    </a:lnTo>
                    <a:lnTo>
                      <a:pt x="63" y="170"/>
                    </a:lnTo>
                    <a:lnTo>
                      <a:pt x="70" y="173"/>
                    </a:lnTo>
                    <a:lnTo>
                      <a:pt x="77" y="174"/>
                    </a:lnTo>
                    <a:lnTo>
                      <a:pt x="84" y="175"/>
                    </a:lnTo>
                    <a:lnTo>
                      <a:pt x="92" y="176"/>
                    </a:lnTo>
                    <a:lnTo>
                      <a:pt x="100" y="176"/>
                    </a:lnTo>
                    <a:lnTo>
                      <a:pt x="108" y="175"/>
                    </a:lnTo>
                    <a:lnTo>
                      <a:pt x="126" y="174"/>
                    </a:lnTo>
                    <a:lnTo>
                      <a:pt x="144" y="171"/>
                    </a:lnTo>
                    <a:lnTo>
                      <a:pt x="161" y="167"/>
                    </a:lnTo>
                    <a:lnTo>
                      <a:pt x="178" y="164"/>
                    </a:lnTo>
                    <a:lnTo>
                      <a:pt x="194" y="162"/>
                    </a:lnTo>
                    <a:lnTo>
                      <a:pt x="208" y="162"/>
                    </a:lnTo>
                    <a:lnTo>
                      <a:pt x="215" y="163"/>
                    </a:lnTo>
                    <a:lnTo>
                      <a:pt x="221" y="164"/>
                    </a:lnTo>
                    <a:lnTo>
                      <a:pt x="226" y="166"/>
                    </a:lnTo>
                    <a:lnTo>
                      <a:pt x="231" y="169"/>
                    </a:lnTo>
                    <a:lnTo>
                      <a:pt x="236" y="173"/>
                    </a:lnTo>
                    <a:lnTo>
                      <a:pt x="239" y="177"/>
                    </a:lnTo>
                    <a:lnTo>
                      <a:pt x="241" y="183"/>
                    </a:lnTo>
                    <a:lnTo>
                      <a:pt x="243" y="190"/>
                    </a:lnTo>
                    <a:lnTo>
                      <a:pt x="240" y="192"/>
                    </a:lnTo>
                    <a:lnTo>
                      <a:pt x="234" y="196"/>
                    </a:lnTo>
                    <a:lnTo>
                      <a:pt x="229" y="199"/>
                    </a:lnTo>
                    <a:lnTo>
                      <a:pt x="226" y="202"/>
                    </a:lnTo>
                    <a:lnTo>
                      <a:pt x="225" y="205"/>
                    </a:lnTo>
                    <a:lnTo>
                      <a:pt x="224" y="209"/>
                    </a:lnTo>
                    <a:lnTo>
                      <a:pt x="232" y="215"/>
                    </a:lnTo>
                    <a:lnTo>
                      <a:pt x="245" y="223"/>
                    </a:lnTo>
                    <a:lnTo>
                      <a:pt x="247" y="225"/>
                    </a:lnTo>
                    <a:lnTo>
                      <a:pt x="249" y="229"/>
                    </a:lnTo>
                    <a:lnTo>
                      <a:pt x="249" y="231"/>
                    </a:lnTo>
                    <a:lnTo>
                      <a:pt x="247" y="234"/>
                    </a:lnTo>
                    <a:lnTo>
                      <a:pt x="245" y="237"/>
                    </a:lnTo>
                    <a:lnTo>
                      <a:pt x="240" y="239"/>
                    </a:lnTo>
                    <a:lnTo>
                      <a:pt x="234" y="242"/>
                    </a:lnTo>
                    <a:lnTo>
                      <a:pt x="224" y="245"/>
                    </a:lnTo>
                    <a:lnTo>
                      <a:pt x="244" y="248"/>
                    </a:lnTo>
                    <a:lnTo>
                      <a:pt x="264" y="251"/>
                    </a:lnTo>
                    <a:lnTo>
                      <a:pt x="282" y="255"/>
                    </a:lnTo>
                    <a:lnTo>
                      <a:pt x="299" y="260"/>
                    </a:lnTo>
                    <a:lnTo>
                      <a:pt x="306" y="263"/>
                    </a:lnTo>
                    <a:lnTo>
                      <a:pt x="314" y="268"/>
                    </a:lnTo>
                    <a:lnTo>
                      <a:pt x="321" y="272"/>
                    </a:lnTo>
                    <a:lnTo>
                      <a:pt x="327" y="277"/>
                    </a:lnTo>
                    <a:lnTo>
                      <a:pt x="333" y="282"/>
                    </a:lnTo>
                    <a:lnTo>
                      <a:pt x="338" y="288"/>
                    </a:lnTo>
                    <a:lnTo>
                      <a:pt x="342" y="295"/>
                    </a:lnTo>
                    <a:lnTo>
                      <a:pt x="346" y="302"/>
                    </a:lnTo>
                    <a:lnTo>
                      <a:pt x="335" y="302"/>
                    </a:lnTo>
                    <a:lnTo>
                      <a:pt x="323" y="302"/>
                    </a:lnTo>
                    <a:lnTo>
                      <a:pt x="318" y="303"/>
                    </a:lnTo>
                    <a:lnTo>
                      <a:pt x="314" y="304"/>
                    </a:lnTo>
                    <a:lnTo>
                      <a:pt x="310" y="308"/>
                    </a:lnTo>
                    <a:lnTo>
                      <a:pt x="308" y="312"/>
                    </a:lnTo>
                    <a:lnTo>
                      <a:pt x="314" y="313"/>
                    </a:lnTo>
                    <a:lnTo>
                      <a:pt x="318" y="315"/>
                    </a:lnTo>
                    <a:lnTo>
                      <a:pt x="321" y="317"/>
                    </a:lnTo>
                    <a:lnTo>
                      <a:pt x="324" y="319"/>
                    </a:lnTo>
                    <a:lnTo>
                      <a:pt x="327" y="324"/>
                    </a:lnTo>
                    <a:lnTo>
                      <a:pt x="329" y="330"/>
                    </a:lnTo>
                    <a:lnTo>
                      <a:pt x="331" y="336"/>
                    </a:lnTo>
                    <a:lnTo>
                      <a:pt x="331" y="341"/>
                    </a:lnTo>
                    <a:lnTo>
                      <a:pt x="334" y="345"/>
                    </a:lnTo>
                    <a:lnTo>
                      <a:pt x="337" y="349"/>
                    </a:lnTo>
                    <a:lnTo>
                      <a:pt x="341" y="343"/>
                    </a:lnTo>
                    <a:lnTo>
                      <a:pt x="345" y="338"/>
                    </a:lnTo>
                    <a:lnTo>
                      <a:pt x="351" y="335"/>
                    </a:lnTo>
                    <a:lnTo>
                      <a:pt x="358" y="333"/>
                    </a:lnTo>
                    <a:lnTo>
                      <a:pt x="360" y="333"/>
                    </a:lnTo>
                    <a:lnTo>
                      <a:pt x="363" y="333"/>
                    </a:lnTo>
                    <a:lnTo>
                      <a:pt x="366" y="334"/>
                    </a:lnTo>
                    <a:lnTo>
                      <a:pt x="368" y="336"/>
                    </a:lnTo>
                    <a:lnTo>
                      <a:pt x="370" y="338"/>
                    </a:lnTo>
                    <a:lnTo>
                      <a:pt x="371" y="340"/>
                    </a:lnTo>
                    <a:lnTo>
                      <a:pt x="374" y="344"/>
                    </a:lnTo>
                    <a:lnTo>
                      <a:pt x="374" y="349"/>
                    </a:lnTo>
                    <a:lnTo>
                      <a:pt x="375" y="353"/>
                    </a:lnTo>
                    <a:lnTo>
                      <a:pt x="374" y="355"/>
                    </a:lnTo>
                    <a:lnTo>
                      <a:pt x="373" y="358"/>
                    </a:lnTo>
                    <a:lnTo>
                      <a:pt x="371" y="360"/>
                    </a:lnTo>
                    <a:lnTo>
                      <a:pt x="366" y="362"/>
                    </a:lnTo>
                    <a:lnTo>
                      <a:pt x="361" y="364"/>
                    </a:lnTo>
                    <a:lnTo>
                      <a:pt x="356" y="365"/>
                    </a:lnTo>
                    <a:lnTo>
                      <a:pt x="351" y="368"/>
                    </a:lnTo>
                    <a:lnTo>
                      <a:pt x="349" y="370"/>
                    </a:lnTo>
                    <a:lnTo>
                      <a:pt x="347" y="372"/>
                    </a:lnTo>
                    <a:lnTo>
                      <a:pt x="346" y="374"/>
                    </a:lnTo>
                    <a:lnTo>
                      <a:pt x="346" y="377"/>
                    </a:lnTo>
                    <a:lnTo>
                      <a:pt x="360" y="377"/>
                    </a:lnTo>
                    <a:lnTo>
                      <a:pt x="370" y="378"/>
                    </a:lnTo>
                    <a:lnTo>
                      <a:pt x="378" y="381"/>
                    </a:lnTo>
                    <a:lnTo>
                      <a:pt x="383" y="384"/>
                    </a:lnTo>
                    <a:lnTo>
                      <a:pt x="394" y="397"/>
                    </a:lnTo>
                    <a:lnTo>
                      <a:pt x="411" y="414"/>
                    </a:lnTo>
                    <a:lnTo>
                      <a:pt x="416" y="410"/>
                    </a:lnTo>
                    <a:lnTo>
                      <a:pt x="420" y="403"/>
                    </a:lnTo>
                    <a:lnTo>
                      <a:pt x="422" y="397"/>
                    </a:lnTo>
                    <a:lnTo>
                      <a:pt x="425" y="391"/>
                    </a:lnTo>
                    <a:lnTo>
                      <a:pt x="429" y="385"/>
                    </a:lnTo>
                    <a:lnTo>
                      <a:pt x="434" y="380"/>
                    </a:lnTo>
                    <a:lnTo>
                      <a:pt x="437" y="379"/>
                    </a:lnTo>
                    <a:lnTo>
                      <a:pt x="440" y="377"/>
                    </a:lnTo>
                    <a:lnTo>
                      <a:pt x="444" y="377"/>
                    </a:lnTo>
                    <a:lnTo>
                      <a:pt x="449" y="377"/>
                    </a:lnTo>
                    <a:lnTo>
                      <a:pt x="446" y="383"/>
                    </a:lnTo>
                    <a:lnTo>
                      <a:pt x="445" y="389"/>
                    </a:lnTo>
                    <a:lnTo>
                      <a:pt x="445" y="394"/>
                    </a:lnTo>
                    <a:lnTo>
                      <a:pt x="447" y="398"/>
                    </a:lnTo>
                    <a:lnTo>
                      <a:pt x="449" y="402"/>
                    </a:lnTo>
                    <a:lnTo>
                      <a:pt x="453" y="405"/>
                    </a:lnTo>
                    <a:lnTo>
                      <a:pt x="457" y="408"/>
                    </a:lnTo>
                    <a:lnTo>
                      <a:pt x="460" y="411"/>
                    </a:lnTo>
                    <a:lnTo>
                      <a:pt x="467" y="413"/>
                    </a:lnTo>
                    <a:lnTo>
                      <a:pt x="473" y="413"/>
                    </a:lnTo>
                    <a:lnTo>
                      <a:pt x="474" y="412"/>
                    </a:lnTo>
                    <a:lnTo>
                      <a:pt x="474" y="411"/>
                    </a:lnTo>
                    <a:lnTo>
                      <a:pt x="471" y="408"/>
                    </a:lnTo>
                    <a:lnTo>
                      <a:pt x="467" y="404"/>
                    </a:lnTo>
                    <a:lnTo>
                      <a:pt x="465" y="404"/>
                    </a:lnTo>
                    <a:lnTo>
                      <a:pt x="464" y="403"/>
                    </a:lnTo>
                    <a:lnTo>
                      <a:pt x="462" y="402"/>
                    </a:lnTo>
                    <a:lnTo>
                      <a:pt x="461" y="401"/>
                    </a:lnTo>
                    <a:lnTo>
                      <a:pt x="459" y="396"/>
                    </a:lnTo>
                    <a:lnTo>
                      <a:pt x="459" y="392"/>
                    </a:lnTo>
                    <a:lnTo>
                      <a:pt x="459" y="387"/>
                    </a:lnTo>
                    <a:lnTo>
                      <a:pt x="461" y="382"/>
                    </a:lnTo>
                    <a:lnTo>
                      <a:pt x="464" y="378"/>
                    </a:lnTo>
                    <a:lnTo>
                      <a:pt x="467" y="377"/>
                    </a:lnTo>
                    <a:lnTo>
                      <a:pt x="474" y="376"/>
                    </a:lnTo>
                    <a:lnTo>
                      <a:pt x="479" y="377"/>
                    </a:lnTo>
                    <a:lnTo>
                      <a:pt x="481" y="377"/>
                    </a:lnTo>
                    <a:lnTo>
                      <a:pt x="483" y="379"/>
                    </a:lnTo>
                    <a:lnTo>
                      <a:pt x="484" y="383"/>
                    </a:lnTo>
                    <a:lnTo>
                      <a:pt x="482" y="389"/>
                    </a:lnTo>
                    <a:lnTo>
                      <a:pt x="481" y="394"/>
                    </a:lnTo>
                    <a:lnTo>
                      <a:pt x="481" y="399"/>
                    </a:lnTo>
                    <a:lnTo>
                      <a:pt x="483" y="401"/>
                    </a:lnTo>
                    <a:lnTo>
                      <a:pt x="485" y="402"/>
                    </a:lnTo>
                    <a:lnTo>
                      <a:pt x="489" y="404"/>
                    </a:lnTo>
                    <a:lnTo>
                      <a:pt x="496" y="404"/>
                    </a:lnTo>
                    <a:lnTo>
                      <a:pt x="497" y="396"/>
                    </a:lnTo>
                    <a:lnTo>
                      <a:pt x="497" y="388"/>
                    </a:lnTo>
                    <a:lnTo>
                      <a:pt x="498" y="383"/>
                    </a:lnTo>
                    <a:lnTo>
                      <a:pt x="499" y="380"/>
                    </a:lnTo>
                    <a:lnTo>
                      <a:pt x="502" y="378"/>
                    </a:lnTo>
                    <a:lnTo>
                      <a:pt x="505" y="377"/>
                    </a:lnTo>
                    <a:lnTo>
                      <a:pt x="515" y="376"/>
                    </a:lnTo>
                    <a:lnTo>
                      <a:pt x="522" y="376"/>
                    </a:lnTo>
                    <a:lnTo>
                      <a:pt x="528" y="377"/>
                    </a:lnTo>
                    <a:lnTo>
                      <a:pt x="534" y="380"/>
                    </a:lnTo>
                    <a:lnTo>
                      <a:pt x="537" y="383"/>
                    </a:lnTo>
                    <a:lnTo>
                      <a:pt x="539" y="388"/>
                    </a:lnTo>
                    <a:lnTo>
                      <a:pt x="540" y="393"/>
                    </a:lnTo>
                    <a:lnTo>
                      <a:pt x="540" y="398"/>
                    </a:lnTo>
                    <a:lnTo>
                      <a:pt x="539" y="403"/>
                    </a:lnTo>
                    <a:lnTo>
                      <a:pt x="538" y="410"/>
                    </a:lnTo>
                    <a:lnTo>
                      <a:pt x="536" y="415"/>
                    </a:lnTo>
                    <a:lnTo>
                      <a:pt x="533" y="419"/>
                    </a:lnTo>
                    <a:lnTo>
                      <a:pt x="528" y="424"/>
                    </a:lnTo>
                    <a:lnTo>
                      <a:pt x="524" y="428"/>
                    </a:lnTo>
                    <a:lnTo>
                      <a:pt x="520" y="431"/>
                    </a:lnTo>
                    <a:lnTo>
                      <a:pt x="515" y="433"/>
                    </a:lnTo>
                    <a:lnTo>
                      <a:pt x="510" y="431"/>
                    </a:lnTo>
                    <a:lnTo>
                      <a:pt x="507" y="429"/>
                    </a:lnTo>
                    <a:lnTo>
                      <a:pt x="503" y="427"/>
                    </a:lnTo>
                    <a:lnTo>
                      <a:pt x="498" y="425"/>
                    </a:lnTo>
                    <a:lnTo>
                      <a:pt x="488" y="424"/>
                    </a:lnTo>
                    <a:lnTo>
                      <a:pt x="478" y="423"/>
                    </a:lnTo>
                    <a:lnTo>
                      <a:pt x="455" y="425"/>
                    </a:lnTo>
                    <a:lnTo>
                      <a:pt x="430" y="429"/>
                    </a:lnTo>
                    <a:lnTo>
                      <a:pt x="419" y="431"/>
                    </a:lnTo>
                    <a:lnTo>
                      <a:pt x="406" y="431"/>
                    </a:lnTo>
                    <a:lnTo>
                      <a:pt x="395" y="431"/>
                    </a:lnTo>
                    <a:lnTo>
                      <a:pt x="383" y="430"/>
                    </a:lnTo>
                    <a:lnTo>
                      <a:pt x="373" y="427"/>
                    </a:lnTo>
                    <a:lnTo>
                      <a:pt x="363" y="421"/>
                    </a:lnTo>
                    <a:lnTo>
                      <a:pt x="358" y="418"/>
                    </a:lnTo>
                    <a:lnTo>
                      <a:pt x="354" y="414"/>
                    </a:lnTo>
                    <a:lnTo>
                      <a:pt x="349" y="410"/>
                    </a:lnTo>
                    <a:lnTo>
                      <a:pt x="346" y="404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79" name="Sønderborg kant"/>
              <p:cNvSpPr>
                <a:spLocks/>
              </p:cNvSpPr>
              <p:nvPr/>
            </p:nvSpPr>
            <p:spPr bwMode="auto">
              <a:xfrm>
                <a:off x="1758950" y="5805488"/>
                <a:ext cx="341313" cy="293688"/>
              </a:xfrm>
              <a:custGeom>
                <a:avLst/>
                <a:gdLst>
                  <a:gd name="T0" fmla="*/ 179 w 645"/>
                  <a:gd name="T1" fmla="*/ 138 h 555"/>
                  <a:gd name="T2" fmla="*/ 179 w 645"/>
                  <a:gd name="T3" fmla="*/ 128 h 555"/>
                  <a:gd name="T4" fmla="*/ 167 w 645"/>
                  <a:gd name="T5" fmla="*/ 126 h 555"/>
                  <a:gd name="T6" fmla="*/ 163 w 645"/>
                  <a:gd name="T7" fmla="*/ 135 h 555"/>
                  <a:gd name="T8" fmla="*/ 161 w 645"/>
                  <a:gd name="T9" fmla="*/ 128 h 555"/>
                  <a:gd name="T10" fmla="*/ 155 w 645"/>
                  <a:gd name="T11" fmla="*/ 126 h 555"/>
                  <a:gd name="T12" fmla="*/ 154 w 645"/>
                  <a:gd name="T13" fmla="*/ 134 h 555"/>
                  <a:gd name="T14" fmla="*/ 158 w 645"/>
                  <a:gd name="T15" fmla="*/ 137 h 555"/>
                  <a:gd name="T16" fmla="*/ 150 w 645"/>
                  <a:gd name="T17" fmla="*/ 134 h 555"/>
                  <a:gd name="T18" fmla="*/ 148 w 645"/>
                  <a:gd name="T19" fmla="*/ 126 h 555"/>
                  <a:gd name="T20" fmla="*/ 141 w 645"/>
                  <a:gd name="T21" fmla="*/ 132 h 555"/>
                  <a:gd name="T22" fmla="*/ 126 w 645"/>
                  <a:gd name="T23" fmla="*/ 127 h 555"/>
                  <a:gd name="T24" fmla="*/ 116 w 645"/>
                  <a:gd name="T25" fmla="*/ 123 h 555"/>
                  <a:gd name="T26" fmla="*/ 124 w 645"/>
                  <a:gd name="T27" fmla="*/ 119 h 555"/>
                  <a:gd name="T28" fmla="*/ 123 w 645"/>
                  <a:gd name="T29" fmla="*/ 113 h 555"/>
                  <a:gd name="T30" fmla="*/ 117 w 645"/>
                  <a:gd name="T31" fmla="*/ 112 h 555"/>
                  <a:gd name="T32" fmla="*/ 110 w 645"/>
                  <a:gd name="T33" fmla="*/ 112 h 555"/>
                  <a:gd name="T34" fmla="*/ 105 w 645"/>
                  <a:gd name="T35" fmla="*/ 104 h 555"/>
                  <a:gd name="T36" fmla="*/ 112 w 645"/>
                  <a:gd name="T37" fmla="*/ 101 h 555"/>
                  <a:gd name="T38" fmla="*/ 107 w 645"/>
                  <a:gd name="T39" fmla="*/ 91 h 555"/>
                  <a:gd name="T40" fmla="*/ 81 w 645"/>
                  <a:gd name="T41" fmla="*/ 83 h 555"/>
                  <a:gd name="T42" fmla="*/ 83 w 645"/>
                  <a:gd name="T43" fmla="*/ 77 h 555"/>
                  <a:gd name="T44" fmla="*/ 75 w 645"/>
                  <a:gd name="T45" fmla="*/ 68 h 555"/>
                  <a:gd name="T46" fmla="*/ 80 w 645"/>
                  <a:gd name="T47" fmla="*/ 61 h 555"/>
                  <a:gd name="T48" fmla="*/ 72 w 645"/>
                  <a:gd name="T49" fmla="*/ 54 h 555"/>
                  <a:gd name="T50" fmla="*/ 42 w 645"/>
                  <a:gd name="T51" fmla="*/ 58 h 555"/>
                  <a:gd name="T52" fmla="*/ 23 w 645"/>
                  <a:gd name="T53" fmla="*/ 58 h 555"/>
                  <a:gd name="T54" fmla="*/ 13 w 645"/>
                  <a:gd name="T55" fmla="*/ 47 h 555"/>
                  <a:gd name="T56" fmla="*/ 31 w 645"/>
                  <a:gd name="T57" fmla="*/ 43 h 555"/>
                  <a:gd name="T58" fmla="*/ 39 w 645"/>
                  <a:gd name="T59" fmla="*/ 39 h 555"/>
                  <a:gd name="T60" fmla="*/ 44 w 645"/>
                  <a:gd name="T61" fmla="*/ 32 h 555"/>
                  <a:gd name="T62" fmla="*/ 41 w 645"/>
                  <a:gd name="T63" fmla="*/ 26 h 555"/>
                  <a:gd name="T64" fmla="*/ 27 w 645"/>
                  <a:gd name="T65" fmla="*/ 27 h 555"/>
                  <a:gd name="T66" fmla="*/ 4 w 645"/>
                  <a:gd name="T67" fmla="*/ 31 h 555"/>
                  <a:gd name="T68" fmla="*/ 9 w 645"/>
                  <a:gd name="T69" fmla="*/ 15 h 555"/>
                  <a:gd name="T70" fmla="*/ 33 w 645"/>
                  <a:gd name="T71" fmla="*/ 1 h 555"/>
                  <a:gd name="T72" fmla="*/ 60 w 645"/>
                  <a:gd name="T73" fmla="*/ 2 h 555"/>
                  <a:gd name="T74" fmla="*/ 87 w 645"/>
                  <a:gd name="T75" fmla="*/ 14 h 555"/>
                  <a:gd name="T76" fmla="*/ 109 w 645"/>
                  <a:gd name="T77" fmla="*/ 32 h 555"/>
                  <a:gd name="T78" fmla="*/ 128 w 645"/>
                  <a:gd name="T79" fmla="*/ 51 h 555"/>
                  <a:gd name="T80" fmla="*/ 158 w 645"/>
                  <a:gd name="T81" fmla="*/ 63 h 555"/>
                  <a:gd name="T82" fmla="*/ 178 w 645"/>
                  <a:gd name="T83" fmla="*/ 84 h 555"/>
                  <a:gd name="T84" fmla="*/ 196 w 645"/>
                  <a:gd name="T85" fmla="*/ 126 h 555"/>
                  <a:gd name="T86" fmla="*/ 209 w 645"/>
                  <a:gd name="T87" fmla="*/ 177 h 555"/>
                  <a:gd name="T88" fmla="*/ 188 w 645"/>
                  <a:gd name="T89" fmla="*/ 183 h 555"/>
                  <a:gd name="T90" fmla="*/ 154 w 645"/>
                  <a:gd name="T91" fmla="*/ 159 h 555"/>
                  <a:gd name="T92" fmla="*/ 106 w 645"/>
                  <a:gd name="T93" fmla="*/ 161 h 555"/>
                  <a:gd name="T94" fmla="*/ 85 w 645"/>
                  <a:gd name="T95" fmla="*/ 161 h 555"/>
                  <a:gd name="T96" fmla="*/ 66 w 645"/>
                  <a:gd name="T97" fmla="*/ 128 h 555"/>
                  <a:gd name="T98" fmla="*/ 65 w 645"/>
                  <a:gd name="T99" fmla="*/ 102 h 555"/>
                  <a:gd name="T100" fmla="*/ 77 w 645"/>
                  <a:gd name="T101" fmla="*/ 106 h 555"/>
                  <a:gd name="T102" fmla="*/ 90 w 645"/>
                  <a:gd name="T103" fmla="*/ 130 h 555"/>
                  <a:gd name="T104" fmla="*/ 102 w 645"/>
                  <a:gd name="T105" fmla="*/ 134 h 555"/>
                  <a:gd name="T106" fmla="*/ 110 w 645"/>
                  <a:gd name="T107" fmla="*/ 128 h 555"/>
                  <a:gd name="T108" fmla="*/ 107 w 645"/>
                  <a:gd name="T109" fmla="*/ 138 h 555"/>
                  <a:gd name="T110" fmla="*/ 112 w 645"/>
                  <a:gd name="T111" fmla="*/ 144 h 555"/>
                  <a:gd name="T112" fmla="*/ 116 w 645"/>
                  <a:gd name="T113" fmla="*/ 137 h 555"/>
                  <a:gd name="T114" fmla="*/ 132 w 645"/>
                  <a:gd name="T115" fmla="*/ 144 h 555"/>
                  <a:gd name="T116" fmla="*/ 163 w 645"/>
                  <a:gd name="T117" fmla="*/ 141 h 555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0" t="0" r="r" b="b"/>
                <a:pathLst>
                  <a:path w="645" h="555">
                    <a:moveTo>
                      <a:pt x="515" y="433"/>
                    </a:moveTo>
                    <a:lnTo>
                      <a:pt x="520" y="431"/>
                    </a:lnTo>
                    <a:lnTo>
                      <a:pt x="524" y="428"/>
                    </a:lnTo>
                    <a:lnTo>
                      <a:pt x="528" y="424"/>
                    </a:lnTo>
                    <a:lnTo>
                      <a:pt x="533" y="419"/>
                    </a:lnTo>
                    <a:lnTo>
                      <a:pt x="536" y="415"/>
                    </a:lnTo>
                    <a:lnTo>
                      <a:pt x="538" y="410"/>
                    </a:lnTo>
                    <a:lnTo>
                      <a:pt x="539" y="403"/>
                    </a:lnTo>
                    <a:lnTo>
                      <a:pt x="540" y="398"/>
                    </a:lnTo>
                    <a:lnTo>
                      <a:pt x="540" y="393"/>
                    </a:lnTo>
                    <a:lnTo>
                      <a:pt x="539" y="388"/>
                    </a:lnTo>
                    <a:lnTo>
                      <a:pt x="537" y="383"/>
                    </a:lnTo>
                    <a:lnTo>
                      <a:pt x="534" y="380"/>
                    </a:lnTo>
                    <a:lnTo>
                      <a:pt x="528" y="377"/>
                    </a:lnTo>
                    <a:lnTo>
                      <a:pt x="522" y="376"/>
                    </a:lnTo>
                    <a:lnTo>
                      <a:pt x="515" y="376"/>
                    </a:lnTo>
                    <a:lnTo>
                      <a:pt x="505" y="377"/>
                    </a:lnTo>
                    <a:lnTo>
                      <a:pt x="502" y="378"/>
                    </a:lnTo>
                    <a:lnTo>
                      <a:pt x="499" y="380"/>
                    </a:lnTo>
                    <a:lnTo>
                      <a:pt x="498" y="383"/>
                    </a:lnTo>
                    <a:lnTo>
                      <a:pt x="497" y="388"/>
                    </a:lnTo>
                    <a:lnTo>
                      <a:pt x="497" y="396"/>
                    </a:lnTo>
                    <a:lnTo>
                      <a:pt x="496" y="404"/>
                    </a:lnTo>
                    <a:lnTo>
                      <a:pt x="489" y="404"/>
                    </a:lnTo>
                    <a:lnTo>
                      <a:pt x="485" y="402"/>
                    </a:lnTo>
                    <a:lnTo>
                      <a:pt x="483" y="401"/>
                    </a:lnTo>
                    <a:lnTo>
                      <a:pt x="481" y="399"/>
                    </a:lnTo>
                    <a:lnTo>
                      <a:pt x="481" y="394"/>
                    </a:lnTo>
                    <a:lnTo>
                      <a:pt x="482" y="389"/>
                    </a:lnTo>
                    <a:lnTo>
                      <a:pt x="484" y="383"/>
                    </a:lnTo>
                    <a:lnTo>
                      <a:pt x="483" y="379"/>
                    </a:lnTo>
                    <a:lnTo>
                      <a:pt x="481" y="377"/>
                    </a:lnTo>
                    <a:lnTo>
                      <a:pt x="479" y="377"/>
                    </a:lnTo>
                    <a:lnTo>
                      <a:pt x="474" y="376"/>
                    </a:lnTo>
                    <a:lnTo>
                      <a:pt x="467" y="377"/>
                    </a:lnTo>
                    <a:lnTo>
                      <a:pt x="464" y="378"/>
                    </a:lnTo>
                    <a:lnTo>
                      <a:pt x="461" y="382"/>
                    </a:lnTo>
                    <a:lnTo>
                      <a:pt x="459" y="387"/>
                    </a:lnTo>
                    <a:lnTo>
                      <a:pt x="459" y="392"/>
                    </a:lnTo>
                    <a:lnTo>
                      <a:pt x="459" y="396"/>
                    </a:lnTo>
                    <a:lnTo>
                      <a:pt x="461" y="401"/>
                    </a:lnTo>
                    <a:lnTo>
                      <a:pt x="462" y="402"/>
                    </a:lnTo>
                    <a:lnTo>
                      <a:pt x="464" y="403"/>
                    </a:lnTo>
                    <a:lnTo>
                      <a:pt x="465" y="404"/>
                    </a:lnTo>
                    <a:lnTo>
                      <a:pt x="467" y="404"/>
                    </a:lnTo>
                    <a:lnTo>
                      <a:pt x="471" y="408"/>
                    </a:lnTo>
                    <a:lnTo>
                      <a:pt x="474" y="411"/>
                    </a:lnTo>
                    <a:lnTo>
                      <a:pt x="474" y="412"/>
                    </a:lnTo>
                    <a:lnTo>
                      <a:pt x="473" y="413"/>
                    </a:lnTo>
                    <a:lnTo>
                      <a:pt x="467" y="413"/>
                    </a:lnTo>
                    <a:lnTo>
                      <a:pt x="460" y="411"/>
                    </a:lnTo>
                    <a:lnTo>
                      <a:pt x="457" y="408"/>
                    </a:lnTo>
                    <a:lnTo>
                      <a:pt x="453" y="405"/>
                    </a:lnTo>
                    <a:lnTo>
                      <a:pt x="449" y="402"/>
                    </a:lnTo>
                    <a:lnTo>
                      <a:pt x="447" y="398"/>
                    </a:lnTo>
                    <a:lnTo>
                      <a:pt x="445" y="394"/>
                    </a:lnTo>
                    <a:lnTo>
                      <a:pt x="445" y="389"/>
                    </a:lnTo>
                    <a:lnTo>
                      <a:pt x="446" y="383"/>
                    </a:lnTo>
                    <a:lnTo>
                      <a:pt x="449" y="377"/>
                    </a:lnTo>
                    <a:lnTo>
                      <a:pt x="444" y="377"/>
                    </a:lnTo>
                    <a:lnTo>
                      <a:pt x="440" y="377"/>
                    </a:lnTo>
                    <a:lnTo>
                      <a:pt x="437" y="379"/>
                    </a:lnTo>
                    <a:lnTo>
                      <a:pt x="434" y="380"/>
                    </a:lnTo>
                    <a:lnTo>
                      <a:pt x="429" y="385"/>
                    </a:lnTo>
                    <a:lnTo>
                      <a:pt x="425" y="391"/>
                    </a:lnTo>
                    <a:lnTo>
                      <a:pt x="422" y="397"/>
                    </a:lnTo>
                    <a:lnTo>
                      <a:pt x="420" y="403"/>
                    </a:lnTo>
                    <a:lnTo>
                      <a:pt x="416" y="410"/>
                    </a:lnTo>
                    <a:lnTo>
                      <a:pt x="411" y="414"/>
                    </a:lnTo>
                    <a:lnTo>
                      <a:pt x="394" y="397"/>
                    </a:lnTo>
                    <a:lnTo>
                      <a:pt x="383" y="384"/>
                    </a:lnTo>
                    <a:lnTo>
                      <a:pt x="378" y="381"/>
                    </a:lnTo>
                    <a:lnTo>
                      <a:pt x="370" y="378"/>
                    </a:lnTo>
                    <a:lnTo>
                      <a:pt x="360" y="377"/>
                    </a:lnTo>
                    <a:lnTo>
                      <a:pt x="346" y="377"/>
                    </a:lnTo>
                    <a:lnTo>
                      <a:pt x="346" y="374"/>
                    </a:lnTo>
                    <a:lnTo>
                      <a:pt x="347" y="372"/>
                    </a:lnTo>
                    <a:lnTo>
                      <a:pt x="349" y="370"/>
                    </a:lnTo>
                    <a:lnTo>
                      <a:pt x="351" y="368"/>
                    </a:lnTo>
                    <a:lnTo>
                      <a:pt x="356" y="365"/>
                    </a:lnTo>
                    <a:lnTo>
                      <a:pt x="361" y="364"/>
                    </a:lnTo>
                    <a:lnTo>
                      <a:pt x="366" y="362"/>
                    </a:lnTo>
                    <a:lnTo>
                      <a:pt x="371" y="360"/>
                    </a:lnTo>
                    <a:lnTo>
                      <a:pt x="373" y="358"/>
                    </a:lnTo>
                    <a:lnTo>
                      <a:pt x="374" y="355"/>
                    </a:lnTo>
                    <a:lnTo>
                      <a:pt x="375" y="353"/>
                    </a:lnTo>
                    <a:lnTo>
                      <a:pt x="374" y="349"/>
                    </a:lnTo>
                    <a:lnTo>
                      <a:pt x="374" y="344"/>
                    </a:lnTo>
                    <a:lnTo>
                      <a:pt x="371" y="340"/>
                    </a:lnTo>
                    <a:lnTo>
                      <a:pt x="370" y="338"/>
                    </a:lnTo>
                    <a:lnTo>
                      <a:pt x="368" y="336"/>
                    </a:lnTo>
                    <a:lnTo>
                      <a:pt x="366" y="334"/>
                    </a:lnTo>
                    <a:lnTo>
                      <a:pt x="363" y="333"/>
                    </a:lnTo>
                    <a:lnTo>
                      <a:pt x="360" y="333"/>
                    </a:lnTo>
                    <a:lnTo>
                      <a:pt x="358" y="333"/>
                    </a:lnTo>
                    <a:lnTo>
                      <a:pt x="351" y="335"/>
                    </a:lnTo>
                    <a:lnTo>
                      <a:pt x="345" y="338"/>
                    </a:lnTo>
                    <a:lnTo>
                      <a:pt x="341" y="343"/>
                    </a:lnTo>
                    <a:lnTo>
                      <a:pt x="337" y="349"/>
                    </a:lnTo>
                    <a:lnTo>
                      <a:pt x="334" y="345"/>
                    </a:lnTo>
                    <a:lnTo>
                      <a:pt x="331" y="341"/>
                    </a:lnTo>
                    <a:lnTo>
                      <a:pt x="331" y="336"/>
                    </a:lnTo>
                    <a:lnTo>
                      <a:pt x="329" y="330"/>
                    </a:lnTo>
                    <a:lnTo>
                      <a:pt x="327" y="324"/>
                    </a:lnTo>
                    <a:lnTo>
                      <a:pt x="324" y="319"/>
                    </a:lnTo>
                    <a:lnTo>
                      <a:pt x="321" y="317"/>
                    </a:lnTo>
                    <a:lnTo>
                      <a:pt x="318" y="315"/>
                    </a:lnTo>
                    <a:lnTo>
                      <a:pt x="314" y="313"/>
                    </a:lnTo>
                    <a:lnTo>
                      <a:pt x="308" y="312"/>
                    </a:lnTo>
                    <a:lnTo>
                      <a:pt x="310" y="308"/>
                    </a:lnTo>
                    <a:lnTo>
                      <a:pt x="314" y="304"/>
                    </a:lnTo>
                    <a:lnTo>
                      <a:pt x="318" y="303"/>
                    </a:lnTo>
                    <a:lnTo>
                      <a:pt x="323" y="302"/>
                    </a:lnTo>
                    <a:lnTo>
                      <a:pt x="335" y="302"/>
                    </a:lnTo>
                    <a:lnTo>
                      <a:pt x="346" y="302"/>
                    </a:lnTo>
                    <a:lnTo>
                      <a:pt x="342" y="295"/>
                    </a:lnTo>
                    <a:lnTo>
                      <a:pt x="338" y="288"/>
                    </a:lnTo>
                    <a:lnTo>
                      <a:pt x="333" y="282"/>
                    </a:lnTo>
                    <a:lnTo>
                      <a:pt x="327" y="277"/>
                    </a:lnTo>
                    <a:lnTo>
                      <a:pt x="321" y="272"/>
                    </a:lnTo>
                    <a:lnTo>
                      <a:pt x="314" y="268"/>
                    </a:lnTo>
                    <a:lnTo>
                      <a:pt x="306" y="263"/>
                    </a:lnTo>
                    <a:lnTo>
                      <a:pt x="299" y="260"/>
                    </a:lnTo>
                    <a:lnTo>
                      <a:pt x="282" y="255"/>
                    </a:lnTo>
                    <a:lnTo>
                      <a:pt x="264" y="251"/>
                    </a:lnTo>
                    <a:lnTo>
                      <a:pt x="244" y="248"/>
                    </a:lnTo>
                    <a:lnTo>
                      <a:pt x="224" y="245"/>
                    </a:lnTo>
                    <a:lnTo>
                      <a:pt x="234" y="242"/>
                    </a:lnTo>
                    <a:lnTo>
                      <a:pt x="240" y="239"/>
                    </a:lnTo>
                    <a:lnTo>
                      <a:pt x="245" y="237"/>
                    </a:lnTo>
                    <a:lnTo>
                      <a:pt x="247" y="234"/>
                    </a:lnTo>
                    <a:lnTo>
                      <a:pt x="249" y="231"/>
                    </a:lnTo>
                    <a:lnTo>
                      <a:pt x="249" y="229"/>
                    </a:lnTo>
                    <a:lnTo>
                      <a:pt x="247" y="225"/>
                    </a:lnTo>
                    <a:lnTo>
                      <a:pt x="245" y="223"/>
                    </a:lnTo>
                    <a:lnTo>
                      <a:pt x="232" y="215"/>
                    </a:lnTo>
                    <a:lnTo>
                      <a:pt x="224" y="209"/>
                    </a:lnTo>
                    <a:lnTo>
                      <a:pt x="225" y="205"/>
                    </a:lnTo>
                    <a:lnTo>
                      <a:pt x="226" y="202"/>
                    </a:lnTo>
                    <a:lnTo>
                      <a:pt x="229" y="199"/>
                    </a:lnTo>
                    <a:lnTo>
                      <a:pt x="234" y="196"/>
                    </a:lnTo>
                    <a:lnTo>
                      <a:pt x="240" y="192"/>
                    </a:lnTo>
                    <a:lnTo>
                      <a:pt x="243" y="190"/>
                    </a:lnTo>
                    <a:lnTo>
                      <a:pt x="241" y="183"/>
                    </a:lnTo>
                    <a:lnTo>
                      <a:pt x="239" y="177"/>
                    </a:lnTo>
                    <a:lnTo>
                      <a:pt x="236" y="173"/>
                    </a:lnTo>
                    <a:lnTo>
                      <a:pt x="231" y="169"/>
                    </a:lnTo>
                    <a:lnTo>
                      <a:pt x="226" y="166"/>
                    </a:lnTo>
                    <a:lnTo>
                      <a:pt x="221" y="164"/>
                    </a:lnTo>
                    <a:lnTo>
                      <a:pt x="215" y="163"/>
                    </a:lnTo>
                    <a:lnTo>
                      <a:pt x="208" y="162"/>
                    </a:lnTo>
                    <a:lnTo>
                      <a:pt x="194" y="162"/>
                    </a:lnTo>
                    <a:lnTo>
                      <a:pt x="178" y="164"/>
                    </a:lnTo>
                    <a:lnTo>
                      <a:pt x="161" y="167"/>
                    </a:lnTo>
                    <a:lnTo>
                      <a:pt x="144" y="171"/>
                    </a:lnTo>
                    <a:lnTo>
                      <a:pt x="126" y="174"/>
                    </a:lnTo>
                    <a:lnTo>
                      <a:pt x="108" y="175"/>
                    </a:lnTo>
                    <a:lnTo>
                      <a:pt x="100" y="176"/>
                    </a:lnTo>
                    <a:lnTo>
                      <a:pt x="92" y="176"/>
                    </a:lnTo>
                    <a:lnTo>
                      <a:pt x="84" y="175"/>
                    </a:lnTo>
                    <a:lnTo>
                      <a:pt x="77" y="174"/>
                    </a:lnTo>
                    <a:lnTo>
                      <a:pt x="70" y="173"/>
                    </a:lnTo>
                    <a:lnTo>
                      <a:pt x="63" y="170"/>
                    </a:lnTo>
                    <a:lnTo>
                      <a:pt x="58" y="166"/>
                    </a:lnTo>
                    <a:lnTo>
                      <a:pt x="51" y="162"/>
                    </a:lnTo>
                    <a:lnTo>
                      <a:pt x="47" y="156"/>
                    </a:lnTo>
                    <a:lnTo>
                      <a:pt x="43" y="150"/>
                    </a:lnTo>
                    <a:lnTo>
                      <a:pt x="40" y="142"/>
                    </a:lnTo>
                    <a:lnTo>
                      <a:pt x="37" y="134"/>
                    </a:lnTo>
                    <a:lnTo>
                      <a:pt x="58" y="131"/>
                    </a:lnTo>
                    <a:lnTo>
                      <a:pt x="71" y="127"/>
                    </a:lnTo>
                    <a:lnTo>
                      <a:pt x="78" y="127"/>
                    </a:lnTo>
                    <a:lnTo>
                      <a:pt x="84" y="127"/>
                    </a:lnTo>
                    <a:lnTo>
                      <a:pt x="92" y="130"/>
                    </a:lnTo>
                    <a:lnTo>
                      <a:pt x="103" y="134"/>
                    </a:lnTo>
                    <a:lnTo>
                      <a:pt x="107" y="132"/>
                    </a:lnTo>
                    <a:lnTo>
                      <a:pt x="111" y="129"/>
                    </a:lnTo>
                    <a:lnTo>
                      <a:pt x="113" y="126"/>
                    </a:lnTo>
                    <a:lnTo>
                      <a:pt x="116" y="124"/>
                    </a:lnTo>
                    <a:lnTo>
                      <a:pt x="118" y="118"/>
                    </a:lnTo>
                    <a:lnTo>
                      <a:pt x="118" y="113"/>
                    </a:lnTo>
                    <a:lnTo>
                      <a:pt x="119" y="107"/>
                    </a:lnTo>
                    <a:lnTo>
                      <a:pt x="122" y="103"/>
                    </a:lnTo>
                    <a:lnTo>
                      <a:pt x="124" y="101"/>
                    </a:lnTo>
                    <a:lnTo>
                      <a:pt x="128" y="99"/>
                    </a:lnTo>
                    <a:lnTo>
                      <a:pt x="133" y="97"/>
                    </a:lnTo>
                    <a:lnTo>
                      <a:pt x="140" y="96"/>
                    </a:lnTo>
                    <a:lnTo>
                      <a:pt x="137" y="91"/>
                    </a:lnTo>
                    <a:lnTo>
                      <a:pt x="133" y="86"/>
                    </a:lnTo>
                    <a:lnTo>
                      <a:pt x="130" y="83"/>
                    </a:lnTo>
                    <a:lnTo>
                      <a:pt x="126" y="80"/>
                    </a:lnTo>
                    <a:lnTo>
                      <a:pt x="122" y="78"/>
                    </a:lnTo>
                    <a:lnTo>
                      <a:pt x="119" y="77"/>
                    </a:lnTo>
                    <a:lnTo>
                      <a:pt x="115" y="76"/>
                    </a:lnTo>
                    <a:lnTo>
                      <a:pt x="110" y="75"/>
                    </a:lnTo>
                    <a:lnTo>
                      <a:pt x="101" y="76"/>
                    </a:lnTo>
                    <a:lnTo>
                      <a:pt x="91" y="77"/>
                    </a:lnTo>
                    <a:lnTo>
                      <a:pt x="82" y="80"/>
                    </a:lnTo>
                    <a:lnTo>
                      <a:pt x="72" y="83"/>
                    </a:lnTo>
                    <a:lnTo>
                      <a:pt x="53" y="91"/>
                    </a:lnTo>
                    <a:lnTo>
                      <a:pt x="33" y="95"/>
                    </a:lnTo>
                    <a:lnTo>
                      <a:pt x="25" y="96"/>
                    </a:lnTo>
                    <a:lnTo>
                      <a:pt x="16" y="95"/>
                    </a:lnTo>
                    <a:lnTo>
                      <a:pt x="11" y="94"/>
                    </a:lnTo>
                    <a:lnTo>
                      <a:pt x="7" y="92"/>
                    </a:lnTo>
                    <a:lnTo>
                      <a:pt x="3" y="90"/>
                    </a:lnTo>
                    <a:lnTo>
                      <a:pt x="0" y="86"/>
                    </a:lnTo>
                    <a:lnTo>
                      <a:pt x="8" y="72"/>
                    </a:lnTo>
                    <a:lnTo>
                      <a:pt x="17" y="58"/>
                    </a:lnTo>
                    <a:lnTo>
                      <a:pt x="27" y="45"/>
                    </a:lnTo>
                    <a:lnTo>
                      <a:pt x="38" y="35"/>
                    </a:lnTo>
                    <a:lnTo>
                      <a:pt x="48" y="25"/>
                    </a:lnTo>
                    <a:lnTo>
                      <a:pt x="60" y="18"/>
                    </a:lnTo>
                    <a:lnTo>
                      <a:pt x="72" y="12"/>
                    </a:lnTo>
                    <a:lnTo>
                      <a:pt x="85" y="7"/>
                    </a:lnTo>
                    <a:lnTo>
                      <a:pt x="98" y="3"/>
                    </a:lnTo>
                    <a:lnTo>
                      <a:pt x="111" y="1"/>
                    </a:lnTo>
                    <a:lnTo>
                      <a:pt x="125" y="0"/>
                    </a:lnTo>
                    <a:lnTo>
                      <a:pt x="139" y="0"/>
                    </a:lnTo>
                    <a:lnTo>
                      <a:pt x="152" y="1"/>
                    </a:lnTo>
                    <a:lnTo>
                      <a:pt x="166" y="3"/>
                    </a:lnTo>
                    <a:lnTo>
                      <a:pt x="180" y="5"/>
                    </a:lnTo>
                    <a:lnTo>
                      <a:pt x="194" y="10"/>
                    </a:lnTo>
                    <a:lnTo>
                      <a:pt x="207" y="15"/>
                    </a:lnTo>
                    <a:lnTo>
                      <a:pt x="221" y="20"/>
                    </a:lnTo>
                    <a:lnTo>
                      <a:pt x="235" y="26"/>
                    </a:lnTo>
                    <a:lnTo>
                      <a:pt x="247" y="33"/>
                    </a:lnTo>
                    <a:lnTo>
                      <a:pt x="261" y="41"/>
                    </a:lnTo>
                    <a:lnTo>
                      <a:pt x="272" y="50"/>
                    </a:lnTo>
                    <a:lnTo>
                      <a:pt x="285" y="58"/>
                    </a:lnTo>
                    <a:lnTo>
                      <a:pt x="297" y="67"/>
                    </a:lnTo>
                    <a:lnTo>
                      <a:pt x="307" y="77"/>
                    </a:lnTo>
                    <a:lnTo>
                      <a:pt x="318" y="86"/>
                    </a:lnTo>
                    <a:lnTo>
                      <a:pt x="327" y="97"/>
                    </a:lnTo>
                    <a:lnTo>
                      <a:pt x="337" y="107"/>
                    </a:lnTo>
                    <a:lnTo>
                      <a:pt x="345" y="119"/>
                    </a:lnTo>
                    <a:lnTo>
                      <a:pt x="353" y="130"/>
                    </a:lnTo>
                    <a:lnTo>
                      <a:pt x="359" y="141"/>
                    </a:lnTo>
                    <a:lnTo>
                      <a:pt x="365" y="152"/>
                    </a:lnTo>
                    <a:lnTo>
                      <a:pt x="383" y="154"/>
                    </a:lnTo>
                    <a:lnTo>
                      <a:pt x="401" y="157"/>
                    </a:lnTo>
                    <a:lnTo>
                      <a:pt x="417" y="161"/>
                    </a:lnTo>
                    <a:lnTo>
                      <a:pt x="433" y="166"/>
                    </a:lnTo>
                    <a:lnTo>
                      <a:pt x="446" y="173"/>
                    </a:lnTo>
                    <a:lnTo>
                      <a:pt x="460" y="180"/>
                    </a:lnTo>
                    <a:lnTo>
                      <a:pt x="473" y="188"/>
                    </a:lnTo>
                    <a:lnTo>
                      <a:pt x="484" y="196"/>
                    </a:lnTo>
                    <a:lnTo>
                      <a:pt x="496" y="205"/>
                    </a:lnTo>
                    <a:lnTo>
                      <a:pt x="505" y="216"/>
                    </a:lnTo>
                    <a:lnTo>
                      <a:pt x="515" y="226"/>
                    </a:lnTo>
                    <a:lnTo>
                      <a:pt x="524" y="238"/>
                    </a:lnTo>
                    <a:lnTo>
                      <a:pt x="533" y="251"/>
                    </a:lnTo>
                    <a:lnTo>
                      <a:pt x="540" y="263"/>
                    </a:lnTo>
                    <a:lnTo>
                      <a:pt x="547" y="276"/>
                    </a:lnTo>
                    <a:lnTo>
                      <a:pt x="555" y="290"/>
                    </a:lnTo>
                    <a:lnTo>
                      <a:pt x="567" y="318"/>
                    </a:lnTo>
                    <a:lnTo>
                      <a:pt x="579" y="348"/>
                    </a:lnTo>
                    <a:lnTo>
                      <a:pt x="589" y="377"/>
                    </a:lnTo>
                    <a:lnTo>
                      <a:pt x="600" y="408"/>
                    </a:lnTo>
                    <a:lnTo>
                      <a:pt x="610" y="438"/>
                    </a:lnTo>
                    <a:lnTo>
                      <a:pt x="621" y="469"/>
                    </a:lnTo>
                    <a:lnTo>
                      <a:pt x="633" y="498"/>
                    </a:lnTo>
                    <a:lnTo>
                      <a:pt x="645" y="527"/>
                    </a:lnTo>
                    <a:lnTo>
                      <a:pt x="626" y="530"/>
                    </a:lnTo>
                    <a:lnTo>
                      <a:pt x="602" y="532"/>
                    </a:lnTo>
                    <a:lnTo>
                      <a:pt x="590" y="534"/>
                    </a:lnTo>
                    <a:lnTo>
                      <a:pt x="579" y="538"/>
                    </a:lnTo>
                    <a:lnTo>
                      <a:pt x="575" y="541"/>
                    </a:lnTo>
                    <a:lnTo>
                      <a:pt x="569" y="546"/>
                    </a:lnTo>
                    <a:lnTo>
                      <a:pt x="565" y="550"/>
                    </a:lnTo>
                    <a:lnTo>
                      <a:pt x="561" y="555"/>
                    </a:lnTo>
                    <a:lnTo>
                      <a:pt x="542" y="539"/>
                    </a:lnTo>
                    <a:lnTo>
                      <a:pt x="523" y="522"/>
                    </a:lnTo>
                    <a:lnTo>
                      <a:pt x="503" y="508"/>
                    </a:lnTo>
                    <a:lnTo>
                      <a:pt x="483" y="492"/>
                    </a:lnTo>
                    <a:lnTo>
                      <a:pt x="462" y="478"/>
                    </a:lnTo>
                    <a:lnTo>
                      <a:pt x="441" y="464"/>
                    </a:lnTo>
                    <a:lnTo>
                      <a:pt x="418" y="453"/>
                    </a:lnTo>
                    <a:lnTo>
                      <a:pt x="393" y="442"/>
                    </a:lnTo>
                    <a:lnTo>
                      <a:pt x="360" y="461"/>
                    </a:lnTo>
                    <a:lnTo>
                      <a:pt x="326" y="479"/>
                    </a:lnTo>
                    <a:lnTo>
                      <a:pt x="317" y="483"/>
                    </a:lnTo>
                    <a:lnTo>
                      <a:pt x="308" y="486"/>
                    </a:lnTo>
                    <a:lnTo>
                      <a:pt x="299" y="488"/>
                    </a:lnTo>
                    <a:lnTo>
                      <a:pt x="288" y="489"/>
                    </a:lnTo>
                    <a:lnTo>
                      <a:pt x="278" y="489"/>
                    </a:lnTo>
                    <a:lnTo>
                      <a:pt x="267" y="488"/>
                    </a:lnTo>
                    <a:lnTo>
                      <a:pt x="256" y="484"/>
                    </a:lnTo>
                    <a:lnTo>
                      <a:pt x="243" y="480"/>
                    </a:lnTo>
                    <a:lnTo>
                      <a:pt x="231" y="460"/>
                    </a:lnTo>
                    <a:lnTo>
                      <a:pt x="220" y="439"/>
                    </a:lnTo>
                    <a:lnTo>
                      <a:pt x="209" y="418"/>
                    </a:lnTo>
                    <a:lnTo>
                      <a:pt x="201" y="395"/>
                    </a:lnTo>
                    <a:lnTo>
                      <a:pt x="198" y="383"/>
                    </a:lnTo>
                    <a:lnTo>
                      <a:pt x="195" y="371"/>
                    </a:lnTo>
                    <a:lnTo>
                      <a:pt x="192" y="358"/>
                    </a:lnTo>
                    <a:lnTo>
                      <a:pt x="191" y="345"/>
                    </a:lnTo>
                    <a:lnTo>
                      <a:pt x="190" y="333"/>
                    </a:lnTo>
                    <a:lnTo>
                      <a:pt x="191" y="320"/>
                    </a:lnTo>
                    <a:lnTo>
                      <a:pt x="194" y="306"/>
                    </a:lnTo>
                    <a:lnTo>
                      <a:pt x="196" y="293"/>
                    </a:lnTo>
                    <a:lnTo>
                      <a:pt x="205" y="296"/>
                    </a:lnTo>
                    <a:lnTo>
                      <a:pt x="212" y="300"/>
                    </a:lnTo>
                    <a:lnTo>
                      <a:pt x="220" y="305"/>
                    </a:lnTo>
                    <a:lnTo>
                      <a:pt x="226" y="312"/>
                    </a:lnTo>
                    <a:lnTo>
                      <a:pt x="231" y="318"/>
                    </a:lnTo>
                    <a:lnTo>
                      <a:pt x="237" y="325"/>
                    </a:lnTo>
                    <a:lnTo>
                      <a:pt x="241" y="333"/>
                    </a:lnTo>
                    <a:lnTo>
                      <a:pt x="246" y="341"/>
                    </a:lnTo>
                    <a:lnTo>
                      <a:pt x="254" y="358"/>
                    </a:lnTo>
                    <a:lnTo>
                      <a:pt x="262" y="374"/>
                    </a:lnTo>
                    <a:lnTo>
                      <a:pt x="270" y="391"/>
                    </a:lnTo>
                    <a:lnTo>
                      <a:pt x="280" y="404"/>
                    </a:lnTo>
                    <a:lnTo>
                      <a:pt x="286" y="407"/>
                    </a:lnTo>
                    <a:lnTo>
                      <a:pt x="291" y="407"/>
                    </a:lnTo>
                    <a:lnTo>
                      <a:pt x="296" y="407"/>
                    </a:lnTo>
                    <a:lnTo>
                      <a:pt x="300" y="405"/>
                    </a:lnTo>
                    <a:lnTo>
                      <a:pt x="306" y="402"/>
                    </a:lnTo>
                    <a:lnTo>
                      <a:pt x="310" y="398"/>
                    </a:lnTo>
                    <a:lnTo>
                      <a:pt x="315" y="393"/>
                    </a:lnTo>
                    <a:lnTo>
                      <a:pt x="320" y="389"/>
                    </a:lnTo>
                    <a:lnTo>
                      <a:pt x="323" y="388"/>
                    </a:lnTo>
                    <a:lnTo>
                      <a:pt x="327" y="387"/>
                    </a:lnTo>
                    <a:lnTo>
                      <a:pt x="331" y="385"/>
                    </a:lnTo>
                    <a:lnTo>
                      <a:pt x="337" y="387"/>
                    </a:lnTo>
                    <a:lnTo>
                      <a:pt x="335" y="393"/>
                    </a:lnTo>
                    <a:lnTo>
                      <a:pt x="331" y="398"/>
                    </a:lnTo>
                    <a:lnTo>
                      <a:pt x="328" y="402"/>
                    </a:lnTo>
                    <a:lnTo>
                      <a:pt x="325" y="408"/>
                    </a:lnTo>
                    <a:lnTo>
                      <a:pt x="322" y="413"/>
                    </a:lnTo>
                    <a:lnTo>
                      <a:pt x="320" y="418"/>
                    </a:lnTo>
                    <a:lnTo>
                      <a:pt x="318" y="425"/>
                    </a:lnTo>
                    <a:lnTo>
                      <a:pt x="318" y="433"/>
                    </a:lnTo>
                    <a:lnTo>
                      <a:pt x="325" y="433"/>
                    </a:lnTo>
                    <a:lnTo>
                      <a:pt x="331" y="432"/>
                    </a:lnTo>
                    <a:lnTo>
                      <a:pt x="336" y="431"/>
                    </a:lnTo>
                    <a:lnTo>
                      <a:pt x="340" y="428"/>
                    </a:lnTo>
                    <a:lnTo>
                      <a:pt x="343" y="423"/>
                    </a:lnTo>
                    <a:lnTo>
                      <a:pt x="345" y="418"/>
                    </a:lnTo>
                    <a:lnTo>
                      <a:pt x="346" y="412"/>
                    </a:lnTo>
                    <a:lnTo>
                      <a:pt x="346" y="404"/>
                    </a:lnTo>
                    <a:lnTo>
                      <a:pt x="349" y="410"/>
                    </a:lnTo>
                    <a:lnTo>
                      <a:pt x="354" y="414"/>
                    </a:lnTo>
                    <a:lnTo>
                      <a:pt x="358" y="418"/>
                    </a:lnTo>
                    <a:lnTo>
                      <a:pt x="363" y="421"/>
                    </a:lnTo>
                    <a:lnTo>
                      <a:pt x="373" y="427"/>
                    </a:lnTo>
                    <a:lnTo>
                      <a:pt x="383" y="430"/>
                    </a:lnTo>
                    <a:lnTo>
                      <a:pt x="395" y="431"/>
                    </a:lnTo>
                    <a:lnTo>
                      <a:pt x="406" y="431"/>
                    </a:lnTo>
                    <a:lnTo>
                      <a:pt x="419" y="431"/>
                    </a:lnTo>
                    <a:lnTo>
                      <a:pt x="430" y="429"/>
                    </a:lnTo>
                    <a:lnTo>
                      <a:pt x="455" y="425"/>
                    </a:lnTo>
                    <a:lnTo>
                      <a:pt x="478" y="423"/>
                    </a:lnTo>
                    <a:lnTo>
                      <a:pt x="488" y="424"/>
                    </a:lnTo>
                    <a:lnTo>
                      <a:pt x="498" y="425"/>
                    </a:lnTo>
                    <a:lnTo>
                      <a:pt x="503" y="427"/>
                    </a:lnTo>
                    <a:lnTo>
                      <a:pt x="507" y="429"/>
                    </a:lnTo>
                    <a:lnTo>
                      <a:pt x="510" y="431"/>
                    </a:lnTo>
                    <a:lnTo>
                      <a:pt x="515" y="433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80" name="Sønderborg"/>
              <p:cNvSpPr>
                <a:spLocks/>
              </p:cNvSpPr>
              <p:nvPr/>
            </p:nvSpPr>
            <p:spPr bwMode="auto">
              <a:xfrm>
                <a:off x="1668463" y="5907088"/>
                <a:ext cx="188913" cy="236538"/>
              </a:xfrm>
              <a:custGeom>
                <a:avLst/>
                <a:gdLst>
                  <a:gd name="T0" fmla="*/ 56 w 356"/>
                  <a:gd name="T1" fmla="*/ 4 h 449"/>
                  <a:gd name="T2" fmla="*/ 71 w 356"/>
                  <a:gd name="T3" fmla="*/ 14 h 449"/>
                  <a:gd name="T4" fmla="*/ 84 w 356"/>
                  <a:gd name="T5" fmla="*/ 19 h 449"/>
                  <a:gd name="T6" fmla="*/ 99 w 356"/>
                  <a:gd name="T7" fmla="*/ 23 h 449"/>
                  <a:gd name="T8" fmla="*/ 107 w 356"/>
                  <a:gd name="T9" fmla="*/ 47 h 449"/>
                  <a:gd name="T10" fmla="*/ 115 w 356"/>
                  <a:gd name="T11" fmla="*/ 83 h 449"/>
                  <a:gd name="T12" fmla="*/ 115 w 356"/>
                  <a:gd name="T13" fmla="*/ 94 h 449"/>
                  <a:gd name="T14" fmla="*/ 102 w 356"/>
                  <a:gd name="T15" fmla="*/ 91 h 449"/>
                  <a:gd name="T16" fmla="*/ 89 w 356"/>
                  <a:gd name="T17" fmla="*/ 91 h 449"/>
                  <a:gd name="T18" fmla="*/ 84 w 356"/>
                  <a:gd name="T19" fmla="*/ 95 h 449"/>
                  <a:gd name="T20" fmla="*/ 87 w 356"/>
                  <a:gd name="T21" fmla="*/ 104 h 449"/>
                  <a:gd name="T22" fmla="*/ 106 w 356"/>
                  <a:gd name="T23" fmla="*/ 122 h 449"/>
                  <a:gd name="T24" fmla="*/ 111 w 356"/>
                  <a:gd name="T25" fmla="*/ 136 h 449"/>
                  <a:gd name="T26" fmla="*/ 106 w 356"/>
                  <a:gd name="T27" fmla="*/ 148 h 449"/>
                  <a:gd name="T28" fmla="*/ 91 w 356"/>
                  <a:gd name="T29" fmla="*/ 140 h 449"/>
                  <a:gd name="T30" fmla="*/ 78 w 356"/>
                  <a:gd name="T31" fmla="*/ 131 h 449"/>
                  <a:gd name="T32" fmla="*/ 62 w 356"/>
                  <a:gd name="T33" fmla="*/ 129 h 449"/>
                  <a:gd name="T34" fmla="*/ 59 w 356"/>
                  <a:gd name="T35" fmla="*/ 124 h 449"/>
                  <a:gd name="T36" fmla="*/ 64 w 356"/>
                  <a:gd name="T37" fmla="*/ 111 h 449"/>
                  <a:gd name="T38" fmla="*/ 50 w 356"/>
                  <a:gd name="T39" fmla="*/ 99 h 449"/>
                  <a:gd name="T40" fmla="*/ 39 w 356"/>
                  <a:gd name="T41" fmla="*/ 91 h 449"/>
                  <a:gd name="T42" fmla="*/ 46 w 356"/>
                  <a:gd name="T43" fmla="*/ 88 h 449"/>
                  <a:gd name="T44" fmla="*/ 55 w 356"/>
                  <a:gd name="T45" fmla="*/ 89 h 449"/>
                  <a:gd name="T46" fmla="*/ 69 w 356"/>
                  <a:gd name="T47" fmla="*/ 91 h 449"/>
                  <a:gd name="T48" fmla="*/ 73 w 356"/>
                  <a:gd name="T49" fmla="*/ 83 h 449"/>
                  <a:gd name="T50" fmla="*/ 70 w 356"/>
                  <a:gd name="T51" fmla="*/ 77 h 449"/>
                  <a:gd name="T52" fmla="*/ 64 w 356"/>
                  <a:gd name="T53" fmla="*/ 70 h 449"/>
                  <a:gd name="T54" fmla="*/ 65 w 356"/>
                  <a:gd name="T55" fmla="*/ 66 h 449"/>
                  <a:gd name="T56" fmla="*/ 79 w 356"/>
                  <a:gd name="T57" fmla="*/ 69 h 449"/>
                  <a:gd name="T58" fmla="*/ 85 w 356"/>
                  <a:gd name="T59" fmla="*/ 65 h 449"/>
                  <a:gd name="T60" fmla="*/ 86 w 356"/>
                  <a:gd name="T61" fmla="*/ 59 h 449"/>
                  <a:gd name="T62" fmla="*/ 90 w 356"/>
                  <a:gd name="T63" fmla="*/ 62 h 449"/>
                  <a:gd name="T64" fmla="*/ 89 w 356"/>
                  <a:gd name="T65" fmla="*/ 69 h 449"/>
                  <a:gd name="T66" fmla="*/ 97 w 356"/>
                  <a:gd name="T67" fmla="*/ 74 h 449"/>
                  <a:gd name="T68" fmla="*/ 103 w 356"/>
                  <a:gd name="T69" fmla="*/ 71 h 449"/>
                  <a:gd name="T70" fmla="*/ 102 w 356"/>
                  <a:gd name="T71" fmla="*/ 63 h 449"/>
                  <a:gd name="T72" fmla="*/ 102 w 356"/>
                  <a:gd name="T73" fmla="*/ 57 h 449"/>
                  <a:gd name="T74" fmla="*/ 91 w 356"/>
                  <a:gd name="T75" fmla="*/ 55 h 449"/>
                  <a:gd name="T76" fmla="*/ 70 w 356"/>
                  <a:gd name="T77" fmla="*/ 57 h 449"/>
                  <a:gd name="T78" fmla="*/ 58 w 356"/>
                  <a:gd name="T79" fmla="*/ 55 h 449"/>
                  <a:gd name="T80" fmla="*/ 52 w 356"/>
                  <a:gd name="T81" fmla="*/ 51 h 449"/>
                  <a:gd name="T82" fmla="*/ 45 w 356"/>
                  <a:gd name="T83" fmla="*/ 55 h 449"/>
                  <a:gd name="T84" fmla="*/ 40 w 356"/>
                  <a:gd name="T85" fmla="*/ 58 h 449"/>
                  <a:gd name="T86" fmla="*/ 35 w 356"/>
                  <a:gd name="T87" fmla="*/ 56 h 449"/>
                  <a:gd name="T88" fmla="*/ 29 w 356"/>
                  <a:gd name="T89" fmla="*/ 55 h 449"/>
                  <a:gd name="T90" fmla="*/ 28 w 356"/>
                  <a:gd name="T91" fmla="*/ 51 h 449"/>
                  <a:gd name="T92" fmla="*/ 13 w 356"/>
                  <a:gd name="T93" fmla="*/ 56 h 449"/>
                  <a:gd name="T94" fmla="*/ 4 w 356"/>
                  <a:gd name="T95" fmla="*/ 53 h 449"/>
                  <a:gd name="T96" fmla="*/ 20 w 356"/>
                  <a:gd name="T97" fmla="*/ 37 h 449"/>
                  <a:gd name="T98" fmla="*/ 42 w 356"/>
                  <a:gd name="T99" fmla="*/ 8 h 449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0" t="0" r="r" b="b"/>
                <a:pathLst>
                  <a:path w="356" h="449">
                    <a:moveTo>
                      <a:pt x="140" y="0"/>
                    </a:moveTo>
                    <a:lnTo>
                      <a:pt x="150" y="3"/>
                    </a:lnTo>
                    <a:lnTo>
                      <a:pt x="158" y="7"/>
                    </a:lnTo>
                    <a:lnTo>
                      <a:pt x="167" y="11"/>
                    </a:lnTo>
                    <a:lnTo>
                      <a:pt x="175" y="16"/>
                    </a:lnTo>
                    <a:lnTo>
                      <a:pt x="190" y="27"/>
                    </a:lnTo>
                    <a:lnTo>
                      <a:pt x="205" y="38"/>
                    </a:lnTo>
                    <a:lnTo>
                      <a:pt x="213" y="43"/>
                    </a:lnTo>
                    <a:lnTo>
                      <a:pt x="221" y="47"/>
                    </a:lnTo>
                    <a:lnTo>
                      <a:pt x="231" y="51"/>
                    </a:lnTo>
                    <a:lnTo>
                      <a:pt x="240" y="54"/>
                    </a:lnTo>
                    <a:lnTo>
                      <a:pt x="251" y="56"/>
                    </a:lnTo>
                    <a:lnTo>
                      <a:pt x="262" y="58"/>
                    </a:lnTo>
                    <a:lnTo>
                      <a:pt x="276" y="58"/>
                    </a:lnTo>
                    <a:lnTo>
                      <a:pt x="290" y="55"/>
                    </a:lnTo>
                    <a:lnTo>
                      <a:pt x="296" y="68"/>
                    </a:lnTo>
                    <a:lnTo>
                      <a:pt x="301" y="81"/>
                    </a:lnTo>
                    <a:lnTo>
                      <a:pt x="306" y="95"/>
                    </a:lnTo>
                    <a:lnTo>
                      <a:pt x="311" y="110"/>
                    </a:lnTo>
                    <a:lnTo>
                      <a:pt x="319" y="143"/>
                    </a:lnTo>
                    <a:lnTo>
                      <a:pt x="327" y="175"/>
                    </a:lnTo>
                    <a:lnTo>
                      <a:pt x="334" y="208"/>
                    </a:lnTo>
                    <a:lnTo>
                      <a:pt x="340" y="238"/>
                    </a:lnTo>
                    <a:lnTo>
                      <a:pt x="345" y="250"/>
                    </a:lnTo>
                    <a:lnTo>
                      <a:pt x="348" y="262"/>
                    </a:lnTo>
                    <a:lnTo>
                      <a:pt x="352" y="272"/>
                    </a:lnTo>
                    <a:lnTo>
                      <a:pt x="356" y="281"/>
                    </a:lnTo>
                    <a:lnTo>
                      <a:pt x="343" y="282"/>
                    </a:lnTo>
                    <a:lnTo>
                      <a:pt x="331" y="282"/>
                    </a:lnTo>
                    <a:lnTo>
                      <a:pt x="321" y="280"/>
                    </a:lnTo>
                    <a:lnTo>
                      <a:pt x="313" y="277"/>
                    </a:lnTo>
                    <a:lnTo>
                      <a:pt x="304" y="273"/>
                    </a:lnTo>
                    <a:lnTo>
                      <a:pt x="294" y="271"/>
                    </a:lnTo>
                    <a:lnTo>
                      <a:pt x="284" y="270"/>
                    </a:lnTo>
                    <a:lnTo>
                      <a:pt x="272" y="271"/>
                    </a:lnTo>
                    <a:lnTo>
                      <a:pt x="267" y="273"/>
                    </a:lnTo>
                    <a:lnTo>
                      <a:pt x="262" y="275"/>
                    </a:lnTo>
                    <a:lnTo>
                      <a:pt x="258" y="279"/>
                    </a:lnTo>
                    <a:lnTo>
                      <a:pt x="254" y="282"/>
                    </a:lnTo>
                    <a:lnTo>
                      <a:pt x="251" y="286"/>
                    </a:lnTo>
                    <a:lnTo>
                      <a:pt x="248" y="290"/>
                    </a:lnTo>
                    <a:lnTo>
                      <a:pt x="246" y="294"/>
                    </a:lnTo>
                    <a:lnTo>
                      <a:pt x="244" y="299"/>
                    </a:lnTo>
                    <a:lnTo>
                      <a:pt x="259" y="313"/>
                    </a:lnTo>
                    <a:lnTo>
                      <a:pt x="277" y="328"/>
                    </a:lnTo>
                    <a:lnTo>
                      <a:pt x="294" y="343"/>
                    </a:lnTo>
                    <a:lnTo>
                      <a:pt x="310" y="361"/>
                    </a:lnTo>
                    <a:lnTo>
                      <a:pt x="317" y="369"/>
                    </a:lnTo>
                    <a:lnTo>
                      <a:pt x="324" y="379"/>
                    </a:lnTo>
                    <a:lnTo>
                      <a:pt x="328" y="389"/>
                    </a:lnTo>
                    <a:lnTo>
                      <a:pt x="331" y="400"/>
                    </a:lnTo>
                    <a:lnTo>
                      <a:pt x="333" y="411"/>
                    </a:lnTo>
                    <a:lnTo>
                      <a:pt x="333" y="423"/>
                    </a:lnTo>
                    <a:lnTo>
                      <a:pt x="332" y="436"/>
                    </a:lnTo>
                    <a:lnTo>
                      <a:pt x="328" y="449"/>
                    </a:lnTo>
                    <a:lnTo>
                      <a:pt x="316" y="447"/>
                    </a:lnTo>
                    <a:lnTo>
                      <a:pt x="306" y="444"/>
                    </a:lnTo>
                    <a:lnTo>
                      <a:pt x="297" y="440"/>
                    </a:lnTo>
                    <a:lnTo>
                      <a:pt x="289" y="434"/>
                    </a:lnTo>
                    <a:lnTo>
                      <a:pt x="273" y="423"/>
                    </a:lnTo>
                    <a:lnTo>
                      <a:pt x="259" y="410"/>
                    </a:lnTo>
                    <a:lnTo>
                      <a:pt x="251" y="404"/>
                    </a:lnTo>
                    <a:lnTo>
                      <a:pt x="242" y="399"/>
                    </a:lnTo>
                    <a:lnTo>
                      <a:pt x="234" y="394"/>
                    </a:lnTo>
                    <a:lnTo>
                      <a:pt x="224" y="391"/>
                    </a:lnTo>
                    <a:lnTo>
                      <a:pt x="212" y="389"/>
                    </a:lnTo>
                    <a:lnTo>
                      <a:pt x="199" y="388"/>
                    </a:lnTo>
                    <a:lnTo>
                      <a:pt x="185" y="390"/>
                    </a:lnTo>
                    <a:lnTo>
                      <a:pt x="169" y="392"/>
                    </a:lnTo>
                    <a:lnTo>
                      <a:pt x="171" y="386"/>
                    </a:lnTo>
                    <a:lnTo>
                      <a:pt x="174" y="380"/>
                    </a:lnTo>
                    <a:lnTo>
                      <a:pt x="177" y="373"/>
                    </a:lnTo>
                    <a:lnTo>
                      <a:pt x="181" y="368"/>
                    </a:lnTo>
                    <a:lnTo>
                      <a:pt x="190" y="358"/>
                    </a:lnTo>
                    <a:lnTo>
                      <a:pt x="196" y="346"/>
                    </a:lnTo>
                    <a:lnTo>
                      <a:pt x="190" y="334"/>
                    </a:lnTo>
                    <a:lnTo>
                      <a:pt x="181" y="324"/>
                    </a:lnTo>
                    <a:lnTo>
                      <a:pt x="172" y="314"/>
                    </a:lnTo>
                    <a:lnTo>
                      <a:pt x="161" y="306"/>
                    </a:lnTo>
                    <a:lnTo>
                      <a:pt x="151" y="299"/>
                    </a:lnTo>
                    <a:lnTo>
                      <a:pt x="138" y="291"/>
                    </a:lnTo>
                    <a:lnTo>
                      <a:pt x="126" y="286"/>
                    </a:lnTo>
                    <a:lnTo>
                      <a:pt x="112" y="281"/>
                    </a:lnTo>
                    <a:lnTo>
                      <a:pt x="117" y="275"/>
                    </a:lnTo>
                    <a:lnTo>
                      <a:pt x="121" y="271"/>
                    </a:lnTo>
                    <a:lnTo>
                      <a:pt x="127" y="269"/>
                    </a:lnTo>
                    <a:lnTo>
                      <a:pt x="132" y="266"/>
                    </a:lnTo>
                    <a:lnTo>
                      <a:pt x="137" y="265"/>
                    </a:lnTo>
                    <a:lnTo>
                      <a:pt x="142" y="264"/>
                    </a:lnTo>
                    <a:lnTo>
                      <a:pt x="148" y="264"/>
                    </a:lnTo>
                    <a:lnTo>
                      <a:pt x="153" y="265"/>
                    </a:lnTo>
                    <a:lnTo>
                      <a:pt x="165" y="267"/>
                    </a:lnTo>
                    <a:lnTo>
                      <a:pt x="175" y="270"/>
                    </a:lnTo>
                    <a:lnTo>
                      <a:pt x="186" y="275"/>
                    </a:lnTo>
                    <a:lnTo>
                      <a:pt x="196" y="281"/>
                    </a:lnTo>
                    <a:lnTo>
                      <a:pt x="206" y="275"/>
                    </a:lnTo>
                    <a:lnTo>
                      <a:pt x="215" y="271"/>
                    </a:lnTo>
                    <a:lnTo>
                      <a:pt x="217" y="263"/>
                    </a:lnTo>
                    <a:lnTo>
                      <a:pt x="217" y="255"/>
                    </a:lnTo>
                    <a:lnTo>
                      <a:pt x="217" y="250"/>
                    </a:lnTo>
                    <a:lnTo>
                      <a:pt x="216" y="245"/>
                    </a:lnTo>
                    <a:lnTo>
                      <a:pt x="214" y="240"/>
                    </a:lnTo>
                    <a:lnTo>
                      <a:pt x="212" y="237"/>
                    </a:lnTo>
                    <a:lnTo>
                      <a:pt x="209" y="232"/>
                    </a:lnTo>
                    <a:lnTo>
                      <a:pt x="206" y="229"/>
                    </a:lnTo>
                    <a:lnTo>
                      <a:pt x="199" y="223"/>
                    </a:lnTo>
                    <a:lnTo>
                      <a:pt x="193" y="217"/>
                    </a:lnTo>
                    <a:lnTo>
                      <a:pt x="191" y="212"/>
                    </a:lnTo>
                    <a:lnTo>
                      <a:pt x="189" y="207"/>
                    </a:lnTo>
                    <a:lnTo>
                      <a:pt x="188" y="202"/>
                    </a:lnTo>
                    <a:lnTo>
                      <a:pt x="187" y="197"/>
                    </a:lnTo>
                    <a:lnTo>
                      <a:pt x="194" y="200"/>
                    </a:lnTo>
                    <a:lnTo>
                      <a:pt x="205" y="204"/>
                    </a:lnTo>
                    <a:lnTo>
                      <a:pt x="217" y="207"/>
                    </a:lnTo>
                    <a:lnTo>
                      <a:pt x="230" y="207"/>
                    </a:lnTo>
                    <a:lnTo>
                      <a:pt x="236" y="207"/>
                    </a:lnTo>
                    <a:lnTo>
                      <a:pt x="241" y="206"/>
                    </a:lnTo>
                    <a:lnTo>
                      <a:pt x="247" y="204"/>
                    </a:lnTo>
                    <a:lnTo>
                      <a:pt x="251" y="201"/>
                    </a:lnTo>
                    <a:lnTo>
                      <a:pt x="253" y="197"/>
                    </a:lnTo>
                    <a:lnTo>
                      <a:pt x="255" y="191"/>
                    </a:lnTo>
                    <a:lnTo>
                      <a:pt x="255" y="185"/>
                    </a:lnTo>
                    <a:lnTo>
                      <a:pt x="253" y="178"/>
                    </a:lnTo>
                    <a:lnTo>
                      <a:pt x="257" y="179"/>
                    </a:lnTo>
                    <a:lnTo>
                      <a:pt x="261" y="181"/>
                    </a:lnTo>
                    <a:lnTo>
                      <a:pt x="265" y="182"/>
                    </a:lnTo>
                    <a:lnTo>
                      <a:pt x="267" y="185"/>
                    </a:lnTo>
                    <a:lnTo>
                      <a:pt x="269" y="187"/>
                    </a:lnTo>
                    <a:lnTo>
                      <a:pt x="269" y="189"/>
                    </a:lnTo>
                    <a:lnTo>
                      <a:pt x="270" y="192"/>
                    </a:lnTo>
                    <a:lnTo>
                      <a:pt x="270" y="195"/>
                    </a:lnTo>
                    <a:lnTo>
                      <a:pt x="266" y="209"/>
                    </a:lnTo>
                    <a:lnTo>
                      <a:pt x="262" y="224"/>
                    </a:lnTo>
                    <a:lnTo>
                      <a:pt x="271" y="224"/>
                    </a:lnTo>
                    <a:lnTo>
                      <a:pt x="280" y="224"/>
                    </a:lnTo>
                    <a:lnTo>
                      <a:pt x="290" y="224"/>
                    </a:lnTo>
                    <a:lnTo>
                      <a:pt x="299" y="224"/>
                    </a:lnTo>
                    <a:lnTo>
                      <a:pt x="304" y="221"/>
                    </a:lnTo>
                    <a:lnTo>
                      <a:pt x="306" y="218"/>
                    </a:lnTo>
                    <a:lnTo>
                      <a:pt x="308" y="214"/>
                    </a:lnTo>
                    <a:lnTo>
                      <a:pt x="309" y="211"/>
                    </a:lnTo>
                    <a:lnTo>
                      <a:pt x="308" y="205"/>
                    </a:lnTo>
                    <a:lnTo>
                      <a:pt x="307" y="199"/>
                    </a:lnTo>
                    <a:lnTo>
                      <a:pt x="305" y="191"/>
                    </a:lnTo>
                    <a:lnTo>
                      <a:pt x="304" y="184"/>
                    </a:lnTo>
                    <a:lnTo>
                      <a:pt x="304" y="181"/>
                    </a:lnTo>
                    <a:lnTo>
                      <a:pt x="305" y="177"/>
                    </a:lnTo>
                    <a:lnTo>
                      <a:pt x="306" y="172"/>
                    </a:lnTo>
                    <a:lnTo>
                      <a:pt x="309" y="168"/>
                    </a:lnTo>
                    <a:lnTo>
                      <a:pt x="296" y="167"/>
                    </a:lnTo>
                    <a:lnTo>
                      <a:pt x="285" y="166"/>
                    </a:lnTo>
                    <a:lnTo>
                      <a:pt x="273" y="166"/>
                    </a:lnTo>
                    <a:lnTo>
                      <a:pt x="260" y="167"/>
                    </a:lnTo>
                    <a:lnTo>
                      <a:pt x="238" y="169"/>
                    </a:lnTo>
                    <a:lnTo>
                      <a:pt x="217" y="171"/>
                    </a:lnTo>
                    <a:lnTo>
                      <a:pt x="208" y="172"/>
                    </a:lnTo>
                    <a:lnTo>
                      <a:pt x="198" y="172"/>
                    </a:lnTo>
                    <a:lnTo>
                      <a:pt x="190" y="171"/>
                    </a:lnTo>
                    <a:lnTo>
                      <a:pt x="181" y="169"/>
                    </a:lnTo>
                    <a:lnTo>
                      <a:pt x="175" y="167"/>
                    </a:lnTo>
                    <a:lnTo>
                      <a:pt x="169" y="163"/>
                    </a:lnTo>
                    <a:lnTo>
                      <a:pt x="163" y="157"/>
                    </a:lnTo>
                    <a:lnTo>
                      <a:pt x="159" y="149"/>
                    </a:lnTo>
                    <a:lnTo>
                      <a:pt x="156" y="154"/>
                    </a:lnTo>
                    <a:lnTo>
                      <a:pt x="152" y="159"/>
                    </a:lnTo>
                    <a:lnTo>
                      <a:pt x="147" y="162"/>
                    </a:lnTo>
                    <a:lnTo>
                      <a:pt x="141" y="165"/>
                    </a:lnTo>
                    <a:lnTo>
                      <a:pt x="136" y="167"/>
                    </a:lnTo>
                    <a:lnTo>
                      <a:pt x="131" y="170"/>
                    </a:lnTo>
                    <a:lnTo>
                      <a:pt x="126" y="173"/>
                    </a:lnTo>
                    <a:lnTo>
                      <a:pt x="121" y="178"/>
                    </a:lnTo>
                    <a:lnTo>
                      <a:pt x="120" y="175"/>
                    </a:lnTo>
                    <a:lnTo>
                      <a:pt x="117" y="173"/>
                    </a:lnTo>
                    <a:lnTo>
                      <a:pt x="115" y="172"/>
                    </a:lnTo>
                    <a:lnTo>
                      <a:pt x="112" y="171"/>
                    </a:lnTo>
                    <a:lnTo>
                      <a:pt x="105" y="170"/>
                    </a:lnTo>
                    <a:lnTo>
                      <a:pt x="97" y="169"/>
                    </a:lnTo>
                    <a:lnTo>
                      <a:pt x="94" y="168"/>
                    </a:lnTo>
                    <a:lnTo>
                      <a:pt x="91" y="168"/>
                    </a:lnTo>
                    <a:lnTo>
                      <a:pt x="88" y="166"/>
                    </a:lnTo>
                    <a:lnTo>
                      <a:pt x="86" y="164"/>
                    </a:lnTo>
                    <a:lnTo>
                      <a:pt x="83" y="162"/>
                    </a:lnTo>
                    <a:lnTo>
                      <a:pt x="83" y="159"/>
                    </a:lnTo>
                    <a:lnTo>
                      <a:pt x="83" y="154"/>
                    </a:lnTo>
                    <a:lnTo>
                      <a:pt x="85" y="149"/>
                    </a:lnTo>
                    <a:lnTo>
                      <a:pt x="68" y="159"/>
                    </a:lnTo>
                    <a:lnTo>
                      <a:pt x="50" y="166"/>
                    </a:lnTo>
                    <a:lnTo>
                      <a:pt x="39" y="169"/>
                    </a:lnTo>
                    <a:lnTo>
                      <a:pt x="28" y="170"/>
                    </a:lnTo>
                    <a:lnTo>
                      <a:pt x="15" y="170"/>
                    </a:lnTo>
                    <a:lnTo>
                      <a:pt x="0" y="168"/>
                    </a:lnTo>
                    <a:lnTo>
                      <a:pt x="11" y="160"/>
                    </a:lnTo>
                    <a:lnTo>
                      <a:pt x="21" y="151"/>
                    </a:lnTo>
                    <a:lnTo>
                      <a:pt x="31" y="142"/>
                    </a:lnTo>
                    <a:lnTo>
                      <a:pt x="41" y="132"/>
                    </a:lnTo>
                    <a:lnTo>
                      <a:pt x="59" y="111"/>
                    </a:lnTo>
                    <a:lnTo>
                      <a:pt x="77" y="90"/>
                    </a:lnTo>
                    <a:lnTo>
                      <a:pt x="93" y="68"/>
                    </a:lnTo>
                    <a:lnTo>
                      <a:pt x="109" y="46"/>
                    </a:lnTo>
                    <a:lnTo>
                      <a:pt x="125" y="23"/>
                    </a:lnTo>
                    <a:lnTo>
                      <a:pt x="140" y="0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81" name="Sønderborg kant"/>
              <p:cNvSpPr>
                <a:spLocks/>
              </p:cNvSpPr>
              <p:nvPr/>
            </p:nvSpPr>
            <p:spPr bwMode="auto">
              <a:xfrm>
                <a:off x="1668463" y="5907088"/>
                <a:ext cx="188913" cy="236538"/>
              </a:xfrm>
              <a:custGeom>
                <a:avLst/>
                <a:gdLst>
                  <a:gd name="T0" fmla="*/ 13 w 356"/>
                  <a:gd name="T1" fmla="*/ 56 h 449"/>
                  <a:gd name="T2" fmla="*/ 28 w 356"/>
                  <a:gd name="T3" fmla="*/ 51 h 449"/>
                  <a:gd name="T4" fmla="*/ 29 w 356"/>
                  <a:gd name="T5" fmla="*/ 55 h 449"/>
                  <a:gd name="T6" fmla="*/ 35 w 356"/>
                  <a:gd name="T7" fmla="*/ 56 h 449"/>
                  <a:gd name="T8" fmla="*/ 40 w 356"/>
                  <a:gd name="T9" fmla="*/ 58 h 449"/>
                  <a:gd name="T10" fmla="*/ 45 w 356"/>
                  <a:gd name="T11" fmla="*/ 55 h 449"/>
                  <a:gd name="T12" fmla="*/ 52 w 356"/>
                  <a:gd name="T13" fmla="*/ 51 h 449"/>
                  <a:gd name="T14" fmla="*/ 58 w 356"/>
                  <a:gd name="T15" fmla="*/ 55 h 449"/>
                  <a:gd name="T16" fmla="*/ 70 w 356"/>
                  <a:gd name="T17" fmla="*/ 57 h 449"/>
                  <a:gd name="T18" fmla="*/ 91 w 356"/>
                  <a:gd name="T19" fmla="*/ 55 h 449"/>
                  <a:gd name="T20" fmla="*/ 102 w 356"/>
                  <a:gd name="T21" fmla="*/ 57 h 449"/>
                  <a:gd name="T22" fmla="*/ 102 w 356"/>
                  <a:gd name="T23" fmla="*/ 63 h 449"/>
                  <a:gd name="T24" fmla="*/ 103 w 356"/>
                  <a:gd name="T25" fmla="*/ 71 h 449"/>
                  <a:gd name="T26" fmla="*/ 97 w 356"/>
                  <a:gd name="T27" fmla="*/ 74 h 449"/>
                  <a:gd name="T28" fmla="*/ 89 w 356"/>
                  <a:gd name="T29" fmla="*/ 69 h 449"/>
                  <a:gd name="T30" fmla="*/ 90 w 356"/>
                  <a:gd name="T31" fmla="*/ 62 h 449"/>
                  <a:gd name="T32" fmla="*/ 86 w 356"/>
                  <a:gd name="T33" fmla="*/ 59 h 449"/>
                  <a:gd name="T34" fmla="*/ 85 w 356"/>
                  <a:gd name="T35" fmla="*/ 65 h 449"/>
                  <a:gd name="T36" fmla="*/ 79 w 356"/>
                  <a:gd name="T37" fmla="*/ 69 h 449"/>
                  <a:gd name="T38" fmla="*/ 65 w 356"/>
                  <a:gd name="T39" fmla="*/ 66 h 449"/>
                  <a:gd name="T40" fmla="*/ 64 w 356"/>
                  <a:gd name="T41" fmla="*/ 70 h 449"/>
                  <a:gd name="T42" fmla="*/ 70 w 356"/>
                  <a:gd name="T43" fmla="*/ 77 h 449"/>
                  <a:gd name="T44" fmla="*/ 73 w 356"/>
                  <a:gd name="T45" fmla="*/ 83 h 449"/>
                  <a:gd name="T46" fmla="*/ 69 w 356"/>
                  <a:gd name="T47" fmla="*/ 91 h 449"/>
                  <a:gd name="T48" fmla="*/ 55 w 356"/>
                  <a:gd name="T49" fmla="*/ 89 h 449"/>
                  <a:gd name="T50" fmla="*/ 46 w 356"/>
                  <a:gd name="T51" fmla="*/ 88 h 449"/>
                  <a:gd name="T52" fmla="*/ 39 w 356"/>
                  <a:gd name="T53" fmla="*/ 91 h 449"/>
                  <a:gd name="T54" fmla="*/ 50 w 356"/>
                  <a:gd name="T55" fmla="*/ 99 h 449"/>
                  <a:gd name="T56" fmla="*/ 64 w 356"/>
                  <a:gd name="T57" fmla="*/ 111 h 449"/>
                  <a:gd name="T58" fmla="*/ 59 w 356"/>
                  <a:gd name="T59" fmla="*/ 124 h 449"/>
                  <a:gd name="T60" fmla="*/ 62 w 356"/>
                  <a:gd name="T61" fmla="*/ 129 h 449"/>
                  <a:gd name="T62" fmla="*/ 78 w 356"/>
                  <a:gd name="T63" fmla="*/ 131 h 449"/>
                  <a:gd name="T64" fmla="*/ 91 w 356"/>
                  <a:gd name="T65" fmla="*/ 140 h 449"/>
                  <a:gd name="T66" fmla="*/ 106 w 356"/>
                  <a:gd name="T67" fmla="*/ 148 h 449"/>
                  <a:gd name="T68" fmla="*/ 111 w 356"/>
                  <a:gd name="T69" fmla="*/ 136 h 449"/>
                  <a:gd name="T70" fmla="*/ 106 w 356"/>
                  <a:gd name="T71" fmla="*/ 122 h 449"/>
                  <a:gd name="T72" fmla="*/ 87 w 356"/>
                  <a:gd name="T73" fmla="*/ 104 h 449"/>
                  <a:gd name="T74" fmla="*/ 84 w 356"/>
                  <a:gd name="T75" fmla="*/ 95 h 449"/>
                  <a:gd name="T76" fmla="*/ 89 w 356"/>
                  <a:gd name="T77" fmla="*/ 91 h 449"/>
                  <a:gd name="T78" fmla="*/ 102 w 356"/>
                  <a:gd name="T79" fmla="*/ 91 h 449"/>
                  <a:gd name="T80" fmla="*/ 115 w 356"/>
                  <a:gd name="T81" fmla="*/ 94 h 449"/>
                  <a:gd name="T82" fmla="*/ 115 w 356"/>
                  <a:gd name="T83" fmla="*/ 83 h 449"/>
                  <a:gd name="T84" fmla="*/ 107 w 356"/>
                  <a:gd name="T85" fmla="*/ 47 h 449"/>
                  <a:gd name="T86" fmla="*/ 99 w 356"/>
                  <a:gd name="T87" fmla="*/ 23 h 449"/>
                  <a:gd name="T88" fmla="*/ 84 w 356"/>
                  <a:gd name="T89" fmla="*/ 19 h 449"/>
                  <a:gd name="T90" fmla="*/ 71 w 356"/>
                  <a:gd name="T91" fmla="*/ 14 h 449"/>
                  <a:gd name="T92" fmla="*/ 56 w 356"/>
                  <a:gd name="T93" fmla="*/ 4 h 449"/>
                  <a:gd name="T94" fmla="*/ 42 w 356"/>
                  <a:gd name="T95" fmla="*/ 8 h 449"/>
                  <a:gd name="T96" fmla="*/ 20 w 356"/>
                  <a:gd name="T97" fmla="*/ 37 h 449"/>
                  <a:gd name="T98" fmla="*/ 4 w 356"/>
                  <a:gd name="T99" fmla="*/ 53 h 449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0" t="0" r="r" b="b"/>
                <a:pathLst>
                  <a:path w="356" h="449">
                    <a:moveTo>
                      <a:pt x="0" y="168"/>
                    </a:moveTo>
                    <a:lnTo>
                      <a:pt x="15" y="170"/>
                    </a:lnTo>
                    <a:lnTo>
                      <a:pt x="28" y="170"/>
                    </a:lnTo>
                    <a:lnTo>
                      <a:pt x="39" y="169"/>
                    </a:lnTo>
                    <a:lnTo>
                      <a:pt x="50" y="166"/>
                    </a:lnTo>
                    <a:lnTo>
                      <a:pt x="68" y="159"/>
                    </a:lnTo>
                    <a:lnTo>
                      <a:pt x="85" y="149"/>
                    </a:lnTo>
                    <a:lnTo>
                      <a:pt x="83" y="154"/>
                    </a:lnTo>
                    <a:lnTo>
                      <a:pt x="83" y="159"/>
                    </a:lnTo>
                    <a:lnTo>
                      <a:pt x="83" y="162"/>
                    </a:lnTo>
                    <a:lnTo>
                      <a:pt x="86" y="164"/>
                    </a:lnTo>
                    <a:lnTo>
                      <a:pt x="88" y="166"/>
                    </a:lnTo>
                    <a:lnTo>
                      <a:pt x="91" y="168"/>
                    </a:lnTo>
                    <a:lnTo>
                      <a:pt x="94" y="168"/>
                    </a:lnTo>
                    <a:lnTo>
                      <a:pt x="97" y="169"/>
                    </a:lnTo>
                    <a:lnTo>
                      <a:pt x="105" y="170"/>
                    </a:lnTo>
                    <a:lnTo>
                      <a:pt x="112" y="171"/>
                    </a:lnTo>
                    <a:lnTo>
                      <a:pt x="115" y="172"/>
                    </a:lnTo>
                    <a:lnTo>
                      <a:pt x="117" y="173"/>
                    </a:lnTo>
                    <a:lnTo>
                      <a:pt x="120" y="175"/>
                    </a:lnTo>
                    <a:lnTo>
                      <a:pt x="121" y="178"/>
                    </a:lnTo>
                    <a:lnTo>
                      <a:pt x="126" y="173"/>
                    </a:lnTo>
                    <a:lnTo>
                      <a:pt x="131" y="170"/>
                    </a:lnTo>
                    <a:lnTo>
                      <a:pt x="136" y="167"/>
                    </a:lnTo>
                    <a:lnTo>
                      <a:pt x="141" y="165"/>
                    </a:lnTo>
                    <a:lnTo>
                      <a:pt x="147" y="162"/>
                    </a:lnTo>
                    <a:lnTo>
                      <a:pt x="152" y="159"/>
                    </a:lnTo>
                    <a:lnTo>
                      <a:pt x="156" y="154"/>
                    </a:lnTo>
                    <a:lnTo>
                      <a:pt x="159" y="149"/>
                    </a:lnTo>
                    <a:lnTo>
                      <a:pt x="163" y="157"/>
                    </a:lnTo>
                    <a:lnTo>
                      <a:pt x="169" y="163"/>
                    </a:lnTo>
                    <a:lnTo>
                      <a:pt x="175" y="167"/>
                    </a:lnTo>
                    <a:lnTo>
                      <a:pt x="181" y="169"/>
                    </a:lnTo>
                    <a:lnTo>
                      <a:pt x="190" y="171"/>
                    </a:lnTo>
                    <a:lnTo>
                      <a:pt x="198" y="172"/>
                    </a:lnTo>
                    <a:lnTo>
                      <a:pt x="208" y="172"/>
                    </a:lnTo>
                    <a:lnTo>
                      <a:pt x="217" y="171"/>
                    </a:lnTo>
                    <a:lnTo>
                      <a:pt x="238" y="169"/>
                    </a:lnTo>
                    <a:lnTo>
                      <a:pt x="260" y="167"/>
                    </a:lnTo>
                    <a:lnTo>
                      <a:pt x="273" y="166"/>
                    </a:lnTo>
                    <a:lnTo>
                      <a:pt x="285" y="166"/>
                    </a:lnTo>
                    <a:lnTo>
                      <a:pt x="296" y="167"/>
                    </a:lnTo>
                    <a:lnTo>
                      <a:pt x="309" y="168"/>
                    </a:lnTo>
                    <a:lnTo>
                      <a:pt x="306" y="172"/>
                    </a:lnTo>
                    <a:lnTo>
                      <a:pt x="305" y="177"/>
                    </a:lnTo>
                    <a:lnTo>
                      <a:pt x="304" y="181"/>
                    </a:lnTo>
                    <a:lnTo>
                      <a:pt x="304" y="184"/>
                    </a:lnTo>
                    <a:lnTo>
                      <a:pt x="305" y="191"/>
                    </a:lnTo>
                    <a:lnTo>
                      <a:pt x="307" y="199"/>
                    </a:lnTo>
                    <a:lnTo>
                      <a:pt x="308" y="205"/>
                    </a:lnTo>
                    <a:lnTo>
                      <a:pt x="309" y="211"/>
                    </a:lnTo>
                    <a:lnTo>
                      <a:pt x="308" y="214"/>
                    </a:lnTo>
                    <a:lnTo>
                      <a:pt x="306" y="218"/>
                    </a:lnTo>
                    <a:lnTo>
                      <a:pt x="304" y="221"/>
                    </a:lnTo>
                    <a:lnTo>
                      <a:pt x="299" y="224"/>
                    </a:lnTo>
                    <a:lnTo>
                      <a:pt x="290" y="224"/>
                    </a:lnTo>
                    <a:lnTo>
                      <a:pt x="280" y="224"/>
                    </a:lnTo>
                    <a:lnTo>
                      <a:pt x="271" y="224"/>
                    </a:lnTo>
                    <a:lnTo>
                      <a:pt x="262" y="224"/>
                    </a:lnTo>
                    <a:lnTo>
                      <a:pt x="266" y="209"/>
                    </a:lnTo>
                    <a:lnTo>
                      <a:pt x="270" y="195"/>
                    </a:lnTo>
                    <a:lnTo>
                      <a:pt x="270" y="192"/>
                    </a:lnTo>
                    <a:lnTo>
                      <a:pt x="269" y="189"/>
                    </a:lnTo>
                    <a:lnTo>
                      <a:pt x="269" y="187"/>
                    </a:lnTo>
                    <a:lnTo>
                      <a:pt x="267" y="185"/>
                    </a:lnTo>
                    <a:lnTo>
                      <a:pt x="265" y="182"/>
                    </a:lnTo>
                    <a:lnTo>
                      <a:pt x="261" y="181"/>
                    </a:lnTo>
                    <a:lnTo>
                      <a:pt x="257" y="179"/>
                    </a:lnTo>
                    <a:lnTo>
                      <a:pt x="253" y="178"/>
                    </a:lnTo>
                    <a:lnTo>
                      <a:pt x="255" y="185"/>
                    </a:lnTo>
                    <a:lnTo>
                      <a:pt x="255" y="191"/>
                    </a:lnTo>
                    <a:lnTo>
                      <a:pt x="253" y="197"/>
                    </a:lnTo>
                    <a:lnTo>
                      <a:pt x="251" y="201"/>
                    </a:lnTo>
                    <a:lnTo>
                      <a:pt x="247" y="204"/>
                    </a:lnTo>
                    <a:lnTo>
                      <a:pt x="241" y="206"/>
                    </a:lnTo>
                    <a:lnTo>
                      <a:pt x="236" y="207"/>
                    </a:lnTo>
                    <a:lnTo>
                      <a:pt x="230" y="207"/>
                    </a:lnTo>
                    <a:lnTo>
                      <a:pt x="217" y="207"/>
                    </a:lnTo>
                    <a:lnTo>
                      <a:pt x="205" y="204"/>
                    </a:lnTo>
                    <a:lnTo>
                      <a:pt x="194" y="200"/>
                    </a:lnTo>
                    <a:lnTo>
                      <a:pt x="187" y="197"/>
                    </a:lnTo>
                    <a:lnTo>
                      <a:pt x="188" y="202"/>
                    </a:lnTo>
                    <a:lnTo>
                      <a:pt x="189" y="207"/>
                    </a:lnTo>
                    <a:lnTo>
                      <a:pt x="191" y="212"/>
                    </a:lnTo>
                    <a:lnTo>
                      <a:pt x="193" y="217"/>
                    </a:lnTo>
                    <a:lnTo>
                      <a:pt x="199" y="223"/>
                    </a:lnTo>
                    <a:lnTo>
                      <a:pt x="206" y="229"/>
                    </a:lnTo>
                    <a:lnTo>
                      <a:pt x="209" y="232"/>
                    </a:lnTo>
                    <a:lnTo>
                      <a:pt x="212" y="237"/>
                    </a:lnTo>
                    <a:lnTo>
                      <a:pt x="214" y="240"/>
                    </a:lnTo>
                    <a:lnTo>
                      <a:pt x="216" y="245"/>
                    </a:lnTo>
                    <a:lnTo>
                      <a:pt x="217" y="250"/>
                    </a:lnTo>
                    <a:lnTo>
                      <a:pt x="217" y="255"/>
                    </a:lnTo>
                    <a:lnTo>
                      <a:pt x="217" y="263"/>
                    </a:lnTo>
                    <a:lnTo>
                      <a:pt x="215" y="271"/>
                    </a:lnTo>
                    <a:lnTo>
                      <a:pt x="206" y="275"/>
                    </a:lnTo>
                    <a:lnTo>
                      <a:pt x="196" y="281"/>
                    </a:lnTo>
                    <a:lnTo>
                      <a:pt x="186" y="275"/>
                    </a:lnTo>
                    <a:lnTo>
                      <a:pt x="175" y="270"/>
                    </a:lnTo>
                    <a:lnTo>
                      <a:pt x="165" y="267"/>
                    </a:lnTo>
                    <a:lnTo>
                      <a:pt x="153" y="265"/>
                    </a:lnTo>
                    <a:lnTo>
                      <a:pt x="148" y="264"/>
                    </a:lnTo>
                    <a:lnTo>
                      <a:pt x="142" y="264"/>
                    </a:lnTo>
                    <a:lnTo>
                      <a:pt x="137" y="265"/>
                    </a:lnTo>
                    <a:lnTo>
                      <a:pt x="132" y="266"/>
                    </a:lnTo>
                    <a:lnTo>
                      <a:pt x="127" y="269"/>
                    </a:lnTo>
                    <a:lnTo>
                      <a:pt x="121" y="271"/>
                    </a:lnTo>
                    <a:lnTo>
                      <a:pt x="117" y="275"/>
                    </a:lnTo>
                    <a:lnTo>
                      <a:pt x="112" y="281"/>
                    </a:lnTo>
                    <a:lnTo>
                      <a:pt x="126" y="286"/>
                    </a:lnTo>
                    <a:lnTo>
                      <a:pt x="138" y="291"/>
                    </a:lnTo>
                    <a:lnTo>
                      <a:pt x="151" y="299"/>
                    </a:lnTo>
                    <a:lnTo>
                      <a:pt x="161" y="306"/>
                    </a:lnTo>
                    <a:lnTo>
                      <a:pt x="172" y="314"/>
                    </a:lnTo>
                    <a:lnTo>
                      <a:pt x="181" y="324"/>
                    </a:lnTo>
                    <a:lnTo>
                      <a:pt x="190" y="334"/>
                    </a:lnTo>
                    <a:lnTo>
                      <a:pt x="196" y="346"/>
                    </a:lnTo>
                    <a:lnTo>
                      <a:pt x="190" y="358"/>
                    </a:lnTo>
                    <a:lnTo>
                      <a:pt x="181" y="368"/>
                    </a:lnTo>
                    <a:lnTo>
                      <a:pt x="177" y="373"/>
                    </a:lnTo>
                    <a:lnTo>
                      <a:pt x="174" y="380"/>
                    </a:lnTo>
                    <a:lnTo>
                      <a:pt x="171" y="386"/>
                    </a:lnTo>
                    <a:lnTo>
                      <a:pt x="169" y="392"/>
                    </a:lnTo>
                    <a:lnTo>
                      <a:pt x="185" y="390"/>
                    </a:lnTo>
                    <a:lnTo>
                      <a:pt x="199" y="388"/>
                    </a:lnTo>
                    <a:lnTo>
                      <a:pt x="212" y="389"/>
                    </a:lnTo>
                    <a:lnTo>
                      <a:pt x="224" y="391"/>
                    </a:lnTo>
                    <a:lnTo>
                      <a:pt x="234" y="394"/>
                    </a:lnTo>
                    <a:lnTo>
                      <a:pt x="242" y="399"/>
                    </a:lnTo>
                    <a:lnTo>
                      <a:pt x="251" y="404"/>
                    </a:lnTo>
                    <a:lnTo>
                      <a:pt x="259" y="410"/>
                    </a:lnTo>
                    <a:lnTo>
                      <a:pt x="273" y="423"/>
                    </a:lnTo>
                    <a:lnTo>
                      <a:pt x="289" y="434"/>
                    </a:lnTo>
                    <a:lnTo>
                      <a:pt x="297" y="440"/>
                    </a:lnTo>
                    <a:lnTo>
                      <a:pt x="306" y="444"/>
                    </a:lnTo>
                    <a:lnTo>
                      <a:pt x="316" y="447"/>
                    </a:lnTo>
                    <a:lnTo>
                      <a:pt x="328" y="449"/>
                    </a:lnTo>
                    <a:lnTo>
                      <a:pt x="332" y="436"/>
                    </a:lnTo>
                    <a:lnTo>
                      <a:pt x="333" y="423"/>
                    </a:lnTo>
                    <a:lnTo>
                      <a:pt x="333" y="411"/>
                    </a:lnTo>
                    <a:lnTo>
                      <a:pt x="331" y="400"/>
                    </a:lnTo>
                    <a:lnTo>
                      <a:pt x="328" y="389"/>
                    </a:lnTo>
                    <a:lnTo>
                      <a:pt x="324" y="379"/>
                    </a:lnTo>
                    <a:lnTo>
                      <a:pt x="317" y="369"/>
                    </a:lnTo>
                    <a:lnTo>
                      <a:pt x="310" y="361"/>
                    </a:lnTo>
                    <a:lnTo>
                      <a:pt x="294" y="343"/>
                    </a:lnTo>
                    <a:lnTo>
                      <a:pt x="277" y="328"/>
                    </a:lnTo>
                    <a:lnTo>
                      <a:pt x="259" y="313"/>
                    </a:lnTo>
                    <a:lnTo>
                      <a:pt x="244" y="299"/>
                    </a:lnTo>
                    <a:lnTo>
                      <a:pt x="246" y="294"/>
                    </a:lnTo>
                    <a:lnTo>
                      <a:pt x="248" y="290"/>
                    </a:lnTo>
                    <a:lnTo>
                      <a:pt x="251" y="286"/>
                    </a:lnTo>
                    <a:lnTo>
                      <a:pt x="254" y="282"/>
                    </a:lnTo>
                    <a:lnTo>
                      <a:pt x="258" y="279"/>
                    </a:lnTo>
                    <a:lnTo>
                      <a:pt x="262" y="275"/>
                    </a:lnTo>
                    <a:lnTo>
                      <a:pt x="267" y="273"/>
                    </a:lnTo>
                    <a:lnTo>
                      <a:pt x="272" y="271"/>
                    </a:lnTo>
                    <a:lnTo>
                      <a:pt x="284" y="270"/>
                    </a:lnTo>
                    <a:lnTo>
                      <a:pt x="294" y="271"/>
                    </a:lnTo>
                    <a:lnTo>
                      <a:pt x="304" y="273"/>
                    </a:lnTo>
                    <a:lnTo>
                      <a:pt x="313" y="277"/>
                    </a:lnTo>
                    <a:lnTo>
                      <a:pt x="321" y="280"/>
                    </a:lnTo>
                    <a:lnTo>
                      <a:pt x="331" y="282"/>
                    </a:lnTo>
                    <a:lnTo>
                      <a:pt x="343" y="282"/>
                    </a:lnTo>
                    <a:lnTo>
                      <a:pt x="356" y="281"/>
                    </a:lnTo>
                    <a:lnTo>
                      <a:pt x="352" y="272"/>
                    </a:lnTo>
                    <a:lnTo>
                      <a:pt x="348" y="262"/>
                    </a:lnTo>
                    <a:lnTo>
                      <a:pt x="345" y="250"/>
                    </a:lnTo>
                    <a:lnTo>
                      <a:pt x="340" y="238"/>
                    </a:lnTo>
                    <a:lnTo>
                      <a:pt x="334" y="208"/>
                    </a:lnTo>
                    <a:lnTo>
                      <a:pt x="327" y="175"/>
                    </a:lnTo>
                    <a:lnTo>
                      <a:pt x="319" y="143"/>
                    </a:lnTo>
                    <a:lnTo>
                      <a:pt x="311" y="110"/>
                    </a:lnTo>
                    <a:lnTo>
                      <a:pt x="306" y="95"/>
                    </a:lnTo>
                    <a:lnTo>
                      <a:pt x="301" y="81"/>
                    </a:lnTo>
                    <a:lnTo>
                      <a:pt x="296" y="68"/>
                    </a:lnTo>
                    <a:lnTo>
                      <a:pt x="290" y="55"/>
                    </a:lnTo>
                    <a:lnTo>
                      <a:pt x="276" y="58"/>
                    </a:lnTo>
                    <a:lnTo>
                      <a:pt x="262" y="58"/>
                    </a:lnTo>
                    <a:lnTo>
                      <a:pt x="251" y="56"/>
                    </a:lnTo>
                    <a:lnTo>
                      <a:pt x="240" y="54"/>
                    </a:lnTo>
                    <a:lnTo>
                      <a:pt x="231" y="51"/>
                    </a:lnTo>
                    <a:lnTo>
                      <a:pt x="221" y="47"/>
                    </a:lnTo>
                    <a:lnTo>
                      <a:pt x="213" y="43"/>
                    </a:lnTo>
                    <a:lnTo>
                      <a:pt x="205" y="38"/>
                    </a:lnTo>
                    <a:lnTo>
                      <a:pt x="190" y="27"/>
                    </a:lnTo>
                    <a:lnTo>
                      <a:pt x="175" y="16"/>
                    </a:lnTo>
                    <a:lnTo>
                      <a:pt x="167" y="11"/>
                    </a:lnTo>
                    <a:lnTo>
                      <a:pt x="158" y="7"/>
                    </a:lnTo>
                    <a:lnTo>
                      <a:pt x="150" y="3"/>
                    </a:lnTo>
                    <a:lnTo>
                      <a:pt x="140" y="0"/>
                    </a:lnTo>
                    <a:lnTo>
                      <a:pt x="125" y="23"/>
                    </a:lnTo>
                    <a:lnTo>
                      <a:pt x="109" y="46"/>
                    </a:lnTo>
                    <a:lnTo>
                      <a:pt x="93" y="68"/>
                    </a:lnTo>
                    <a:lnTo>
                      <a:pt x="77" y="90"/>
                    </a:lnTo>
                    <a:lnTo>
                      <a:pt x="59" y="111"/>
                    </a:lnTo>
                    <a:lnTo>
                      <a:pt x="41" y="132"/>
                    </a:lnTo>
                    <a:lnTo>
                      <a:pt x="31" y="142"/>
                    </a:lnTo>
                    <a:lnTo>
                      <a:pt x="21" y="151"/>
                    </a:lnTo>
                    <a:lnTo>
                      <a:pt x="11" y="160"/>
                    </a:lnTo>
                    <a:lnTo>
                      <a:pt x="0" y="168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82" name="Sønderborg"/>
              <p:cNvSpPr>
                <a:spLocks/>
              </p:cNvSpPr>
              <p:nvPr/>
            </p:nvSpPr>
            <p:spPr bwMode="auto">
              <a:xfrm>
                <a:off x="1604963" y="5975350"/>
                <a:ext cx="123825" cy="123825"/>
              </a:xfrm>
              <a:custGeom>
                <a:avLst/>
                <a:gdLst>
                  <a:gd name="T0" fmla="*/ 20 w 234"/>
                  <a:gd name="T1" fmla="*/ 0 h 235"/>
                  <a:gd name="T2" fmla="*/ 15 w 234"/>
                  <a:gd name="T3" fmla="*/ 1 h 235"/>
                  <a:gd name="T4" fmla="*/ 11 w 234"/>
                  <a:gd name="T5" fmla="*/ 4 h 235"/>
                  <a:gd name="T6" fmla="*/ 7 w 234"/>
                  <a:gd name="T7" fmla="*/ 9 h 235"/>
                  <a:gd name="T8" fmla="*/ 5 w 234"/>
                  <a:gd name="T9" fmla="*/ 15 h 235"/>
                  <a:gd name="T10" fmla="*/ 2 w 234"/>
                  <a:gd name="T11" fmla="*/ 22 h 235"/>
                  <a:gd name="T12" fmla="*/ 1 w 234"/>
                  <a:gd name="T13" fmla="*/ 29 h 235"/>
                  <a:gd name="T14" fmla="*/ 0 w 234"/>
                  <a:gd name="T15" fmla="*/ 37 h 235"/>
                  <a:gd name="T16" fmla="*/ 2 w 234"/>
                  <a:gd name="T17" fmla="*/ 41 h 235"/>
                  <a:gd name="T18" fmla="*/ 7 w 234"/>
                  <a:gd name="T19" fmla="*/ 43 h 235"/>
                  <a:gd name="T20" fmla="*/ 16 w 234"/>
                  <a:gd name="T21" fmla="*/ 43 h 235"/>
                  <a:gd name="T22" fmla="*/ 24 w 234"/>
                  <a:gd name="T23" fmla="*/ 45 h 235"/>
                  <a:gd name="T24" fmla="*/ 28 w 234"/>
                  <a:gd name="T25" fmla="*/ 47 h 235"/>
                  <a:gd name="T26" fmla="*/ 31 w 234"/>
                  <a:gd name="T27" fmla="*/ 51 h 235"/>
                  <a:gd name="T28" fmla="*/ 32 w 234"/>
                  <a:gd name="T29" fmla="*/ 56 h 235"/>
                  <a:gd name="T30" fmla="*/ 27 w 234"/>
                  <a:gd name="T31" fmla="*/ 59 h 235"/>
                  <a:gd name="T32" fmla="*/ 22 w 234"/>
                  <a:gd name="T33" fmla="*/ 60 h 235"/>
                  <a:gd name="T34" fmla="*/ 19 w 234"/>
                  <a:gd name="T35" fmla="*/ 61 h 235"/>
                  <a:gd name="T36" fmla="*/ 20 w 234"/>
                  <a:gd name="T37" fmla="*/ 63 h 235"/>
                  <a:gd name="T38" fmla="*/ 21 w 234"/>
                  <a:gd name="T39" fmla="*/ 64 h 235"/>
                  <a:gd name="T40" fmla="*/ 22 w 234"/>
                  <a:gd name="T41" fmla="*/ 68 h 235"/>
                  <a:gd name="T42" fmla="*/ 23 w 234"/>
                  <a:gd name="T43" fmla="*/ 74 h 235"/>
                  <a:gd name="T44" fmla="*/ 24 w 234"/>
                  <a:gd name="T45" fmla="*/ 77 h 235"/>
                  <a:gd name="T46" fmla="*/ 26 w 234"/>
                  <a:gd name="T47" fmla="*/ 78 h 235"/>
                  <a:gd name="T48" fmla="*/ 29 w 234"/>
                  <a:gd name="T49" fmla="*/ 77 h 235"/>
                  <a:gd name="T50" fmla="*/ 31 w 234"/>
                  <a:gd name="T51" fmla="*/ 74 h 235"/>
                  <a:gd name="T52" fmla="*/ 34 w 234"/>
                  <a:gd name="T53" fmla="*/ 71 h 235"/>
                  <a:gd name="T54" fmla="*/ 41 w 234"/>
                  <a:gd name="T55" fmla="*/ 69 h 235"/>
                  <a:gd name="T56" fmla="*/ 48 w 234"/>
                  <a:gd name="T57" fmla="*/ 69 h 235"/>
                  <a:gd name="T58" fmla="*/ 54 w 234"/>
                  <a:gd name="T59" fmla="*/ 65 h 235"/>
                  <a:gd name="T60" fmla="*/ 56 w 234"/>
                  <a:gd name="T61" fmla="*/ 58 h 235"/>
                  <a:gd name="T62" fmla="*/ 59 w 234"/>
                  <a:gd name="T63" fmla="*/ 49 h 235"/>
                  <a:gd name="T64" fmla="*/ 66 w 234"/>
                  <a:gd name="T65" fmla="*/ 39 h 235"/>
                  <a:gd name="T66" fmla="*/ 74 w 234"/>
                  <a:gd name="T67" fmla="*/ 30 h 235"/>
                  <a:gd name="T68" fmla="*/ 74 w 234"/>
                  <a:gd name="T69" fmla="*/ 25 h 235"/>
                  <a:gd name="T70" fmla="*/ 65 w 234"/>
                  <a:gd name="T71" fmla="*/ 25 h 235"/>
                  <a:gd name="T72" fmla="*/ 50 w 234"/>
                  <a:gd name="T73" fmla="*/ 25 h 235"/>
                  <a:gd name="T74" fmla="*/ 34 w 234"/>
                  <a:gd name="T75" fmla="*/ 26 h 235"/>
                  <a:gd name="T76" fmla="*/ 25 w 234"/>
                  <a:gd name="T77" fmla="*/ 26 h 235"/>
                  <a:gd name="T78" fmla="*/ 19 w 234"/>
                  <a:gd name="T79" fmla="*/ 24 h 235"/>
                  <a:gd name="T80" fmla="*/ 16 w 234"/>
                  <a:gd name="T81" fmla="*/ 22 h 235"/>
                  <a:gd name="T82" fmla="*/ 15 w 234"/>
                  <a:gd name="T83" fmla="*/ 20 h 235"/>
                  <a:gd name="T84" fmla="*/ 15 w 234"/>
                  <a:gd name="T85" fmla="*/ 19 h 235"/>
                  <a:gd name="T86" fmla="*/ 15 w 234"/>
                  <a:gd name="T87" fmla="*/ 11 h 235"/>
                  <a:gd name="T88" fmla="*/ 15 w 234"/>
                  <a:gd name="T89" fmla="*/ 8 h 235"/>
                  <a:gd name="T90" fmla="*/ 17 w 234"/>
                  <a:gd name="T91" fmla="*/ 4 h 235"/>
                  <a:gd name="T92" fmla="*/ 20 w 234"/>
                  <a:gd name="T93" fmla="*/ 1 h 235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</a:gdLst>
                <a:ahLst/>
                <a:cxnLst>
                  <a:cxn ang="T94">
                    <a:pos x="T0" y="T1"/>
                  </a:cxn>
                  <a:cxn ang="T95">
                    <a:pos x="T2" y="T3"/>
                  </a:cxn>
                  <a:cxn ang="T96">
                    <a:pos x="T4" y="T5"/>
                  </a:cxn>
                  <a:cxn ang="T97">
                    <a:pos x="T6" y="T7"/>
                  </a:cxn>
                  <a:cxn ang="T98">
                    <a:pos x="T8" y="T9"/>
                  </a:cxn>
                  <a:cxn ang="T99">
                    <a:pos x="T10" y="T11"/>
                  </a:cxn>
                  <a:cxn ang="T100">
                    <a:pos x="T12" y="T13"/>
                  </a:cxn>
                  <a:cxn ang="T101">
                    <a:pos x="T14" y="T15"/>
                  </a:cxn>
                  <a:cxn ang="T102">
                    <a:pos x="T16" y="T17"/>
                  </a:cxn>
                  <a:cxn ang="T103">
                    <a:pos x="T18" y="T19"/>
                  </a:cxn>
                  <a:cxn ang="T104">
                    <a:pos x="T20" y="T21"/>
                  </a:cxn>
                  <a:cxn ang="T105">
                    <a:pos x="T22" y="T23"/>
                  </a:cxn>
                  <a:cxn ang="T106">
                    <a:pos x="T24" y="T25"/>
                  </a:cxn>
                  <a:cxn ang="T107">
                    <a:pos x="T26" y="T27"/>
                  </a:cxn>
                  <a:cxn ang="T108">
                    <a:pos x="T28" y="T29"/>
                  </a:cxn>
                  <a:cxn ang="T109">
                    <a:pos x="T30" y="T31"/>
                  </a:cxn>
                  <a:cxn ang="T110">
                    <a:pos x="T32" y="T33"/>
                  </a:cxn>
                  <a:cxn ang="T111">
                    <a:pos x="T34" y="T35"/>
                  </a:cxn>
                  <a:cxn ang="T112">
                    <a:pos x="T36" y="T37"/>
                  </a:cxn>
                  <a:cxn ang="T113">
                    <a:pos x="T38" y="T39"/>
                  </a:cxn>
                  <a:cxn ang="T114">
                    <a:pos x="T40" y="T41"/>
                  </a:cxn>
                  <a:cxn ang="T115">
                    <a:pos x="T42" y="T43"/>
                  </a:cxn>
                  <a:cxn ang="T116">
                    <a:pos x="T44" y="T45"/>
                  </a:cxn>
                  <a:cxn ang="T117">
                    <a:pos x="T46" y="T47"/>
                  </a:cxn>
                  <a:cxn ang="T118">
                    <a:pos x="T48" y="T49"/>
                  </a:cxn>
                  <a:cxn ang="T119">
                    <a:pos x="T50" y="T51"/>
                  </a:cxn>
                  <a:cxn ang="T120">
                    <a:pos x="T52" y="T53"/>
                  </a:cxn>
                  <a:cxn ang="T121">
                    <a:pos x="T54" y="T55"/>
                  </a:cxn>
                  <a:cxn ang="T122">
                    <a:pos x="T56" y="T57"/>
                  </a:cxn>
                  <a:cxn ang="T123">
                    <a:pos x="T58" y="T59"/>
                  </a:cxn>
                  <a:cxn ang="T124">
                    <a:pos x="T60" y="T61"/>
                  </a:cxn>
                  <a:cxn ang="T125">
                    <a:pos x="T62" y="T63"/>
                  </a:cxn>
                  <a:cxn ang="T126">
                    <a:pos x="T64" y="T65"/>
                  </a:cxn>
                  <a:cxn ang="T127">
                    <a:pos x="T66" y="T67"/>
                  </a:cxn>
                  <a:cxn ang="T128">
                    <a:pos x="T68" y="T69"/>
                  </a:cxn>
                  <a:cxn ang="T129">
                    <a:pos x="T70" y="T71"/>
                  </a:cxn>
                  <a:cxn ang="T130">
                    <a:pos x="T72" y="T73"/>
                  </a:cxn>
                  <a:cxn ang="T131">
                    <a:pos x="T74" y="T75"/>
                  </a:cxn>
                  <a:cxn ang="T132">
                    <a:pos x="T76" y="T77"/>
                  </a:cxn>
                  <a:cxn ang="T133">
                    <a:pos x="T78" y="T79"/>
                  </a:cxn>
                  <a:cxn ang="T134">
                    <a:pos x="T80" y="T81"/>
                  </a:cxn>
                  <a:cxn ang="T135">
                    <a:pos x="T82" y="T83"/>
                  </a:cxn>
                  <a:cxn ang="T136">
                    <a:pos x="T84" y="T85"/>
                  </a:cxn>
                  <a:cxn ang="T137">
                    <a:pos x="T86" y="T87"/>
                  </a:cxn>
                  <a:cxn ang="T138">
                    <a:pos x="T88" y="T89"/>
                  </a:cxn>
                  <a:cxn ang="T139">
                    <a:pos x="T90" y="T91"/>
                  </a:cxn>
                  <a:cxn ang="T140">
                    <a:pos x="T92" y="T93"/>
                  </a:cxn>
                </a:cxnLst>
                <a:rect l="0" t="0" r="r" b="b"/>
                <a:pathLst>
                  <a:path w="234" h="235">
                    <a:moveTo>
                      <a:pt x="65" y="0"/>
                    </a:moveTo>
                    <a:lnTo>
                      <a:pt x="59" y="0"/>
                    </a:lnTo>
                    <a:lnTo>
                      <a:pt x="52" y="0"/>
                    </a:lnTo>
                    <a:lnTo>
                      <a:pt x="45" y="3"/>
                    </a:lnTo>
                    <a:lnTo>
                      <a:pt x="39" y="6"/>
                    </a:lnTo>
                    <a:lnTo>
                      <a:pt x="33" y="12"/>
                    </a:lnTo>
                    <a:lnTo>
                      <a:pt x="28" y="19"/>
                    </a:lnTo>
                    <a:lnTo>
                      <a:pt x="22" y="27"/>
                    </a:lnTo>
                    <a:lnTo>
                      <a:pt x="18" y="35"/>
                    </a:lnTo>
                    <a:lnTo>
                      <a:pt x="14" y="44"/>
                    </a:lnTo>
                    <a:lnTo>
                      <a:pt x="10" y="55"/>
                    </a:lnTo>
                    <a:lnTo>
                      <a:pt x="6" y="65"/>
                    </a:lnTo>
                    <a:lnTo>
                      <a:pt x="4" y="76"/>
                    </a:lnTo>
                    <a:lnTo>
                      <a:pt x="2" y="88"/>
                    </a:lnTo>
                    <a:lnTo>
                      <a:pt x="1" y="99"/>
                    </a:lnTo>
                    <a:lnTo>
                      <a:pt x="0" y="111"/>
                    </a:lnTo>
                    <a:lnTo>
                      <a:pt x="0" y="122"/>
                    </a:lnTo>
                    <a:lnTo>
                      <a:pt x="6" y="124"/>
                    </a:lnTo>
                    <a:lnTo>
                      <a:pt x="15" y="127"/>
                    </a:lnTo>
                    <a:lnTo>
                      <a:pt x="22" y="129"/>
                    </a:lnTo>
                    <a:lnTo>
                      <a:pt x="31" y="130"/>
                    </a:lnTo>
                    <a:lnTo>
                      <a:pt x="48" y="131"/>
                    </a:lnTo>
                    <a:lnTo>
                      <a:pt x="63" y="134"/>
                    </a:lnTo>
                    <a:lnTo>
                      <a:pt x="71" y="136"/>
                    </a:lnTo>
                    <a:lnTo>
                      <a:pt x="78" y="138"/>
                    </a:lnTo>
                    <a:lnTo>
                      <a:pt x="83" y="142"/>
                    </a:lnTo>
                    <a:lnTo>
                      <a:pt x="89" y="147"/>
                    </a:lnTo>
                    <a:lnTo>
                      <a:pt x="92" y="153"/>
                    </a:lnTo>
                    <a:lnTo>
                      <a:pt x="94" y="159"/>
                    </a:lnTo>
                    <a:lnTo>
                      <a:pt x="95" y="169"/>
                    </a:lnTo>
                    <a:lnTo>
                      <a:pt x="94" y="178"/>
                    </a:lnTo>
                    <a:lnTo>
                      <a:pt x="82" y="179"/>
                    </a:lnTo>
                    <a:lnTo>
                      <a:pt x="71" y="179"/>
                    </a:lnTo>
                    <a:lnTo>
                      <a:pt x="65" y="180"/>
                    </a:lnTo>
                    <a:lnTo>
                      <a:pt x="61" y="181"/>
                    </a:lnTo>
                    <a:lnTo>
                      <a:pt x="58" y="183"/>
                    </a:lnTo>
                    <a:lnTo>
                      <a:pt x="56" y="188"/>
                    </a:lnTo>
                    <a:lnTo>
                      <a:pt x="60" y="189"/>
                    </a:lnTo>
                    <a:lnTo>
                      <a:pt x="62" y="191"/>
                    </a:lnTo>
                    <a:lnTo>
                      <a:pt x="64" y="194"/>
                    </a:lnTo>
                    <a:lnTo>
                      <a:pt x="65" y="197"/>
                    </a:lnTo>
                    <a:lnTo>
                      <a:pt x="66" y="206"/>
                    </a:lnTo>
                    <a:lnTo>
                      <a:pt x="68" y="215"/>
                    </a:lnTo>
                    <a:lnTo>
                      <a:pt x="69" y="223"/>
                    </a:lnTo>
                    <a:lnTo>
                      <a:pt x="71" y="230"/>
                    </a:lnTo>
                    <a:lnTo>
                      <a:pt x="73" y="233"/>
                    </a:lnTo>
                    <a:lnTo>
                      <a:pt x="76" y="234"/>
                    </a:lnTo>
                    <a:lnTo>
                      <a:pt x="79" y="235"/>
                    </a:lnTo>
                    <a:lnTo>
                      <a:pt x="84" y="235"/>
                    </a:lnTo>
                    <a:lnTo>
                      <a:pt x="86" y="231"/>
                    </a:lnTo>
                    <a:lnTo>
                      <a:pt x="89" y="227"/>
                    </a:lnTo>
                    <a:lnTo>
                      <a:pt x="92" y="222"/>
                    </a:lnTo>
                    <a:lnTo>
                      <a:pt x="95" y="219"/>
                    </a:lnTo>
                    <a:lnTo>
                      <a:pt x="102" y="214"/>
                    </a:lnTo>
                    <a:lnTo>
                      <a:pt x="112" y="211"/>
                    </a:lnTo>
                    <a:lnTo>
                      <a:pt x="122" y="208"/>
                    </a:lnTo>
                    <a:lnTo>
                      <a:pt x="134" y="207"/>
                    </a:lnTo>
                    <a:lnTo>
                      <a:pt x="145" y="207"/>
                    </a:lnTo>
                    <a:lnTo>
                      <a:pt x="159" y="207"/>
                    </a:lnTo>
                    <a:lnTo>
                      <a:pt x="161" y="196"/>
                    </a:lnTo>
                    <a:lnTo>
                      <a:pt x="163" y="186"/>
                    </a:lnTo>
                    <a:lnTo>
                      <a:pt x="167" y="175"/>
                    </a:lnTo>
                    <a:lnTo>
                      <a:pt x="170" y="166"/>
                    </a:lnTo>
                    <a:lnTo>
                      <a:pt x="178" y="148"/>
                    </a:lnTo>
                    <a:lnTo>
                      <a:pt x="187" y="132"/>
                    </a:lnTo>
                    <a:lnTo>
                      <a:pt x="197" y="116"/>
                    </a:lnTo>
                    <a:lnTo>
                      <a:pt x="209" y="101"/>
                    </a:lnTo>
                    <a:lnTo>
                      <a:pt x="221" y="89"/>
                    </a:lnTo>
                    <a:lnTo>
                      <a:pt x="234" y="76"/>
                    </a:lnTo>
                    <a:lnTo>
                      <a:pt x="223" y="74"/>
                    </a:lnTo>
                    <a:lnTo>
                      <a:pt x="211" y="74"/>
                    </a:lnTo>
                    <a:lnTo>
                      <a:pt x="196" y="74"/>
                    </a:lnTo>
                    <a:lnTo>
                      <a:pt x="181" y="74"/>
                    </a:lnTo>
                    <a:lnTo>
                      <a:pt x="150" y="76"/>
                    </a:lnTo>
                    <a:lnTo>
                      <a:pt x="118" y="77"/>
                    </a:lnTo>
                    <a:lnTo>
                      <a:pt x="102" y="78"/>
                    </a:lnTo>
                    <a:lnTo>
                      <a:pt x="89" y="77"/>
                    </a:lnTo>
                    <a:lnTo>
                      <a:pt x="76" y="77"/>
                    </a:lnTo>
                    <a:lnTo>
                      <a:pt x="65" y="75"/>
                    </a:lnTo>
                    <a:lnTo>
                      <a:pt x="57" y="72"/>
                    </a:lnTo>
                    <a:lnTo>
                      <a:pt x="51" y="69"/>
                    </a:lnTo>
                    <a:lnTo>
                      <a:pt x="49" y="67"/>
                    </a:lnTo>
                    <a:lnTo>
                      <a:pt x="48" y="63"/>
                    </a:lnTo>
                    <a:lnTo>
                      <a:pt x="46" y="60"/>
                    </a:lnTo>
                    <a:lnTo>
                      <a:pt x="46" y="57"/>
                    </a:lnTo>
                    <a:lnTo>
                      <a:pt x="44" y="40"/>
                    </a:lnTo>
                    <a:lnTo>
                      <a:pt x="44" y="34"/>
                    </a:lnTo>
                    <a:lnTo>
                      <a:pt x="44" y="29"/>
                    </a:lnTo>
                    <a:lnTo>
                      <a:pt x="45" y="23"/>
                    </a:lnTo>
                    <a:lnTo>
                      <a:pt x="48" y="17"/>
                    </a:lnTo>
                    <a:lnTo>
                      <a:pt x="51" y="13"/>
                    </a:lnTo>
                    <a:lnTo>
                      <a:pt x="54" y="8"/>
                    </a:lnTo>
                    <a:lnTo>
                      <a:pt x="59" y="3"/>
                    </a:lnTo>
                    <a:lnTo>
                      <a:pt x="65" y="0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83" name="Sønderborg kant"/>
              <p:cNvSpPr>
                <a:spLocks/>
              </p:cNvSpPr>
              <p:nvPr/>
            </p:nvSpPr>
            <p:spPr bwMode="auto">
              <a:xfrm>
                <a:off x="1604963" y="5975350"/>
                <a:ext cx="123825" cy="123825"/>
              </a:xfrm>
              <a:custGeom>
                <a:avLst/>
                <a:gdLst>
                  <a:gd name="T0" fmla="*/ 20 w 234"/>
                  <a:gd name="T1" fmla="*/ 0 h 235"/>
                  <a:gd name="T2" fmla="*/ 15 w 234"/>
                  <a:gd name="T3" fmla="*/ 1 h 235"/>
                  <a:gd name="T4" fmla="*/ 11 w 234"/>
                  <a:gd name="T5" fmla="*/ 4 h 235"/>
                  <a:gd name="T6" fmla="*/ 7 w 234"/>
                  <a:gd name="T7" fmla="*/ 9 h 235"/>
                  <a:gd name="T8" fmla="*/ 5 w 234"/>
                  <a:gd name="T9" fmla="*/ 15 h 235"/>
                  <a:gd name="T10" fmla="*/ 2 w 234"/>
                  <a:gd name="T11" fmla="*/ 22 h 235"/>
                  <a:gd name="T12" fmla="*/ 1 w 234"/>
                  <a:gd name="T13" fmla="*/ 29 h 235"/>
                  <a:gd name="T14" fmla="*/ 0 w 234"/>
                  <a:gd name="T15" fmla="*/ 37 h 235"/>
                  <a:gd name="T16" fmla="*/ 2 w 234"/>
                  <a:gd name="T17" fmla="*/ 41 h 235"/>
                  <a:gd name="T18" fmla="*/ 7 w 234"/>
                  <a:gd name="T19" fmla="*/ 43 h 235"/>
                  <a:gd name="T20" fmla="*/ 16 w 234"/>
                  <a:gd name="T21" fmla="*/ 43 h 235"/>
                  <a:gd name="T22" fmla="*/ 24 w 234"/>
                  <a:gd name="T23" fmla="*/ 45 h 235"/>
                  <a:gd name="T24" fmla="*/ 28 w 234"/>
                  <a:gd name="T25" fmla="*/ 47 h 235"/>
                  <a:gd name="T26" fmla="*/ 31 w 234"/>
                  <a:gd name="T27" fmla="*/ 51 h 235"/>
                  <a:gd name="T28" fmla="*/ 32 w 234"/>
                  <a:gd name="T29" fmla="*/ 56 h 235"/>
                  <a:gd name="T30" fmla="*/ 27 w 234"/>
                  <a:gd name="T31" fmla="*/ 59 h 235"/>
                  <a:gd name="T32" fmla="*/ 22 w 234"/>
                  <a:gd name="T33" fmla="*/ 60 h 235"/>
                  <a:gd name="T34" fmla="*/ 19 w 234"/>
                  <a:gd name="T35" fmla="*/ 61 h 235"/>
                  <a:gd name="T36" fmla="*/ 20 w 234"/>
                  <a:gd name="T37" fmla="*/ 63 h 235"/>
                  <a:gd name="T38" fmla="*/ 21 w 234"/>
                  <a:gd name="T39" fmla="*/ 64 h 235"/>
                  <a:gd name="T40" fmla="*/ 22 w 234"/>
                  <a:gd name="T41" fmla="*/ 68 h 235"/>
                  <a:gd name="T42" fmla="*/ 23 w 234"/>
                  <a:gd name="T43" fmla="*/ 74 h 235"/>
                  <a:gd name="T44" fmla="*/ 24 w 234"/>
                  <a:gd name="T45" fmla="*/ 77 h 235"/>
                  <a:gd name="T46" fmla="*/ 26 w 234"/>
                  <a:gd name="T47" fmla="*/ 78 h 235"/>
                  <a:gd name="T48" fmla="*/ 29 w 234"/>
                  <a:gd name="T49" fmla="*/ 77 h 235"/>
                  <a:gd name="T50" fmla="*/ 31 w 234"/>
                  <a:gd name="T51" fmla="*/ 74 h 235"/>
                  <a:gd name="T52" fmla="*/ 34 w 234"/>
                  <a:gd name="T53" fmla="*/ 71 h 235"/>
                  <a:gd name="T54" fmla="*/ 41 w 234"/>
                  <a:gd name="T55" fmla="*/ 69 h 235"/>
                  <a:gd name="T56" fmla="*/ 48 w 234"/>
                  <a:gd name="T57" fmla="*/ 69 h 235"/>
                  <a:gd name="T58" fmla="*/ 54 w 234"/>
                  <a:gd name="T59" fmla="*/ 65 h 235"/>
                  <a:gd name="T60" fmla="*/ 56 w 234"/>
                  <a:gd name="T61" fmla="*/ 58 h 235"/>
                  <a:gd name="T62" fmla="*/ 59 w 234"/>
                  <a:gd name="T63" fmla="*/ 49 h 235"/>
                  <a:gd name="T64" fmla="*/ 66 w 234"/>
                  <a:gd name="T65" fmla="*/ 39 h 235"/>
                  <a:gd name="T66" fmla="*/ 74 w 234"/>
                  <a:gd name="T67" fmla="*/ 30 h 235"/>
                  <a:gd name="T68" fmla="*/ 74 w 234"/>
                  <a:gd name="T69" fmla="*/ 25 h 235"/>
                  <a:gd name="T70" fmla="*/ 65 w 234"/>
                  <a:gd name="T71" fmla="*/ 25 h 235"/>
                  <a:gd name="T72" fmla="*/ 50 w 234"/>
                  <a:gd name="T73" fmla="*/ 25 h 235"/>
                  <a:gd name="T74" fmla="*/ 34 w 234"/>
                  <a:gd name="T75" fmla="*/ 26 h 235"/>
                  <a:gd name="T76" fmla="*/ 25 w 234"/>
                  <a:gd name="T77" fmla="*/ 26 h 235"/>
                  <a:gd name="T78" fmla="*/ 19 w 234"/>
                  <a:gd name="T79" fmla="*/ 24 h 235"/>
                  <a:gd name="T80" fmla="*/ 16 w 234"/>
                  <a:gd name="T81" fmla="*/ 22 h 235"/>
                  <a:gd name="T82" fmla="*/ 15 w 234"/>
                  <a:gd name="T83" fmla="*/ 20 h 235"/>
                  <a:gd name="T84" fmla="*/ 15 w 234"/>
                  <a:gd name="T85" fmla="*/ 19 h 235"/>
                  <a:gd name="T86" fmla="*/ 15 w 234"/>
                  <a:gd name="T87" fmla="*/ 11 h 235"/>
                  <a:gd name="T88" fmla="*/ 15 w 234"/>
                  <a:gd name="T89" fmla="*/ 8 h 235"/>
                  <a:gd name="T90" fmla="*/ 17 w 234"/>
                  <a:gd name="T91" fmla="*/ 4 h 235"/>
                  <a:gd name="T92" fmla="*/ 20 w 234"/>
                  <a:gd name="T93" fmla="*/ 1 h 235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</a:gdLst>
                <a:ahLst/>
                <a:cxnLst>
                  <a:cxn ang="T94">
                    <a:pos x="T0" y="T1"/>
                  </a:cxn>
                  <a:cxn ang="T95">
                    <a:pos x="T2" y="T3"/>
                  </a:cxn>
                  <a:cxn ang="T96">
                    <a:pos x="T4" y="T5"/>
                  </a:cxn>
                  <a:cxn ang="T97">
                    <a:pos x="T6" y="T7"/>
                  </a:cxn>
                  <a:cxn ang="T98">
                    <a:pos x="T8" y="T9"/>
                  </a:cxn>
                  <a:cxn ang="T99">
                    <a:pos x="T10" y="T11"/>
                  </a:cxn>
                  <a:cxn ang="T100">
                    <a:pos x="T12" y="T13"/>
                  </a:cxn>
                  <a:cxn ang="T101">
                    <a:pos x="T14" y="T15"/>
                  </a:cxn>
                  <a:cxn ang="T102">
                    <a:pos x="T16" y="T17"/>
                  </a:cxn>
                  <a:cxn ang="T103">
                    <a:pos x="T18" y="T19"/>
                  </a:cxn>
                  <a:cxn ang="T104">
                    <a:pos x="T20" y="T21"/>
                  </a:cxn>
                  <a:cxn ang="T105">
                    <a:pos x="T22" y="T23"/>
                  </a:cxn>
                  <a:cxn ang="T106">
                    <a:pos x="T24" y="T25"/>
                  </a:cxn>
                  <a:cxn ang="T107">
                    <a:pos x="T26" y="T27"/>
                  </a:cxn>
                  <a:cxn ang="T108">
                    <a:pos x="T28" y="T29"/>
                  </a:cxn>
                  <a:cxn ang="T109">
                    <a:pos x="T30" y="T31"/>
                  </a:cxn>
                  <a:cxn ang="T110">
                    <a:pos x="T32" y="T33"/>
                  </a:cxn>
                  <a:cxn ang="T111">
                    <a:pos x="T34" y="T35"/>
                  </a:cxn>
                  <a:cxn ang="T112">
                    <a:pos x="T36" y="T37"/>
                  </a:cxn>
                  <a:cxn ang="T113">
                    <a:pos x="T38" y="T39"/>
                  </a:cxn>
                  <a:cxn ang="T114">
                    <a:pos x="T40" y="T41"/>
                  </a:cxn>
                  <a:cxn ang="T115">
                    <a:pos x="T42" y="T43"/>
                  </a:cxn>
                  <a:cxn ang="T116">
                    <a:pos x="T44" y="T45"/>
                  </a:cxn>
                  <a:cxn ang="T117">
                    <a:pos x="T46" y="T47"/>
                  </a:cxn>
                  <a:cxn ang="T118">
                    <a:pos x="T48" y="T49"/>
                  </a:cxn>
                  <a:cxn ang="T119">
                    <a:pos x="T50" y="T51"/>
                  </a:cxn>
                  <a:cxn ang="T120">
                    <a:pos x="T52" y="T53"/>
                  </a:cxn>
                  <a:cxn ang="T121">
                    <a:pos x="T54" y="T55"/>
                  </a:cxn>
                  <a:cxn ang="T122">
                    <a:pos x="T56" y="T57"/>
                  </a:cxn>
                  <a:cxn ang="T123">
                    <a:pos x="T58" y="T59"/>
                  </a:cxn>
                  <a:cxn ang="T124">
                    <a:pos x="T60" y="T61"/>
                  </a:cxn>
                  <a:cxn ang="T125">
                    <a:pos x="T62" y="T63"/>
                  </a:cxn>
                  <a:cxn ang="T126">
                    <a:pos x="T64" y="T65"/>
                  </a:cxn>
                  <a:cxn ang="T127">
                    <a:pos x="T66" y="T67"/>
                  </a:cxn>
                  <a:cxn ang="T128">
                    <a:pos x="T68" y="T69"/>
                  </a:cxn>
                  <a:cxn ang="T129">
                    <a:pos x="T70" y="T71"/>
                  </a:cxn>
                  <a:cxn ang="T130">
                    <a:pos x="T72" y="T73"/>
                  </a:cxn>
                  <a:cxn ang="T131">
                    <a:pos x="T74" y="T75"/>
                  </a:cxn>
                  <a:cxn ang="T132">
                    <a:pos x="T76" y="T77"/>
                  </a:cxn>
                  <a:cxn ang="T133">
                    <a:pos x="T78" y="T79"/>
                  </a:cxn>
                  <a:cxn ang="T134">
                    <a:pos x="T80" y="T81"/>
                  </a:cxn>
                  <a:cxn ang="T135">
                    <a:pos x="T82" y="T83"/>
                  </a:cxn>
                  <a:cxn ang="T136">
                    <a:pos x="T84" y="T85"/>
                  </a:cxn>
                  <a:cxn ang="T137">
                    <a:pos x="T86" y="T87"/>
                  </a:cxn>
                  <a:cxn ang="T138">
                    <a:pos x="T88" y="T89"/>
                  </a:cxn>
                  <a:cxn ang="T139">
                    <a:pos x="T90" y="T91"/>
                  </a:cxn>
                  <a:cxn ang="T140">
                    <a:pos x="T92" y="T93"/>
                  </a:cxn>
                </a:cxnLst>
                <a:rect l="0" t="0" r="r" b="b"/>
                <a:pathLst>
                  <a:path w="234" h="235">
                    <a:moveTo>
                      <a:pt x="65" y="0"/>
                    </a:moveTo>
                    <a:lnTo>
                      <a:pt x="59" y="0"/>
                    </a:lnTo>
                    <a:lnTo>
                      <a:pt x="52" y="0"/>
                    </a:lnTo>
                    <a:lnTo>
                      <a:pt x="45" y="3"/>
                    </a:lnTo>
                    <a:lnTo>
                      <a:pt x="39" y="6"/>
                    </a:lnTo>
                    <a:lnTo>
                      <a:pt x="33" y="12"/>
                    </a:lnTo>
                    <a:lnTo>
                      <a:pt x="28" y="19"/>
                    </a:lnTo>
                    <a:lnTo>
                      <a:pt x="22" y="27"/>
                    </a:lnTo>
                    <a:lnTo>
                      <a:pt x="18" y="35"/>
                    </a:lnTo>
                    <a:lnTo>
                      <a:pt x="14" y="44"/>
                    </a:lnTo>
                    <a:lnTo>
                      <a:pt x="10" y="55"/>
                    </a:lnTo>
                    <a:lnTo>
                      <a:pt x="6" y="65"/>
                    </a:lnTo>
                    <a:lnTo>
                      <a:pt x="4" y="76"/>
                    </a:lnTo>
                    <a:lnTo>
                      <a:pt x="2" y="88"/>
                    </a:lnTo>
                    <a:lnTo>
                      <a:pt x="1" y="99"/>
                    </a:lnTo>
                    <a:lnTo>
                      <a:pt x="0" y="111"/>
                    </a:lnTo>
                    <a:lnTo>
                      <a:pt x="0" y="122"/>
                    </a:lnTo>
                    <a:lnTo>
                      <a:pt x="6" y="124"/>
                    </a:lnTo>
                    <a:lnTo>
                      <a:pt x="15" y="127"/>
                    </a:lnTo>
                    <a:lnTo>
                      <a:pt x="22" y="129"/>
                    </a:lnTo>
                    <a:lnTo>
                      <a:pt x="31" y="130"/>
                    </a:lnTo>
                    <a:lnTo>
                      <a:pt x="48" y="131"/>
                    </a:lnTo>
                    <a:lnTo>
                      <a:pt x="63" y="134"/>
                    </a:lnTo>
                    <a:lnTo>
                      <a:pt x="71" y="136"/>
                    </a:lnTo>
                    <a:lnTo>
                      <a:pt x="78" y="138"/>
                    </a:lnTo>
                    <a:lnTo>
                      <a:pt x="83" y="142"/>
                    </a:lnTo>
                    <a:lnTo>
                      <a:pt x="89" y="147"/>
                    </a:lnTo>
                    <a:lnTo>
                      <a:pt x="92" y="153"/>
                    </a:lnTo>
                    <a:lnTo>
                      <a:pt x="94" y="159"/>
                    </a:lnTo>
                    <a:lnTo>
                      <a:pt x="95" y="169"/>
                    </a:lnTo>
                    <a:lnTo>
                      <a:pt x="94" y="178"/>
                    </a:lnTo>
                    <a:lnTo>
                      <a:pt x="82" y="179"/>
                    </a:lnTo>
                    <a:lnTo>
                      <a:pt x="71" y="179"/>
                    </a:lnTo>
                    <a:lnTo>
                      <a:pt x="65" y="180"/>
                    </a:lnTo>
                    <a:lnTo>
                      <a:pt x="61" y="181"/>
                    </a:lnTo>
                    <a:lnTo>
                      <a:pt x="58" y="183"/>
                    </a:lnTo>
                    <a:lnTo>
                      <a:pt x="56" y="188"/>
                    </a:lnTo>
                    <a:lnTo>
                      <a:pt x="60" y="189"/>
                    </a:lnTo>
                    <a:lnTo>
                      <a:pt x="62" y="191"/>
                    </a:lnTo>
                    <a:lnTo>
                      <a:pt x="64" y="194"/>
                    </a:lnTo>
                    <a:lnTo>
                      <a:pt x="65" y="197"/>
                    </a:lnTo>
                    <a:lnTo>
                      <a:pt x="66" y="206"/>
                    </a:lnTo>
                    <a:lnTo>
                      <a:pt x="68" y="215"/>
                    </a:lnTo>
                    <a:lnTo>
                      <a:pt x="69" y="223"/>
                    </a:lnTo>
                    <a:lnTo>
                      <a:pt x="71" y="230"/>
                    </a:lnTo>
                    <a:lnTo>
                      <a:pt x="73" y="233"/>
                    </a:lnTo>
                    <a:lnTo>
                      <a:pt x="76" y="234"/>
                    </a:lnTo>
                    <a:lnTo>
                      <a:pt x="79" y="235"/>
                    </a:lnTo>
                    <a:lnTo>
                      <a:pt x="84" y="235"/>
                    </a:lnTo>
                    <a:lnTo>
                      <a:pt x="86" y="231"/>
                    </a:lnTo>
                    <a:lnTo>
                      <a:pt x="89" y="227"/>
                    </a:lnTo>
                    <a:lnTo>
                      <a:pt x="92" y="222"/>
                    </a:lnTo>
                    <a:lnTo>
                      <a:pt x="95" y="219"/>
                    </a:lnTo>
                    <a:lnTo>
                      <a:pt x="102" y="214"/>
                    </a:lnTo>
                    <a:lnTo>
                      <a:pt x="112" y="211"/>
                    </a:lnTo>
                    <a:lnTo>
                      <a:pt x="122" y="208"/>
                    </a:lnTo>
                    <a:lnTo>
                      <a:pt x="134" y="207"/>
                    </a:lnTo>
                    <a:lnTo>
                      <a:pt x="145" y="207"/>
                    </a:lnTo>
                    <a:lnTo>
                      <a:pt x="159" y="207"/>
                    </a:lnTo>
                    <a:lnTo>
                      <a:pt x="161" y="196"/>
                    </a:lnTo>
                    <a:lnTo>
                      <a:pt x="163" y="186"/>
                    </a:lnTo>
                    <a:lnTo>
                      <a:pt x="167" y="175"/>
                    </a:lnTo>
                    <a:lnTo>
                      <a:pt x="170" y="166"/>
                    </a:lnTo>
                    <a:lnTo>
                      <a:pt x="178" y="148"/>
                    </a:lnTo>
                    <a:lnTo>
                      <a:pt x="187" y="132"/>
                    </a:lnTo>
                    <a:lnTo>
                      <a:pt x="197" y="116"/>
                    </a:lnTo>
                    <a:lnTo>
                      <a:pt x="209" y="101"/>
                    </a:lnTo>
                    <a:lnTo>
                      <a:pt x="221" y="89"/>
                    </a:lnTo>
                    <a:lnTo>
                      <a:pt x="234" y="76"/>
                    </a:lnTo>
                    <a:lnTo>
                      <a:pt x="223" y="74"/>
                    </a:lnTo>
                    <a:lnTo>
                      <a:pt x="211" y="74"/>
                    </a:lnTo>
                    <a:lnTo>
                      <a:pt x="196" y="74"/>
                    </a:lnTo>
                    <a:lnTo>
                      <a:pt x="181" y="74"/>
                    </a:lnTo>
                    <a:lnTo>
                      <a:pt x="150" y="76"/>
                    </a:lnTo>
                    <a:lnTo>
                      <a:pt x="118" y="77"/>
                    </a:lnTo>
                    <a:lnTo>
                      <a:pt x="102" y="78"/>
                    </a:lnTo>
                    <a:lnTo>
                      <a:pt x="89" y="77"/>
                    </a:lnTo>
                    <a:lnTo>
                      <a:pt x="76" y="77"/>
                    </a:lnTo>
                    <a:lnTo>
                      <a:pt x="65" y="75"/>
                    </a:lnTo>
                    <a:lnTo>
                      <a:pt x="57" y="72"/>
                    </a:lnTo>
                    <a:lnTo>
                      <a:pt x="51" y="69"/>
                    </a:lnTo>
                    <a:lnTo>
                      <a:pt x="49" y="67"/>
                    </a:lnTo>
                    <a:lnTo>
                      <a:pt x="48" y="63"/>
                    </a:lnTo>
                    <a:lnTo>
                      <a:pt x="46" y="60"/>
                    </a:lnTo>
                    <a:lnTo>
                      <a:pt x="46" y="57"/>
                    </a:lnTo>
                    <a:lnTo>
                      <a:pt x="44" y="40"/>
                    </a:lnTo>
                    <a:lnTo>
                      <a:pt x="44" y="34"/>
                    </a:lnTo>
                    <a:lnTo>
                      <a:pt x="44" y="29"/>
                    </a:lnTo>
                    <a:lnTo>
                      <a:pt x="45" y="23"/>
                    </a:lnTo>
                    <a:lnTo>
                      <a:pt x="48" y="17"/>
                    </a:lnTo>
                    <a:lnTo>
                      <a:pt x="51" y="13"/>
                    </a:lnTo>
                    <a:lnTo>
                      <a:pt x="54" y="8"/>
                    </a:lnTo>
                    <a:lnTo>
                      <a:pt x="59" y="3"/>
                    </a:lnTo>
                    <a:lnTo>
                      <a:pt x="65" y="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056" name="Nyborg"/>
            <p:cNvSpPr>
              <a:spLocks/>
            </p:cNvSpPr>
            <p:nvPr/>
          </p:nvSpPr>
          <p:spPr bwMode="auto">
            <a:xfrm>
              <a:off x="2492375" y="5316538"/>
              <a:ext cx="217488" cy="331788"/>
            </a:xfrm>
            <a:custGeom>
              <a:avLst/>
              <a:gdLst>
                <a:gd name="T0" fmla="*/ 3 w 411"/>
                <a:gd name="T1" fmla="*/ 141 h 626"/>
                <a:gd name="T2" fmla="*/ 9 w 411"/>
                <a:gd name="T3" fmla="*/ 138 h 626"/>
                <a:gd name="T4" fmla="*/ 18 w 411"/>
                <a:gd name="T5" fmla="*/ 130 h 626"/>
                <a:gd name="T6" fmla="*/ 25 w 411"/>
                <a:gd name="T7" fmla="*/ 128 h 626"/>
                <a:gd name="T8" fmla="*/ 28 w 411"/>
                <a:gd name="T9" fmla="*/ 117 h 626"/>
                <a:gd name="T10" fmla="*/ 29 w 411"/>
                <a:gd name="T11" fmla="*/ 109 h 626"/>
                <a:gd name="T12" fmla="*/ 31 w 411"/>
                <a:gd name="T13" fmla="*/ 103 h 626"/>
                <a:gd name="T14" fmla="*/ 36 w 411"/>
                <a:gd name="T15" fmla="*/ 100 h 626"/>
                <a:gd name="T16" fmla="*/ 43 w 411"/>
                <a:gd name="T17" fmla="*/ 100 h 626"/>
                <a:gd name="T18" fmla="*/ 42 w 411"/>
                <a:gd name="T19" fmla="*/ 92 h 626"/>
                <a:gd name="T20" fmla="*/ 38 w 411"/>
                <a:gd name="T21" fmla="*/ 87 h 626"/>
                <a:gd name="T22" fmla="*/ 41 w 411"/>
                <a:gd name="T23" fmla="*/ 78 h 626"/>
                <a:gd name="T24" fmla="*/ 51 w 411"/>
                <a:gd name="T25" fmla="*/ 68 h 626"/>
                <a:gd name="T26" fmla="*/ 57 w 411"/>
                <a:gd name="T27" fmla="*/ 58 h 626"/>
                <a:gd name="T28" fmla="*/ 59 w 411"/>
                <a:gd name="T29" fmla="*/ 50 h 626"/>
                <a:gd name="T30" fmla="*/ 52 w 411"/>
                <a:gd name="T31" fmla="*/ 46 h 626"/>
                <a:gd name="T32" fmla="*/ 37 w 411"/>
                <a:gd name="T33" fmla="*/ 43 h 626"/>
                <a:gd name="T34" fmla="*/ 47 w 411"/>
                <a:gd name="T35" fmla="*/ 40 h 626"/>
                <a:gd name="T36" fmla="*/ 55 w 411"/>
                <a:gd name="T37" fmla="*/ 35 h 626"/>
                <a:gd name="T38" fmla="*/ 60 w 411"/>
                <a:gd name="T39" fmla="*/ 28 h 626"/>
                <a:gd name="T40" fmla="*/ 62 w 411"/>
                <a:gd name="T41" fmla="*/ 21 h 626"/>
                <a:gd name="T42" fmla="*/ 58 w 411"/>
                <a:gd name="T43" fmla="*/ 12 h 626"/>
                <a:gd name="T44" fmla="*/ 57 w 411"/>
                <a:gd name="T45" fmla="*/ 8 h 626"/>
                <a:gd name="T46" fmla="*/ 61 w 411"/>
                <a:gd name="T47" fmla="*/ 6 h 626"/>
                <a:gd name="T48" fmla="*/ 75 w 411"/>
                <a:gd name="T49" fmla="*/ 6 h 626"/>
                <a:gd name="T50" fmla="*/ 83 w 411"/>
                <a:gd name="T51" fmla="*/ 7 h 626"/>
                <a:gd name="T52" fmla="*/ 89 w 411"/>
                <a:gd name="T53" fmla="*/ 4 h 626"/>
                <a:gd name="T54" fmla="*/ 90 w 411"/>
                <a:gd name="T55" fmla="*/ 1 h 626"/>
                <a:gd name="T56" fmla="*/ 98 w 411"/>
                <a:gd name="T57" fmla="*/ 9 h 626"/>
                <a:gd name="T58" fmla="*/ 109 w 411"/>
                <a:gd name="T59" fmla="*/ 23 h 626"/>
                <a:gd name="T60" fmla="*/ 119 w 411"/>
                <a:gd name="T61" fmla="*/ 38 h 626"/>
                <a:gd name="T62" fmla="*/ 127 w 411"/>
                <a:gd name="T63" fmla="*/ 55 h 626"/>
                <a:gd name="T64" fmla="*/ 134 w 411"/>
                <a:gd name="T65" fmla="*/ 74 h 626"/>
                <a:gd name="T66" fmla="*/ 135 w 411"/>
                <a:gd name="T67" fmla="*/ 87 h 626"/>
                <a:gd name="T68" fmla="*/ 130 w 411"/>
                <a:gd name="T69" fmla="*/ 87 h 626"/>
                <a:gd name="T70" fmla="*/ 123 w 411"/>
                <a:gd name="T71" fmla="*/ 91 h 626"/>
                <a:gd name="T72" fmla="*/ 118 w 411"/>
                <a:gd name="T73" fmla="*/ 93 h 626"/>
                <a:gd name="T74" fmla="*/ 118 w 411"/>
                <a:gd name="T75" fmla="*/ 102 h 626"/>
                <a:gd name="T76" fmla="*/ 128 w 411"/>
                <a:gd name="T77" fmla="*/ 131 h 626"/>
                <a:gd name="T78" fmla="*/ 134 w 411"/>
                <a:gd name="T79" fmla="*/ 156 h 626"/>
                <a:gd name="T80" fmla="*/ 134 w 411"/>
                <a:gd name="T81" fmla="*/ 169 h 626"/>
                <a:gd name="T82" fmla="*/ 126 w 411"/>
                <a:gd name="T83" fmla="*/ 170 h 626"/>
                <a:gd name="T84" fmla="*/ 118 w 411"/>
                <a:gd name="T85" fmla="*/ 176 h 626"/>
                <a:gd name="T86" fmla="*/ 112 w 411"/>
                <a:gd name="T87" fmla="*/ 184 h 626"/>
                <a:gd name="T88" fmla="*/ 107 w 411"/>
                <a:gd name="T89" fmla="*/ 194 h 626"/>
                <a:gd name="T90" fmla="*/ 103 w 411"/>
                <a:gd name="T91" fmla="*/ 205 h 626"/>
                <a:gd name="T92" fmla="*/ 97 w 411"/>
                <a:gd name="T93" fmla="*/ 208 h 626"/>
                <a:gd name="T94" fmla="*/ 87 w 411"/>
                <a:gd name="T95" fmla="*/ 204 h 626"/>
                <a:gd name="T96" fmla="*/ 73 w 411"/>
                <a:gd name="T97" fmla="*/ 197 h 626"/>
                <a:gd name="T98" fmla="*/ 65 w 411"/>
                <a:gd name="T99" fmla="*/ 194 h 626"/>
                <a:gd name="T100" fmla="*/ 66 w 411"/>
                <a:gd name="T101" fmla="*/ 173 h 626"/>
                <a:gd name="T102" fmla="*/ 64 w 411"/>
                <a:gd name="T103" fmla="*/ 160 h 626"/>
                <a:gd name="T104" fmla="*/ 53 w 411"/>
                <a:gd name="T105" fmla="*/ 157 h 626"/>
                <a:gd name="T106" fmla="*/ 40 w 411"/>
                <a:gd name="T107" fmla="*/ 158 h 626"/>
                <a:gd name="T108" fmla="*/ 29 w 411"/>
                <a:gd name="T109" fmla="*/ 155 h 626"/>
                <a:gd name="T110" fmla="*/ 7 w 411"/>
                <a:gd name="T111" fmla="*/ 144 h 62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411" h="626">
                  <a:moveTo>
                    <a:pt x="0" y="421"/>
                  </a:moveTo>
                  <a:lnTo>
                    <a:pt x="4" y="422"/>
                  </a:lnTo>
                  <a:lnTo>
                    <a:pt x="9" y="422"/>
                  </a:lnTo>
                  <a:lnTo>
                    <a:pt x="13" y="421"/>
                  </a:lnTo>
                  <a:lnTo>
                    <a:pt x="17" y="419"/>
                  </a:lnTo>
                  <a:lnTo>
                    <a:pt x="26" y="412"/>
                  </a:lnTo>
                  <a:lnTo>
                    <a:pt x="35" y="405"/>
                  </a:lnTo>
                  <a:lnTo>
                    <a:pt x="45" y="398"/>
                  </a:lnTo>
                  <a:lnTo>
                    <a:pt x="55" y="390"/>
                  </a:lnTo>
                  <a:lnTo>
                    <a:pt x="62" y="387"/>
                  </a:lnTo>
                  <a:lnTo>
                    <a:pt x="68" y="385"/>
                  </a:lnTo>
                  <a:lnTo>
                    <a:pt x="75" y="384"/>
                  </a:lnTo>
                  <a:lnTo>
                    <a:pt x="84" y="383"/>
                  </a:lnTo>
                  <a:lnTo>
                    <a:pt x="83" y="366"/>
                  </a:lnTo>
                  <a:lnTo>
                    <a:pt x="83" y="349"/>
                  </a:lnTo>
                  <a:lnTo>
                    <a:pt x="83" y="342"/>
                  </a:lnTo>
                  <a:lnTo>
                    <a:pt x="84" y="334"/>
                  </a:lnTo>
                  <a:lnTo>
                    <a:pt x="86" y="327"/>
                  </a:lnTo>
                  <a:lnTo>
                    <a:pt x="87" y="321"/>
                  </a:lnTo>
                  <a:lnTo>
                    <a:pt x="90" y="315"/>
                  </a:lnTo>
                  <a:lnTo>
                    <a:pt x="93" y="310"/>
                  </a:lnTo>
                  <a:lnTo>
                    <a:pt x="96" y="306"/>
                  </a:lnTo>
                  <a:lnTo>
                    <a:pt x="102" y="303"/>
                  </a:lnTo>
                  <a:lnTo>
                    <a:pt x="107" y="300"/>
                  </a:lnTo>
                  <a:lnTo>
                    <a:pt x="114" y="299"/>
                  </a:lnTo>
                  <a:lnTo>
                    <a:pt x="122" y="299"/>
                  </a:lnTo>
                  <a:lnTo>
                    <a:pt x="130" y="299"/>
                  </a:lnTo>
                  <a:lnTo>
                    <a:pt x="130" y="290"/>
                  </a:lnTo>
                  <a:lnTo>
                    <a:pt x="128" y="283"/>
                  </a:lnTo>
                  <a:lnTo>
                    <a:pt x="125" y="276"/>
                  </a:lnTo>
                  <a:lnTo>
                    <a:pt x="121" y="271"/>
                  </a:lnTo>
                  <a:lnTo>
                    <a:pt x="117" y="265"/>
                  </a:lnTo>
                  <a:lnTo>
                    <a:pt x="114" y="260"/>
                  </a:lnTo>
                  <a:lnTo>
                    <a:pt x="112" y="252"/>
                  </a:lnTo>
                  <a:lnTo>
                    <a:pt x="112" y="243"/>
                  </a:lnTo>
                  <a:lnTo>
                    <a:pt x="123" y="233"/>
                  </a:lnTo>
                  <a:lnTo>
                    <a:pt x="133" y="225"/>
                  </a:lnTo>
                  <a:lnTo>
                    <a:pt x="144" y="215"/>
                  </a:lnTo>
                  <a:lnTo>
                    <a:pt x="153" y="205"/>
                  </a:lnTo>
                  <a:lnTo>
                    <a:pt x="162" y="193"/>
                  </a:lnTo>
                  <a:lnTo>
                    <a:pt x="168" y="180"/>
                  </a:lnTo>
                  <a:lnTo>
                    <a:pt x="171" y="173"/>
                  </a:lnTo>
                  <a:lnTo>
                    <a:pt x="174" y="166"/>
                  </a:lnTo>
                  <a:lnTo>
                    <a:pt x="175" y="157"/>
                  </a:lnTo>
                  <a:lnTo>
                    <a:pt x="177" y="149"/>
                  </a:lnTo>
                  <a:lnTo>
                    <a:pt x="171" y="145"/>
                  </a:lnTo>
                  <a:lnTo>
                    <a:pt x="165" y="141"/>
                  </a:lnTo>
                  <a:lnTo>
                    <a:pt x="156" y="137"/>
                  </a:lnTo>
                  <a:lnTo>
                    <a:pt x="148" y="135"/>
                  </a:lnTo>
                  <a:lnTo>
                    <a:pt x="130" y="133"/>
                  </a:lnTo>
                  <a:lnTo>
                    <a:pt x="112" y="130"/>
                  </a:lnTo>
                  <a:lnTo>
                    <a:pt x="122" y="128"/>
                  </a:lnTo>
                  <a:lnTo>
                    <a:pt x="131" y="125"/>
                  </a:lnTo>
                  <a:lnTo>
                    <a:pt x="140" y="121"/>
                  </a:lnTo>
                  <a:lnTo>
                    <a:pt x="149" y="116"/>
                  </a:lnTo>
                  <a:lnTo>
                    <a:pt x="157" y="111"/>
                  </a:lnTo>
                  <a:lnTo>
                    <a:pt x="165" y="106"/>
                  </a:lnTo>
                  <a:lnTo>
                    <a:pt x="171" y="100"/>
                  </a:lnTo>
                  <a:lnTo>
                    <a:pt x="176" y="92"/>
                  </a:lnTo>
                  <a:lnTo>
                    <a:pt x="181" y="85"/>
                  </a:lnTo>
                  <a:lnTo>
                    <a:pt x="184" y="77"/>
                  </a:lnTo>
                  <a:lnTo>
                    <a:pt x="186" y="70"/>
                  </a:lnTo>
                  <a:lnTo>
                    <a:pt x="186" y="62"/>
                  </a:lnTo>
                  <a:lnTo>
                    <a:pt x="185" y="53"/>
                  </a:lnTo>
                  <a:lnTo>
                    <a:pt x="181" y="45"/>
                  </a:lnTo>
                  <a:lnTo>
                    <a:pt x="175" y="36"/>
                  </a:lnTo>
                  <a:lnTo>
                    <a:pt x="168" y="27"/>
                  </a:lnTo>
                  <a:lnTo>
                    <a:pt x="169" y="25"/>
                  </a:lnTo>
                  <a:lnTo>
                    <a:pt x="171" y="23"/>
                  </a:lnTo>
                  <a:lnTo>
                    <a:pt x="173" y="21"/>
                  </a:lnTo>
                  <a:lnTo>
                    <a:pt x="176" y="18"/>
                  </a:lnTo>
                  <a:lnTo>
                    <a:pt x="182" y="17"/>
                  </a:lnTo>
                  <a:lnTo>
                    <a:pt x="189" y="16"/>
                  </a:lnTo>
                  <a:lnTo>
                    <a:pt x="207" y="16"/>
                  </a:lnTo>
                  <a:lnTo>
                    <a:pt x="225" y="18"/>
                  </a:lnTo>
                  <a:lnTo>
                    <a:pt x="234" y="20"/>
                  </a:lnTo>
                  <a:lnTo>
                    <a:pt x="243" y="20"/>
                  </a:lnTo>
                  <a:lnTo>
                    <a:pt x="250" y="20"/>
                  </a:lnTo>
                  <a:lnTo>
                    <a:pt x="257" y="18"/>
                  </a:lnTo>
                  <a:lnTo>
                    <a:pt x="264" y="16"/>
                  </a:lnTo>
                  <a:lnTo>
                    <a:pt x="268" y="12"/>
                  </a:lnTo>
                  <a:lnTo>
                    <a:pt x="269" y="10"/>
                  </a:lnTo>
                  <a:lnTo>
                    <a:pt x="270" y="7"/>
                  </a:lnTo>
                  <a:lnTo>
                    <a:pt x="271" y="3"/>
                  </a:lnTo>
                  <a:lnTo>
                    <a:pt x="271" y="0"/>
                  </a:lnTo>
                  <a:lnTo>
                    <a:pt x="283" y="12"/>
                  </a:lnTo>
                  <a:lnTo>
                    <a:pt x="294" y="26"/>
                  </a:lnTo>
                  <a:lnTo>
                    <a:pt x="306" y="40"/>
                  </a:lnTo>
                  <a:lnTo>
                    <a:pt x="316" y="54"/>
                  </a:lnTo>
                  <a:lnTo>
                    <a:pt x="327" y="68"/>
                  </a:lnTo>
                  <a:lnTo>
                    <a:pt x="338" y="84"/>
                  </a:lnTo>
                  <a:lnTo>
                    <a:pt x="347" y="100"/>
                  </a:lnTo>
                  <a:lnTo>
                    <a:pt x="356" y="115"/>
                  </a:lnTo>
                  <a:lnTo>
                    <a:pt x="365" y="131"/>
                  </a:lnTo>
                  <a:lnTo>
                    <a:pt x="373" y="148"/>
                  </a:lnTo>
                  <a:lnTo>
                    <a:pt x="381" y="166"/>
                  </a:lnTo>
                  <a:lnTo>
                    <a:pt x="388" y="184"/>
                  </a:lnTo>
                  <a:lnTo>
                    <a:pt x="394" y="203"/>
                  </a:lnTo>
                  <a:lnTo>
                    <a:pt x="401" y="222"/>
                  </a:lnTo>
                  <a:lnTo>
                    <a:pt x="406" y="241"/>
                  </a:lnTo>
                  <a:lnTo>
                    <a:pt x="411" y="262"/>
                  </a:lnTo>
                  <a:lnTo>
                    <a:pt x="405" y="260"/>
                  </a:lnTo>
                  <a:lnTo>
                    <a:pt x="399" y="260"/>
                  </a:lnTo>
                  <a:lnTo>
                    <a:pt x="393" y="260"/>
                  </a:lnTo>
                  <a:lnTo>
                    <a:pt x="389" y="260"/>
                  </a:lnTo>
                  <a:lnTo>
                    <a:pt x="381" y="263"/>
                  </a:lnTo>
                  <a:lnTo>
                    <a:pt x="375" y="267"/>
                  </a:lnTo>
                  <a:lnTo>
                    <a:pt x="369" y="272"/>
                  </a:lnTo>
                  <a:lnTo>
                    <a:pt x="363" y="276"/>
                  </a:lnTo>
                  <a:lnTo>
                    <a:pt x="360" y="278"/>
                  </a:lnTo>
                  <a:lnTo>
                    <a:pt x="355" y="280"/>
                  </a:lnTo>
                  <a:lnTo>
                    <a:pt x="351" y="280"/>
                  </a:lnTo>
                  <a:lnTo>
                    <a:pt x="346" y="280"/>
                  </a:lnTo>
                  <a:lnTo>
                    <a:pt x="355" y="306"/>
                  </a:lnTo>
                  <a:lnTo>
                    <a:pt x="366" y="333"/>
                  </a:lnTo>
                  <a:lnTo>
                    <a:pt x="376" y="363"/>
                  </a:lnTo>
                  <a:lnTo>
                    <a:pt x="385" y="392"/>
                  </a:lnTo>
                  <a:lnTo>
                    <a:pt x="392" y="423"/>
                  </a:lnTo>
                  <a:lnTo>
                    <a:pt x="399" y="451"/>
                  </a:lnTo>
                  <a:lnTo>
                    <a:pt x="401" y="466"/>
                  </a:lnTo>
                  <a:lnTo>
                    <a:pt x="402" y="480"/>
                  </a:lnTo>
                  <a:lnTo>
                    <a:pt x="403" y="492"/>
                  </a:lnTo>
                  <a:lnTo>
                    <a:pt x="402" y="505"/>
                  </a:lnTo>
                  <a:lnTo>
                    <a:pt x="394" y="505"/>
                  </a:lnTo>
                  <a:lnTo>
                    <a:pt x="386" y="507"/>
                  </a:lnTo>
                  <a:lnTo>
                    <a:pt x="379" y="510"/>
                  </a:lnTo>
                  <a:lnTo>
                    <a:pt x="370" y="514"/>
                  </a:lnTo>
                  <a:lnTo>
                    <a:pt x="363" y="520"/>
                  </a:lnTo>
                  <a:lnTo>
                    <a:pt x="355" y="526"/>
                  </a:lnTo>
                  <a:lnTo>
                    <a:pt x="349" y="533"/>
                  </a:lnTo>
                  <a:lnTo>
                    <a:pt x="343" y="542"/>
                  </a:lnTo>
                  <a:lnTo>
                    <a:pt x="336" y="551"/>
                  </a:lnTo>
                  <a:lnTo>
                    <a:pt x="330" y="561"/>
                  </a:lnTo>
                  <a:lnTo>
                    <a:pt x="325" y="570"/>
                  </a:lnTo>
                  <a:lnTo>
                    <a:pt x="321" y="581"/>
                  </a:lnTo>
                  <a:lnTo>
                    <a:pt x="316" y="592"/>
                  </a:lnTo>
                  <a:lnTo>
                    <a:pt x="313" y="604"/>
                  </a:lnTo>
                  <a:lnTo>
                    <a:pt x="310" y="614"/>
                  </a:lnTo>
                  <a:lnTo>
                    <a:pt x="308" y="626"/>
                  </a:lnTo>
                  <a:lnTo>
                    <a:pt x="299" y="625"/>
                  </a:lnTo>
                  <a:lnTo>
                    <a:pt x="290" y="624"/>
                  </a:lnTo>
                  <a:lnTo>
                    <a:pt x="282" y="622"/>
                  </a:lnTo>
                  <a:lnTo>
                    <a:pt x="274" y="619"/>
                  </a:lnTo>
                  <a:lnTo>
                    <a:pt x="260" y="612"/>
                  </a:lnTo>
                  <a:lnTo>
                    <a:pt x="246" y="605"/>
                  </a:lnTo>
                  <a:lnTo>
                    <a:pt x="232" y="597"/>
                  </a:lnTo>
                  <a:lnTo>
                    <a:pt x="219" y="590"/>
                  </a:lnTo>
                  <a:lnTo>
                    <a:pt x="211" y="587"/>
                  </a:lnTo>
                  <a:lnTo>
                    <a:pt x="204" y="584"/>
                  </a:lnTo>
                  <a:lnTo>
                    <a:pt x="195" y="582"/>
                  </a:lnTo>
                  <a:lnTo>
                    <a:pt x="187" y="580"/>
                  </a:lnTo>
                  <a:lnTo>
                    <a:pt x="193" y="544"/>
                  </a:lnTo>
                  <a:lnTo>
                    <a:pt x="197" y="519"/>
                  </a:lnTo>
                  <a:lnTo>
                    <a:pt x="197" y="506"/>
                  </a:lnTo>
                  <a:lnTo>
                    <a:pt x="196" y="493"/>
                  </a:lnTo>
                  <a:lnTo>
                    <a:pt x="192" y="478"/>
                  </a:lnTo>
                  <a:lnTo>
                    <a:pt x="187" y="458"/>
                  </a:lnTo>
                  <a:lnTo>
                    <a:pt x="172" y="465"/>
                  </a:lnTo>
                  <a:lnTo>
                    <a:pt x="159" y="469"/>
                  </a:lnTo>
                  <a:lnTo>
                    <a:pt x="146" y="472"/>
                  </a:lnTo>
                  <a:lnTo>
                    <a:pt x="133" y="473"/>
                  </a:lnTo>
                  <a:lnTo>
                    <a:pt x="121" y="473"/>
                  </a:lnTo>
                  <a:lnTo>
                    <a:pt x="109" y="471"/>
                  </a:lnTo>
                  <a:lnTo>
                    <a:pt x="97" y="469"/>
                  </a:lnTo>
                  <a:lnTo>
                    <a:pt x="86" y="465"/>
                  </a:lnTo>
                  <a:lnTo>
                    <a:pt x="64" y="455"/>
                  </a:lnTo>
                  <a:lnTo>
                    <a:pt x="42" y="444"/>
                  </a:lnTo>
                  <a:lnTo>
                    <a:pt x="21" y="432"/>
                  </a:lnTo>
                  <a:lnTo>
                    <a:pt x="0" y="421"/>
                  </a:ln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057" name="Nyborg kant"/>
            <p:cNvSpPr>
              <a:spLocks/>
            </p:cNvSpPr>
            <p:nvPr/>
          </p:nvSpPr>
          <p:spPr bwMode="auto">
            <a:xfrm>
              <a:off x="2492375" y="5316538"/>
              <a:ext cx="217488" cy="331788"/>
            </a:xfrm>
            <a:custGeom>
              <a:avLst/>
              <a:gdLst>
                <a:gd name="T0" fmla="*/ 3 w 411"/>
                <a:gd name="T1" fmla="*/ 141 h 626"/>
                <a:gd name="T2" fmla="*/ 9 w 411"/>
                <a:gd name="T3" fmla="*/ 138 h 626"/>
                <a:gd name="T4" fmla="*/ 18 w 411"/>
                <a:gd name="T5" fmla="*/ 130 h 626"/>
                <a:gd name="T6" fmla="*/ 25 w 411"/>
                <a:gd name="T7" fmla="*/ 128 h 626"/>
                <a:gd name="T8" fmla="*/ 28 w 411"/>
                <a:gd name="T9" fmla="*/ 117 h 626"/>
                <a:gd name="T10" fmla="*/ 29 w 411"/>
                <a:gd name="T11" fmla="*/ 109 h 626"/>
                <a:gd name="T12" fmla="*/ 31 w 411"/>
                <a:gd name="T13" fmla="*/ 103 h 626"/>
                <a:gd name="T14" fmla="*/ 36 w 411"/>
                <a:gd name="T15" fmla="*/ 100 h 626"/>
                <a:gd name="T16" fmla="*/ 43 w 411"/>
                <a:gd name="T17" fmla="*/ 100 h 626"/>
                <a:gd name="T18" fmla="*/ 42 w 411"/>
                <a:gd name="T19" fmla="*/ 92 h 626"/>
                <a:gd name="T20" fmla="*/ 38 w 411"/>
                <a:gd name="T21" fmla="*/ 87 h 626"/>
                <a:gd name="T22" fmla="*/ 41 w 411"/>
                <a:gd name="T23" fmla="*/ 78 h 626"/>
                <a:gd name="T24" fmla="*/ 51 w 411"/>
                <a:gd name="T25" fmla="*/ 68 h 626"/>
                <a:gd name="T26" fmla="*/ 57 w 411"/>
                <a:gd name="T27" fmla="*/ 58 h 626"/>
                <a:gd name="T28" fmla="*/ 59 w 411"/>
                <a:gd name="T29" fmla="*/ 50 h 626"/>
                <a:gd name="T30" fmla="*/ 52 w 411"/>
                <a:gd name="T31" fmla="*/ 46 h 626"/>
                <a:gd name="T32" fmla="*/ 37 w 411"/>
                <a:gd name="T33" fmla="*/ 43 h 626"/>
                <a:gd name="T34" fmla="*/ 47 w 411"/>
                <a:gd name="T35" fmla="*/ 40 h 626"/>
                <a:gd name="T36" fmla="*/ 55 w 411"/>
                <a:gd name="T37" fmla="*/ 35 h 626"/>
                <a:gd name="T38" fmla="*/ 60 w 411"/>
                <a:gd name="T39" fmla="*/ 28 h 626"/>
                <a:gd name="T40" fmla="*/ 62 w 411"/>
                <a:gd name="T41" fmla="*/ 21 h 626"/>
                <a:gd name="T42" fmla="*/ 58 w 411"/>
                <a:gd name="T43" fmla="*/ 12 h 626"/>
                <a:gd name="T44" fmla="*/ 57 w 411"/>
                <a:gd name="T45" fmla="*/ 8 h 626"/>
                <a:gd name="T46" fmla="*/ 61 w 411"/>
                <a:gd name="T47" fmla="*/ 6 h 626"/>
                <a:gd name="T48" fmla="*/ 75 w 411"/>
                <a:gd name="T49" fmla="*/ 6 h 626"/>
                <a:gd name="T50" fmla="*/ 83 w 411"/>
                <a:gd name="T51" fmla="*/ 7 h 626"/>
                <a:gd name="T52" fmla="*/ 89 w 411"/>
                <a:gd name="T53" fmla="*/ 4 h 626"/>
                <a:gd name="T54" fmla="*/ 90 w 411"/>
                <a:gd name="T55" fmla="*/ 1 h 626"/>
                <a:gd name="T56" fmla="*/ 98 w 411"/>
                <a:gd name="T57" fmla="*/ 9 h 626"/>
                <a:gd name="T58" fmla="*/ 109 w 411"/>
                <a:gd name="T59" fmla="*/ 23 h 626"/>
                <a:gd name="T60" fmla="*/ 119 w 411"/>
                <a:gd name="T61" fmla="*/ 38 h 626"/>
                <a:gd name="T62" fmla="*/ 127 w 411"/>
                <a:gd name="T63" fmla="*/ 55 h 626"/>
                <a:gd name="T64" fmla="*/ 134 w 411"/>
                <a:gd name="T65" fmla="*/ 74 h 626"/>
                <a:gd name="T66" fmla="*/ 135 w 411"/>
                <a:gd name="T67" fmla="*/ 87 h 626"/>
                <a:gd name="T68" fmla="*/ 130 w 411"/>
                <a:gd name="T69" fmla="*/ 87 h 626"/>
                <a:gd name="T70" fmla="*/ 123 w 411"/>
                <a:gd name="T71" fmla="*/ 91 h 626"/>
                <a:gd name="T72" fmla="*/ 118 w 411"/>
                <a:gd name="T73" fmla="*/ 93 h 626"/>
                <a:gd name="T74" fmla="*/ 118 w 411"/>
                <a:gd name="T75" fmla="*/ 102 h 626"/>
                <a:gd name="T76" fmla="*/ 128 w 411"/>
                <a:gd name="T77" fmla="*/ 131 h 626"/>
                <a:gd name="T78" fmla="*/ 134 w 411"/>
                <a:gd name="T79" fmla="*/ 156 h 626"/>
                <a:gd name="T80" fmla="*/ 134 w 411"/>
                <a:gd name="T81" fmla="*/ 169 h 626"/>
                <a:gd name="T82" fmla="*/ 126 w 411"/>
                <a:gd name="T83" fmla="*/ 170 h 626"/>
                <a:gd name="T84" fmla="*/ 118 w 411"/>
                <a:gd name="T85" fmla="*/ 176 h 626"/>
                <a:gd name="T86" fmla="*/ 112 w 411"/>
                <a:gd name="T87" fmla="*/ 184 h 626"/>
                <a:gd name="T88" fmla="*/ 107 w 411"/>
                <a:gd name="T89" fmla="*/ 194 h 626"/>
                <a:gd name="T90" fmla="*/ 103 w 411"/>
                <a:gd name="T91" fmla="*/ 205 h 626"/>
                <a:gd name="T92" fmla="*/ 97 w 411"/>
                <a:gd name="T93" fmla="*/ 208 h 626"/>
                <a:gd name="T94" fmla="*/ 87 w 411"/>
                <a:gd name="T95" fmla="*/ 204 h 626"/>
                <a:gd name="T96" fmla="*/ 73 w 411"/>
                <a:gd name="T97" fmla="*/ 197 h 626"/>
                <a:gd name="T98" fmla="*/ 65 w 411"/>
                <a:gd name="T99" fmla="*/ 194 h 626"/>
                <a:gd name="T100" fmla="*/ 66 w 411"/>
                <a:gd name="T101" fmla="*/ 173 h 626"/>
                <a:gd name="T102" fmla="*/ 64 w 411"/>
                <a:gd name="T103" fmla="*/ 160 h 626"/>
                <a:gd name="T104" fmla="*/ 53 w 411"/>
                <a:gd name="T105" fmla="*/ 157 h 626"/>
                <a:gd name="T106" fmla="*/ 40 w 411"/>
                <a:gd name="T107" fmla="*/ 158 h 626"/>
                <a:gd name="T108" fmla="*/ 29 w 411"/>
                <a:gd name="T109" fmla="*/ 155 h 626"/>
                <a:gd name="T110" fmla="*/ 7 w 411"/>
                <a:gd name="T111" fmla="*/ 144 h 62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411" h="626">
                  <a:moveTo>
                    <a:pt x="0" y="421"/>
                  </a:moveTo>
                  <a:lnTo>
                    <a:pt x="4" y="422"/>
                  </a:lnTo>
                  <a:lnTo>
                    <a:pt x="9" y="422"/>
                  </a:lnTo>
                  <a:lnTo>
                    <a:pt x="13" y="421"/>
                  </a:lnTo>
                  <a:lnTo>
                    <a:pt x="17" y="419"/>
                  </a:lnTo>
                  <a:lnTo>
                    <a:pt x="26" y="412"/>
                  </a:lnTo>
                  <a:lnTo>
                    <a:pt x="35" y="405"/>
                  </a:lnTo>
                  <a:lnTo>
                    <a:pt x="45" y="398"/>
                  </a:lnTo>
                  <a:lnTo>
                    <a:pt x="55" y="390"/>
                  </a:lnTo>
                  <a:lnTo>
                    <a:pt x="62" y="387"/>
                  </a:lnTo>
                  <a:lnTo>
                    <a:pt x="68" y="385"/>
                  </a:lnTo>
                  <a:lnTo>
                    <a:pt x="75" y="384"/>
                  </a:lnTo>
                  <a:lnTo>
                    <a:pt x="84" y="383"/>
                  </a:lnTo>
                  <a:lnTo>
                    <a:pt x="83" y="366"/>
                  </a:lnTo>
                  <a:lnTo>
                    <a:pt x="83" y="349"/>
                  </a:lnTo>
                  <a:lnTo>
                    <a:pt x="83" y="342"/>
                  </a:lnTo>
                  <a:lnTo>
                    <a:pt x="84" y="334"/>
                  </a:lnTo>
                  <a:lnTo>
                    <a:pt x="86" y="327"/>
                  </a:lnTo>
                  <a:lnTo>
                    <a:pt x="87" y="321"/>
                  </a:lnTo>
                  <a:lnTo>
                    <a:pt x="90" y="315"/>
                  </a:lnTo>
                  <a:lnTo>
                    <a:pt x="93" y="310"/>
                  </a:lnTo>
                  <a:lnTo>
                    <a:pt x="96" y="306"/>
                  </a:lnTo>
                  <a:lnTo>
                    <a:pt x="102" y="303"/>
                  </a:lnTo>
                  <a:lnTo>
                    <a:pt x="107" y="300"/>
                  </a:lnTo>
                  <a:lnTo>
                    <a:pt x="114" y="299"/>
                  </a:lnTo>
                  <a:lnTo>
                    <a:pt x="122" y="299"/>
                  </a:lnTo>
                  <a:lnTo>
                    <a:pt x="130" y="299"/>
                  </a:lnTo>
                  <a:lnTo>
                    <a:pt x="130" y="290"/>
                  </a:lnTo>
                  <a:lnTo>
                    <a:pt x="128" y="283"/>
                  </a:lnTo>
                  <a:lnTo>
                    <a:pt x="125" y="276"/>
                  </a:lnTo>
                  <a:lnTo>
                    <a:pt x="121" y="271"/>
                  </a:lnTo>
                  <a:lnTo>
                    <a:pt x="117" y="265"/>
                  </a:lnTo>
                  <a:lnTo>
                    <a:pt x="114" y="260"/>
                  </a:lnTo>
                  <a:lnTo>
                    <a:pt x="112" y="252"/>
                  </a:lnTo>
                  <a:lnTo>
                    <a:pt x="112" y="243"/>
                  </a:lnTo>
                  <a:lnTo>
                    <a:pt x="123" y="233"/>
                  </a:lnTo>
                  <a:lnTo>
                    <a:pt x="133" y="225"/>
                  </a:lnTo>
                  <a:lnTo>
                    <a:pt x="144" y="215"/>
                  </a:lnTo>
                  <a:lnTo>
                    <a:pt x="153" y="205"/>
                  </a:lnTo>
                  <a:lnTo>
                    <a:pt x="162" y="193"/>
                  </a:lnTo>
                  <a:lnTo>
                    <a:pt x="168" y="180"/>
                  </a:lnTo>
                  <a:lnTo>
                    <a:pt x="171" y="173"/>
                  </a:lnTo>
                  <a:lnTo>
                    <a:pt x="174" y="166"/>
                  </a:lnTo>
                  <a:lnTo>
                    <a:pt x="175" y="157"/>
                  </a:lnTo>
                  <a:lnTo>
                    <a:pt x="177" y="149"/>
                  </a:lnTo>
                  <a:lnTo>
                    <a:pt x="171" y="145"/>
                  </a:lnTo>
                  <a:lnTo>
                    <a:pt x="165" y="141"/>
                  </a:lnTo>
                  <a:lnTo>
                    <a:pt x="156" y="137"/>
                  </a:lnTo>
                  <a:lnTo>
                    <a:pt x="148" y="135"/>
                  </a:lnTo>
                  <a:lnTo>
                    <a:pt x="130" y="133"/>
                  </a:lnTo>
                  <a:lnTo>
                    <a:pt x="112" y="130"/>
                  </a:lnTo>
                  <a:lnTo>
                    <a:pt x="122" y="128"/>
                  </a:lnTo>
                  <a:lnTo>
                    <a:pt x="131" y="125"/>
                  </a:lnTo>
                  <a:lnTo>
                    <a:pt x="140" y="121"/>
                  </a:lnTo>
                  <a:lnTo>
                    <a:pt x="149" y="116"/>
                  </a:lnTo>
                  <a:lnTo>
                    <a:pt x="157" y="111"/>
                  </a:lnTo>
                  <a:lnTo>
                    <a:pt x="165" y="106"/>
                  </a:lnTo>
                  <a:lnTo>
                    <a:pt x="171" y="100"/>
                  </a:lnTo>
                  <a:lnTo>
                    <a:pt x="176" y="92"/>
                  </a:lnTo>
                  <a:lnTo>
                    <a:pt x="181" y="85"/>
                  </a:lnTo>
                  <a:lnTo>
                    <a:pt x="184" y="77"/>
                  </a:lnTo>
                  <a:lnTo>
                    <a:pt x="186" y="70"/>
                  </a:lnTo>
                  <a:lnTo>
                    <a:pt x="186" y="62"/>
                  </a:lnTo>
                  <a:lnTo>
                    <a:pt x="185" y="53"/>
                  </a:lnTo>
                  <a:lnTo>
                    <a:pt x="181" y="45"/>
                  </a:lnTo>
                  <a:lnTo>
                    <a:pt x="175" y="36"/>
                  </a:lnTo>
                  <a:lnTo>
                    <a:pt x="168" y="27"/>
                  </a:lnTo>
                  <a:lnTo>
                    <a:pt x="169" y="25"/>
                  </a:lnTo>
                  <a:lnTo>
                    <a:pt x="171" y="23"/>
                  </a:lnTo>
                  <a:lnTo>
                    <a:pt x="173" y="21"/>
                  </a:lnTo>
                  <a:lnTo>
                    <a:pt x="176" y="18"/>
                  </a:lnTo>
                  <a:lnTo>
                    <a:pt x="182" y="17"/>
                  </a:lnTo>
                  <a:lnTo>
                    <a:pt x="189" y="16"/>
                  </a:lnTo>
                  <a:lnTo>
                    <a:pt x="207" y="16"/>
                  </a:lnTo>
                  <a:lnTo>
                    <a:pt x="225" y="18"/>
                  </a:lnTo>
                  <a:lnTo>
                    <a:pt x="234" y="20"/>
                  </a:lnTo>
                  <a:lnTo>
                    <a:pt x="243" y="20"/>
                  </a:lnTo>
                  <a:lnTo>
                    <a:pt x="250" y="20"/>
                  </a:lnTo>
                  <a:lnTo>
                    <a:pt x="257" y="18"/>
                  </a:lnTo>
                  <a:lnTo>
                    <a:pt x="264" y="16"/>
                  </a:lnTo>
                  <a:lnTo>
                    <a:pt x="268" y="12"/>
                  </a:lnTo>
                  <a:lnTo>
                    <a:pt x="269" y="10"/>
                  </a:lnTo>
                  <a:lnTo>
                    <a:pt x="270" y="7"/>
                  </a:lnTo>
                  <a:lnTo>
                    <a:pt x="271" y="3"/>
                  </a:lnTo>
                  <a:lnTo>
                    <a:pt x="271" y="0"/>
                  </a:lnTo>
                  <a:lnTo>
                    <a:pt x="283" y="12"/>
                  </a:lnTo>
                  <a:lnTo>
                    <a:pt x="294" y="26"/>
                  </a:lnTo>
                  <a:lnTo>
                    <a:pt x="306" y="40"/>
                  </a:lnTo>
                  <a:lnTo>
                    <a:pt x="316" y="54"/>
                  </a:lnTo>
                  <a:lnTo>
                    <a:pt x="327" y="68"/>
                  </a:lnTo>
                  <a:lnTo>
                    <a:pt x="338" y="84"/>
                  </a:lnTo>
                  <a:lnTo>
                    <a:pt x="347" y="100"/>
                  </a:lnTo>
                  <a:lnTo>
                    <a:pt x="356" y="115"/>
                  </a:lnTo>
                  <a:lnTo>
                    <a:pt x="365" y="131"/>
                  </a:lnTo>
                  <a:lnTo>
                    <a:pt x="373" y="148"/>
                  </a:lnTo>
                  <a:lnTo>
                    <a:pt x="381" y="166"/>
                  </a:lnTo>
                  <a:lnTo>
                    <a:pt x="388" y="184"/>
                  </a:lnTo>
                  <a:lnTo>
                    <a:pt x="394" y="203"/>
                  </a:lnTo>
                  <a:lnTo>
                    <a:pt x="401" y="222"/>
                  </a:lnTo>
                  <a:lnTo>
                    <a:pt x="406" y="241"/>
                  </a:lnTo>
                  <a:lnTo>
                    <a:pt x="411" y="262"/>
                  </a:lnTo>
                  <a:lnTo>
                    <a:pt x="405" y="260"/>
                  </a:lnTo>
                  <a:lnTo>
                    <a:pt x="399" y="260"/>
                  </a:lnTo>
                  <a:lnTo>
                    <a:pt x="393" y="260"/>
                  </a:lnTo>
                  <a:lnTo>
                    <a:pt x="389" y="260"/>
                  </a:lnTo>
                  <a:lnTo>
                    <a:pt x="381" y="263"/>
                  </a:lnTo>
                  <a:lnTo>
                    <a:pt x="375" y="267"/>
                  </a:lnTo>
                  <a:lnTo>
                    <a:pt x="369" y="272"/>
                  </a:lnTo>
                  <a:lnTo>
                    <a:pt x="363" y="276"/>
                  </a:lnTo>
                  <a:lnTo>
                    <a:pt x="360" y="278"/>
                  </a:lnTo>
                  <a:lnTo>
                    <a:pt x="355" y="280"/>
                  </a:lnTo>
                  <a:lnTo>
                    <a:pt x="351" y="280"/>
                  </a:lnTo>
                  <a:lnTo>
                    <a:pt x="346" y="280"/>
                  </a:lnTo>
                  <a:lnTo>
                    <a:pt x="355" y="306"/>
                  </a:lnTo>
                  <a:lnTo>
                    <a:pt x="366" y="333"/>
                  </a:lnTo>
                  <a:lnTo>
                    <a:pt x="376" y="363"/>
                  </a:lnTo>
                  <a:lnTo>
                    <a:pt x="385" y="392"/>
                  </a:lnTo>
                  <a:lnTo>
                    <a:pt x="392" y="423"/>
                  </a:lnTo>
                  <a:lnTo>
                    <a:pt x="399" y="451"/>
                  </a:lnTo>
                  <a:lnTo>
                    <a:pt x="401" y="466"/>
                  </a:lnTo>
                  <a:lnTo>
                    <a:pt x="402" y="480"/>
                  </a:lnTo>
                  <a:lnTo>
                    <a:pt x="403" y="492"/>
                  </a:lnTo>
                  <a:lnTo>
                    <a:pt x="402" y="505"/>
                  </a:lnTo>
                  <a:lnTo>
                    <a:pt x="394" y="505"/>
                  </a:lnTo>
                  <a:lnTo>
                    <a:pt x="386" y="507"/>
                  </a:lnTo>
                  <a:lnTo>
                    <a:pt x="379" y="510"/>
                  </a:lnTo>
                  <a:lnTo>
                    <a:pt x="370" y="514"/>
                  </a:lnTo>
                  <a:lnTo>
                    <a:pt x="363" y="520"/>
                  </a:lnTo>
                  <a:lnTo>
                    <a:pt x="355" y="526"/>
                  </a:lnTo>
                  <a:lnTo>
                    <a:pt x="349" y="533"/>
                  </a:lnTo>
                  <a:lnTo>
                    <a:pt x="343" y="542"/>
                  </a:lnTo>
                  <a:lnTo>
                    <a:pt x="336" y="551"/>
                  </a:lnTo>
                  <a:lnTo>
                    <a:pt x="330" y="561"/>
                  </a:lnTo>
                  <a:lnTo>
                    <a:pt x="325" y="570"/>
                  </a:lnTo>
                  <a:lnTo>
                    <a:pt x="321" y="581"/>
                  </a:lnTo>
                  <a:lnTo>
                    <a:pt x="316" y="592"/>
                  </a:lnTo>
                  <a:lnTo>
                    <a:pt x="313" y="604"/>
                  </a:lnTo>
                  <a:lnTo>
                    <a:pt x="310" y="614"/>
                  </a:lnTo>
                  <a:lnTo>
                    <a:pt x="308" y="626"/>
                  </a:lnTo>
                  <a:lnTo>
                    <a:pt x="299" y="625"/>
                  </a:lnTo>
                  <a:lnTo>
                    <a:pt x="290" y="624"/>
                  </a:lnTo>
                  <a:lnTo>
                    <a:pt x="282" y="622"/>
                  </a:lnTo>
                  <a:lnTo>
                    <a:pt x="274" y="619"/>
                  </a:lnTo>
                  <a:lnTo>
                    <a:pt x="260" y="612"/>
                  </a:lnTo>
                  <a:lnTo>
                    <a:pt x="246" y="605"/>
                  </a:lnTo>
                  <a:lnTo>
                    <a:pt x="232" y="597"/>
                  </a:lnTo>
                  <a:lnTo>
                    <a:pt x="219" y="590"/>
                  </a:lnTo>
                  <a:lnTo>
                    <a:pt x="211" y="587"/>
                  </a:lnTo>
                  <a:lnTo>
                    <a:pt x="204" y="584"/>
                  </a:lnTo>
                  <a:lnTo>
                    <a:pt x="195" y="582"/>
                  </a:lnTo>
                  <a:lnTo>
                    <a:pt x="187" y="580"/>
                  </a:lnTo>
                  <a:lnTo>
                    <a:pt x="193" y="544"/>
                  </a:lnTo>
                  <a:lnTo>
                    <a:pt x="197" y="519"/>
                  </a:lnTo>
                  <a:lnTo>
                    <a:pt x="197" y="506"/>
                  </a:lnTo>
                  <a:lnTo>
                    <a:pt x="196" y="493"/>
                  </a:lnTo>
                  <a:lnTo>
                    <a:pt x="192" y="478"/>
                  </a:lnTo>
                  <a:lnTo>
                    <a:pt x="187" y="458"/>
                  </a:lnTo>
                  <a:lnTo>
                    <a:pt x="172" y="465"/>
                  </a:lnTo>
                  <a:lnTo>
                    <a:pt x="159" y="469"/>
                  </a:lnTo>
                  <a:lnTo>
                    <a:pt x="146" y="472"/>
                  </a:lnTo>
                  <a:lnTo>
                    <a:pt x="133" y="473"/>
                  </a:lnTo>
                  <a:lnTo>
                    <a:pt x="121" y="473"/>
                  </a:lnTo>
                  <a:lnTo>
                    <a:pt x="109" y="471"/>
                  </a:lnTo>
                  <a:lnTo>
                    <a:pt x="97" y="469"/>
                  </a:lnTo>
                  <a:lnTo>
                    <a:pt x="86" y="465"/>
                  </a:lnTo>
                  <a:lnTo>
                    <a:pt x="64" y="455"/>
                  </a:lnTo>
                  <a:lnTo>
                    <a:pt x="42" y="444"/>
                  </a:lnTo>
                  <a:lnTo>
                    <a:pt x="21" y="432"/>
                  </a:lnTo>
                  <a:lnTo>
                    <a:pt x="0" y="421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058" name="Faaborg-Midtfyn"/>
            <p:cNvGrpSpPr/>
            <p:nvPr/>
          </p:nvGrpSpPr>
          <p:grpSpPr>
            <a:xfrm>
              <a:off x="2035175" y="5419725"/>
              <a:ext cx="550863" cy="436563"/>
              <a:chOff x="2035175" y="5419725"/>
              <a:chExt cx="550863" cy="436563"/>
            </a:xfrm>
            <a:grpFill/>
          </p:grpSpPr>
          <p:sp>
            <p:nvSpPr>
              <p:cNvPr id="1070" name="Faaborg-Midtfyn"/>
              <p:cNvSpPr>
                <a:spLocks/>
              </p:cNvSpPr>
              <p:nvPr/>
            </p:nvSpPr>
            <p:spPr bwMode="auto">
              <a:xfrm>
                <a:off x="2159000" y="5837238"/>
                <a:ext cx="30163" cy="19050"/>
              </a:xfrm>
              <a:custGeom>
                <a:avLst/>
                <a:gdLst>
                  <a:gd name="T0" fmla="*/ 0 w 56"/>
                  <a:gd name="T1" fmla="*/ 0 h 38"/>
                  <a:gd name="T2" fmla="*/ 5 w 56"/>
                  <a:gd name="T3" fmla="*/ 1 h 38"/>
                  <a:gd name="T4" fmla="*/ 10 w 56"/>
                  <a:gd name="T5" fmla="*/ 3 h 38"/>
                  <a:gd name="T6" fmla="*/ 15 w 56"/>
                  <a:gd name="T7" fmla="*/ 4 h 38"/>
                  <a:gd name="T8" fmla="*/ 19 w 56"/>
                  <a:gd name="T9" fmla="*/ 6 h 38"/>
                  <a:gd name="T10" fmla="*/ 18 w 56"/>
                  <a:gd name="T11" fmla="*/ 8 h 38"/>
                  <a:gd name="T12" fmla="*/ 16 w 56"/>
                  <a:gd name="T13" fmla="*/ 9 h 38"/>
                  <a:gd name="T14" fmla="*/ 15 w 56"/>
                  <a:gd name="T15" fmla="*/ 10 h 38"/>
                  <a:gd name="T16" fmla="*/ 13 w 56"/>
                  <a:gd name="T17" fmla="*/ 11 h 38"/>
                  <a:gd name="T18" fmla="*/ 11 w 56"/>
                  <a:gd name="T19" fmla="*/ 11 h 38"/>
                  <a:gd name="T20" fmla="*/ 8 w 56"/>
                  <a:gd name="T21" fmla="*/ 12 h 38"/>
                  <a:gd name="T22" fmla="*/ 6 w 56"/>
                  <a:gd name="T23" fmla="*/ 12 h 38"/>
                  <a:gd name="T24" fmla="*/ 3 w 56"/>
                  <a:gd name="T25" fmla="*/ 12 h 38"/>
                  <a:gd name="T26" fmla="*/ 3 w 56"/>
                  <a:gd name="T27" fmla="*/ 10 h 38"/>
                  <a:gd name="T28" fmla="*/ 3 w 56"/>
                  <a:gd name="T29" fmla="*/ 9 h 38"/>
                  <a:gd name="T30" fmla="*/ 2 w 56"/>
                  <a:gd name="T31" fmla="*/ 7 h 38"/>
                  <a:gd name="T32" fmla="*/ 1 w 56"/>
                  <a:gd name="T33" fmla="*/ 6 h 38"/>
                  <a:gd name="T34" fmla="*/ 1 w 56"/>
                  <a:gd name="T35" fmla="*/ 5 h 38"/>
                  <a:gd name="T36" fmla="*/ 0 w 56"/>
                  <a:gd name="T37" fmla="*/ 4 h 38"/>
                  <a:gd name="T38" fmla="*/ 0 w 56"/>
                  <a:gd name="T39" fmla="*/ 2 h 38"/>
                  <a:gd name="T40" fmla="*/ 0 w 56"/>
                  <a:gd name="T41" fmla="*/ 0 h 38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56" h="38">
                    <a:moveTo>
                      <a:pt x="0" y="0"/>
                    </a:moveTo>
                    <a:lnTo>
                      <a:pt x="16" y="3"/>
                    </a:lnTo>
                    <a:lnTo>
                      <a:pt x="29" y="8"/>
                    </a:lnTo>
                    <a:lnTo>
                      <a:pt x="43" y="14"/>
                    </a:lnTo>
                    <a:lnTo>
                      <a:pt x="56" y="19"/>
                    </a:lnTo>
                    <a:lnTo>
                      <a:pt x="53" y="24"/>
                    </a:lnTo>
                    <a:lnTo>
                      <a:pt x="48" y="28"/>
                    </a:lnTo>
                    <a:lnTo>
                      <a:pt x="44" y="32"/>
                    </a:lnTo>
                    <a:lnTo>
                      <a:pt x="39" y="35"/>
                    </a:lnTo>
                    <a:lnTo>
                      <a:pt x="33" y="36"/>
                    </a:lnTo>
                    <a:lnTo>
                      <a:pt x="25" y="38"/>
                    </a:lnTo>
                    <a:lnTo>
                      <a:pt x="18" y="38"/>
                    </a:lnTo>
                    <a:lnTo>
                      <a:pt x="9" y="38"/>
                    </a:lnTo>
                    <a:lnTo>
                      <a:pt x="9" y="33"/>
                    </a:lnTo>
                    <a:lnTo>
                      <a:pt x="8" y="27"/>
                    </a:lnTo>
                    <a:lnTo>
                      <a:pt x="6" y="23"/>
                    </a:lnTo>
                    <a:lnTo>
                      <a:pt x="4" y="20"/>
                    </a:lnTo>
                    <a:lnTo>
                      <a:pt x="2" y="16"/>
                    </a:lnTo>
                    <a:lnTo>
                      <a:pt x="1" y="12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71" name="Faaborg-Midtfyn kant"/>
              <p:cNvSpPr>
                <a:spLocks/>
              </p:cNvSpPr>
              <p:nvPr/>
            </p:nvSpPr>
            <p:spPr bwMode="auto">
              <a:xfrm>
                <a:off x="2159000" y="5837238"/>
                <a:ext cx="30163" cy="19050"/>
              </a:xfrm>
              <a:custGeom>
                <a:avLst/>
                <a:gdLst>
                  <a:gd name="T0" fmla="*/ 0 w 56"/>
                  <a:gd name="T1" fmla="*/ 0 h 38"/>
                  <a:gd name="T2" fmla="*/ 5 w 56"/>
                  <a:gd name="T3" fmla="*/ 1 h 38"/>
                  <a:gd name="T4" fmla="*/ 10 w 56"/>
                  <a:gd name="T5" fmla="*/ 3 h 38"/>
                  <a:gd name="T6" fmla="*/ 15 w 56"/>
                  <a:gd name="T7" fmla="*/ 4 h 38"/>
                  <a:gd name="T8" fmla="*/ 19 w 56"/>
                  <a:gd name="T9" fmla="*/ 6 h 38"/>
                  <a:gd name="T10" fmla="*/ 18 w 56"/>
                  <a:gd name="T11" fmla="*/ 8 h 38"/>
                  <a:gd name="T12" fmla="*/ 16 w 56"/>
                  <a:gd name="T13" fmla="*/ 9 h 38"/>
                  <a:gd name="T14" fmla="*/ 15 w 56"/>
                  <a:gd name="T15" fmla="*/ 10 h 38"/>
                  <a:gd name="T16" fmla="*/ 13 w 56"/>
                  <a:gd name="T17" fmla="*/ 11 h 38"/>
                  <a:gd name="T18" fmla="*/ 11 w 56"/>
                  <a:gd name="T19" fmla="*/ 11 h 38"/>
                  <a:gd name="T20" fmla="*/ 8 w 56"/>
                  <a:gd name="T21" fmla="*/ 12 h 38"/>
                  <a:gd name="T22" fmla="*/ 6 w 56"/>
                  <a:gd name="T23" fmla="*/ 12 h 38"/>
                  <a:gd name="T24" fmla="*/ 3 w 56"/>
                  <a:gd name="T25" fmla="*/ 12 h 38"/>
                  <a:gd name="T26" fmla="*/ 3 w 56"/>
                  <a:gd name="T27" fmla="*/ 10 h 38"/>
                  <a:gd name="T28" fmla="*/ 3 w 56"/>
                  <a:gd name="T29" fmla="*/ 9 h 38"/>
                  <a:gd name="T30" fmla="*/ 2 w 56"/>
                  <a:gd name="T31" fmla="*/ 7 h 38"/>
                  <a:gd name="T32" fmla="*/ 1 w 56"/>
                  <a:gd name="T33" fmla="*/ 6 h 38"/>
                  <a:gd name="T34" fmla="*/ 1 w 56"/>
                  <a:gd name="T35" fmla="*/ 5 h 38"/>
                  <a:gd name="T36" fmla="*/ 0 w 56"/>
                  <a:gd name="T37" fmla="*/ 4 h 38"/>
                  <a:gd name="T38" fmla="*/ 0 w 56"/>
                  <a:gd name="T39" fmla="*/ 2 h 38"/>
                  <a:gd name="T40" fmla="*/ 0 w 56"/>
                  <a:gd name="T41" fmla="*/ 0 h 38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56" h="38">
                    <a:moveTo>
                      <a:pt x="0" y="0"/>
                    </a:moveTo>
                    <a:lnTo>
                      <a:pt x="16" y="3"/>
                    </a:lnTo>
                    <a:lnTo>
                      <a:pt x="29" y="8"/>
                    </a:lnTo>
                    <a:lnTo>
                      <a:pt x="43" y="14"/>
                    </a:lnTo>
                    <a:lnTo>
                      <a:pt x="56" y="19"/>
                    </a:lnTo>
                    <a:lnTo>
                      <a:pt x="53" y="24"/>
                    </a:lnTo>
                    <a:lnTo>
                      <a:pt x="48" y="28"/>
                    </a:lnTo>
                    <a:lnTo>
                      <a:pt x="44" y="32"/>
                    </a:lnTo>
                    <a:lnTo>
                      <a:pt x="39" y="35"/>
                    </a:lnTo>
                    <a:lnTo>
                      <a:pt x="33" y="36"/>
                    </a:lnTo>
                    <a:lnTo>
                      <a:pt x="25" y="38"/>
                    </a:lnTo>
                    <a:lnTo>
                      <a:pt x="18" y="38"/>
                    </a:lnTo>
                    <a:lnTo>
                      <a:pt x="9" y="38"/>
                    </a:lnTo>
                    <a:lnTo>
                      <a:pt x="9" y="33"/>
                    </a:lnTo>
                    <a:lnTo>
                      <a:pt x="8" y="27"/>
                    </a:lnTo>
                    <a:lnTo>
                      <a:pt x="6" y="23"/>
                    </a:lnTo>
                    <a:lnTo>
                      <a:pt x="4" y="20"/>
                    </a:lnTo>
                    <a:lnTo>
                      <a:pt x="2" y="16"/>
                    </a:lnTo>
                    <a:lnTo>
                      <a:pt x="1" y="12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72" name="Faaborg-Midtfyn"/>
              <p:cNvSpPr>
                <a:spLocks/>
              </p:cNvSpPr>
              <p:nvPr/>
            </p:nvSpPr>
            <p:spPr bwMode="auto">
              <a:xfrm>
                <a:off x="2119313" y="5419725"/>
                <a:ext cx="466725" cy="407988"/>
              </a:xfrm>
              <a:custGeom>
                <a:avLst/>
                <a:gdLst>
                  <a:gd name="T0" fmla="*/ 199 w 882"/>
                  <a:gd name="T1" fmla="*/ 157 h 769"/>
                  <a:gd name="T2" fmla="*/ 220 w 882"/>
                  <a:gd name="T3" fmla="*/ 151 h 769"/>
                  <a:gd name="T4" fmla="*/ 244 w 882"/>
                  <a:gd name="T5" fmla="*/ 152 h 769"/>
                  <a:gd name="T6" fmla="*/ 263 w 882"/>
                  <a:gd name="T7" fmla="*/ 147 h 769"/>
                  <a:gd name="T8" fmla="*/ 267 w 882"/>
                  <a:gd name="T9" fmla="*/ 142 h 769"/>
                  <a:gd name="T10" fmla="*/ 277 w 882"/>
                  <a:gd name="T11" fmla="*/ 139 h 769"/>
                  <a:gd name="T12" fmla="*/ 277 w 882"/>
                  <a:gd name="T13" fmla="*/ 130 h 769"/>
                  <a:gd name="T14" fmla="*/ 282 w 882"/>
                  <a:gd name="T15" fmla="*/ 126 h 769"/>
                  <a:gd name="T16" fmla="*/ 291 w 882"/>
                  <a:gd name="T17" fmla="*/ 129 h 769"/>
                  <a:gd name="T18" fmla="*/ 293 w 882"/>
                  <a:gd name="T19" fmla="*/ 111 h 769"/>
                  <a:gd name="T20" fmla="*/ 273 w 882"/>
                  <a:gd name="T21" fmla="*/ 98 h 769"/>
                  <a:gd name="T22" fmla="*/ 251 w 882"/>
                  <a:gd name="T23" fmla="*/ 92 h 769"/>
                  <a:gd name="T24" fmla="*/ 233 w 882"/>
                  <a:gd name="T25" fmla="*/ 78 h 769"/>
                  <a:gd name="T26" fmla="*/ 236 w 882"/>
                  <a:gd name="T27" fmla="*/ 70 h 769"/>
                  <a:gd name="T28" fmla="*/ 243 w 882"/>
                  <a:gd name="T29" fmla="*/ 65 h 769"/>
                  <a:gd name="T30" fmla="*/ 254 w 882"/>
                  <a:gd name="T31" fmla="*/ 59 h 769"/>
                  <a:gd name="T32" fmla="*/ 259 w 882"/>
                  <a:gd name="T33" fmla="*/ 40 h 769"/>
                  <a:gd name="T34" fmla="*/ 266 w 882"/>
                  <a:gd name="T35" fmla="*/ 17 h 769"/>
                  <a:gd name="T36" fmla="*/ 253 w 882"/>
                  <a:gd name="T37" fmla="*/ 0 h 769"/>
                  <a:gd name="T38" fmla="*/ 233 w 882"/>
                  <a:gd name="T39" fmla="*/ 13 h 769"/>
                  <a:gd name="T40" fmla="*/ 195 w 882"/>
                  <a:gd name="T41" fmla="*/ 22 h 769"/>
                  <a:gd name="T42" fmla="*/ 170 w 882"/>
                  <a:gd name="T43" fmla="*/ 20 h 769"/>
                  <a:gd name="T44" fmla="*/ 169 w 882"/>
                  <a:gd name="T45" fmla="*/ 10 h 769"/>
                  <a:gd name="T46" fmla="*/ 129 w 882"/>
                  <a:gd name="T47" fmla="*/ 20 h 769"/>
                  <a:gd name="T48" fmla="*/ 122 w 882"/>
                  <a:gd name="T49" fmla="*/ 30 h 769"/>
                  <a:gd name="T50" fmla="*/ 126 w 882"/>
                  <a:gd name="T51" fmla="*/ 38 h 769"/>
                  <a:gd name="T52" fmla="*/ 100 w 882"/>
                  <a:gd name="T53" fmla="*/ 44 h 769"/>
                  <a:gd name="T54" fmla="*/ 72 w 882"/>
                  <a:gd name="T55" fmla="*/ 57 h 769"/>
                  <a:gd name="T56" fmla="*/ 38 w 882"/>
                  <a:gd name="T57" fmla="*/ 69 h 769"/>
                  <a:gd name="T58" fmla="*/ 38 w 882"/>
                  <a:gd name="T59" fmla="*/ 84 h 769"/>
                  <a:gd name="T60" fmla="*/ 45 w 882"/>
                  <a:gd name="T61" fmla="*/ 97 h 769"/>
                  <a:gd name="T62" fmla="*/ 51 w 882"/>
                  <a:gd name="T63" fmla="*/ 107 h 769"/>
                  <a:gd name="T64" fmla="*/ 59 w 882"/>
                  <a:gd name="T65" fmla="*/ 105 h 769"/>
                  <a:gd name="T66" fmla="*/ 62 w 882"/>
                  <a:gd name="T67" fmla="*/ 108 h 769"/>
                  <a:gd name="T68" fmla="*/ 58 w 882"/>
                  <a:gd name="T69" fmla="*/ 125 h 769"/>
                  <a:gd name="T70" fmla="*/ 39 w 882"/>
                  <a:gd name="T71" fmla="*/ 146 h 769"/>
                  <a:gd name="T72" fmla="*/ 32 w 882"/>
                  <a:gd name="T73" fmla="*/ 166 h 769"/>
                  <a:gd name="T74" fmla="*/ 47 w 882"/>
                  <a:gd name="T75" fmla="*/ 188 h 769"/>
                  <a:gd name="T76" fmla="*/ 33 w 882"/>
                  <a:gd name="T77" fmla="*/ 203 h 769"/>
                  <a:gd name="T78" fmla="*/ 12 w 882"/>
                  <a:gd name="T79" fmla="*/ 212 h 769"/>
                  <a:gd name="T80" fmla="*/ 1 w 882"/>
                  <a:gd name="T81" fmla="*/ 224 h 769"/>
                  <a:gd name="T82" fmla="*/ 0 w 882"/>
                  <a:gd name="T83" fmla="*/ 233 h 769"/>
                  <a:gd name="T84" fmla="*/ 12 w 882"/>
                  <a:gd name="T85" fmla="*/ 228 h 769"/>
                  <a:gd name="T86" fmla="*/ 31 w 882"/>
                  <a:gd name="T87" fmla="*/ 226 h 769"/>
                  <a:gd name="T88" fmla="*/ 70 w 882"/>
                  <a:gd name="T89" fmla="*/ 241 h 769"/>
                  <a:gd name="T90" fmla="*/ 69 w 882"/>
                  <a:gd name="T91" fmla="*/ 232 h 769"/>
                  <a:gd name="T92" fmla="*/ 62 w 882"/>
                  <a:gd name="T93" fmla="*/ 225 h 769"/>
                  <a:gd name="T94" fmla="*/ 61 w 882"/>
                  <a:gd name="T95" fmla="*/ 220 h 769"/>
                  <a:gd name="T96" fmla="*/ 67 w 882"/>
                  <a:gd name="T97" fmla="*/ 217 h 769"/>
                  <a:gd name="T98" fmla="*/ 71 w 882"/>
                  <a:gd name="T99" fmla="*/ 213 h 769"/>
                  <a:gd name="T100" fmla="*/ 90 w 882"/>
                  <a:gd name="T101" fmla="*/ 224 h 769"/>
                  <a:gd name="T102" fmla="*/ 127 w 882"/>
                  <a:gd name="T103" fmla="*/ 250 h 769"/>
                  <a:gd name="T104" fmla="*/ 148 w 882"/>
                  <a:gd name="T105" fmla="*/ 248 h 769"/>
                  <a:gd name="T106" fmla="*/ 164 w 882"/>
                  <a:gd name="T107" fmla="*/ 229 h 769"/>
                  <a:gd name="T108" fmla="*/ 164 w 882"/>
                  <a:gd name="T109" fmla="*/ 215 h 769"/>
                  <a:gd name="T110" fmla="*/ 162 w 882"/>
                  <a:gd name="T111" fmla="*/ 204 h 769"/>
                  <a:gd name="T112" fmla="*/ 170 w 882"/>
                  <a:gd name="T113" fmla="*/ 188 h 769"/>
                  <a:gd name="T114" fmla="*/ 192 w 882"/>
                  <a:gd name="T115" fmla="*/ 166 h 769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882" h="769">
                    <a:moveTo>
                      <a:pt x="582" y="488"/>
                    </a:moveTo>
                    <a:lnTo>
                      <a:pt x="586" y="483"/>
                    </a:lnTo>
                    <a:lnTo>
                      <a:pt x="590" y="478"/>
                    </a:lnTo>
                    <a:lnTo>
                      <a:pt x="594" y="474"/>
                    </a:lnTo>
                    <a:lnTo>
                      <a:pt x="598" y="470"/>
                    </a:lnTo>
                    <a:lnTo>
                      <a:pt x="609" y="464"/>
                    </a:lnTo>
                    <a:lnTo>
                      <a:pt x="619" y="458"/>
                    </a:lnTo>
                    <a:lnTo>
                      <a:pt x="632" y="455"/>
                    </a:lnTo>
                    <a:lnTo>
                      <a:pt x="646" y="452"/>
                    </a:lnTo>
                    <a:lnTo>
                      <a:pt x="659" y="451"/>
                    </a:lnTo>
                    <a:lnTo>
                      <a:pt x="673" y="451"/>
                    </a:lnTo>
                    <a:lnTo>
                      <a:pt x="688" y="451"/>
                    </a:lnTo>
                    <a:lnTo>
                      <a:pt x="703" y="452"/>
                    </a:lnTo>
                    <a:lnTo>
                      <a:pt x="718" y="454"/>
                    </a:lnTo>
                    <a:lnTo>
                      <a:pt x="733" y="456"/>
                    </a:lnTo>
                    <a:lnTo>
                      <a:pt x="762" y="463"/>
                    </a:lnTo>
                    <a:lnTo>
                      <a:pt x="789" y="469"/>
                    </a:lnTo>
                    <a:lnTo>
                      <a:pt x="787" y="456"/>
                    </a:lnTo>
                    <a:lnTo>
                      <a:pt x="788" y="445"/>
                    </a:lnTo>
                    <a:lnTo>
                      <a:pt x="789" y="441"/>
                    </a:lnTo>
                    <a:lnTo>
                      <a:pt x="791" y="436"/>
                    </a:lnTo>
                    <a:lnTo>
                      <a:pt x="793" y="432"/>
                    </a:lnTo>
                    <a:lnTo>
                      <a:pt x="795" y="429"/>
                    </a:lnTo>
                    <a:lnTo>
                      <a:pt x="798" y="426"/>
                    </a:lnTo>
                    <a:lnTo>
                      <a:pt x="802" y="424"/>
                    </a:lnTo>
                    <a:lnTo>
                      <a:pt x="807" y="423"/>
                    </a:lnTo>
                    <a:lnTo>
                      <a:pt x="811" y="422"/>
                    </a:lnTo>
                    <a:lnTo>
                      <a:pt x="822" y="421"/>
                    </a:lnTo>
                    <a:lnTo>
                      <a:pt x="835" y="423"/>
                    </a:lnTo>
                    <a:lnTo>
                      <a:pt x="832" y="415"/>
                    </a:lnTo>
                    <a:lnTo>
                      <a:pt x="830" y="410"/>
                    </a:lnTo>
                    <a:lnTo>
                      <a:pt x="829" y="404"/>
                    </a:lnTo>
                    <a:lnTo>
                      <a:pt x="828" y="398"/>
                    </a:lnTo>
                    <a:lnTo>
                      <a:pt x="829" y="394"/>
                    </a:lnTo>
                    <a:lnTo>
                      <a:pt x="830" y="390"/>
                    </a:lnTo>
                    <a:lnTo>
                      <a:pt x="831" y="386"/>
                    </a:lnTo>
                    <a:lnTo>
                      <a:pt x="834" y="383"/>
                    </a:lnTo>
                    <a:lnTo>
                      <a:pt x="836" y="381"/>
                    </a:lnTo>
                    <a:lnTo>
                      <a:pt x="840" y="378"/>
                    </a:lnTo>
                    <a:lnTo>
                      <a:pt x="845" y="377"/>
                    </a:lnTo>
                    <a:lnTo>
                      <a:pt x="849" y="377"/>
                    </a:lnTo>
                    <a:lnTo>
                      <a:pt x="854" y="378"/>
                    </a:lnTo>
                    <a:lnTo>
                      <a:pt x="860" y="379"/>
                    </a:lnTo>
                    <a:lnTo>
                      <a:pt x="867" y="382"/>
                    </a:lnTo>
                    <a:lnTo>
                      <a:pt x="873" y="385"/>
                    </a:lnTo>
                    <a:lnTo>
                      <a:pt x="871" y="371"/>
                    </a:lnTo>
                    <a:lnTo>
                      <a:pt x="872" y="361"/>
                    </a:lnTo>
                    <a:lnTo>
                      <a:pt x="874" y="351"/>
                    </a:lnTo>
                    <a:lnTo>
                      <a:pt x="877" y="342"/>
                    </a:lnTo>
                    <a:lnTo>
                      <a:pt x="879" y="333"/>
                    </a:lnTo>
                    <a:lnTo>
                      <a:pt x="881" y="324"/>
                    </a:lnTo>
                    <a:lnTo>
                      <a:pt x="882" y="313"/>
                    </a:lnTo>
                    <a:lnTo>
                      <a:pt x="882" y="301"/>
                    </a:lnTo>
                    <a:lnTo>
                      <a:pt x="851" y="297"/>
                    </a:lnTo>
                    <a:lnTo>
                      <a:pt x="820" y="293"/>
                    </a:lnTo>
                    <a:lnTo>
                      <a:pt x="806" y="291"/>
                    </a:lnTo>
                    <a:lnTo>
                      <a:pt x="792" y="288"/>
                    </a:lnTo>
                    <a:lnTo>
                      <a:pt x="777" y="285"/>
                    </a:lnTo>
                    <a:lnTo>
                      <a:pt x="765" y="280"/>
                    </a:lnTo>
                    <a:lnTo>
                      <a:pt x="752" y="275"/>
                    </a:lnTo>
                    <a:lnTo>
                      <a:pt x="739" y="269"/>
                    </a:lnTo>
                    <a:lnTo>
                      <a:pt x="729" y="263"/>
                    </a:lnTo>
                    <a:lnTo>
                      <a:pt x="718" y="254"/>
                    </a:lnTo>
                    <a:lnTo>
                      <a:pt x="709" y="245"/>
                    </a:lnTo>
                    <a:lnTo>
                      <a:pt x="699" y="233"/>
                    </a:lnTo>
                    <a:lnTo>
                      <a:pt x="692" y="220"/>
                    </a:lnTo>
                    <a:lnTo>
                      <a:pt x="686" y="207"/>
                    </a:lnTo>
                    <a:lnTo>
                      <a:pt x="694" y="209"/>
                    </a:lnTo>
                    <a:lnTo>
                      <a:pt x="701" y="209"/>
                    </a:lnTo>
                    <a:lnTo>
                      <a:pt x="709" y="209"/>
                    </a:lnTo>
                    <a:lnTo>
                      <a:pt x="714" y="207"/>
                    </a:lnTo>
                    <a:lnTo>
                      <a:pt x="718" y="205"/>
                    </a:lnTo>
                    <a:lnTo>
                      <a:pt x="722" y="202"/>
                    </a:lnTo>
                    <a:lnTo>
                      <a:pt x="727" y="198"/>
                    </a:lnTo>
                    <a:lnTo>
                      <a:pt x="730" y="195"/>
                    </a:lnTo>
                    <a:lnTo>
                      <a:pt x="737" y="188"/>
                    </a:lnTo>
                    <a:lnTo>
                      <a:pt x="745" y="182"/>
                    </a:lnTo>
                    <a:lnTo>
                      <a:pt x="750" y="179"/>
                    </a:lnTo>
                    <a:lnTo>
                      <a:pt x="755" y="178"/>
                    </a:lnTo>
                    <a:lnTo>
                      <a:pt x="762" y="178"/>
                    </a:lnTo>
                    <a:lnTo>
                      <a:pt x="770" y="178"/>
                    </a:lnTo>
                    <a:lnTo>
                      <a:pt x="771" y="163"/>
                    </a:lnTo>
                    <a:lnTo>
                      <a:pt x="772" y="148"/>
                    </a:lnTo>
                    <a:lnTo>
                      <a:pt x="774" y="134"/>
                    </a:lnTo>
                    <a:lnTo>
                      <a:pt x="777" y="121"/>
                    </a:lnTo>
                    <a:lnTo>
                      <a:pt x="781" y="110"/>
                    </a:lnTo>
                    <a:lnTo>
                      <a:pt x="788" y="98"/>
                    </a:lnTo>
                    <a:lnTo>
                      <a:pt x="796" y="88"/>
                    </a:lnTo>
                    <a:lnTo>
                      <a:pt x="808" y="76"/>
                    </a:lnTo>
                    <a:lnTo>
                      <a:pt x="797" y="52"/>
                    </a:lnTo>
                    <a:lnTo>
                      <a:pt x="791" y="34"/>
                    </a:lnTo>
                    <a:lnTo>
                      <a:pt x="787" y="26"/>
                    </a:lnTo>
                    <a:lnTo>
                      <a:pt x="780" y="17"/>
                    </a:lnTo>
                    <a:lnTo>
                      <a:pt x="772" y="10"/>
                    </a:lnTo>
                    <a:lnTo>
                      <a:pt x="760" y="0"/>
                    </a:lnTo>
                    <a:lnTo>
                      <a:pt x="751" y="11"/>
                    </a:lnTo>
                    <a:lnTo>
                      <a:pt x="739" y="19"/>
                    </a:lnTo>
                    <a:lnTo>
                      <a:pt x="728" y="28"/>
                    </a:lnTo>
                    <a:lnTo>
                      <a:pt x="714" y="34"/>
                    </a:lnTo>
                    <a:lnTo>
                      <a:pt x="700" y="39"/>
                    </a:lnTo>
                    <a:lnTo>
                      <a:pt x="686" y="45"/>
                    </a:lnTo>
                    <a:lnTo>
                      <a:pt x="670" y="49"/>
                    </a:lnTo>
                    <a:lnTo>
                      <a:pt x="653" y="53"/>
                    </a:lnTo>
                    <a:lnTo>
                      <a:pt x="619" y="59"/>
                    </a:lnTo>
                    <a:lnTo>
                      <a:pt x="586" y="65"/>
                    </a:lnTo>
                    <a:lnTo>
                      <a:pt x="551" y="70"/>
                    </a:lnTo>
                    <a:lnTo>
                      <a:pt x="517" y="76"/>
                    </a:lnTo>
                    <a:lnTo>
                      <a:pt x="514" y="72"/>
                    </a:lnTo>
                    <a:lnTo>
                      <a:pt x="512" y="67"/>
                    </a:lnTo>
                    <a:lnTo>
                      <a:pt x="510" y="61"/>
                    </a:lnTo>
                    <a:lnTo>
                      <a:pt x="509" y="56"/>
                    </a:lnTo>
                    <a:lnTo>
                      <a:pt x="508" y="51"/>
                    </a:lnTo>
                    <a:lnTo>
                      <a:pt x="507" y="44"/>
                    </a:lnTo>
                    <a:lnTo>
                      <a:pt x="507" y="37"/>
                    </a:lnTo>
                    <a:lnTo>
                      <a:pt x="508" y="29"/>
                    </a:lnTo>
                    <a:lnTo>
                      <a:pt x="469" y="36"/>
                    </a:lnTo>
                    <a:lnTo>
                      <a:pt x="430" y="45"/>
                    </a:lnTo>
                    <a:lnTo>
                      <a:pt x="412" y="50"/>
                    </a:lnTo>
                    <a:lnTo>
                      <a:pt x="395" y="56"/>
                    </a:lnTo>
                    <a:lnTo>
                      <a:pt x="388" y="60"/>
                    </a:lnTo>
                    <a:lnTo>
                      <a:pt x="380" y="65"/>
                    </a:lnTo>
                    <a:lnTo>
                      <a:pt x="373" y="70"/>
                    </a:lnTo>
                    <a:lnTo>
                      <a:pt x="368" y="76"/>
                    </a:lnTo>
                    <a:lnTo>
                      <a:pt x="365" y="85"/>
                    </a:lnTo>
                    <a:lnTo>
                      <a:pt x="365" y="91"/>
                    </a:lnTo>
                    <a:lnTo>
                      <a:pt x="368" y="96"/>
                    </a:lnTo>
                    <a:lnTo>
                      <a:pt x="371" y="100"/>
                    </a:lnTo>
                    <a:lnTo>
                      <a:pt x="373" y="105"/>
                    </a:lnTo>
                    <a:lnTo>
                      <a:pt x="376" y="110"/>
                    </a:lnTo>
                    <a:lnTo>
                      <a:pt x="377" y="115"/>
                    </a:lnTo>
                    <a:lnTo>
                      <a:pt x="377" y="123"/>
                    </a:lnTo>
                    <a:lnTo>
                      <a:pt x="355" y="123"/>
                    </a:lnTo>
                    <a:lnTo>
                      <a:pt x="335" y="125"/>
                    </a:lnTo>
                    <a:lnTo>
                      <a:pt x="317" y="128"/>
                    </a:lnTo>
                    <a:lnTo>
                      <a:pt x="301" y="133"/>
                    </a:lnTo>
                    <a:lnTo>
                      <a:pt x="285" y="138"/>
                    </a:lnTo>
                    <a:lnTo>
                      <a:pt x="271" y="144"/>
                    </a:lnTo>
                    <a:lnTo>
                      <a:pt x="257" y="151"/>
                    </a:lnTo>
                    <a:lnTo>
                      <a:pt x="243" y="157"/>
                    </a:lnTo>
                    <a:lnTo>
                      <a:pt x="217" y="172"/>
                    </a:lnTo>
                    <a:lnTo>
                      <a:pt x="187" y="187"/>
                    </a:lnTo>
                    <a:lnTo>
                      <a:pt x="172" y="193"/>
                    </a:lnTo>
                    <a:lnTo>
                      <a:pt x="155" y="198"/>
                    </a:lnTo>
                    <a:lnTo>
                      <a:pt x="135" y="203"/>
                    </a:lnTo>
                    <a:lnTo>
                      <a:pt x="115" y="207"/>
                    </a:lnTo>
                    <a:lnTo>
                      <a:pt x="112" y="218"/>
                    </a:lnTo>
                    <a:lnTo>
                      <a:pt x="111" y="228"/>
                    </a:lnTo>
                    <a:lnTo>
                      <a:pt x="111" y="236"/>
                    </a:lnTo>
                    <a:lnTo>
                      <a:pt x="112" y="245"/>
                    </a:lnTo>
                    <a:lnTo>
                      <a:pt x="114" y="251"/>
                    </a:lnTo>
                    <a:lnTo>
                      <a:pt x="116" y="258"/>
                    </a:lnTo>
                    <a:lnTo>
                      <a:pt x="119" y="264"/>
                    </a:lnTo>
                    <a:lnTo>
                      <a:pt x="122" y="270"/>
                    </a:lnTo>
                    <a:lnTo>
                      <a:pt x="129" y="280"/>
                    </a:lnTo>
                    <a:lnTo>
                      <a:pt x="135" y="291"/>
                    </a:lnTo>
                    <a:lnTo>
                      <a:pt x="138" y="297"/>
                    </a:lnTo>
                    <a:lnTo>
                      <a:pt x="140" y="304"/>
                    </a:lnTo>
                    <a:lnTo>
                      <a:pt x="141" y="311"/>
                    </a:lnTo>
                    <a:lnTo>
                      <a:pt x="142" y="319"/>
                    </a:lnTo>
                    <a:lnTo>
                      <a:pt x="153" y="319"/>
                    </a:lnTo>
                    <a:lnTo>
                      <a:pt x="161" y="318"/>
                    </a:lnTo>
                    <a:lnTo>
                      <a:pt x="167" y="316"/>
                    </a:lnTo>
                    <a:lnTo>
                      <a:pt x="174" y="314"/>
                    </a:lnTo>
                    <a:lnTo>
                      <a:pt x="176" y="313"/>
                    </a:lnTo>
                    <a:lnTo>
                      <a:pt x="178" y="313"/>
                    </a:lnTo>
                    <a:lnTo>
                      <a:pt x="180" y="313"/>
                    </a:lnTo>
                    <a:lnTo>
                      <a:pt x="182" y="314"/>
                    </a:lnTo>
                    <a:lnTo>
                      <a:pt x="184" y="316"/>
                    </a:lnTo>
                    <a:lnTo>
                      <a:pt x="186" y="319"/>
                    </a:lnTo>
                    <a:lnTo>
                      <a:pt x="187" y="324"/>
                    </a:lnTo>
                    <a:lnTo>
                      <a:pt x="190" y="329"/>
                    </a:lnTo>
                    <a:lnTo>
                      <a:pt x="186" y="341"/>
                    </a:lnTo>
                    <a:lnTo>
                      <a:pt x="182" y="352"/>
                    </a:lnTo>
                    <a:lnTo>
                      <a:pt x="178" y="363"/>
                    </a:lnTo>
                    <a:lnTo>
                      <a:pt x="173" y="373"/>
                    </a:lnTo>
                    <a:lnTo>
                      <a:pt x="167" y="383"/>
                    </a:lnTo>
                    <a:lnTo>
                      <a:pt x="161" y="391"/>
                    </a:lnTo>
                    <a:lnTo>
                      <a:pt x="154" y="401"/>
                    </a:lnTo>
                    <a:lnTo>
                      <a:pt x="147" y="408"/>
                    </a:lnTo>
                    <a:lnTo>
                      <a:pt x="117" y="438"/>
                    </a:lnTo>
                    <a:lnTo>
                      <a:pt x="86" y="469"/>
                    </a:lnTo>
                    <a:lnTo>
                      <a:pt x="87" y="476"/>
                    </a:lnTo>
                    <a:lnTo>
                      <a:pt x="88" y="483"/>
                    </a:lnTo>
                    <a:lnTo>
                      <a:pt x="92" y="490"/>
                    </a:lnTo>
                    <a:lnTo>
                      <a:pt x="95" y="496"/>
                    </a:lnTo>
                    <a:lnTo>
                      <a:pt x="104" y="510"/>
                    </a:lnTo>
                    <a:lnTo>
                      <a:pt x="115" y="524"/>
                    </a:lnTo>
                    <a:lnTo>
                      <a:pt x="125" y="538"/>
                    </a:lnTo>
                    <a:lnTo>
                      <a:pt x="136" y="554"/>
                    </a:lnTo>
                    <a:lnTo>
                      <a:pt x="141" y="563"/>
                    </a:lnTo>
                    <a:lnTo>
                      <a:pt x="145" y="572"/>
                    </a:lnTo>
                    <a:lnTo>
                      <a:pt x="149" y="581"/>
                    </a:lnTo>
                    <a:lnTo>
                      <a:pt x="152" y="591"/>
                    </a:lnTo>
                    <a:lnTo>
                      <a:pt x="126" y="597"/>
                    </a:lnTo>
                    <a:lnTo>
                      <a:pt x="99" y="606"/>
                    </a:lnTo>
                    <a:lnTo>
                      <a:pt x="85" y="611"/>
                    </a:lnTo>
                    <a:lnTo>
                      <a:pt x="72" y="616"/>
                    </a:lnTo>
                    <a:lnTo>
                      <a:pt x="59" y="622"/>
                    </a:lnTo>
                    <a:lnTo>
                      <a:pt x="46" y="628"/>
                    </a:lnTo>
                    <a:lnTo>
                      <a:pt x="36" y="635"/>
                    </a:lnTo>
                    <a:lnTo>
                      <a:pt x="25" y="643"/>
                    </a:lnTo>
                    <a:lnTo>
                      <a:pt x="17" y="651"/>
                    </a:lnTo>
                    <a:lnTo>
                      <a:pt x="10" y="660"/>
                    </a:lnTo>
                    <a:lnTo>
                      <a:pt x="6" y="665"/>
                    </a:lnTo>
                    <a:lnTo>
                      <a:pt x="4" y="669"/>
                    </a:lnTo>
                    <a:lnTo>
                      <a:pt x="2" y="674"/>
                    </a:lnTo>
                    <a:lnTo>
                      <a:pt x="1" y="680"/>
                    </a:lnTo>
                    <a:lnTo>
                      <a:pt x="0" y="685"/>
                    </a:lnTo>
                    <a:lnTo>
                      <a:pt x="0" y="691"/>
                    </a:lnTo>
                    <a:lnTo>
                      <a:pt x="1" y="697"/>
                    </a:lnTo>
                    <a:lnTo>
                      <a:pt x="2" y="703"/>
                    </a:lnTo>
                    <a:lnTo>
                      <a:pt x="10" y="696"/>
                    </a:lnTo>
                    <a:lnTo>
                      <a:pt x="18" y="691"/>
                    </a:lnTo>
                    <a:lnTo>
                      <a:pt x="26" y="685"/>
                    </a:lnTo>
                    <a:lnTo>
                      <a:pt x="36" y="681"/>
                    </a:lnTo>
                    <a:lnTo>
                      <a:pt x="45" y="676"/>
                    </a:lnTo>
                    <a:lnTo>
                      <a:pt x="55" y="672"/>
                    </a:lnTo>
                    <a:lnTo>
                      <a:pt x="65" y="669"/>
                    </a:lnTo>
                    <a:lnTo>
                      <a:pt x="77" y="666"/>
                    </a:lnTo>
                    <a:lnTo>
                      <a:pt x="94" y="677"/>
                    </a:lnTo>
                    <a:lnTo>
                      <a:pt x="111" y="687"/>
                    </a:lnTo>
                    <a:lnTo>
                      <a:pt x="129" y="695"/>
                    </a:lnTo>
                    <a:lnTo>
                      <a:pt x="145" y="703"/>
                    </a:lnTo>
                    <a:lnTo>
                      <a:pt x="179" y="713"/>
                    </a:lnTo>
                    <a:lnTo>
                      <a:pt x="209" y="722"/>
                    </a:lnTo>
                    <a:lnTo>
                      <a:pt x="210" y="714"/>
                    </a:lnTo>
                    <a:lnTo>
                      <a:pt x="210" y="708"/>
                    </a:lnTo>
                    <a:lnTo>
                      <a:pt x="210" y="703"/>
                    </a:lnTo>
                    <a:lnTo>
                      <a:pt x="209" y="697"/>
                    </a:lnTo>
                    <a:lnTo>
                      <a:pt x="206" y="694"/>
                    </a:lnTo>
                    <a:lnTo>
                      <a:pt x="204" y="690"/>
                    </a:lnTo>
                    <a:lnTo>
                      <a:pt x="202" y="687"/>
                    </a:lnTo>
                    <a:lnTo>
                      <a:pt x="199" y="684"/>
                    </a:lnTo>
                    <a:lnTo>
                      <a:pt x="193" y="679"/>
                    </a:lnTo>
                    <a:lnTo>
                      <a:pt x="187" y="672"/>
                    </a:lnTo>
                    <a:lnTo>
                      <a:pt x="184" y="669"/>
                    </a:lnTo>
                    <a:lnTo>
                      <a:pt x="182" y="666"/>
                    </a:lnTo>
                    <a:lnTo>
                      <a:pt x="181" y="662"/>
                    </a:lnTo>
                    <a:lnTo>
                      <a:pt x="180" y="656"/>
                    </a:lnTo>
                    <a:lnTo>
                      <a:pt x="184" y="657"/>
                    </a:lnTo>
                    <a:lnTo>
                      <a:pt x="189" y="657"/>
                    </a:lnTo>
                    <a:lnTo>
                      <a:pt x="192" y="657"/>
                    </a:lnTo>
                    <a:lnTo>
                      <a:pt x="194" y="656"/>
                    </a:lnTo>
                    <a:lnTo>
                      <a:pt x="198" y="653"/>
                    </a:lnTo>
                    <a:lnTo>
                      <a:pt x="201" y="649"/>
                    </a:lnTo>
                    <a:lnTo>
                      <a:pt x="204" y="646"/>
                    </a:lnTo>
                    <a:lnTo>
                      <a:pt x="207" y="642"/>
                    </a:lnTo>
                    <a:lnTo>
                      <a:pt x="210" y="640"/>
                    </a:lnTo>
                    <a:lnTo>
                      <a:pt x="212" y="639"/>
                    </a:lnTo>
                    <a:lnTo>
                      <a:pt x="214" y="637"/>
                    </a:lnTo>
                    <a:lnTo>
                      <a:pt x="217" y="637"/>
                    </a:lnTo>
                    <a:lnTo>
                      <a:pt x="231" y="645"/>
                    </a:lnTo>
                    <a:lnTo>
                      <a:pt x="244" y="653"/>
                    </a:lnTo>
                    <a:lnTo>
                      <a:pt x="257" y="661"/>
                    </a:lnTo>
                    <a:lnTo>
                      <a:pt x="270" y="670"/>
                    </a:lnTo>
                    <a:lnTo>
                      <a:pt x="294" y="688"/>
                    </a:lnTo>
                    <a:lnTo>
                      <a:pt x="318" y="706"/>
                    </a:lnTo>
                    <a:lnTo>
                      <a:pt x="342" y="724"/>
                    </a:lnTo>
                    <a:lnTo>
                      <a:pt x="368" y="741"/>
                    </a:lnTo>
                    <a:lnTo>
                      <a:pt x="380" y="748"/>
                    </a:lnTo>
                    <a:lnTo>
                      <a:pt x="394" y="755"/>
                    </a:lnTo>
                    <a:lnTo>
                      <a:pt x="409" y="763"/>
                    </a:lnTo>
                    <a:lnTo>
                      <a:pt x="423" y="769"/>
                    </a:lnTo>
                    <a:lnTo>
                      <a:pt x="433" y="755"/>
                    </a:lnTo>
                    <a:lnTo>
                      <a:pt x="444" y="743"/>
                    </a:lnTo>
                    <a:lnTo>
                      <a:pt x="455" y="730"/>
                    </a:lnTo>
                    <a:lnTo>
                      <a:pt x="467" y="719"/>
                    </a:lnTo>
                    <a:lnTo>
                      <a:pt x="477" y="706"/>
                    </a:lnTo>
                    <a:lnTo>
                      <a:pt x="487" y="691"/>
                    </a:lnTo>
                    <a:lnTo>
                      <a:pt x="491" y="684"/>
                    </a:lnTo>
                    <a:lnTo>
                      <a:pt x="494" y="675"/>
                    </a:lnTo>
                    <a:lnTo>
                      <a:pt x="496" y="666"/>
                    </a:lnTo>
                    <a:lnTo>
                      <a:pt x="498" y="656"/>
                    </a:lnTo>
                    <a:lnTo>
                      <a:pt x="494" y="649"/>
                    </a:lnTo>
                    <a:lnTo>
                      <a:pt x="491" y="643"/>
                    </a:lnTo>
                    <a:lnTo>
                      <a:pt x="488" y="636"/>
                    </a:lnTo>
                    <a:lnTo>
                      <a:pt x="487" y="630"/>
                    </a:lnTo>
                    <a:lnTo>
                      <a:pt x="485" y="624"/>
                    </a:lnTo>
                    <a:lnTo>
                      <a:pt x="484" y="617"/>
                    </a:lnTo>
                    <a:lnTo>
                      <a:pt x="485" y="611"/>
                    </a:lnTo>
                    <a:lnTo>
                      <a:pt x="487" y="606"/>
                    </a:lnTo>
                    <a:lnTo>
                      <a:pt x="490" y="594"/>
                    </a:lnTo>
                    <a:lnTo>
                      <a:pt x="495" y="584"/>
                    </a:lnTo>
                    <a:lnTo>
                      <a:pt x="502" y="573"/>
                    </a:lnTo>
                    <a:lnTo>
                      <a:pt x="511" y="563"/>
                    </a:lnTo>
                    <a:lnTo>
                      <a:pt x="530" y="543"/>
                    </a:lnTo>
                    <a:lnTo>
                      <a:pt x="550" y="524"/>
                    </a:lnTo>
                    <a:lnTo>
                      <a:pt x="559" y="515"/>
                    </a:lnTo>
                    <a:lnTo>
                      <a:pt x="569" y="506"/>
                    </a:lnTo>
                    <a:lnTo>
                      <a:pt x="576" y="496"/>
                    </a:lnTo>
                    <a:lnTo>
                      <a:pt x="582" y="488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73" name="Faaborg-Midtfyn kant"/>
              <p:cNvSpPr>
                <a:spLocks/>
              </p:cNvSpPr>
              <p:nvPr/>
            </p:nvSpPr>
            <p:spPr bwMode="auto">
              <a:xfrm>
                <a:off x="2119313" y="5419725"/>
                <a:ext cx="466725" cy="407988"/>
              </a:xfrm>
              <a:custGeom>
                <a:avLst/>
                <a:gdLst>
                  <a:gd name="T0" fmla="*/ 199 w 882"/>
                  <a:gd name="T1" fmla="*/ 157 h 769"/>
                  <a:gd name="T2" fmla="*/ 220 w 882"/>
                  <a:gd name="T3" fmla="*/ 151 h 769"/>
                  <a:gd name="T4" fmla="*/ 244 w 882"/>
                  <a:gd name="T5" fmla="*/ 152 h 769"/>
                  <a:gd name="T6" fmla="*/ 263 w 882"/>
                  <a:gd name="T7" fmla="*/ 147 h 769"/>
                  <a:gd name="T8" fmla="*/ 267 w 882"/>
                  <a:gd name="T9" fmla="*/ 142 h 769"/>
                  <a:gd name="T10" fmla="*/ 277 w 882"/>
                  <a:gd name="T11" fmla="*/ 139 h 769"/>
                  <a:gd name="T12" fmla="*/ 277 w 882"/>
                  <a:gd name="T13" fmla="*/ 130 h 769"/>
                  <a:gd name="T14" fmla="*/ 282 w 882"/>
                  <a:gd name="T15" fmla="*/ 126 h 769"/>
                  <a:gd name="T16" fmla="*/ 291 w 882"/>
                  <a:gd name="T17" fmla="*/ 129 h 769"/>
                  <a:gd name="T18" fmla="*/ 293 w 882"/>
                  <a:gd name="T19" fmla="*/ 111 h 769"/>
                  <a:gd name="T20" fmla="*/ 273 w 882"/>
                  <a:gd name="T21" fmla="*/ 98 h 769"/>
                  <a:gd name="T22" fmla="*/ 251 w 882"/>
                  <a:gd name="T23" fmla="*/ 92 h 769"/>
                  <a:gd name="T24" fmla="*/ 233 w 882"/>
                  <a:gd name="T25" fmla="*/ 78 h 769"/>
                  <a:gd name="T26" fmla="*/ 236 w 882"/>
                  <a:gd name="T27" fmla="*/ 70 h 769"/>
                  <a:gd name="T28" fmla="*/ 243 w 882"/>
                  <a:gd name="T29" fmla="*/ 65 h 769"/>
                  <a:gd name="T30" fmla="*/ 254 w 882"/>
                  <a:gd name="T31" fmla="*/ 59 h 769"/>
                  <a:gd name="T32" fmla="*/ 259 w 882"/>
                  <a:gd name="T33" fmla="*/ 40 h 769"/>
                  <a:gd name="T34" fmla="*/ 266 w 882"/>
                  <a:gd name="T35" fmla="*/ 17 h 769"/>
                  <a:gd name="T36" fmla="*/ 253 w 882"/>
                  <a:gd name="T37" fmla="*/ 0 h 769"/>
                  <a:gd name="T38" fmla="*/ 233 w 882"/>
                  <a:gd name="T39" fmla="*/ 13 h 769"/>
                  <a:gd name="T40" fmla="*/ 195 w 882"/>
                  <a:gd name="T41" fmla="*/ 22 h 769"/>
                  <a:gd name="T42" fmla="*/ 170 w 882"/>
                  <a:gd name="T43" fmla="*/ 20 h 769"/>
                  <a:gd name="T44" fmla="*/ 169 w 882"/>
                  <a:gd name="T45" fmla="*/ 10 h 769"/>
                  <a:gd name="T46" fmla="*/ 129 w 882"/>
                  <a:gd name="T47" fmla="*/ 20 h 769"/>
                  <a:gd name="T48" fmla="*/ 122 w 882"/>
                  <a:gd name="T49" fmla="*/ 30 h 769"/>
                  <a:gd name="T50" fmla="*/ 126 w 882"/>
                  <a:gd name="T51" fmla="*/ 38 h 769"/>
                  <a:gd name="T52" fmla="*/ 100 w 882"/>
                  <a:gd name="T53" fmla="*/ 44 h 769"/>
                  <a:gd name="T54" fmla="*/ 72 w 882"/>
                  <a:gd name="T55" fmla="*/ 57 h 769"/>
                  <a:gd name="T56" fmla="*/ 38 w 882"/>
                  <a:gd name="T57" fmla="*/ 69 h 769"/>
                  <a:gd name="T58" fmla="*/ 38 w 882"/>
                  <a:gd name="T59" fmla="*/ 84 h 769"/>
                  <a:gd name="T60" fmla="*/ 45 w 882"/>
                  <a:gd name="T61" fmla="*/ 97 h 769"/>
                  <a:gd name="T62" fmla="*/ 51 w 882"/>
                  <a:gd name="T63" fmla="*/ 107 h 769"/>
                  <a:gd name="T64" fmla="*/ 59 w 882"/>
                  <a:gd name="T65" fmla="*/ 105 h 769"/>
                  <a:gd name="T66" fmla="*/ 62 w 882"/>
                  <a:gd name="T67" fmla="*/ 108 h 769"/>
                  <a:gd name="T68" fmla="*/ 58 w 882"/>
                  <a:gd name="T69" fmla="*/ 125 h 769"/>
                  <a:gd name="T70" fmla="*/ 39 w 882"/>
                  <a:gd name="T71" fmla="*/ 146 h 769"/>
                  <a:gd name="T72" fmla="*/ 32 w 882"/>
                  <a:gd name="T73" fmla="*/ 166 h 769"/>
                  <a:gd name="T74" fmla="*/ 47 w 882"/>
                  <a:gd name="T75" fmla="*/ 188 h 769"/>
                  <a:gd name="T76" fmla="*/ 33 w 882"/>
                  <a:gd name="T77" fmla="*/ 203 h 769"/>
                  <a:gd name="T78" fmla="*/ 12 w 882"/>
                  <a:gd name="T79" fmla="*/ 212 h 769"/>
                  <a:gd name="T80" fmla="*/ 1 w 882"/>
                  <a:gd name="T81" fmla="*/ 224 h 769"/>
                  <a:gd name="T82" fmla="*/ 0 w 882"/>
                  <a:gd name="T83" fmla="*/ 233 h 769"/>
                  <a:gd name="T84" fmla="*/ 12 w 882"/>
                  <a:gd name="T85" fmla="*/ 228 h 769"/>
                  <a:gd name="T86" fmla="*/ 31 w 882"/>
                  <a:gd name="T87" fmla="*/ 226 h 769"/>
                  <a:gd name="T88" fmla="*/ 70 w 882"/>
                  <a:gd name="T89" fmla="*/ 241 h 769"/>
                  <a:gd name="T90" fmla="*/ 69 w 882"/>
                  <a:gd name="T91" fmla="*/ 232 h 769"/>
                  <a:gd name="T92" fmla="*/ 62 w 882"/>
                  <a:gd name="T93" fmla="*/ 225 h 769"/>
                  <a:gd name="T94" fmla="*/ 61 w 882"/>
                  <a:gd name="T95" fmla="*/ 220 h 769"/>
                  <a:gd name="T96" fmla="*/ 67 w 882"/>
                  <a:gd name="T97" fmla="*/ 217 h 769"/>
                  <a:gd name="T98" fmla="*/ 71 w 882"/>
                  <a:gd name="T99" fmla="*/ 213 h 769"/>
                  <a:gd name="T100" fmla="*/ 90 w 882"/>
                  <a:gd name="T101" fmla="*/ 224 h 769"/>
                  <a:gd name="T102" fmla="*/ 127 w 882"/>
                  <a:gd name="T103" fmla="*/ 250 h 769"/>
                  <a:gd name="T104" fmla="*/ 148 w 882"/>
                  <a:gd name="T105" fmla="*/ 248 h 769"/>
                  <a:gd name="T106" fmla="*/ 164 w 882"/>
                  <a:gd name="T107" fmla="*/ 229 h 769"/>
                  <a:gd name="T108" fmla="*/ 164 w 882"/>
                  <a:gd name="T109" fmla="*/ 215 h 769"/>
                  <a:gd name="T110" fmla="*/ 162 w 882"/>
                  <a:gd name="T111" fmla="*/ 204 h 769"/>
                  <a:gd name="T112" fmla="*/ 170 w 882"/>
                  <a:gd name="T113" fmla="*/ 188 h 769"/>
                  <a:gd name="T114" fmla="*/ 192 w 882"/>
                  <a:gd name="T115" fmla="*/ 166 h 769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882" h="769">
                    <a:moveTo>
                      <a:pt x="582" y="488"/>
                    </a:moveTo>
                    <a:lnTo>
                      <a:pt x="586" y="483"/>
                    </a:lnTo>
                    <a:lnTo>
                      <a:pt x="590" y="478"/>
                    </a:lnTo>
                    <a:lnTo>
                      <a:pt x="594" y="474"/>
                    </a:lnTo>
                    <a:lnTo>
                      <a:pt x="598" y="470"/>
                    </a:lnTo>
                    <a:lnTo>
                      <a:pt x="609" y="464"/>
                    </a:lnTo>
                    <a:lnTo>
                      <a:pt x="619" y="458"/>
                    </a:lnTo>
                    <a:lnTo>
                      <a:pt x="632" y="455"/>
                    </a:lnTo>
                    <a:lnTo>
                      <a:pt x="646" y="452"/>
                    </a:lnTo>
                    <a:lnTo>
                      <a:pt x="659" y="451"/>
                    </a:lnTo>
                    <a:lnTo>
                      <a:pt x="673" y="451"/>
                    </a:lnTo>
                    <a:lnTo>
                      <a:pt x="688" y="451"/>
                    </a:lnTo>
                    <a:lnTo>
                      <a:pt x="703" y="452"/>
                    </a:lnTo>
                    <a:lnTo>
                      <a:pt x="718" y="454"/>
                    </a:lnTo>
                    <a:lnTo>
                      <a:pt x="733" y="456"/>
                    </a:lnTo>
                    <a:lnTo>
                      <a:pt x="762" y="463"/>
                    </a:lnTo>
                    <a:lnTo>
                      <a:pt x="789" y="469"/>
                    </a:lnTo>
                    <a:lnTo>
                      <a:pt x="787" y="456"/>
                    </a:lnTo>
                    <a:lnTo>
                      <a:pt x="788" y="445"/>
                    </a:lnTo>
                    <a:lnTo>
                      <a:pt x="789" y="441"/>
                    </a:lnTo>
                    <a:lnTo>
                      <a:pt x="791" y="436"/>
                    </a:lnTo>
                    <a:lnTo>
                      <a:pt x="793" y="432"/>
                    </a:lnTo>
                    <a:lnTo>
                      <a:pt x="795" y="429"/>
                    </a:lnTo>
                    <a:lnTo>
                      <a:pt x="798" y="426"/>
                    </a:lnTo>
                    <a:lnTo>
                      <a:pt x="802" y="424"/>
                    </a:lnTo>
                    <a:lnTo>
                      <a:pt x="807" y="423"/>
                    </a:lnTo>
                    <a:lnTo>
                      <a:pt x="811" y="422"/>
                    </a:lnTo>
                    <a:lnTo>
                      <a:pt x="822" y="421"/>
                    </a:lnTo>
                    <a:lnTo>
                      <a:pt x="835" y="423"/>
                    </a:lnTo>
                    <a:lnTo>
                      <a:pt x="832" y="415"/>
                    </a:lnTo>
                    <a:lnTo>
                      <a:pt x="830" y="410"/>
                    </a:lnTo>
                    <a:lnTo>
                      <a:pt x="829" y="404"/>
                    </a:lnTo>
                    <a:lnTo>
                      <a:pt x="828" y="398"/>
                    </a:lnTo>
                    <a:lnTo>
                      <a:pt x="829" y="394"/>
                    </a:lnTo>
                    <a:lnTo>
                      <a:pt x="830" y="390"/>
                    </a:lnTo>
                    <a:lnTo>
                      <a:pt x="831" y="386"/>
                    </a:lnTo>
                    <a:lnTo>
                      <a:pt x="834" y="383"/>
                    </a:lnTo>
                    <a:lnTo>
                      <a:pt x="836" y="381"/>
                    </a:lnTo>
                    <a:lnTo>
                      <a:pt x="840" y="378"/>
                    </a:lnTo>
                    <a:lnTo>
                      <a:pt x="845" y="377"/>
                    </a:lnTo>
                    <a:lnTo>
                      <a:pt x="849" y="377"/>
                    </a:lnTo>
                    <a:lnTo>
                      <a:pt x="854" y="378"/>
                    </a:lnTo>
                    <a:lnTo>
                      <a:pt x="860" y="379"/>
                    </a:lnTo>
                    <a:lnTo>
                      <a:pt x="867" y="382"/>
                    </a:lnTo>
                    <a:lnTo>
                      <a:pt x="873" y="385"/>
                    </a:lnTo>
                    <a:lnTo>
                      <a:pt x="871" y="371"/>
                    </a:lnTo>
                    <a:lnTo>
                      <a:pt x="872" y="361"/>
                    </a:lnTo>
                    <a:lnTo>
                      <a:pt x="874" y="351"/>
                    </a:lnTo>
                    <a:lnTo>
                      <a:pt x="877" y="342"/>
                    </a:lnTo>
                    <a:lnTo>
                      <a:pt x="879" y="333"/>
                    </a:lnTo>
                    <a:lnTo>
                      <a:pt x="881" y="324"/>
                    </a:lnTo>
                    <a:lnTo>
                      <a:pt x="882" y="313"/>
                    </a:lnTo>
                    <a:lnTo>
                      <a:pt x="882" y="301"/>
                    </a:lnTo>
                    <a:lnTo>
                      <a:pt x="851" y="297"/>
                    </a:lnTo>
                    <a:lnTo>
                      <a:pt x="820" y="293"/>
                    </a:lnTo>
                    <a:lnTo>
                      <a:pt x="806" y="291"/>
                    </a:lnTo>
                    <a:lnTo>
                      <a:pt x="792" y="288"/>
                    </a:lnTo>
                    <a:lnTo>
                      <a:pt x="777" y="285"/>
                    </a:lnTo>
                    <a:lnTo>
                      <a:pt x="765" y="280"/>
                    </a:lnTo>
                    <a:lnTo>
                      <a:pt x="752" y="275"/>
                    </a:lnTo>
                    <a:lnTo>
                      <a:pt x="739" y="269"/>
                    </a:lnTo>
                    <a:lnTo>
                      <a:pt x="729" y="263"/>
                    </a:lnTo>
                    <a:lnTo>
                      <a:pt x="718" y="254"/>
                    </a:lnTo>
                    <a:lnTo>
                      <a:pt x="709" y="245"/>
                    </a:lnTo>
                    <a:lnTo>
                      <a:pt x="699" y="233"/>
                    </a:lnTo>
                    <a:lnTo>
                      <a:pt x="692" y="220"/>
                    </a:lnTo>
                    <a:lnTo>
                      <a:pt x="686" y="207"/>
                    </a:lnTo>
                    <a:lnTo>
                      <a:pt x="694" y="209"/>
                    </a:lnTo>
                    <a:lnTo>
                      <a:pt x="701" y="209"/>
                    </a:lnTo>
                    <a:lnTo>
                      <a:pt x="709" y="209"/>
                    </a:lnTo>
                    <a:lnTo>
                      <a:pt x="714" y="207"/>
                    </a:lnTo>
                    <a:lnTo>
                      <a:pt x="718" y="205"/>
                    </a:lnTo>
                    <a:lnTo>
                      <a:pt x="722" y="202"/>
                    </a:lnTo>
                    <a:lnTo>
                      <a:pt x="727" y="198"/>
                    </a:lnTo>
                    <a:lnTo>
                      <a:pt x="730" y="195"/>
                    </a:lnTo>
                    <a:lnTo>
                      <a:pt x="737" y="188"/>
                    </a:lnTo>
                    <a:lnTo>
                      <a:pt x="745" y="182"/>
                    </a:lnTo>
                    <a:lnTo>
                      <a:pt x="750" y="179"/>
                    </a:lnTo>
                    <a:lnTo>
                      <a:pt x="755" y="178"/>
                    </a:lnTo>
                    <a:lnTo>
                      <a:pt x="762" y="178"/>
                    </a:lnTo>
                    <a:lnTo>
                      <a:pt x="770" y="178"/>
                    </a:lnTo>
                    <a:lnTo>
                      <a:pt x="771" y="163"/>
                    </a:lnTo>
                    <a:lnTo>
                      <a:pt x="772" y="148"/>
                    </a:lnTo>
                    <a:lnTo>
                      <a:pt x="774" y="134"/>
                    </a:lnTo>
                    <a:lnTo>
                      <a:pt x="777" y="121"/>
                    </a:lnTo>
                    <a:lnTo>
                      <a:pt x="781" y="110"/>
                    </a:lnTo>
                    <a:lnTo>
                      <a:pt x="788" y="98"/>
                    </a:lnTo>
                    <a:lnTo>
                      <a:pt x="796" y="88"/>
                    </a:lnTo>
                    <a:lnTo>
                      <a:pt x="808" y="76"/>
                    </a:lnTo>
                    <a:lnTo>
                      <a:pt x="797" y="52"/>
                    </a:lnTo>
                    <a:lnTo>
                      <a:pt x="791" y="34"/>
                    </a:lnTo>
                    <a:lnTo>
                      <a:pt x="787" y="26"/>
                    </a:lnTo>
                    <a:lnTo>
                      <a:pt x="780" y="17"/>
                    </a:lnTo>
                    <a:lnTo>
                      <a:pt x="772" y="10"/>
                    </a:lnTo>
                    <a:lnTo>
                      <a:pt x="760" y="0"/>
                    </a:lnTo>
                    <a:lnTo>
                      <a:pt x="751" y="11"/>
                    </a:lnTo>
                    <a:lnTo>
                      <a:pt x="739" y="19"/>
                    </a:lnTo>
                    <a:lnTo>
                      <a:pt x="728" y="28"/>
                    </a:lnTo>
                    <a:lnTo>
                      <a:pt x="714" y="34"/>
                    </a:lnTo>
                    <a:lnTo>
                      <a:pt x="700" y="39"/>
                    </a:lnTo>
                    <a:lnTo>
                      <a:pt x="686" y="45"/>
                    </a:lnTo>
                    <a:lnTo>
                      <a:pt x="670" y="49"/>
                    </a:lnTo>
                    <a:lnTo>
                      <a:pt x="653" y="53"/>
                    </a:lnTo>
                    <a:lnTo>
                      <a:pt x="619" y="59"/>
                    </a:lnTo>
                    <a:lnTo>
                      <a:pt x="586" y="65"/>
                    </a:lnTo>
                    <a:lnTo>
                      <a:pt x="551" y="70"/>
                    </a:lnTo>
                    <a:lnTo>
                      <a:pt x="517" y="76"/>
                    </a:lnTo>
                    <a:lnTo>
                      <a:pt x="514" y="72"/>
                    </a:lnTo>
                    <a:lnTo>
                      <a:pt x="512" y="67"/>
                    </a:lnTo>
                    <a:lnTo>
                      <a:pt x="510" y="61"/>
                    </a:lnTo>
                    <a:lnTo>
                      <a:pt x="509" y="56"/>
                    </a:lnTo>
                    <a:lnTo>
                      <a:pt x="508" y="51"/>
                    </a:lnTo>
                    <a:lnTo>
                      <a:pt x="507" y="44"/>
                    </a:lnTo>
                    <a:lnTo>
                      <a:pt x="507" y="37"/>
                    </a:lnTo>
                    <a:lnTo>
                      <a:pt x="508" y="29"/>
                    </a:lnTo>
                    <a:lnTo>
                      <a:pt x="469" y="36"/>
                    </a:lnTo>
                    <a:lnTo>
                      <a:pt x="430" y="45"/>
                    </a:lnTo>
                    <a:lnTo>
                      <a:pt x="412" y="50"/>
                    </a:lnTo>
                    <a:lnTo>
                      <a:pt x="395" y="56"/>
                    </a:lnTo>
                    <a:lnTo>
                      <a:pt x="388" y="60"/>
                    </a:lnTo>
                    <a:lnTo>
                      <a:pt x="380" y="65"/>
                    </a:lnTo>
                    <a:lnTo>
                      <a:pt x="373" y="70"/>
                    </a:lnTo>
                    <a:lnTo>
                      <a:pt x="368" y="76"/>
                    </a:lnTo>
                    <a:lnTo>
                      <a:pt x="365" y="85"/>
                    </a:lnTo>
                    <a:lnTo>
                      <a:pt x="365" y="91"/>
                    </a:lnTo>
                    <a:lnTo>
                      <a:pt x="368" y="96"/>
                    </a:lnTo>
                    <a:lnTo>
                      <a:pt x="371" y="100"/>
                    </a:lnTo>
                    <a:lnTo>
                      <a:pt x="373" y="105"/>
                    </a:lnTo>
                    <a:lnTo>
                      <a:pt x="376" y="110"/>
                    </a:lnTo>
                    <a:lnTo>
                      <a:pt x="377" y="115"/>
                    </a:lnTo>
                    <a:lnTo>
                      <a:pt x="377" y="123"/>
                    </a:lnTo>
                    <a:lnTo>
                      <a:pt x="355" y="123"/>
                    </a:lnTo>
                    <a:lnTo>
                      <a:pt x="335" y="125"/>
                    </a:lnTo>
                    <a:lnTo>
                      <a:pt x="317" y="128"/>
                    </a:lnTo>
                    <a:lnTo>
                      <a:pt x="301" y="133"/>
                    </a:lnTo>
                    <a:lnTo>
                      <a:pt x="285" y="138"/>
                    </a:lnTo>
                    <a:lnTo>
                      <a:pt x="271" y="144"/>
                    </a:lnTo>
                    <a:lnTo>
                      <a:pt x="257" y="151"/>
                    </a:lnTo>
                    <a:lnTo>
                      <a:pt x="243" y="157"/>
                    </a:lnTo>
                    <a:lnTo>
                      <a:pt x="217" y="172"/>
                    </a:lnTo>
                    <a:lnTo>
                      <a:pt x="187" y="187"/>
                    </a:lnTo>
                    <a:lnTo>
                      <a:pt x="172" y="193"/>
                    </a:lnTo>
                    <a:lnTo>
                      <a:pt x="155" y="198"/>
                    </a:lnTo>
                    <a:lnTo>
                      <a:pt x="135" y="203"/>
                    </a:lnTo>
                    <a:lnTo>
                      <a:pt x="115" y="207"/>
                    </a:lnTo>
                    <a:lnTo>
                      <a:pt x="112" y="218"/>
                    </a:lnTo>
                    <a:lnTo>
                      <a:pt x="111" y="228"/>
                    </a:lnTo>
                    <a:lnTo>
                      <a:pt x="111" y="236"/>
                    </a:lnTo>
                    <a:lnTo>
                      <a:pt x="112" y="245"/>
                    </a:lnTo>
                    <a:lnTo>
                      <a:pt x="114" y="251"/>
                    </a:lnTo>
                    <a:lnTo>
                      <a:pt x="116" y="258"/>
                    </a:lnTo>
                    <a:lnTo>
                      <a:pt x="119" y="264"/>
                    </a:lnTo>
                    <a:lnTo>
                      <a:pt x="122" y="270"/>
                    </a:lnTo>
                    <a:lnTo>
                      <a:pt x="129" y="280"/>
                    </a:lnTo>
                    <a:lnTo>
                      <a:pt x="135" y="291"/>
                    </a:lnTo>
                    <a:lnTo>
                      <a:pt x="138" y="297"/>
                    </a:lnTo>
                    <a:lnTo>
                      <a:pt x="140" y="304"/>
                    </a:lnTo>
                    <a:lnTo>
                      <a:pt x="141" y="311"/>
                    </a:lnTo>
                    <a:lnTo>
                      <a:pt x="142" y="319"/>
                    </a:lnTo>
                    <a:lnTo>
                      <a:pt x="153" y="319"/>
                    </a:lnTo>
                    <a:lnTo>
                      <a:pt x="161" y="318"/>
                    </a:lnTo>
                    <a:lnTo>
                      <a:pt x="167" y="316"/>
                    </a:lnTo>
                    <a:lnTo>
                      <a:pt x="174" y="314"/>
                    </a:lnTo>
                    <a:lnTo>
                      <a:pt x="176" y="313"/>
                    </a:lnTo>
                    <a:lnTo>
                      <a:pt x="178" y="313"/>
                    </a:lnTo>
                    <a:lnTo>
                      <a:pt x="180" y="313"/>
                    </a:lnTo>
                    <a:lnTo>
                      <a:pt x="182" y="314"/>
                    </a:lnTo>
                    <a:lnTo>
                      <a:pt x="184" y="316"/>
                    </a:lnTo>
                    <a:lnTo>
                      <a:pt x="186" y="319"/>
                    </a:lnTo>
                    <a:lnTo>
                      <a:pt x="187" y="324"/>
                    </a:lnTo>
                    <a:lnTo>
                      <a:pt x="190" y="329"/>
                    </a:lnTo>
                    <a:lnTo>
                      <a:pt x="186" y="341"/>
                    </a:lnTo>
                    <a:lnTo>
                      <a:pt x="182" y="352"/>
                    </a:lnTo>
                    <a:lnTo>
                      <a:pt x="178" y="363"/>
                    </a:lnTo>
                    <a:lnTo>
                      <a:pt x="173" y="373"/>
                    </a:lnTo>
                    <a:lnTo>
                      <a:pt x="167" y="383"/>
                    </a:lnTo>
                    <a:lnTo>
                      <a:pt x="161" y="391"/>
                    </a:lnTo>
                    <a:lnTo>
                      <a:pt x="154" y="401"/>
                    </a:lnTo>
                    <a:lnTo>
                      <a:pt x="147" y="408"/>
                    </a:lnTo>
                    <a:lnTo>
                      <a:pt x="117" y="438"/>
                    </a:lnTo>
                    <a:lnTo>
                      <a:pt x="86" y="469"/>
                    </a:lnTo>
                    <a:lnTo>
                      <a:pt x="87" y="476"/>
                    </a:lnTo>
                    <a:lnTo>
                      <a:pt x="88" y="483"/>
                    </a:lnTo>
                    <a:lnTo>
                      <a:pt x="92" y="490"/>
                    </a:lnTo>
                    <a:lnTo>
                      <a:pt x="95" y="496"/>
                    </a:lnTo>
                    <a:lnTo>
                      <a:pt x="104" y="510"/>
                    </a:lnTo>
                    <a:lnTo>
                      <a:pt x="115" y="524"/>
                    </a:lnTo>
                    <a:lnTo>
                      <a:pt x="125" y="538"/>
                    </a:lnTo>
                    <a:lnTo>
                      <a:pt x="136" y="554"/>
                    </a:lnTo>
                    <a:lnTo>
                      <a:pt x="141" y="563"/>
                    </a:lnTo>
                    <a:lnTo>
                      <a:pt x="145" y="572"/>
                    </a:lnTo>
                    <a:lnTo>
                      <a:pt x="149" y="581"/>
                    </a:lnTo>
                    <a:lnTo>
                      <a:pt x="152" y="591"/>
                    </a:lnTo>
                    <a:lnTo>
                      <a:pt x="126" y="597"/>
                    </a:lnTo>
                    <a:lnTo>
                      <a:pt x="99" y="606"/>
                    </a:lnTo>
                    <a:lnTo>
                      <a:pt x="85" y="611"/>
                    </a:lnTo>
                    <a:lnTo>
                      <a:pt x="72" y="616"/>
                    </a:lnTo>
                    <a:lnTo>
                      <a:pt x="59" y="622"/>
                    </a:lnTo>
                    <a:lnTo>
                      <a:pt x="46" y="628"/>
                    </a:lnTo>
                    <a:lnTo>
                      <a:pt x="36" y="635"/>
                    </a:lnTo>
                    <a:lnTo>
                      <a:pt x="25" y="643"/>
                    </a:lnTo>
                    <a:lnTo>
                      <a:pt x="17" y="651"/>
                    </a:lnTo>
                    <a:lnTo>
                      <a:pt x="10" y="660"/>
                    </a:lnTo>
                    <a:lnTo>
                      <a:pt x="6" y="665"/>
                    </a:lnTo>
                    <a:lnTo>
                      <a:pt x="4" y="669"/>
                    </a:lnTo>
                    <a:lnTo>
                      <a:pt x="2" y="674"/>
                    </a:lnTo>
                    <a:lnTo>
                      <a:pt x="1" y="680"/>
                    </a:lnTo>
                    <a:lnTo>
                      <a:pt x="0" y="685"/>
                    </a:lnTo>
                    <a:lnTo>
                      <a:pt x="0" y="691"/>
                    </a:lnTo>
                    <a:lnTo>
                      <a:pt x="1" y="697"/>
                    </a:lnTo>
                    <a:lnTo>
                      <a:pt x="2" y="703"/>
                    </a:lnTo>
                    <a:lnTo>
                      <a:pt x="10" y="696"/>
                    </a:lnTo>
                    <a:lnTo>
                      <a:pt x="18" y="691"/>
                    </a:lnTo>
                    <a:lnTo>
                      <a:pt x="26" y="685"/>
                    </a:lnTo>
                    <a:lnTo>
                      <a:pt x="36" y="681"/>
                    </a:lnTo>
                    <a:lnTo>
                      <a:pt x="45" y="676"/>
                    </a:lnTo>
                    <a:lnTo>
                      <a:pt x="55" y="672"/>
                    </a:lnTo>
                    <a:lnTo>
                      <a:pt x="65" y="669"/>
                    </a:lnTo>
                    <a:lnTo>
                      <a:pt x="77" y="666"/>
                    </a:lnTo>
                    <a:lnTo>
                      <a:pt x="94" y="677"/>
                    </a:lnTo>
                    <a:lnTo>
                      <a:pt x="111" y="687"/>
                    </a:lnTo>
                    <a:lnTo>
                      <a:pt x="129" y="695"/>
                    </a:lnTo>
                    <a:lnTo>
                      <a:pt x="145" y="703"/>
                    </a:lnTo>
                    <a:lnTo>
                      <a:pt x="179" y="713"/>
                    </a:lnTo>
                    <a:lnTo>
                      <a:pt x="209" y="722"/>
                    </a:lnTo>
                    <a:lnTo>
                      <a:pt x="210" y="714"/>
                    </a:lnTo>
                    <a:lnTo>
                      <a:pt x="210" y="708"/>
                    </a:lnTo>
                    <a:lnTo>
                      <a:pt x="210" y="703"/>
                    </a:lnTo>
                    <a:lnTo>
                      <a:pt x="209" y="697"/>
                    </a:lnTo>
                    <a:lnTo>
                      <a:pt x="206" y="694"/>
                    </a:lnTo>
                    <a:lnTo>
                      <a:pt x="204" y="690"/>
                    </a:lnTo>
                    <a:lnTo>
                      <a:pt x="202" y="687"/>
                    </a:lnTo>
                    <a:lnTo>
                      <a:pt x="199" y="684"/>
                    </a:lnTo>
                    <a:lnTo>
                      <a:pt x="193" y="679"/>
                    </a:lnTo>
                    <a:lnTo>
                      <a:pt x="187" y="672"/>
                    </a:lnTo>
                    <a:lnTo>
                      <a:pt x="184" y="669"/>
                    </a:lnTo>
                    <a:lnTo>
                      <a:pt x="182" y="666"/>
                    </a:lnTo>
                    <a:lnTo>
                      <a:pt x="181" y="662"/>
                    </a:lnTo>
                    <a:lnTo>
                      <a:pt x="180" y="656"/>
                    </a:lnTo>
                    <a:lnTo>
                      <a:pt x="184" y="657"/>
                    </a:lnTo>
                    <a:lnTo>
                      <a:pt x="189" y="657"/>
                    </a:lnTo>
                    <a:lnTo>
                      <a:pt x="192" y="657"/>
                    </a:lnTo>
                    <a:lnTo>
                      <a:pt x="194" y="656"/>
                    </a:lnTo>
                    <a:lnTo>
                      <a:pt x="198" y="653"/>
                    </a:lnTo>
                    <a:lnTo>
                      <a:pt x="201" y="649"/>
                    </a:lnTo>
                    <a:lnTo>
                      <a:pt x="204" y="646"/>
                    </a:lnTo>
                    <a:lnTo>
                      <a:pt x="207" y="642"/>
                    </a:lnTo>
                    <a:lnTo>
                      <a:pt x="210" y="640"/>
                    </a:lnTo>
                    <a:lnTo>
                      <a:pt x="212" y="639"/>
                    </a:lnTo>
                    <a:lnTo>
                      <a:pt x="214" y="637"/>
                    </a:lnTo>
                    <a:lnTo>
                      <a:pt x="217" y="637"/>
                    </a:lnTo>
                    <a:lnTo>
                      <a:pt x="231" y="645"/>
                    </a:lnTo>
                    <a:lnTo>
                      <a:pt x="244" y="653"/>
                    </a:lnTo>
                    <a:lnTo>
                      <a:pt x="257" y="661"/>
                    </a:lnTo>
                    <a:lnTo>
                      <a:pt x="270" y="670"/>
                    </a:lnTo>
                    <a:lnTo>
                      <a:pt x="294" y="688"/>
                    </a:lnTo>
                    <a:lnTo>
                      <a:pt x="318" y="706"/>
                    </a:lnTo>
                    <a:lnTo>
                      <a:pt x="342" y="724"/>
                    </a:lnTo>
                    <a:lnTo>
                      <a:pt x="368" y="741"/>
                    </a:lnTo>
                    <a:lnTo>
                      <a:pt x="380" y="748"/>
                    </a:lnTo>
                    <a:lnTo>
                      <a:pt x="394" y="755"/>
                    </a:lnTo>
                    <a:lnTo>
                      <a:pt x="409" y="763"/>
                    </a:lnTo>
                    <a:lnTo>
                      <a:pt x="423" y="769"/>
                    </a:lnTo>
                    <a:lnTo>
                      <a:pt x="433" y="755"/>
                    </a:lnTo>
                    <a:lnTo>
                      <a:pt x="444" y="743"/>
                    </a:lnTo>
                    <a:lnTo>
                      <a:pt x="455" y="730"/>
                    </a:lnTo>
                    <a:lnTo>
                      <a:pt x="467" y="719"/>
                    </a:lnTo>
                    <a:lnTo>
                      <a:pt x="477" y="706"/>
                    </a:lnTo>
                    <a:lnTo>
                      <a:pt x="487" y="691"/>
                    </a:lnTo>
                    <a:lnTo>
                      <a:pt x="491" y="684"/>
                    </a:lnTo>
                    <a:lnTo>
                      <a:pt x="494" y="675"/>
                    </a:lnTo>
                    <a:lnTo>
                      <a:pt x="496" y="666"/>
                    </a:lnTo>
                    <a:lnTo>
                      <a:pt x="498" y="656"/>
                    </a:lnTo>
                    <a:lnTo>
                      <a:pt x="494" y="649"/>
                    </a:lnTo>
                    <a:lnTo>
                      <a:pt x="491" y="643"/>
                    </a:lnTo>
                    <a:lnTo>
                      <a:pt x="488" y="636"/>
                    </a:lnTo>
                    <a:lnTo>
                      <a:pt x="487" y="630"/>
                    </a:lnTo>
                    <a:lnTo>
                      <a:pt x="485" y="624"/>
                    </a:lnTo>
                    <a:lnTo>
                      <a:pt x="484" y="617"/>
                    </a:lnTo>
                    <a:lnTo>
                      <a:pt x="485" y="611"/>
                    </a:lnTo>
                    <a:lnTo>
                      <a:pt x="487" y="606"/>
                    </a:lnTo>
                    <a:lnTo>
                      <a:pt x="490" y="594"/>
                    </a:lnTo>
                    <a:lnTo>
                      <a:pt x="495" y="584"/>
                    </a:lnTo>
                    <a:lnTo>
                      <a:pt x="502" y="573"/>
                    </a:lnTo>
                    <a:lnTo>
                      <a:pt x="511" y="563"/>
                    </a:lnTo>
                    <a:lnTo>
                      <a:pt x="530" y="543"/>
                    </a:lnTo>
                    <a:lnTo>
                      <a:pt x="550" y="524"/>
                    </a:lnTo>
                    <a:lnTo>
                      <a:pt x="559" y="515"/>
                    </a:lnTo>
                    <a:lnTo>
                      <a:pt x="569" y="506"/>
                    </a:lnTo>
                    <a:lnTo>
                      <a:pt x="576" y="496"/>
                    </a:lnTo>
                    <a:lnTo>
                      <a:pt x="582" y="488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74" name="Faaborg-Midtfyn"/>
              <p:cNvSpPr>
                <a:spLocks/>
              </p:cNvSpPr>
              <p:nvPr/>
            </p:nvSpPr>
            <p:spPr bwMode="auto">
              <a:xfrm>
                <a:off x="2035175" y="5676900"/>
                <a:ext cx="39688" cy="53975"/>
              </a:xfrm>
              <a:custGeom>
                <a:avLst/>
                <a:gdLst>
                  <a:gd name="T0" fmla="*/ 0 w 75"/>
                  <a:gd name="T1" fmla="*/ 29 h 100"/>
                  <a:gd name="T2" fmla="*/ 8 w 75"/>
                  <a:gd name="T3" fmla="*/ 32 h 100"/>
                  <a:gd name="T4" fmla="*/ 15 w 75"/>
                  <a:gd name="T5" fmla="*/ 34 h 100"/>
                  <a:gd name="T6" fmla="*/ 17 w 75"/>
                  <a:gd name="T7" fmla="*/ 34 h 100"/>
                  <a:gd name="T8" fmla="*/ 18 w 75"/>
                  <a:gd name="T9" fmla="*/ 34 h 100"/>
                  <a:gd name="T10" fmla="*/ 20 w 75"/>
                  <a:gd name="T11" fmla="*/ 34 h 100"/>
                  <a:gd name="T12" fmla="*/ 21 w 75"/>
                  <a:gd name="T13" fmla="*/ 33 h 100"/>
                  <a:gd name="T14" fmla="*/ 22 w 75"/>
                  <a:gd name="T15" fmla="*/ 32 h 100"/>
                  <a:gd name="T16" fmla="*/ 23 w 75"/>
                  <a:gd name="T17" fmla="*/ 30 h 100"/>
                  <a:gd name="T18" fmla="*/ 24 w 75"/>
                  <a:gd name="T19" fmla="*/ 29 h 100"/>
                  <a:gd name="T20" fmla="*/ 25 w 75"/>
                  <a:gd name="T21" fmla="*/ 26 h 100"/>
                  <a:gd name="T22" fmla="*/ 23 w 75"/>
                  <a:gd name="T23" fmla="*/ 25 h 100"/>
                  <a:gd name="T24" fmla="*/ 21 w 75"/>
                  <a:gd name="T25" fmla="*/ 23 h 100"/>
                  <a:gd name="T26" fmla="*/ 20 w 75"/>
                  <a:gd name="T27" fmla="*/ 22 h 100"/>
                  <a:gd name="T28" fmla="*/ 18 w 75"/>
                  <a:gd name="T29" fmla="*/ 20 h 100"/>
                  <a:gd name="T30" fmla="*/ 15 w 75"/>
                  <a:gd name="T31" fmla="*/ 15 h 100"/>
                  <a:gd name="T32" fmla="*/ 12 w 75"/>
                  <a:gd name="T33" fmla="*/ 10 h 100"/>
                  <a:gd name="T34" fmla="*/ 9 w 75"/>
                  <a:gd name="T35" fmla="*/ 6 h 100"/>
                  <a:gd name="T36" fmla="*/ 6 w 75"/>
                  <a:gd name="T37" fmla="*/ 2 h 100"/>
                  <a:gd name="T38" fmla="*/ 5 w 75"/>
                  <a:gd name="T39" fmla="*/ 1 h 100"/>
                  <a:gd name="T40" fmla="*/ 3 w 75"/>
                  <a:gd name="T41" fmla="*/ 0 h 100"/>
                  <a:gd name="T42" fmla="*/ 1 w 75"/>
                  <a:gd name="T43" fmla="*/ 0 h 100"/>
                  <a:gd name="T44" fmla="*/ 0 w 75"/>
                  <a:gd name="T45" fmla="*/ 1 h 100"/>
                  <a:gd name="T46" fmla="*/ 2 w 75"/>
                  <a:gd name="T47" fmla="*/ 2 h 100"/>
                  <a:gd name="T48" fmla="*/ 4 w 75"/>
                  <a:gd name="T49" fmla="*/ 3 h 100"/>
                  <a:gd name="T50" fmla="*/ 5 w 75"/>
                  <a:gd name="T51" fmla="*/ 5 h 100"/>
                  <a:gd name="T52" fmla="*/ 5 w 75"/>
                  <a:gd name="T53" fmla="*/ 7 h 100"/>
                  <a:gd name="T54" fmla="*/ 6 w 75"/>
                  <a:gd name="T55" fmla="*/ 8 h 100"/>
                  <a:gd name="T56" fmla="*/ 6 w 75"/>
                  <a:gd name="T57" fmla="*/ 10 h 100"/>
                  <a:gd name="T58" fmla="*/ 6 w 75"/>
                  <a:gd name="T59" fmla="*/ 12 h 100"/>
                  <a:gd name="T60" fmla="*/ 5 w 75"/>
                  <a:gd name="T61" fmla="*/ 14 h 100"/>
                  <a:gd name="T62" fmla="*/ 3 w 75"/>
                  <a:gd name="T63" fmla="*/ 21 h 100"/>
                  <a:gd name="T64" fmla="*/ 0 w 75"/>
                  <a:gd name="T65" fmla="*/ 29 h 100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75" h="100">
                    <a:moveTo>
                      <a:pt x="0" y="86"/>
                    </a:moveTo>
                    <a:lnTo>
                      <a:pt x="24" y="94"/>
                    </a:lnTo>
                    <a:lnTo>
                      <a:pt x="45" y="99"/>
                    </a:lnTo>
                    <a:lnTo>
                      <a:pt x="51" y="100"/>
                    </a:lnTo>
                    <a:lnTo>
                      <a:pt x="55" y="100"/>
                    </a:lnTo>
                    <a:lnTo>
                      <a:pt x="59" y="99"/>
                    </a:lnTo>
                    <a:lnTo>
                      <a:pt x="62" y="97"/>
                    </a:lnTo>
                    <a:lnTo>
                      <a:pt x="66" y="94"/>
                    </a:lnTo>
                    <a:lnTo>
                      <a:pt x="70" y="89"/>
                    </a:lnTo>
                    <a:lnTo>
                      <a:pt x="72" y="84"/>
                    </a:lnTo>
                    <a:lnTo>
                      <a:pt x="75" y="77"/>
                    </a:lnTo>
                    <a:lnTo>
                      <a:pt x="70" y="74"/>
                    </a:lnTo>
                    <a:lnTo>
                      <a:pt x="63" y="69"/>
                    </a:lnTo>
                    <a:lnTo>
                      <a:pt x="59" y="64"/>
                    </a:lnTo>
                    <a:lnTo>
                      <a:pt x="54" y="58"/>
                    </a:lnTo>
                    <a:lnTo>
                      <a:pt x="44" y="44"/>
                    </a:lnTo>
                    <a:lnTo>
                      <a:pt x="36" y="29"/>
                    </a:lnTo>
                    <a:lnTo>
                      <a:pt x="26" y="17"/>
                    </a:lnTo>
                    <a:lnTo>
                      <a:pt x="18" y="6"/>
                    </a:lnTo>
                    <a:lnTo>
                      <a:pt x="14" y="3"/>
                    </a:lnTo>
                    <a:lnTo>
                      <a:pt x="10" y="1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5" y="6"/>
                    </a:lnTo>
                    <a:lnTo>
                      <a:pt x="11" y="10"/>
                    </a:lnTo>
                    <a:lnTo>
                      <a:pt x="14" y="15"/>
                    </a:lnTo>
                    <a:lnTo>
                      <a:pt x="16" y="20"/>
                    </a:lnTo>
                    <a:lnTo>
                      <a:pt x="17" y="24"/>
                    </a:lnTo>
                    <a:lnTo>
                      <a:pt x="17" y="29"/>
                    </a:lnTo>
                    <a:lnTo>
                      <a:pt x="17" y="35"/>
                    </a:lnTo>
                    <a:lnTo>
                      <a:pt x="16" y="41"/>
                    </a:lnTo>
                    <a:lnTo>
                      <a:pt x="8" y="63"/>
                    </a:lnTo>
                    <a:lnTo>
                      <a:pt x="0" y="86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75" name="Faaborg-Midtfyn kant"/>
              <p:cNvSpPr>
                <a:spLocks/>
              </p:cNvSpPr>
              <p:nvPr/>
            </p:nvSpPr>
            <p:spPr bwMode="auto">
              <a:xfrm>
                <a:off x="2035175" y="5676900"/>
                <a:ext cx="39688" cy="53975"/>
              </a:xfrm>
              <a:custGeom>
                <a:avLst/>
                <a:gdLst>
                  <a:gd name="T0" fmla="*/ 0 w 75"/>
                  <a:gd name="T1" fmla="*/ 1 h 100"/>
                  <a:gd name="T2" fmla="*/ 1 w 75"/>
                  <a:gd name="T3" fmla="*/ 0 h 100"/>
                  <a:gd name="T4" fmla="*/ 3 w 75"/>
                  <a:gd name="T5" fmla="*/ 0 h 100"/>
                  <a:gd name="T6" fmla="*/ 5 w 75"/>
                  <a:gd name="T7" fmla="*/ 1 h 100"/>
                  <a:gd name="T8" fmla="*/ 6 w 75"/>
                  <a:gd name="T9" fmla="*/ 2 h 100"/>
                  <a:gd name="T10" fmla="*/ 9 w 75"/>
                  <a:gd name="T11" fmla="*/ 6 h 100"/>
                  <a:gd name="T12" fmla="*/ 12 w 75"/>
                  <a:gd name="T13" fmla="*/ 10 h 100"/>
                  <a:gd name="T14" fmla="*/ 15 w 75"/>
                  <a:gd name="T15" fmla="*/ 15 h 100"/>
                  <a:gd name="T16" fmla="*/ 18 w 75"/>
                  <a:gd name="T17" fmla="*/ 20 h 100"/>
                  <a:gd name="T18" fmla="*/ 20 w 75"/>
                  <a:gd name="T19" fmla="*/ 22 h 100"/>
                  <a:gd name="T20" fmla="*/ 21 w 75"/>
                  <a:gd name="T21" fmla="*/ 23 h 100"/>
                  <a:gd name="T22" fmla="*/ 23 w 75"/>
                  <a:gd name="T23" fmla="*/ 25 h 100"/>
                  <a:gd name="T24" fmla="*/ 25 w 75"/>
                  <a:gd name="T25" fmla="*/ 26 h 100"/>
                  <a:gd name="T26" fmla="*/ 24 w 75"/>
                  <a:gd name="T27" fmla="*/ 29 h 100"/>
                  <a:gd name="T28" fmla="*/ 23 w 75"/>
                  <a:gd name="T29" fmla="*/ 30 h 100"/>
                  <a:gd name="T30" fmla="*/ 22 w 75"/>
                  <a:gd name="T31" fmla="*/ 32 h 100"/>
                  <a:gd name="T32" fmla="*/ 21 w 75"/>
                  <a:gd name="T33" fmla="*/ 33 h 100"/>
                  <a:gd name="T34" fmla="*/ 20 w 75"/>
                  <a:gd name="T35" fmla="*/ 34 h 100"/>
                  <a:gd name="T36" fmla="*/ 18 w 75"/>
                  <a:gd name="T37" fmla="*/ 34 h 100"/>
                  <a:gd name="T38" fmla="*/ 17 w 75"/>
                  <a:gd name="T39" fmla="*/ 34 h 100"/>
                  <a:gd name="T40" fmla="*/ 15 w 75"/>
                  <a:gd name="T41" fmla="*/ 34 h 100"/>
                  <a:gd name="T42" fmla="*/ 8 w 75"/>
                  <a:gd name="T43" fmla="*/ 32 h 100"/>
                  <a:gd name="T44" fmla="*/ 0 w 75"/>
                  <a:gd name="T45" fmla="*/ 29 h 100"/>
                  <a:gd name="T46" fmla="*/ 3 w 75"/>
                  <a:gd name="T47" fmla="*/ 21 h 100"/>
                  <a:gd name="T48" fmla="*/ 5 w 75"/>
                  <a:gd name="T49" fmla="*/ 14 h 100"/>
                  <a:gd name="T50" fmla="*/ 6 w 75"/>
                  <a:gd name="T51" fmla="*/ 12 h 100"/>
                  <a:gd name="T52" fmla="*/ 6 w 75"/>
                  <a:gd name="T53" fmla="*/ 10 h 100"/>
                  <a:gd name="T54" fmla="*/ 6 w 75"/>
                  <a:gd name="T55" fmla="*/ 8 h 100"/>
                  <a:gd name="T56" fmla="*/ 5 w 75"/>
                  <a:gd name="T57" fmla="*/ 7 h 100"/>
                  <a:gd name="T58" fmla="*/ 5 w 75"/>
                  <a:gd name="T59" fmla="*/ 5 h 100"/>
                  <a:gd name="T60" fmla="*/ 4 w 75"/>
                  <a:gd name="T61" fmla="*/ 3 h 100"/>
                  <a:gd name="T62" fmla="*/ 2 w 75"/>
                  <a:gd name="T63" fmla="*/ 2 h 100"/>
                  <a:gd name="T64" fmla="*/ 0 w 75"/>
                  <a:gd name="T65" fmla="*/ 1 h 100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75" h="100">
                    <a:moveTo>
                      <a:pt x="0" y="2"/>
                    </a:moveTo>
                    <a:lnTo>
                      <a:pt x="4" y="0"/>
                    </a:lnTo>
                    <a:lnTo>
                      <a:pt x="10" y="1"/>
                    </a:lnTo>
                    <a:lnTo>
                      <a:pt x="14" y="3"/>
                    </a:lnTo>
                    <a:lnTo>
                      <a:pt x="18" y="6"/>
                    </a:lnTo>
                    <a:lnTo>
                      <a:pt x="26" y="17"/>
                    </a:lnTo>
                    <a:lnTo>
                      <a:pt x="36" y="29"/>
                    </a:lnTo>
                    <a:lnTo>
                      <a:pt x="44" y="44"/>
                    </a:lnTo>
                    <a:lnTo>
                      <a:pt x="54" y="58"/>
                    </a:lnTo>
                    <a:lnTo>
                      <a:pt x="59" y="64"/>
                    </a:lnTo>
                    <a:lnTo>
                      <a:pt x="63" y="69"/>
                    </a:lnTo>
                    <a:lnTo>
                      <a:pt x="70" y="74"/>
                    </a:lnTo>
                    <a:lnTo>
                      <a:pt x="75" y="77"/>
                    </a:lnTo>
                    <a:lnTo>
                      <a:pt x="72" y="84"/>
                    </a:lnTo>
                    <a:lnTo>
                      <a:pt x="70" y="89"/>
                    </a:lnTo>
                    <a:lnTo>
                      <a:pt x="66" y="94"/>
                    </a:lnTo>
                    <a:lnTo>
                      <a:pt x="62" y="97"/>
                    </a:lnTo>
                    <a:lnTo>
                      <a:pt x="59" y="99"/>
                    </a:lnTo>
                    <a:lnTo>
                      <a:pt x="55" y="100"/>
                    </a:lnTo>
                    <a:lnTo>
                      <a:pt x="51" y="100"/>
                    </a:lnTo>
                    <a:lnTo>
                      <a:pt x="45" y="99"/>
                    </a:lnTo>
                    <a:lnTo>
                      <a:pt x="24" y="94"/>
                    </a:lnTo>
                    <a:lnTo>
                      <a:pt x="0" y="86"/>
                    </a:lnTo>
                    <a:lnTo>
                      <a:pt x="8" y="63"/>
                    </a:lnTo>
                    <a:lnTo>
                      <a:pt x="16" y="41"/>
                    </a:lnTo>
                    <a:lnTo>
                      <a:pt x="17" y="35"/>
                    </a:lnTo>
                    <a:lnTo>
                      <a:pt x="17" y="29"/>
                    </a:lnTo>
                    <a:lnTo>
                      <a:pt x="17" y="24"/>
                    </a:lnTo>
                    <a:lnTo>
                      <a:pt x="16" y="20"/>
                    </a:lnTo>
                    <a:lnTo>
                      <a:pt x="14" y="15"/>
                    </a:lnTo>
                    <a:lnTo>
                      <a:pt x="11" y="10"/>
                    </a:lnTo>
                    <a:lnTo>
                      <a:pt x="5" y="6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059" name="Ærø"/>
            <p:cNvGrpSpPr/>
            <p:nvPr/>
          </p:nvGrpSpPr>
          <p:grpSpPr>
            <a:xfrm>
              <a:off x="2259013" y="5995988"/>
              <a:ext cx="222250" cy="177800"/>
              <a:chOff x="2259013" y="5995988"/>
              <a:chExt cx="222250" cy="177800"/>
            </a:xfrm>
            <a:grpFill/>
          </p:grpSpPr>
          <p:sp>
            <p:nvSpPr>
              <p:cNvPr id="1060" name="Ærø"/>
              <p:cNvSpPr>
                <a:spLocks/>
              </p:cNvSpPr>
              <p:nvPr/>
            </p:nvSpPr>
            <p:spPr bwMode="auto">
              <a:xfrm>
                <a:off x="2259013" y="5995988"/>
                <a:ext cx="222250" cy="163513"/>
              </a:xfrm>
              <a:custGeom>
                <a:avLst/>
                <a:gdLst>
                  <a:gd name="T0" fmla="*/ 89 w 422"/>
                  <a:gd name="T1" fmla="*/ 88 h 309"/>
                  <a:gd name="T2" fmla="*/ 82 w 422"/>
                  <a:gd name="T3" fmla="*/ 87 h 309"/>
                  <a:gd name="T4" fmla="*/ 76 w 422"/>
                  <a:gd name="T5" fmla="*/ 83 h 309"/>
                  <a:gd name="T6" fmla="*/ 73 w 422"/>
                  <a:gd name="T7" fmla="*/ 83 h 309"/>
                  <a:gd name="T8" fmla="*/ 73 w 422"/>
                  <a:gd name="T9" fmla="*/ 88 h 309"/>
                  <a:gd name="T10" fmla="*/ 78 w 422"/>
                  <a:gd name="T11" fmla="*/ 93 h 309"/>
                  <a:gd name="T12" fmla="*/ 88 w 422"/>
                  <a:gd name="T13" fmla="*/ 98 h 309"/>
                  <a:gd name="T14" fmla="*/ 92 w 422"/>
                  <a:gd name="T15" fmla="*/ 102 h 309"/>
                  <a:gd name="T16" fmla="*/ 97 w 422"/>
                  <a:gd name="T17" fmla="*/ 99 h 309"/>
                  <a:gd name="T18" fmla="*/ 99 w 422"/>
                  <a:gd name="T19" fmla="*/ 92 h 309"/>
                  <a:gd name="T20" fmla="*/ 102 w 422"/>
                  <a:gd name="T21" fmla="*/ 81 h 309"/>
                  <a:gd name="T22" fmla="*/ 104 w 422"/>
                  <a:gd name="T23" fmla="*/ 76 h 309"/>
                  <a:gd name="T24" fmla="*/ 114 w 422"/>
                  <a:gd name="T25" fmla="*/ 77 h 309"/>
                  <a:gd name="T26" fmla="*/ 125 w 422"/>
                  <a:gd name="T27" fmla="*/ 81 h 309"/>
                  <a:gd name="T28" fmla="*/ 134 w 422"/>
                  <a:gd name="T29" fmla="*/ 82 h 309"/>
                  <a:gd name="T30" fmla="*/ 139 w 422"/>
                  <a:gd name="T31" fmla="*/ 78 h 309"/>
                  <a:gd name="T32" fmla="*/ 135 w 422"/>
                  <a:gd name="T33" fmla="*/ 70 h 309"/>
                  <a:gd name="T34" fmla="*/ 130 w 422"/>
                  <a:gd name="T35" fmla="*/ 64 h 309"/>
                  <a:gd name="T36" fmla="*/ 126 w 422"/>
                  <a:gd name="T37" fmla="*/ 65 h 309"/>
                  <a:gd name="T38" fmla="*/ 120 w 422"/>
                  <a:gd name="T39" fmla="*/ 66 h 309"/>
                  <a:gd name="T40" fmla="*/ 112 w 422"/>
                  <a:gd name="T41" fmla="*/ 65 h 309"/>
                  <a:gd name="T42" fmla="*/ 107 w 422"/>
                  <a:gd name="T43" fmla="*/ 66 h 309"/>
                  <a:gd name="T44" fmla="*/ 103 w 422"/>
                  <a:gd name="T45" fmla="*/ 72 h 309"/>
                  <a:gd name="T46" fmla="*/ 97 w 422"/>
                  <a:gd name="T47" fmla="*/ 67 h 309"/>
                  <a:gd name="T48" fmla="*/ 90 w 422"/>
                  <a:gd name="T49" fmla="*/ 58 h 309"/>
                  <a:gd name="T50" fmla="*/ 83 w 422"/>
                  <a:gd name="T51" fmla="*/ 48 h 309"/>
                  <a:gd name="T52" fmla="*/ 78 w 422"/>
                  <a:gd name="T53" fmla="*/ 44 h 309"/>
                  <a:gd name="T54" fmla="*/ 75 w 422"/>
                  <a:gd name="T55" fmla="*/ 45 h 309"/>
                  <a:gd name="T56" fmla="*/ 73 w 422"/>
                  <a:gd name="T57" fmla="*/ 50 h 309"/>
                  <a:gd name="T58" fmla="*/ 70 w 422"/>
                  <a:gd name="T59" fmla="*/ 53 h 309"/>
                  <a:gd name="T60" fmla="*/ 65 w 422"/>
                  <a:gd name="T61" fmla="*/ 53 h 309"/>
                  <a:gd name="T62" fmla="*/ 53 w 422"/>
                  <a:gd name="T63" fmla="*/ 44 h 309"/>
                  <a:gd name="T64" fmla="*/ 36 w 422"/>
                  <a:gd name="T65" fmla="*/ 23 h 309"/>
                  <a:gd name="T66" fmla="*/ 25 w 422"/>
                  <a:gd name="T67" fmla="*/ 12 h 309"/>
                  <a:gd name="T68" fmla="*/ 12 w 422"/>
                  <a:gd name="T69" fmla="*/ 3 h 309"/>
                  <a:gd name="T70" fmla="*/ 3 w 422"/>
                  <a:gd name="T71" fmla="*/ 1 h 309"/>
                  <a:gd name="T72" fmla="*/ 2 w 422"/>
                  <a:gd name="T73" fmla="*/ 8 h 309"/>
                  <a:gd name="T74" fmla="*/ 6 w 422"/>
                  <a:gd name="T75" fmla="*/ 18 h 309"/>
                  <a:gd name="T76" fmla="*/ 11 w 422"/>
                  <a:gd name="T77" fmla="*/ 26 h 309"/>
                  <a:gd name="T78" fmla="*/ 25 w 422"/>
                  <a:gd name="T79" fmla="*/ 41 h 309"/>
                  <a:gd name="T80" fmla="*/ 50 w 422"/>
                  <a:gd name="T81" fmla="*/ 62 h 309"/>
                  <a:gd name="T82" fmla="*/ 61 w 422"/>
                  <a:gd name="T83" fmla="*/ 75 h 309"/>
                  <a:gd name="T84" fmla="*/ 65 w 422"/>
                  <a:gd name="T85" fmla="*/ 84 h 309"/>
                  <a:gd name="T86" fmla="*/ 68 w 422"/>
                  <a:gd name="T87" fmla="*/ 77 h 309"/>
                  <a:gd name="T88" fmla="*/ 75 w 422"/>
                  <a:gd name="T89" fmla="*/ 72 h 309"/>
                  <a:gd name="T90" fmla="*/ 82 w 422"/>
                  <a:gd name="T91" fmla="*/ 69 h 309"/>
                  <a:gd name="T92" fmla="*/ 87 w 422"/>
                  <a:gd name="T93" fmla="*/ 70 h 309"/>
                  <a:gd name="T94" fmla="*/ 88 w 422"/>
                  <a:gd name="T95" fmla="*/ 72 h 309"/>
                  <a:gd name="T96" fmla="*/ 84 w 422"/>
                  <a:gd name="T97" fmla="*/ 78 h 309"/>
                  <a:gd name="T98" fmla="*/ 87 w 422"/>
                  <a:gd name="T99" fmla="*/ 78 h 309"/>
                  <a:gd name="T100" fmla="*/ 93 w 422"/>
                  <a:gd name="T101" fmla="*/ 75 h 309"/>
                  <a:gd name="T102" fmla="*/ 98 w 422"/>
                  <a:gd name="T103" fmla="*/ 75 h 309"/>
                  <a:gd name="T104" fmla="*/ 99 w 422"/>
                  <a:gd name="T105" fmla="*/ 78 h 309"/>
                  <a:gd name="T106" fmla="*/ 97 w 422"/>
                  <a:gd name="T107" fmla="*/ 79 h 309"/>
                  <a:gd name="T108" fmla="*/ 96 w 422"/>
                  <a:gd name="T109" fmla="*/ 83 h 309"/>
                  <a:gd name="T110" fmla="*/ 95 w 422"/>
                  <a:gd name="T111" fmla="*/ 86 h 309"/>
                  <a:gd name="T112" fmla="*/ 94 w 422"/>
                  <a:gd name="T113" fmla="*/ 87 h 30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422" h="309">
                    <a:moveTo>
                      <a:pt x="282" y="262"/>
                    </a:moveTo>
                    <a:lnTo>
                      <a:pt x="273" y="264"/>
                    </a:lnTo>
                    <a:lnTo>
                      <a:pt x="267" y="265"/>
                    </a:lnTo>
                    <a:lnTo>
                      <a:pt x="260" y="265"/>
                    </a:lnTo>
                    <a:lnTo>
                      <a:pt x="255" y="264"/>
                    </a:lnTo>
                    <a:lnTo>
                      <a:pt x="247" y="261"/>
                    </a:lnTo>
                    <a:lnTo>
                      <a:pt x="239" y="256"/>
                    </a:lnTo>
                    <a:lnTo>
                      <a:pt x="234" y="251"/>
                    </a:lnTo>
                    <a:lnTo>
                      <a:pt x="228" y="248"/>
                    </a:lnTo>
                    <a:lnTo>
                      <a:pt x="226" y="248"/>
                    </a:lnTo>
                    <a:lnTo>
                      <a:pt x="223" y="249"/>
                    </a:lnTo>
                    <a:lnTo>
                      <a:pt x="219" y="250"/>
                    </a:lnTo>
                    <a:lnTo>
                      <a:pt x="215" y="253"/>
                    </a:lnTo>
                    <a:lnTo>
                      <a:pt x="217" y="259"/>
                    </a:lnTo>
                    <a:lnTo>
                      <a:pt x="220" y="263"/>
                    </a:lnTo>
                    <a:lnTo>
                      <a:pt x="224" y="269"/>
                    </a:lnTo>
                    <a:lnTo>
                      <a:pt x="227" y="272"/>
                    </a:lnTo>
                    <a:lnTo>
                      <a:pt x="235" y="279"/>
                    </a:lnTo>
                    <a:lnTo>
                      <a:pt x="245" y="284"/>
                    </a:lnTo>
                    <a:lnTo>
                      <a:pt x="255" y="290"/>
                    </a:lnTo>
                    <a:lnTo>
                      <a:pt x="265" y="295"/>
                    </a:lnTo>
                    <a:lnTo>
                      <a:pt x="270" y="298"/>
                    </a:lnTo>
                    <a:lnTo>
                      <a:pt x="274" y="301"/>
                    </a:lnTo>
                    <a:lnTo>
                      <a:pt x="277" y="305"/>
                    </a:lnTo>
                    <a:lnTo>
                      <a:pt x="282" y="309"/>
                    </a:lnTo>
                    <a:lnTo>
                      <a:pt x="287" y="303"/>
                    </a:lnTo>
                    <a:lnTo>
                      <a:pt x="291" y="298"/>
                    </a:lnTo>
                    <a:lnTo>
                      <a:pt x="294" y="293"/>
                    </a:lnTo>
                    <a:lnTo>
                      <a:pt x="296" y="287"/>
                    </a:lnTo>
                    <a:lnTo>
                      <a:pt x="299" y="275"/>
                    </a:lnTo>
                    <a:lnTo>
                      <a:pt x="302" y="264"/>
                    </a:lnTo>
                    <a:lnTo>
                      <a:pt x="303" y="253"/>
                    </a:lnTo>
                    <a:lnTo>
                      <a:pt x="306" y="242"/>
                    </a:lnTo>
                    <a:lnTo>
                      <a:pt x="308" y="237"/>
                    </a:lnTo>
                    <a:lnTo>
                      <a:pt x="310" y="233"/>
                    </a:lnTo>
                    <a:lnTo>
                      <a:pt x="314" y="229"/>
                    </a:lnTo>
                    <a:lnTo>
                      <a:pt x="318" y="224"/>
                    </a:lnTo>
                    <a:lnTo>
                      <a:pt x="332" y="226"/>
                    </a:lnTo>
                    <a:lnTo>
                      <a:pt x="344" y="231"/>
                    </a:lnTo>
                    <a:lnTo>
                      <a:pt x="354" y="235"/>
                    </a:lnTo>
                    <a:lnTo>
                      <a:pt x="365" y="239"/>
                    </a:lnTo>
                    <a:lnTo>
                      <a:pt x="376" y="243"/>
                    </a:lnTo>
                    <a:lnTo>
                      <a:pt x="389" y="245"/>
                    </a:lnTo>
                    <a:lnTo>
                      <a:pt x="396" y="246"/>
                    </a:lnTo>
                    <a:lnTo>
                      <a:pt x="404" y="246"/>
                    </a:lnTo>
                    <a:lnTo>
                      <a:pt x="412" y="245"/>
                    </a:lnTo>
                    <a:lnTo>
                      <a:pt x="422" y="243"/>
                    </a:lnTo>
                    <a:lnTo>
                      <a:pt x="419" y="234"/>
                    </a:lnTo>
                    <a:lnTo>
                      <a:pt x="416" y="225"/>
                    </a:lnTo>
                    <a:lnTo>
                      <a:pt x="412" y="218"/>
                    </a:lnTo>
                    <a:lnTo>
                      <a:pt x="408" y="211"/>
                    </a:lnTo>
                    <a:lnTo>
                      <a:pt x="403" y="204"/>
                    </a:lnTo>
                    <a:lnTo>
                      <a:pt x="397" y="198"/>
                    </a:lnTo>
                    <a:lnTo>
                      <a:pt x="391" y="193"/>
                    </a:lnTo>
                    <a:lnTo>
                      <a:pt x="384" y="188"/>
                    </a:lnTo>
                    <a:lnTo>
                      <a:pt x="383" y="193"/>
                    </a:lnTo>
                    <a:lnTo>
                      <a:pt x="379" y="196"/>
                    </a:lnTo>
                    <a:lnTo>
                      <a:pt x="375" y="198"/>
                    </a:lnTo>
                    <a:lnTo>
                      <a:pt x="371" y="199"/>
                    </a:lnTo>
                    <a:lnTo>
                      <a:pt x="362" y="198"/>
                    </a:lnTo>
                    <a:lnTo>
                      <a:pt x="350" y="196"/>
                    </a:lnTo>
                    <a:lnTo>
                      <a:pt x="345" y="196"/>
                    </a:lnTo>
                    <a:lnTo>
                      <a:pt x="338" y="195"/>
                    </a:lnTo>
                    <a:lnTo>
                      <a:pt x="333" y="195"/>
                    </a:lnTo>
                    <a:lnTo>
                      <a:pt x="327" y="196"/>
                    </a:lnTo>
                    <a:lnTo>
                      <a:pt x="323" y="198"/>
                    </a:lnTo>
                    <a:lnTo>
                      <a:pt x="317" y="202"/>
                    </a:lnTo>
                    <a:lnTo>
                      <a:pt x="313" y="208"/>
                    </a:lnTo>
                    <a:lnTo>
                      <a:pt x="309" y="216"/>
                    </a:lnTo>
                    <a:lnTo>
                      <a:pt x="303" y="212"/>
                    </a:lnTo>
                    <a:lnTo>
                      <a:pt x="297" y="208"/>
                    </a:lnTo>
                    <a:lnTo>
                      <a:pt x="292" y="202"/>
                    </a:lnTo>
                    <a:lnTo>
                      <a:pt x="288" y="197"/>
                    </a:lnTo>
                    <a:lnTo>
                      <a:pt x="279" y="185"/>
                    </a:lnTo>
                    <a:lnTo>
                      <a:pt x="272" y="174"/>
                    </a:lnTo>
                    <a:lnTo>
                      <a:pt x="264" y="161"/>
                    </a:lnTo>
                    <a:lnTo>
                      <a:pt x="255" y="150"/>
                    </a:lnTo>
                    <a:lnTo>
                      <a:pt x="251" y="144"/>
                    </a:lnTo>
                    <a:lnTo>
                      <a:pt x="246" y="139"/>
                    </a:lnTo>
                    <a:lnTo>
                      <a:pt x="240" y="135"/>
                    </a:lnTo>
                    <a:lnTo>
                      <a:pt x="234" y="131"/>
                    </a:lnTo>
                    <a:lnTo>
                      <a:pt x="231" y="132"/>
                    </a:lnTo>
                    <a:lnTo>
                      <a:pt x="229" y="134"/>
                    </a:lnTo>
                    <a:lnTo>
                      <a:pt x="227" y="136"/>
                    </a:lnTo>
                    <a:lnTo>
                      <a:pt x="225" y="138"/>
                    </a:lnTo>
                    <a:lnTo>
                      <a:pt x="223" y="144"/>
                    </a:lnTo>
                    <a:lnTo>
                      <a:pt x="220" y="150"/>
                    </a:lnTo>
                    <a:lnTo>
                      <a:pt x="217" y="155"/>
                    </a:lnTo>
                    <a:lnTo>
                      <a:pt x="213" y="159"/>
                    </a:lnTo>
                    <a:lnTo>
                      <a:pt x="210" y="160"/>
                    </a:lnTo>
                    <a:lnTo>
                      <a:pt x="207" y="160"/>
                    </a:lnTo>
                    <a:lnTo>
                      <a:pt x="203" y="160"/>
                    </a:lnTo>
                    <a:lnTo>
                      <a:pt x="197" y="159"/>
                    </a:lnTo>
                    <a:lnTo>
                      <a:pt x="184" y="151"/>
                    </a:lnTo>
                    <a:lnTo>
                      <a:pt x="171" y="141"/>
                    </a:lnTo>
                    <a:lnTo>
                      <a:pt x="159" y="131"/>
                    </a:lnTo>
                    <a:lnTo>
                      <a:pt x="149" y="119"/>
                    </a:lnTo>
                    <a:lnTo>
                      <a:pt x="128" y="95"/>
                    </a:lnTo>
                    <a:lnTo>
                      <a:pt x="109" y="70"/>
                    </a:lnTo>
                    <a:lnTo>
                      <a:pt x="98" y="58"/>
                    </a:lnTo>
                    <a:lnTo>
                      <a:pt x="87" y="46"/>
                    </a:lnTo>
                    <a:lnTo>
                      <a:pt x="76" y="36"/>
                    </a:lnTo>
                    <a:lnTo>
                      <a:pt x="64" y="26"/>
                    </a:lnTo>
                    <a:lnTo>
                      <a:pt x="50" y="17"/>
                    </a:lnTo>
                    <a:lnTo>
                      <a:pt x="35" y="10"/>
                    </a:lnTo>
                    <a:lnTo>
                      <a:pt x="27" y="6"/>
                    </a:lnTo>
                    <a:lnTo>
                      <a:pt x="18" y="4"/>
                    </a:lnTo>
                    <a:lnTo>
                      <a:pt x="10" y="2"/>
                    </a:lnTo>
                    <a:lnTo>
                      <a:pt x="0" y="0"/>
                    </a:lnTo>
                    <a:lnTo>
                      <a:pt x="2" y="12"/>
                    </a:lnTo>
                    <a:lnTo>
                      <a:pt x="6" y="23"/>
                    </a:lnTo>
                    <a:lnTo>
                      <a:pt x="9" y="34"/>
                    </a:lnTo>
                    <a:lnTo>
                      <a:pt x="13" y="43"/>
                    </a:lnTo>
                    <a:lnTo>
                      <a:pt x="17" y="53"/>
                    </a:lnTo>
                    <a:lnTo>
                      <a:pt x="22" y="62"/>
                    </a:lnTo>
                    <a:lnTo>
                      <a:pt x="28" y="71"/>
                    </a:lnTo>
                    <a:lnTo>
                      <a:pt x="34" y="79"/>
                    </a:lnTo>
                    <a:lnTo>
                      <a:pt x="47" y="95"/>
                    </a:lnTo>
                    <a:lnTo>
                      <a:pt x="60" y="109"/>
                    </a:lnTo>
                    <a:lnTo>
                      <a:pt x="75" y="122"/>
                    </a:lnTo>
                    <a:lnTo>
                      <a:pt x="90" y="135"/>
                    </a:lnTo>
                    <a:lnTo>
                      <a:pt x="120" y="160"/>
                    </a:lnTo>
                    <a:lnTo>
                      <a:pt x="151" y="186"/>
                    </a:lnTo>
                    <a:lnTo>
                      <a:pt x="165" y="201"/>
                    </a:lnTo>
                    <a:lnTo>
                      <a:pt x="176" y="217"/>
                    </a:lnTo>
                    <a:lnTo>
                      <a:pt x="183" y="225"/>
                    </a:lnTo>
                    <a:lnTo>
                      <a:pt x="188" y="234"/>
                    </a:lnTo>
                    <a:lnTo>
                      <a:pt x="192" y="243"/>
                    </a:lnTo>
                    <a:lnTo>
                      <a:pt x="197" y="253"/>
                    </a:lnTo>
                    <a:lnTo>
                      <a:pt x="197" y="245"/>
                    </a:lnTo>
                    <a:lnTo>
                      <a:pt x="200" y="239"/>
                    </a:lnTo>
                    <a:lnTo>
                      <a:pt x="205" y="232"/>
                    </a:lnTo>
                    <a:lnTo>
                      <a:pt x="211" y="226"/>
                    </a:lnTo>
                    <a:lnTo>
                      <a:pt x="217" y="220"/>
                    </a:lnTo>
                    <a:lnTo>
                      <a:pt x="226" y="216"/>
                    </a:lnTo>
                    <a:lnTo>
                      <a:pt x="233" y="212"/>
                    </a:lnTo>
                    <a:lnTo>
                      <a:pt x="240" y="209"/>
                    </a:lnTo>
                    <a:lnTo>
                      <a:pt x="248" y="206"/>
                    </a:lnTo>
                    <a:lnTo>
                      <a:pt x="254" y="205"/>
                    </a:lnTo>
                    <a:lnTo>
                      <a:pt x="259" y="206"/>
                    </a:lnTo>
                    <a:lnTo>
                      <a:pt x="263" y="209"/>
                    </a:lnTo>
                    <a:lnTo>
                      <a:pt x="264" y="210"/>
                    </a:lnTo>
                    <a:lnTo>
                      <a:pt x="264" y="212"/>
                    </a:lnTo>
                    <a:lnTo>
                      <a:pt x="264" y="215"/>
                    </a:lnTo>
                    <a:lnTo>
                      <a:pt x="263" y="217"/>
                    </a:lnTo>
                    <a:lnTo>
                      <a:pt x="259" y="224"/>
                    </a:lnTo>
                    <a:lnTo>
                      <a:pt x="253" y="234"/>
                    </a:lnTo>
                    <a:lnTo>
                      <a:pt x="256" y="235"/>
                    </a:lnTo>
                    <a:lnTo>
                      <a:pt x="259" y="235"/>
                    </a:lnTo>
                    <a:lnTo>
                      <a:pt x="263" y="234"/>
                    </a:lnTo>
                    <a:lnTo>
                      <a:pt x="267" y="233"/>
                    </a:lnTo>
                    <a:lnTo>
                      <a:pt x="273" y="230"/>
                    </a:lnTo>
                    <a:lnTo>
                      <a:pt x="279" y="226"/>
                    </a:lnTo>
                    <a:lnTo>
                      <a:pt x="286" y="223"/>
                    </a:lnTo>
                    <a:lnTo>
                      <a:pt x="292" y="223"/>
                    </a:lnTo>
                    <a:lnTo>
                      <a:pt x="294" y="224"/>
                    </a:lnTo>
                    <a:lnTo>
                      <a:pt x="296" y="226"/>
                    </a:lnTo>
                    <a:lnTo>
                      <a:pt x="298" y="230"/>
                    </a:lnTo>
                    <a:lnTo>
                      <a:pt x="299" y="234"/>
                    </a:lnTo>
                    <a:lnTo>
                      <a:pt x="297" y="235"/>
                    </a:lnTo>
                    <a:lnTo>
                      <a:pt x="295" y="235"/>
                    </a:lnTo>
                    <a:lnTo>
                      <a:pt x="293" y="237"/>
                    </a:lnTo>
                    <a:lnTo>
                      <a:pt x="292" y="238"/>
                    </a:lnTo>
                    <a:lnTo>
                      <a:pt x="291" y="242"/>
                    </a:lnTo>
                    <a:lnTo>
                      <a:pt x="290" y="248"/>
                    </a:lnTo>
                    <a:lnTo>
                      <a:pt x="289" y="253"/>
                    </a:lnTo>
                    <a:lnTo>
                      <a:pt x="288" y="257"/>
                    </a:lnTo>
                    <a:lnTo>
                      <a:pt x="287" y="259"/>
                    </a:lnTo>
                    <a:lnTo>
                      <a:pt x="285" y="260"/>
                    </a:lnTo>
                    <a:lnTo>
                      <a:pt x="284" y="261"/>
                    </a:lnTo>
                    <a:lnTo>
                      <a:pt x="282" y="262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61" name="Ærø"/>
              <p:cNvSpPr>
                <a:spLocks/>
              </p:cNvSpPr>
              <p:nvPr/>
            </p:nvSpPr>
            <p:spPr bwMode="auto">
              <a:xfrm>
                <a:off x="2349500" y="6143625"/>
                <a:ext cx="39688" cy="30163"/>
              </a:xfrm>
              <a:custGeom>
                <a:avLst/>
                <a:gdLst>
                  <a:gd name="T0" fmla="*/ 9 w 75"/>
                  <a:gd name="T1" fmla="*/ 8 h 57"/>
                  <a:gd name="T2" fmla="*/ 9 w 75"/>
                  <a:gd name="T3" fmla="*/ 5 h 57"/>
                  <a:gd name="T4" fmla="*/ 8 w 75"/>
                  <a:gd name="T5" fmla="*/ 3 h 57"/>
                  <a:gd name="T6" fmla="*/ 5 w 75"/>
                  <a:gd name="T7" fmla="*/ 1 h 57"/>
                  <a:gd name="T8" fmla="*/ 2 w 75"/>
                  <a:gd name="T9" fmla="*/ 1 h 57"/>
                  <a:gd name="T10" fmla="*/ 0 w 75"/>
                  <a:gd name="T11" fmla="*/ 1 h 57"/>
                  <a:gd name="T12" fmla="*/ 1 w 75"/>
                  <a:gd name="T13" fmla="*/ 3 h 57"/>
                  <a:gd name="T14" fmla="*/ 3 w 75"/>
                  <a:gd name="T15" fmla="*/ 4 h 57"/>
                  <a:gd name="T16" fmla="*/ 5 w 75"/>
                  <a:gd name="T17" fmla="*/ 5 h 57"/>
                  <a:gd name="T18" fmla="*/ 4 w 75"/>
                  <a:gd name="T19" fmla="*/ 8 h 57"/>
                  <a:gd name="T20" fmla="*/ 5 w 75"/>
                  <a:gd name="T21" fmla="*/ 10 h 57"/>
                  <a:gd name="T22" fmla="*/ 8 w 75"/>
                  <a:gd name="T23" fmla="*/ 10 h 57"/>
                  <a:gd name="T24" fmla="*/ 9 w 75"/>
                  <a:gd name="T25" fmla="*/ 12 h 57"/>
                  <a:gd name="T26" fmla="*/ 8 w 75"/>
                  <a:gd name="T27" fmla="*/ 13 h 57"/>
                  <a:gd name="T28" fmla="*/ 5 w 75"/>
                  <a:gd name="T29" fmla="*/ 16 h 57"/>
                  <a:gd name="T30" fmla="*/ 3 w 75"/>
                  <a:gd name="T31" fmla="*/ 18 h 57"/>
                  <a:gd name="T32" fmla="*/ 4 w 75"/>
                  <a:gd name="T33" fmla="*/ 19 h 57"/>
                  <a:gd name="T34" fmla="*/ 7 w 75"/>
                  <a:gd name="T35" fmla="*/ 19 h 57"/>
                  <a:gd name="T36" fmla="*/ 8 w 75"/>
                  <a:gd name="T37" fmla="*/ 19 h 57"/>
                  <a:gd name="T38" fmla="*/ 10 w 75"/>
                  <a:gd name="T39" fmla="*/ 17 h 57"/>
                  <a:gd name="T40" fmla="*/ 11 w 75"/>
                  <a:gd name="T41" fmla="*/ 13 h 57"/>
                  <a:gd name="T42" fmla="*/ 12 w 75"/>
                  <a:gd name="T43" fmla="*/ 11 h 57"/>
                  <a:gd name="T44" fmla="*/ 14 w 75"/>
                  <a:gd name="T45" fmla="*/ 10 h 57"/>
                  <a:gd name="T46" fmla="*/ 16 w 75"/>
                  <a:gd name="T47" fmla="*/ 11 h 57"/>
                  <a:gd name="T48" fmla="*/ 17 w 75"/>
                  <a:gd name="T49" fmla="*/ 12 h 57"/>
                  <a:gd name="T50" fmla="*/ 17 w 75"/>
                  <a:gd name="T51" fmla="*/ 14 h 57"/>
                  <a:gd name="T52" fmla="*/ 16 w 75"/>
                  <a:gd name="T53" fmla="*/ 17 h 57"/>
                  <a:gd name="T54" fmla="*/ 16 w 75"/>
                  <a:gd name="T55" fmla="*/ 18 h 57"/>
                  <a:gd name="T56" fmla="*/ 17 w 75"/>
                  <a:gd name="T57" fmla="*/ 19 h 57"/>
                  <a:gd name="T58" fmla="*/ 19 w 75"/>
                  <a:gd name="T59" fmla="*/ 17 h 57"/>
                  <a:gd name="T60" fmla="*/ 21 w 75"/>
                  <a:gd name="T61" fmla="*/ 14 h 57"/>
                  <a:gd name="T62" fmla="*/ 24 w 75"/>
                  <a:gd name="T63" fmla="*/ 11 h 57"/>
                  <a:gd name="T64" fmla="*/ 25 w 75"/>
                  <a:gd name="T65" fmla="*/ 8 h 57"/>
                  <a:gd name="T66" fmla="*/ 25 w 75"/>
                  <a:gd name="T67" fmla="*/ 5 h 57"/>
                  <a:gd name="T68" fmla="*/ 23 w 75"/>
                  <a:gd name="T69" fmla="*/ 3 h 57"/>
                  <a:gd name="T70" fmla="*/ 21 w 75"/>
                  <a:gd name="T71" fmla="*/ 2 h 57"/>
                  <a:gd name="T72" fmla="*/ 19 w 75"/>
                  <a:gd name="T73" fmla="*/ 1 h 57"/>
                  <a:gd name="T74" fmla="*/ 16 w 75"/>
                  <a:gd name="T75" fmla="*/ 0 h 57"/>
                  <a:gd name="T76" fmla="*/ 14 w 75"/>
                  <a:gd name="T77" fmla="*/ 3 h 57"/>
                  <a:gd name="T78" fmla="*/ 11 w 75"/>
                  <a:gd name="T79" fmla="*/ 8 h 57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0" t="0" r="r" b="b"/>
                <a:pathLst>
                  <a:path w="75" h="57">
                    <a:moveTo>
                      <a:pt x="26" y="29"/>
                    </a:moveTo>
                    <a:lnTo>
                      <a:pt x="28" y="24"/>
                    </a:lnTo>
                    <a:lnTo>
                      <a:pt x="28" y="19"/>
                    </a:lnTo>
                    <a:lnTo>
                      <a:pt x="27" y="15"/>
                    </a:lnTo>
                    <a:lnTo>
                      <a:pt x="25" y="12"/>
                    </a:lnTo>
                    <a:lnTo>
                      <a:pt x="23" y="9"/>
                    </a:lnTo>
                    <a:lnTo>
                      <a:pt x="19" y="7"/>
                    </a:lnTo>
                    <a:lnTo>
                      <a:pt x="16" y="4"/>
                    </a:lnTo>
                    <a:lnTo>
                      <a:pt x="12" y="3"/>
                    </a:lnTo>
                    <a:lnTo>
                      <a:pt x="5" y="2"/>
                    </a:lnTo>
                    <a:lnTo>
                      <a:pt x="0" y="3"/>
                    </a:lnTo>
                    <a:lnTo>
                      <a:pt x="0" y="4"/>
                    </a:lnTo>
                    <a:lnTo>
                      <a:pt x="1" y="5"/>
                    </a:lnTo>
                    <a:lnTo>
                      <a:pt x="3" y="8"/>
                    </a:lnTo>
                    <a:lnTo>
                      <a:pt x="7" y="11"/>
                    </a:lnTo>
                    <a:lnTo>
                      <a:pt x="10" y="12"/>
                    </a:lnTo>
                    <a:lnTo>
                      <a:pt x="13" y="13"/>
                    </a:lnTo>
                    <a:lnTo>
                      <a:pt x="14" y="15"/>
                    </a:lnTo>
                    <a:lnTo>
                      <a:pt x="14" y="17"/>
                    </a:lnTo>
                    <a:lnTo>
                      <a:pt x="12" y="23"/>
                    </a:lnTo>
                    <a:lnTo>
                      <a:pt x="7" y="29"/>
                    </a:lnTo>
                    <a:lnTo>
                      <a:pt x="16" y="30"/>
                    </a:lnTo>
                    <a:lnTo>
                      <a:pt x="21" y="30"/>
                    </a:lnTo>
                    <a:lnTo>
                      <a:pt x="25" y="31"/>
                    </a:lnTo>
                    <a:lnTo>
                      <a:pt x="26" y="33"/>
                    </a:lnTo>
                    <a:lnTo>
                      <a:pt x="27" y="35"/>
                    </a:lnTo>
                    <a:lnTo>
                      <a:pt x="25" y="37"/>
                    </a:lnTo>
                    <a:lnTo>
                      <a:pt x="23" y="40"/>
                    </a:lnTo>
                    <a:lnTo>
                      <a:pt x="21" y="42"/>
                    </a:lnTo>
                    <a:lnTo>
                      <a:pt x="15" y="48"/>
                    </a:lnTo>
                    <a:lnTo>
                      <a:pt x="10" y="53"/>
                    </a:lnTo>
                    <a:lnTo>
                      <a:pt x="9" y="55"/>
                    </a:lnTo>
                    <a:lnTo>
                      <a:pt x="10" y="56"/>
                    </a:lnTo>
                    <a:lnTo>
                      <a:pt x="13" y="57"/>
                    </a:lnTo>
                    <a:lnTo>
                      <a:pt x="17" y="57"/>
                    </a:lnTo>
                    <a:lnTo>
                      <a:pt x="20" y="57"/>
                    </a:lnTo>
                    <a:lnTo>
                      <a:pt x="23" y="57"/>
                    </a:lnTo>
                    <a:lnTo>
                      <a:pt x="25" y="56"/>
                    </a:lnTo>
                    <a:lnTo>
                      <a:pt x="27" y="54"/>
                    </a:lnTo>
                    <a:lnTo>
                      <a:pt x="30" y="50"/>
                    </a:lnTo>
                    <a:lnTo>
                      <a:pt x="32" y="44"/>
                    </a:lnTo>
                    <a:lnTo>
                      <a:pt x="34" y="39"/>
                    </a:lnTo>
                    <a:lnTo>
                      <a:pt x="36" y="34"/>
                    </a:lnTo>
                    <a:lnTo>
                      <a:pt x="37" y="33"/>
                    </a:lnTo>
                    <a:lnTo>
                      <a:pt x="39" y="31"/>
                    </a:lnTo>
                    <a:lnTo>
                      <a:pt x="42" y="30"/>
                    </a:lnTo>
                    <a:lnTo>
                      <a:pt x="44" y="29"/>
                    </a:lnTo>
                    <a:lnTo>
                      <a:pt x="48" y="32"/>
                    </a:lnTo>
                    <a:lnTo>
                      <a:pt x="50" y="34"/>
                    </a:lnTo>
                    <a:lnTo>
                      <a:pt x="52" y="36"/>
                    </a:lnTo>
                    <a:lnTo>
                      <a:pt x="52" y="38"/>
                    </a:lnTo>
                    <a:lnTo>
                      <a:pt x="52" y="42"/>
                    </a:lnTo>
                    <a:lnTo>
                      <a:pt x="49" y="47"/>
                    </a:lnTo>
                    <a:lnTo>
                      <a:pt x="47" y="50"/>
                    </a:lnTo>
                    <a:lnTo>
                      <a:pt x="46" y="53"/>
                    </a:lnTo>
                    <a:lnTo>
                      <a:pt x="47" y="54"/>
                    </a:lnTo>
                    <a:lnTo>
                      <a:pt x="48" y="55"/>
                    </a:lnTo>
                    <a:lnTo>
                      <a:pt x="50" y="56"/>
                    </a:lnTo>
                    <a:lnTo>
                      <a:pt x="54" y="57"/>
                    </a:lnTo>
                    <a:lnTo>
                      <a:pt x="56" y="52"/>
                    </a:lnTo>
                    <a:lnTo>
                      <a:pt x="60" y="47"/>
                    </a:lnTo>
                    <a:lnTo>
                      <a:pt x="64" y="42"/>
                    </a:lnTo>
                    <a:lnTo>
                      <a:pt x="67" y="38"/>
                    </a:lnTo>
                    <a:lnTo>
                      <a:pt x="72" y="34"/>
                    </a:lnTo>
                    <a:lnTo>
                      <a:pt x="74" y="28"/>
                    </a:lnTo>
                    <a:lnTo>
                      <a:pt x="75" y="24"/>
                    </a:lnTo>
                    <a:lnTo>
                      <a:pt x="75" y="20"/>
                    </a:lnTo>
                    <a:lnTo>
                      <a:pt x="74" y="16"/>
                    </a:lnTo>
                    <a:lnTo>
                      <a:pt x="73" y="11"/>
                    </a:lnTo>
                    <a:lnTo>
                      <a:pt x="68" y="10"/>
                    </a:lnTo>
                    <a:lnTo>
                      <a:pt x="65" y="9"/>
                    </a:lnTo>
                    <a:lnTo>
                      <a:pt x="62" y="7"/>
                    </a:lnTo>
                    <a:lnTo>
                      <a:pt x="60" y="4"/>
                    </a:lnTo>
                    <a:lnTo>
                      <a:pt x="57" y="2"/>
                    </a:lnTo>
                    <a:lnTo>
                      <a:pt x="54" y="1"/>
                    </a:lnTo>
                    <a:lnTo>
                      <a:pt x="49" y="0"/>
                    </a:lnTo>
                    <a:lnTo>
                      <a:pt x="44" y="1"/>
                    </a:lnTo>
                    <a:lnTo>
                      <a:pt x="41" y="9"/>
                    </a:lnTo>
                    <a:lnTo>
                      <a:pt x="37" y="17"/>
                    </a:lnTo>
                    <a:lnTo>
                      <a:pt x="32" y="23"/>
                    </a:lnTo>
                    <a:lnTo>
                      <a:pt x="26" y="29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62" name="Ærø"/>
              <p:cNvSpPr>
                <a:spLocks/>
              </p:cNvSpPr>
              <p:nvPr/>
            </p:nvSpPr>
            <p:spPr bwMode="auto">
              <a:xfrm>
                <a:off x="2349500" y="6143625"/>
                <a:ext cx="39688" cy="30163"/>
              </a:xfrm>
              <a:custGeom>
                <a:avLst/>
                <a:gdLst>
                  <a:gd name="T0" fmla="*/ 9 w 75"/>
                  <a:gd name="T1" fmla="*/ 8 h 57"/>
                  <a:gd name="T2" fmla="*/ 9 w 75"/>
                  <a:gd name="T3" fmla="*/ 5 h 57"/>
                  <a:gd name="T4" fmla="*/ 8 w 75"/>
                  <a:gd name="T5" fmla="*/ 3 h 57"/>
                  <a:gd name="T6" fmla="*/ 5 w 75"/>
                  <a:gd name="T7" fmla="*/ 1 h 57"/>
                  <a:gd name="T8" fmla="*/ 2 w 75"/>
                  <a:gd name="T9" fmla="*/ 1 h 57"/>
                  <a:gd name="T10" fmla="*/ 0 w 75"/>
                  <a:gd name="T11" fmla="*/ 1 h 57"/>
                  <a:gd name="T12" fmla="*/ 1 w 75"/>
                  <a:gd name="T13" fmla="*/ 3 h 57"/>
                  <a:gd name="T14" fmla="*/ 3 w 75"/>
                  <a:gd name="T15" fmla="*/ 4 h 57"/>
                  <a:gd name="T16" fmla="*/ 5 w 75"/>
                  <a:gd name="T17" fmla="*/ 5 h 57"/>
                  <a:gd name="T18" fmla="*/ 4 w 75"/>
                  <a:gd name="T19" fmla="*/ 8 h 57"/>
                  <a:gd name="T20" fmla="*/ 5 w 75"/>
                  <a:gd name="T21" fmla="*/ 10 h 57"/>
                  <a:gd name="T22" fmla="*/ 8 w 75"/>
                  <a:gd name="T23" fmla="*/ 10 h 57"/>
                  <a:gd name="T24" fmla="*/ 9 w 75"/>
                  <a:gd name="T25" fmla="*/ 12 h 57"/>
                  <a:gd name="T26" fmla="*/ 8 w 75"/>
                  <a:gd name="T27" fmla="*/ 13 h 57"/>
                  <a:gd name="T28" fmla="*/ 5 w 75"/>
                  <a:gd name="T29" fmla="*/ 16 h 57"/>
                  <a:gd name="T30" fmla="*/ 3 w 75"/>
                  <a:gd name="T31" fmla="*/ 18 h 57"/>
                  <a:gd name="T32" fmla="*/ 4 w 75"/>
                  <a:gd name="T33" fmla="*/ 19 h 57"/>
                  <a:gd name="T34" fmla="*/ 7 w 75"/>
                  <a:gd name="T35" fmla="*/ 19 h 57"/>
                  <a:gd name="T36" fmla="*/ 8 w 75"/>
                  <a:gd name="T37" fmla="*/ 19 h 57"/>
                  <a:gd name="T38" fmla="*/ 10 w 75"/>
                  <a:gd name="T39" fmla="*/ 17 h 57"/>
                  <a:gd name="T40" fmla="*/ 11 w 75"/>
                  <a:gd name="T41" fmla="*/ 13 h 57"/>
                  <a:gd name="T42" fmla="*/ 12 w 75"/>
                  <a:gd name="T43" fmla="*/ 11 h 57"/>
                  <a:gd name="T44" fmla="*/ 14 w 75"/>
                  <a:gd name="T45" fmla="*/ 10 h 57"/>
                  <a:gd name="T46" fmla="*/ 16 w 75"/>
                  <a:gd name="T47" fmla="*/ 11 h 57"/>
                  <a:gd name="T48" fmla="*/ 17 w 75"/>
                  <a:gd name="T49" fmla="*/ 12 h 57"/>
                  <a:gd name="T50" fmla="*/ 17 w 75"/>
                  <a:gd name="T51" fmla="*/ 14 h 57"/>
                  <a:gd name="T52" fmla="*/ 16 w 75"/>
                  <a:gd name="T53" fmla="*/ 17 h 57"/>
                  <a:gd name="T54" fmla="*/ 16 w 75"/>
                  <a:gd name="T55" fmla="*/ 18 h 57"/>
                  <a:gd name="T56" fmla="*/ 17 w 75"/>
                  <a:gd name="T57" fmla="*/ 19 h 57"/>
                  <a:gd name="T58" fmla="*/ 19 w 75"/>
                  <a:gd name="T59" fmla="*/ 17 h 57"/>
                  <a:gd name="T60" fmla="*/ 21 w 75"/>
                  <a:gd name="T61" fmla="*/ 14 h 57"/>
                  <a:gd name="T62" fmla="*/ 24 w 75"/>
                  <a:gd name="T63" fmla="*/ 11 h 57"/>
                  <a:gd name="T64" fmla="*/ 25 w 75"/>
                  <a:gd name="T65" fmla="*/ 8 h 57"/>
                  <a:gd name="T66" fmla="*/ 25 w 75"/>
                  <a:gd name="T67" fmla="*/ 5 h 57"/>
                  <a:gd name="T68" fmla="*/ 23 w 75"/>
                  <a:gd name="T69" fmla="*/ 3 h 57"/>
                  <a:gd name="T70" fmla="*/ 21 w 75"/>
                  <a:gd name="T71" fmla="*/ 2 h 57"/>
                  <a:gd name="T72" fmla="*/ 19 w 75"/>
                  <a:gd name="T73" fmla="*/ 1 h 57"/>
                  <a:gd name="T74" fmla="*/ 16 w 75"/>
                  <a:gd name="T75" fmla="*/ 0 h 57"/>
                  <a:gd name="T76" fmla="*/ 14 w 75"/>
                  <a:gd name="T77" fmla="*/ 3 h 57"/>
                  <a:gd name="T78" fmla="*/ 11 w 75"/>
                  <a:gd name="T79" fmla="*/ 8 h 57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0" t="0" r="r" b="b"/>
                <a:pathLst>
                  <a:path w="75" h="57">
                    <a:moveTo>
                      <a:pt x="26" y="29"/>
                    </a:moveTo>
                    <a:lnTo>
                      <a:pt x="28" y="24"/>
                    </a:lnTo>
                    <a:lnTo>
                      <a:pt x="28" y="19"/>
                    </a:lnTo>
                    <a:lnTo>
                      <a:pt x="27" y="15"/>
                    </a:lnTo>
                    <a:lnTo>
                      <a:pt x="25" y="12"/>
                    </a:lnTo>
                    <a:lnTo>
                      <a:pt x="23" y="9"/>
                    </a:lnTo>
                    <a:lnTo>
                      <a:pt x="19" y="7"/>
                    </a:lnTo>
                    <a:lnTo>
                      <a:pt x="16" y="4"/>
                    </a:lnTo>
                    <a:lnTo>
                      <a:pt x="12" y="3"/>
                    </a:lnTo>
                    <a:lnTo>
                      <a:pt x="5" y="2"/>
                    </a:lnTo>
                    <a:lnTo>
                      <a:pt x="0" y="3"/>
                    </a:lnTo>
                    <a:lnTo>
                      <a:pt x="0" y="4"/>
                    </a:lnTo>
                    <a:lnTo>
                      <a:pt x="1" y="5"/>
                    </a:lnTo>
                    <a:lnTo>
                      <a:pt x="3" y="8"/>
                    </a:lnTo>
                    <a:lnTo>
                      <a:pt x="7" y="11"/>
                    </a:lnTo>
                    <a:lnTo>
                      <a:pt x="10" y="12"/>
                    </a:lnTo>
                    <a:lnTo>
                      <a:pt x="13" y="13"/>
                    </a:lnTo>
                    <a:lnTo>
                      <a:pt x="14" y="15"/>
                    </a:lnTo>
                    <a:lnTo>
                      <a:pt x="14" y="17"/>
                    </a:lnTo>
                    <a:lnTo>
                      <a:pt x="12" y="23"/>
                    </a:lnTo>
                    <a:lnTo>
                      <a:pt x="7" y="29"/>
                    </a:lnTo>
                    <a:lnTo>
                      <a:pt x="16" y="30"/>
                    </a:lnTo>
                    <a:lnTo>
                      <a:pt x="21" y="30"/>
                    </a:lnTo>
                    <a:lnTo>
                      <a:pt x="25" y="31"/>
                    </a:lnTo>
                    <a:lnTo>
                      <a:pt x="26" y="33"/>
                    </a:lnTo>
                    <a:lnTo>
                      <a:pt x="27" y="35"/>
                    </a:lnTo>
                    <a:lnTo>
                      <a:pt x="25" y="37"/>
                    </a:lnTo>
                    <a:lnTo>
                      <a:pt x="23" y="40"/>
                    </a:lnTo>
                    <a:lnTo>
                      <a:pt x="21" y="42"/>
                    </a:lnTo>
                    <a:lnTo>
                      <a:pt x="15" y="48"/>
                    </a:lnTo>
                    <a:lnTo>
                      <a:pt x="10" y="53"/>
                    </a:lnTo>
                    <a:lnTo>
                      <a:pt x="9" y="55"/>
                    </a:lnTo>
                    <a:lnTo>
                      <a:pt x="10" y="56"/>
                    </a:lnTo>
                    <a:lnTo>
                      <a:pt x="13" y="57"/>
                    </a:lnTo>
                    <a:lnTo>
                      <a:pt x="17" y="57"/>
                    </a:lnTo>
                    <a:lnTo>
                      <a:pt x="20" y="57"/>
                    </a:lnTo>
                    <a:lnTo>
                      <a:pt x="23" y="57"/>
                    </a:lnTo>
                    <a:lnTo>
                      <a:pt x="25" y="56"/>
                    </a:lnTo>
                    <a:lnTo>
                      <a:pt x="27" y="54"/>
                    </a:lnTo>
                    <a:lnTo>
                      <a:pt x="30" y="50"/>
                    </a:lnTo>
                    <a:lnTo>
                      <a:pt x="32" y="44"/>
                    </a:lnTo>
                    <a:lnTo>
                      <a:pt x="34" y="39"/>
                    </a:lnTo>
                    <a:lnTo>
                      <a:pt x="36" y="34"/>
                    </a:lnTo>
                    <a:lnTo>
                      <a:pt x="37" y="33"/>
                    </a:lnTo>
                    <a:lnTo>
                      <a:pt x="39" y="31"/>
                    </a:lnTo>
                    <a:lnTo>
                      <a:pt x="42" y="30"/>
                    </a:lnTo>
                    <a:lnTo>
                      <a:pt x="44" y="29"/>
                    </a:lnTo>
                    <a:lnTo>
                      <a:pt x="48" y="32"/>
                    </a:lnTo>
                    <a:lnTo>
                      <a:pt x="50" y="34"/>
                    </a:lnTo>
                    <a:lnTo>
                      <a:pt x="52" y="36"/>
                    </a:lnTo>
                    <a:lnTo>
                      <a:pt x="52" y="38"/>
                    </a:lnTo>
                    <a:lnTo>
                      <a:pt x="52" y="42"/>
                    </a:lnTo>
                    <a:lnTo>
                      <a:pt x="49" y="47"/>
                    </a:lnTo>
                    <a:lnTo>
                      <a:pt x="47" y="50"/>
                    </a:lnTo>
                    <a:lnTo>
                      <a:pt x="46" y="53"/>
                    </a:lnTo>
                    <a:lnTo>
                      <a:pt x="47" y="54"/>
                    </a:lnTo>
                    <a:lnTo>
                      <a:pt x="48" y="55"/>
                    </a:lnTo>
                    <a:lnTo>
                      <a:pt x="50" y="56"/>
                    </a:lnTo>
                    <a:lnTo>
                      <a:pt x="54" y="57"/>
                    </a:lnTo>
                    <a:lnTo>
                      <a:pt x="56" y="52"/>
                    </a:lnTo>
                    <a:lnTo>
                      <a:pt x="60" y="47"/>
                    </a:lnTo>
                    <a:lnTo>
                      <a:pt x="64" y="42"/>
                    </a:lnTo>
                    <a:lnTo>
                      <a:pt x="67" y="38"/>
                    </a:lnTo>
                    <a:lnTo>
                      <a:pt x="72" y="34"/>
                    </a:lnTo>
                    <a:lnTo>
                      <a:pt x="74" y="28"/>
                    </a:lnTo>
                    <a:lnTo>
                      <a:pt x="75" y="24"/>
                    </a:lnTo>
                    <a:lnTo>
                      <a:pt x="75" y="20"/>
                    </a:lnTo>
                    <a:lnTo>
                      <a:pt x="74" y="16"/>
                    </a:lnTo>
                    <a:lnTo>
                      <a:pt x="73" y="11"/>
                    </a:lnTo>
                    <a:lnTo>
                      <a:pt x="68" y="10"/>
                    </a:lnTo>
                    <a:lnTo>
                      <a:pt x="65" y="9"/>
                    </a:lnTo>
                    <a:lnTo>
                      <a:pt x="62" y="7"/>
                    </a:lnTo>
                    <a:lnTo>
                      <a:pt x="60" y="4"/>
                    </a:lnTo>
                    <a:lnTo>
                      <a:pt x="57" y="2"/>
                    </a:lnTo>
                    <a:lnTo>
                      <a:pt x="54" y="1"/>
                    </a:lnTo>
                    <a:lnTo>
                      <a:pt x="49" y="0"/>
                    </a:lnTo>
                    <a:lnTo>
                      <a:pt x="44" y="1"/>
                    </a:lnTo>
                    <a:lnTo>
                      <a:pt x="41" y="9"/>
                    </a:lnTo>
                    <a:lnTo>
                      <a:pt x="37" y="17"/>
                    </a:lnTo>
                    <a:lnTo>
                      <a:pt x="32" y="23"/>
                    </a:lnTo>
                    <a:lnTo>
                      <a:pt x="26" y="29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63" name="Ærø"/>
              <p:cNvSpPr>
                <a:spLocks/>
              </p:cNvSpPr>
              <p:nvPr/>
            </p:nvSpPr>
            <p:spPr bwMode="auto">
              <a:xfrm>
                <a:off x="2322513" y="6145213"/>
                <a:ext cx="20638" cy="28575"/>
              </a:xfrm>
              <a:custGeom>
                <a:avLst/>
                <a:gdLst>
                  <a:gd name="T0" fmla="*/ 0 w 40"/>
                  <a:gd name="T1" fmla="*/ 3 h 55"/>
                  <a:gd name="T2" fmla="*/ 2 w 40"/>
                  <a:gd name="T3" fmla="*/ 9 h 55"/>
                  <a:gd name="T4" fmla="*/ 4 w 40"/>
                  <a:gd name="T5" fmla="*/ 12 h 55"/>
                  <a:gd name="T6" fmla="*/ 5 w 40"/>
                  <a:gd name="T7" fmla="*/ 15 h 55"/>
                  <a:gd name="T8" fmla="*/ 6 w 40"/>
                  <a:gd name="T9" fmla="*/ 18 h 55"/>
                  <a:gd name="T10" fmla="*/ 7 w 40"/>
                  <a:gd name="T11" fmla="*/ 16 h 55"/>
                  <a:gd name="T12" fmla="*/ 8 w 40"/>
                  <a:gd name="T13" fmla="*/ 15 h 55"/>
                  <a:gd name="T14" fmla="*/ 10 w 40"/>
                  <a:gd name="T15" fmla="*/ 13 h 55"/>
                  <a:gd name="T16" fmla="*/ 11 w 40"/>
                  <a:gd name="T17" fmla="*/ 12 h 55"/>
                  <a:gd name="T18" fmla="*/ 12 w 40"/>
                  <a:gd name="T19" fmla="*/ 10 h 55"/>
                  <a:gd name="T20" fmla="*/ 13 w 40"/>
                  <a:gd name="T21" fmla="*/ 9 h 55"/>
                  <a:gd name="T22" fmla="*/ 13 w 40"/>
                  <a:gd name="T23" fmla="*/ 7 h 55"/>
                  <a:gd name="T24" fmla="*/ 13 w 40"/>
                  <a:gd name="T25" fmla="*/ 6 h 55"/>
                  <a:gd name="T26" fmla="*/ 13 w 40"/>
                  <a:gd name="T27" fmla="*/ 5 h 55"/>
                  <a:gd name="T28" fmla="*/ 12 w 40"/>
                  <a:gd name="T29" fmla="*/ 3 h 55"/>
                  <a:gd name="T30" fmla="*/ 11 w 40"/>
                  <a:gd name="T31" fmla="*/ 2 h 55"/>
                  <a:gd name="T32" fmla="*/ 9 w 40"/>
                  <a:gd name="T33" fmla="*/ 1 h 55"/>
                  <a:gd name="T34" fmla="*/ 8 w 40"/>
                  <a:gd name="T35" fmla="*/ 0 h 55"/>
                  <a:gd name="T36" fmla="*/ 6 w 40"/>
                  <a:gd name="T37" fmla="*/ 0 h 55"/>
                  <a:gd name="T38" fmla="*/ 5 w 40"/>
                  <a:gd name="T39" fmla="*/ 0 h 55"/>
                  <a:gd name="T40" fmla="*/ 4 w 40"/>
                  <a:gd name="T41" fmla="*/ 1 h 55"/>
                  <a:gd name="T42" fmla="*/ 2 w 40"/>
                  <a:gd name="T43" fmla="*/ 2 h 55"/>
                  <a:gd name="T44" fmla="*/ 0 w 40"/>
                  <a:gd name="T45" fmla="*/ 3 h 55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40" h="55">
                    <a:moveTo>
                      <a:pt x="0" y="9"/>
                    </a:moveTo>
                    <a:lnTo>
                      <a:pt x="7" y="26"/>
                    </a:lnTo>
                    <a:lnTo>
                      <a:pt x="12" y="37"/>
                    </a:lnTo>
                    <a:lnTo>
                      <a:pt x="16" y="47"/>
                    </a:lnTo>
                    <a:lnTo>
                      <a:pt x="19" y="55"/>
                    </a:lnTo>
                    <a:lnTo>
                      <a:pt x="22" y="50"/>
                    </a:lnTo>
                    <a:lnTo>
                      <a:pt x="26" y="45"/>
                    </a:lnTo>
                    <a:lnTo>
                      <a:pt x="30" y="40"/>
                    </a:lnTo>
                    <a:lnTo>
                      <a:pt x="33" y="36"/>
                    </a:lnTo>
                    <a:lnTo>
                      <a:pt x="37" y="32"/>
                    </a:lnTo>
                    <a:lnTo>
                      <a:pt x="39" y="26"/>
                    </a:lnTo>
                    <a:lnTo>
                      <a:pt x="40" y="22"/>
                    </a:lnTo>
                    <a:lnTo>
                      <a:pt x="40" y="18"/>
                    </a:lnTo>
                    <a:lnTo>
                      <a:pt x="39" y="14"/>
                    </a:lnTo>
                    <a:lnTo>
                      <a:pt x="38" y="9"/>
                    </a:lnTo>
                    <a:lnTo>
                      <a:pt x="33" y="5"/>
                    </a:lnTo>
                    <a:lnTo>
                      <a:pt x="29" y="2"/>
                    </a:lnTo>
                    <a:lnTo>
                      <a:pt x="24" y="0"/>
                    </a:lnTo>
                    <a:lnTo>
                      <a:pt x="19" y="0"/>
                    </a:lnTo>
                    <a:lnTo>
                      <a:pt x="15" y="0"/>
                    </a:lnTo>
                    <a:lnTo>
                      <a:pt x="11" y="2"/>
                    </a:lnTo>
                    <a:lnTo>
                      <a:pt x="6" y="5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64" name="Freeform 382"/>
              <p:cNvSpPr>
                <a:spLocks/>
              </p:cNvSpPr>
              <p:nvPr/>
            </p:nvSpPr>
            <p:spPr bwMode="auto">
              <a:xfrm>
                <a:off x="2322513" y="6145213"/>
                <a:ext cx="20638" cy="28575"/>
              </a:xfrm>
              <a:custGeom>
                <a:avLst/>
                <a:gdLst>
                  <a:gd name="T0" fmla="*/ 0 w 40"/>
                  <a:gd name="T1" fmla="*/ 3 h 55"/>
                  <a:gd name="T2" fmla="*/ 2 w 40"/>
                  <a:gd name="T3" fmla="*/ 9 h 55"/>
                  <a:gd name="T4" fmla="*/ 4 w 40"/>
                  <a:gd name="T5" fmla="*/ 12 h 55"/>
                  <a:gd name="T6" fmla="*/ 5 w 40"/>
                  <a:gd name="T7" fmla="*/ 15 h 55"/>
                  <a:gd name="T8" fmla="*/ 6 w 40"/>
                  <a:gd name="T9" fmla="*/ 18 h 55"/>
                  <a:gd name="T10" fmla="*/ 7 w 40"/>
                  <a:gd name="T11" fmla="*/ 16 h 55"/>
                  <a:gd name="T12" fmla="*/ 8 w 40"/>
                  <a:gd name="T13" fmla="*/ 15 h 55"/>
                  <a:gd name="T14" fmla="*/ 10 w 40"/>
                  <a:gd name="T15" fmla="*/ 13 h 55"/>
                  <a:gd name="T16" fmla="*/ 11 w 40"/>
                  <a:gd name="T17" fmla="*/ 12 h 55"/>
                  <a:gd name="T18" fmla="*/ 12 w 40"/>
                  <a:gd name="T19" fmla="*/ 10 h 55"/>
                  <a:gd name="T20" fmla="*/ 13 w 40"/>
                  <a:gd name="T21" fmla="*/ 9 h 55"/>
                  <a:gd name="T22" fmla="*/ 13 w 40"/>
                  <a:gd name="T23" fmla="*/ 7 h 55"/>
                  <a:gd name="T24" fmla="*/ 13 w 40"/>
                  <a:gd name="T25" fmla="*/ 6 h 55"/>
                  <a:gd name="T26" fmla="*/ 13 w 40"/>
                  <a:gd name="T27" fmla="*/ 5 h 55"/>
                  <a:gd name="T28" fmla="*/ 12 w 40"/>
                  <a:gd name="T29" fmla="*/ 3 h 55"/>
                  <a:gd name="T30" fmla="*/ 11 w 40"/>
                  <a:gd name="T31" fmla="*/ 2 h 55"/>
                  <a:gd name="T32" fmla="*/ 9 w 40"/>
                  <a:gd name="T33" fmla="*/ 1 h 55"/>
                  <a:gd name="T34" fmla="*/ 8 w 40"/>
                  <a:gd name="T35" fmla="*/ 0 h 55"/>
                  <a:gd name="T36" fmla="*/ 6 w 40"/>
                  <a:gd name="T37" fmla="*/ 0 h 55"/>
                  <a:gd name="T38" fmla="*/ 5 w 40"/>
                  <a:gd name="T39" fmla="*/ 0 h 55"/>
                  <a:gd name="T40" fmla="*/ 4 w 40"/>
                  <a:gd name="T41" fmla="*/ 1 h 55"/>
                  <a:gd name="T42" fmla="*/ 2 w 40"/>
                  <a:gd name="T43" fmla="*/ 2 h 55"/>
                  <a:gd name="T44" fmla="*/ 0 w 40"/>
                  <a:gd name="T45" fmla="*/ 3 h 55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40" h="55">
                    <a:moveTo>
                      <a:pt x="0" y="9"/>
                    </a:moveTo>
                    <a:lnTo>
                      <a:pt x="7" y="26"/>
                    </a:lnTo>
                    <a:lnTo>
                      <a:pt x="12" y="37"/>
                    </a:lnTo>
                    <a:lnTo>
                      <a:pt x="16" y="47"/>
                    </a:lnTo>
                    <a:lnTo>
                      <a:pt x="19" y="55"/>
                    </a:lnTo>
                    <a:lnTo>
                      <a:pt x="22" y="50"/>
                    </a:lnTo>
                    <a:lnTo>
                      <a:pt x="26" y="45"/>
                    </a:lnTo>
                    <a:lnTo>
                      <a:pt x="30" y="40"/>
                    </a:lnTo>
                    <a:lnTo>
                      <a:pt x="33" y="36"/>
                    </a:lnTo>
                    <a:lnTo>
                      <a:pt x="37" y="32"/>
                    </a:lnTo>
                    <a:lnTo>
                      <a:pt x="39" y="26"/>
                    </a:lnTo>
                    <a:lnTo>
                      <a:pt x="40" y="22"/>
                    </a:lnTo>
                    <a:lnTo>
                      <a:pt x="40" y="18"/>
                    </a:lnTo>
                    <a:lnTo>
                      <a:pt x="39" y="14"/>
                    </a:lnTo>
                    <a:lnTo>
                      <a:pt x="38" y="9"/>
                    </a:lnTo>
                    <a:lnTo>
                      <a:pt x="33" y="5"/>
                    </a:lnTo>
                    <a:lnTo>
                      <a:pt x="29" y="2"/>
                    </a:lnTo>
                    <a:lnTo>
                      <a:pt x="24" y="0"/>
                    </a:lnTo>
                    <a:lnTo>
                      <a:pt x="19" y="0"/>
                    </a:lnTo>
                    <a:lnTo>
                      <a:pt x="15" y="0"/>
                    </a:lnTo>
                    <a:lnTo>
                      <a:pt x="11" y="2"/>
                    </a:lnTo>
                    <a:lnTo>
                      <a:pt x="6" y="5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65" name="Ærø kant"/>
              <p:cNvSpPr>
                <a:spLocks/>
              </p:cNvSpPr>
              <p:nvPr/>
            </p:nvSpPr>
            <p:spPr bwMode="auto">
              <a:xfrm>
                <a:off x="2259013" y="5995988"/>
                <a:ext cx="222250" cy="163513"/>
              </a:xfrm>
              <a:custGeom>
                <a:avLst/>
                <a:gdLst>
                  <a:gd name="T0" fmla="*/ 98 w 422"/>
                  <a:gd name="T1" fmla="*/ 75 h 309"/>
                  <a:gd name="T2" fmla="*/ 95 w 422"/>
                  <a:gd name="T3" fmla="*/ 74 h 309"/>
                  <a:gd name="T4" fmla="*/ 89 w 422"/>
                  <a:gd name="T5" fmla="*/ 78 h 309"/>
                  <a:gd name="T6" fmla="*/ 85 w 422"/>
                  <a:gd name="T7" fmla="*/ 78 h 309"/>
                  <a:gd name="T8" fmla="*/ 87 w 422"/>
                  <a:gd name="T9" fmla="*/ 72 h 309"/>
                  <a:gd name="T10" fmla="*/ 88 w 422"/>
                  <a:gd name="T11" fmla="*/ 70 h 309"/>
                  <a:gd name="T12" fmla="*/ 84 w 422"/>
                  <a:gd name="T13" fmla="*/ 68 h 309"/>
                  <a:gd name="T14" fmla="*/ 77 w 422"/>
                  <a:gd name="T15" fmla="*/ 71 h 309"/>
                  <a:gd name="T16" fmla="*/ 70 w 422"/>
                  <a:gd name="T17" fmla="*/ 75 h 309"/>
                  <a:gd name="T18" fmla="*/ 65 w 422"/>
                  <a:gd name="T19" fmla="*/ 82 h 309"/>
                  <a:gd name="T20" fmla="*/ 62 w 422"/>
                  <a:gd name="T21" fmla="*/ 78 h 309"/>
                  <a:gd name="T22" fmla="*/ 55 w 422"/>
                  <a:gd name="T23" fmla="*/ 67 h 309"/>
                  <a:gd name="T24" fmla="*/ 30 w 422"/>
                  <a:gd name="T25" fmla="*/ 45 h 309"/>
                  <a:gd name="T26" fmla="*/ 16 w 422"/>
                  <a:gd name="T27" fmla="*/ 32 h 309"/>
                  <a:gd name="T28" fmla="*/ 7 w 422"/>
                  <a:gd name="T29" fmla="*/ 21 h 309"/>
                  <a:gd name="T30" fmla="*/ 3 w 422"/>
                  <a:gd name="T31" fmla="*/ 11 h 309"/>
                  <a:gd name="T32" fmla="*/ 0 w 422"/>
                  <a:gd name="T33" fmla="*/ 0 h 309"/>
                  <a:gd name="T34" fmla="*/ 9 w 422"/>
                  <a:gd name="T35" fmla="*/ 2 h 309"/>
                  <a:gd name="T36" fmla="*/ 21 w 422"/>
                  <a:gd name="T37" fmla="*/ 9 h 309"/>
                  <a:gd name="T38" fmla="*/ 33 w 422"/>
                  <a:gd name="T39" fmla="*/ 19 h 309"/>
                  <a:gd name="T40" fmla="*/ 49 w 422"/>
                  <a:gd name="T41" fmla="*/ 40 h 309"/>
                  <a:gd name="T42" fmla="*/ 61 w 422"/>
                  <a:gd name="T43" fmla="*/ 50 h 309"/>
                  <a:gd name="T44" fmla="*/ 69 w 422"/>
                  <a:gd name="T45" fmla="*/ 53 h 309"/>
                  <a:gd name="T46" fmla="*/ 72 w 422"/>
                  <a:gd name="T47" fmla="*/ 52 h 309"/>
                  <a:gd name="T48" fmla="*/ 75 w 422"/>
                  <a:gd name="T49" fmla="*/ 46 h 309"/>
                  <a:gd name="T50" fmla="*/ 77 w 422"/>
                  <a:gd name="T51" fmla="*/ 44 h 309"/>
                  <a:gd name="T52" fmla="*/ 82 w 422"/>
                  <a:gd name="T53" fmla="*/ 46 h 309"/>
                  <a:gd name="T54" fmla="*/ 88 w 422"/>
                  <a:gd name="T55" fmla="*/ 54 h 309"/>
                  <a:gd name="T56" fmla="*/ 96 w 422"/>
                  <a:gd name="T57" fmla="*/ 66 h 309"/>
                  <a:gd name="T58" fmla="*/ 101 w 422"/>
                  <a:gd name="T59" fmla="*/ 71 h 309"/>
                  <a:gd name="T60" fmla="*/ 105 w 422"/>
                  <a:gd name="T61" fmla="*/ 67 h 309"/>
                  <a:gd name="T62" fmla="*/ 110 w 422"/>
                  <a:gd name="T63" fmla="*/ 65 h 309"/>
                  <a:gd name="T64" fmla="*/ 116 w 422"/>
                  <a:gd name="T65" fmla="*/ 65 h 309"/>
                  <a:gd name="T66" fmla="*/ 124 w 422"/>
                  <a:gd name="T67" fmla="*/ 66 h 309"/>
                  <a:gd name="T68" fmla="*/ 127 w 422"/>
                  <a:gd name="T69" fmla="*/ 63 h 309"/>
                  <a:gd name="T70" fmla="*/ 134 w 422"/>
                  <a:gd name="T71" fmla="*/ 68 h 309"/>
                  <a:gd name="T72" fmla="*/ 138 w 422"/>
                  <a:gd name="T73" fmla="*/ 75 h 309"/>
                  <a:gd name="T74" fmla="*/ 137 w 422"/>
                  <a:gd name="T75" fmla="*/ 82 h 309"/>
                  <a:gd name="T76" fmla="*/ 129 w 422"/>
                  <a:gd name="T77" fmla="*/ 82 h 309"/>
                  <a:gd name="T78" fmla="*/ 117 w 422"/>
                  <a:gd name="T79" fmla="*/ 78 h 309"/>
                  <a:gd name="T80" fmla="*/ 105 w 422"/>
                  <a:gd name="T81" fmla="*/ 75 h 309"/>
                  <a:gd name="T82" fmla="*/ 102 w 422"/>
                  <a:gd name="T83" fmla="*/ 79 h 309"/>
                  <a:gd name="T84" fmla="*/ 100 w 422"/>
                  <a:gd name="T85" fmla="*/ 88 h 309"/>
                  <a:gd name="T86" fmla="*/ 98 w 422"/>
                  <a:gd name="T87" fmla="*/ 98 h 309"/>
                  <a:gd name="T88" fmla="*/ 94 w 422"/>
                  <a:gd name="T89" fmla="*/ 103 h 309"/>
                  <a:gd name="T90" fmla="*/ 90 w 422"/>
                  <a:gd name="T91" fmla="*/ 99 h 309"/>
                  <a:gd name="T92" fmla="*/ 81 w 422"/>
                  <a:gd name="T93" fmla="*/ 95 h 309"/>
                  <a:gd name="T94" fmla="*/ 74 w 422"/>
                  <a:gd name="T95" fmla="*/ 90 h 309"/>
                  <a:gd name="T96" fmla="*/ 71 w 422"/>
                  <a:gd name="T97" fmla="*/ 84 h 309"/>
                  <a:gd name="T98" fmla="*/ 75 w 422"/>
                  <a:gd name="T99" fmla="*/ 83 h 309"/>
                  <a:gd name="T100" fmla="*/ 79 w 422"/>
                  <a:gd name="T101" fmla="*/ 85 h 309"/>
                  <a:gd name="T102" fmla="*/ 86 w 422"/>
                  <a:gd name="T103" fmla="*/ 88 h 309"/>
                  <a:gd name="T104" fmla="*/ 94 w 422"/>
                  <a:gd name="T105" fmla="*/ 87 h 309"/>
                  <a:gd name="T106" fmla="*/ 95 w 422"/>
                  <a:gd name="T107" fmla="*/ 86 h 309"/>
                  <a:gd name="T108" fmla="*/ 96 w 422"/>
                  <a:gd name="T109" fmla="*/ 83 h 309"/>
                  <a:gd name="T110" fmla="*/ 97 w 422"/>
                  <a:gd name="T111" fmla="*/ 79 h 309"/>
                  <a:gd name="T112" fmla="*/ 99 w 422"/>
                  <a:gd name="T113" fmla="*/ 78 h 30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422" h="309">
                    <a:moveTo>
                      <a:pt x="299" y="234"/>
                    </a:moveTo>
                    <a:lnTo>
                      <a:pt x="298" y="230"/>
                    </a:lnTo>
                    <a:lnTo>
                      <a:pt x="296" y="226"/>
                    </a:lnTo>
                    <a:lnTo>
                      <a:pt x="294" y="224"/>
                    </a:lnTo>
                    <a:lnTo>
                      <a:pt x="292" y="223"/>
                    </a:lnTo>
                    <a:lnTo>
                      <a:pt x="286" y="223"/>
                    </a:lnTo>
                    <a:lnTo>
                      <a:pt x="279" y="226"/>
                    </a:lnTo>
                    <a:lnTo>
                      <a:pt x="273" y="230"/>
                    </a:lnTo>
                    <a:lnTo>
                      <a:pt x="267" y="233"/>
                    </a:lnTo>
                    <a:lnTo>
                      <a:pt x="263" y="234"/>
                    </a:lnTo>
                    <a:lnTo>
                      <a:pt x="259" y="235"/>
                    </a:lnTo>
                    <a:lnTo>
                      <a:pt x="256" y="235"/>
                    </a:lnTo>
                    <a:lnTo>
                      <a:pt x="253" y="234"/>
                    </a:lnTo>
                    <a:lnTo>
                      <a:pt x="259" y="224"/>
                    </a:lnTo>
                    <a:lnTo>
                      <a:pt x="263" y="217"/>
                    </a:lnTo>
                    <a:lnTo>
                      <a:pt x="264" y="215"/>
                    </a:lnTo>
                    <a:lnTo>
                      <a:pt x="264" y="212"/>
                    </a:lnTo>
                    <a:lnTo>
                      <a:pt x="264" y="210"/>
                    </a:lnTo>
                    <a:lnTo>
                      <a:pt x="263" y="209"/>
                    </a:lnTo>
                    <a:lnTo>
                      <a:pt x="259" y="206"/>
                    </a:lnTo>
                    <a:lnTo>
                      <a:pt x="254" y="205"/>
                    </a:lnTo>
                    <a:lnTo>
                      <a:pt x="248" y="206"/>
                    </a:lnTo>
                    <a:lnTo>
                      <a:pt x="240" y="209"/>
                    </a:lnTo>
                    <a:lnTo>
                      <a:pt x="233" y="212"/>
                    </a:lnTo>
                    <a:lnTo>
                      <a:pt x="226" y="216"/>
                    </a:lnTo>
                    <a:lnTo>
                      <a:pt x="217" y="220"/>
                    </a:lnTo>
                    <a:lnTo>
                      <a:pt x="211" y="226"/>
                    </a:lnTo>
                    <a:lnTo>
                      <a:pt x="205" y="232"/>
                    </a:lnTo>
                    <a:lnTo>
                      <a:pt x="200" y="239"/>
                    </a:lnTo>
                    <a:lnTo>
                      <a:pt x="197" y="245"/>
                    </a:lnTo>
                    <a:lnTo>
                      <a:pt x="197" y="253"/>
                    </a:lnTo>
                    <a:lnTo>
                      <a:pt x="192" y="243"/>
                    </a:lnTo>
                    <a:lnTo>
                      <a:pt x="188" y="234"/>
                    </a:lnTo>
                    <a:lnTo>
                      <a:pt x="183" y="225"/>
                    </a:lnTo>
                    <a:lnTo>
                      <a:pt x="176" y="217"/>
                    </a:lnTo>
                    <a:lnTo>
                      <a:pt x="165" y="201"/>
                    </a:lnTo>
                    <a:lnTo>
                      <a:pt x="151" y="186"/>
                    </a:lnTo>
                    <a:lnTo>
                      <a:pt x="120" y="160"/>
                    </a:lnTo>
                    <a:lnTo>
                      <a:pt x="90" y="135"/>
                    </a:lnTo>
                    <a:lnTo>
                      <a:pt x="75" y="122"/>
                    </a:lnTo>
                    <a:lnTo>
                      <a:pt x="60" y="109"/>
                    </a:lnTo>
                    <a:lnTo>
                      <a:pt x="47" y="95"/>
                    </a:lnTo>
                    <a:lnTo>
                      <a:pt x="34" y="79"/>
                    </a:lnTo>
                    <a:lnTo>
                      <a:pt x="28" y="71"/>
                    </a:lnTo>
                    <a:lnTo>
                      <a:pt x="22" y="62"/>
                    </a:lnTo>
                    <a:lnTo>
                      <a:pt x="17" y="53"/>
                    </a:lnTo>
                    <a:lnTo>
                      <a:pt x="13" y="43"/>
                    </a:lnTo>
                    <a:lnTo>
                      <a:pt x="9" y="34"/>
                    </a:lnTo>
                    <a:lnTo>
                      <a:pt x="6" y="23"/>
                    </a:lnTo>
                    <a:lnTo>
                      <a:pt x="2" y="12"/>
                    </a:lnTo>
                    <a:lnTo>
                      <a:pt x="0" y="0"/>
                    </a:lnTo>
                    <a:lnTo>
                      <a:pt x="10" y="2"/>
                    </a:lnTo>
                    <a:lnTo>
                      <a:pt x="18" y="4"/>
                    </a:lnTo>
                    <a:lnTo>
                      <a:pt x="27" y="6"/>
                    </a:lnTo>
                    <a:lnTo>
                      <a:pt x="35" y="10"/>
                    </a:lnTo>
                    <a:lnTo>
                      <a:pt x="50" y="17"/>
                    </a:lnTo>
                    <a:lnTo>
                      <a:pt x="64" y="26"/>
                    </a:lnTo>
                    <a:lnTo>
                      <a:pt x="76" y="36"/>
                    </a:lnTo>
                    <a:lnTo>
                      <a:pt x="87" y="46"/>
                    </a:lnTo>
                    <a:lnTo>
                      <a:pt x="98" y="58"/>
                    </a:lnTo>
                    <a:lnTo>
                      <a:pt x="109" y="70"/>
                    </a:lnTo>
                    <a:lnTo>
                      <a:pt x="128" y="95"/>
                    </a:lnTo>
                    <a:lnTo>
                      <a:pt x="149" y="119"/>
                    </a:lnTo>
                    <a:lnTo>
                      <a:pt x="159" y="131"/>
                    </a:lnTo>
                    <a:lnTo>
                      <a:pt x="171" y="141"/>
                    </a:lnTo>
                    <a:lnTo>
                      <a:pt x="184" y="151"/>
                    </a:lnTo>
                    <a:lnTo>
                      <a:pt x="197" y="159"/>
                    </a:lnTo>
                    <a:lnTo>
                      <a:pt x="203" y="160"/>
                    </a:lnTo>
                    <a:lnTo>
                      <a:pt x="207" y="160"/>
                    </a:lnTo>
                    <a:lnTo>
                      <a:pt x="210" y="160"/>
                    </a:lnTo>
                    <a:lnTo>
                      <a:pt x="213" y="159"/>
                    </a:lnTo>
                    <a:lnTo>
                      <a:pt x="217" y="155"/>
                    </a:lnTo>
                    <a:lnTo>
                      <a:pt x="220" y="150"/>
                    </a:lnTo>
                    <a:lnTo>
                      <a:pt x="223" y="144"/>
                    </a:lnTo>
                    <a:lnTo>
                      <a:pt x="225" y="138"/>
                    </a:lnTo>
                    <a:lnTo>
                      <a:pt x="227" y="136"/>
                    </a:lnTo>
                    <a:lnTo>
                      <a:pt x="229" y="134"/>
                    </a:lnTo>
                    <a:lnTo>
                      <a:pt x="231" y="132"/>
                    </a:lnTo>
                    <a:lnTo>
                      <a:pt x="234" y="131"/>
                    </a:lnTo>
                    <a:lnTo>
                      <a:pt x="240" y="135"/>
                    </a:lnTo>
                    <a:lnTo>
                      <a:pt x="246" y="139"/>
                    </a:lnTo>
                    <a:lnTo>
                      <a:pt x="251" y="144"/>
                    </a:lnTo>
                    <a:lnTo>
                      <a:pt x="255" y="150"/>
                    </a:lnTo>
                    <a:lnTo>
                      <a:pt x="264" y="161"/>
                    </a:lnTo>
                    <a:lnTo>
                      <a:pt x="272" y="174"/>
                    </a:lnTo>
                    <a:lnTo>
                      <a:pt x="279" y="185"/>
                    </a:lnTo>
                    <a:lnTo>
                      <a:pt x="288" y="197"/>
                    </a:lnTo>
                    <a:lnTo>
                      <a:pt x="292" y="202"/>
                    </a:lnTo>
                    <a:lnTo>
                      <a:pt x="297" y="208"/>
                    </a:lnTo>
                    <a:lnTo>
                      <a:pt x="303" y="212"/>
                    </a:lnTo>
                    <a:lnTo>
                      <a:pt x="309" y="216"/>
                    </a:lnTo>
                    <a:lnTo>
                      <a:pt x="313" y="208"/>
                    </a:lnTo>
                    <a:lnTo>
                      <a:pt x="317" y="202"/>
                    </a:lnTo>
                    <a:lnTo>
                      <a:pt x="323" y="198"/>
                    </a:lnTo>
                    <a:lnTo>
                      <a:pt x="327" y="196"/>
                    </a:lnTo>
                    <a:lnTo>
                      <a:pt x="333" y="195"/>
                    </a:lnTo>
                    <a:lnTo>
                      <a:pt x="338" y="195"/>
                    </a:lnTo>
                    <a:lnTo>
                      <a:pt x="345" y="196"/>
                    </a:lnTo>
                    <a:lnTo>
                      <a:pt x="350" y="196"/>
                    </a:lnTo>
                    <a:lnTo>
                      <a:pt x="362" y="198"/>
                    </a:lnTo>
                    <a:lnTo>
                      <a:pt x="371" y="199"/>
                    </a:lnTo>
                    <a:lnTo>
                      <a:pt x="375" y="198"/>
                    </a:lnTo>
                    <a:lnTo>
                      <a:pt x="379" y="196"/>
                    </a:lnTo>
                    <a:lnTo>
                      <a:pt x="383" y="193"/>
                    </a:lnTo>
                    <a:lnTo>
                      <a:pt x="384" y="188"/>
                    </a:lnTo>
                    <a:lnTo>
                      <a:pt x="391" y="193"/>
                    </a:lnTo>
                    <a:lnTo>
                      <a:pt x="397" y="198"/>
                    </a:lnTo>
                    <a:lnTo>
                      <a:pt x="403" y="204"/>
                    </a:lnTo>
                    <a:lnTo>
                      <a:pt x="408" y="211"/>
                    </a:lnTo>
                    <a:lnTo>
                      <a:pt x="412" y="218"/>
                    </a:lnTo>
                    <a:lnTo>
                      <a:pt x="416" y="225"/>
                    </a:lnTo>
                    <a:lnTo>
                      <a:pt x="419" y="234"/>
                    </a:lnTo>
                    <a:lnTo>
                      <a:pt x="422" y="243"/>
                    </a:lnTo>
                    <a:lnTo>
                      <a:pt x="412" y="245"/>
                    </a:lnTo>
                    <a:lnTo>
                      <a:pt x="404" y="246"/>
                    </a:lnTo>
                    <a:lnTo>
                      <a:pt x="396" y="246"/>
                    </a:lnTo>
                    <a:lnTo>
                      <a:pt x="389" y="245"/>
                    </a:lnTo>
                    <a:lnTo>
                      <a:pt x="376" y="243"/>
                    </a:lnTo>
                    <a:lnTo>
                      <a:pt x="365" y="239"/>
                    </a:lnTo>
                    <a:lnTo>
                      <a:pt x="354" y="235"/>
                    </a:lnTo>
                    <a:lnTo>
                      <a:pt x="344" y="231"/>
                    </a:lnTo>
                    <a:lnTo>
                      <a:pt x="332" y="226"/>
                    </a:lnTo>
                    <a:lnTo>
                      <a:pt x="318" y="224"/>
                    </a:lnTo>
                    <a:lnTo>
                      <a:pt x="314" y="229"/>
                    </a:lnTo>
                    <a:lnTo>
                      <a:pt x="310" y="233"/>
                    </a:lnTo>
                    <a:lnTo>
                      <a:pt x="308" y="237"/>
                    </a:lnTo>
                    <a:lnTo>
                      <a:pt x="306" y="242"/>
                    </a:lnTo>
                    <a:lnTo>
                      <a:pt x="303" y="253"/>
                    </a:lnTo>
                    <a:lnTo>
                      <a:pt x="302" y="264"/>
                    </a:lnTo>
                    <a:lnTo>
                      <a:pt x="299" y="275"/>
                    </a:lnTo>
                    <a:lnTo>
                      <a:pt x="296" y="287"/>
                    </a:lnTo>
                    <a:lnTo>
                      <a:pt x="294" y="293"/>
                    </a:lnTo>
                    <a:lnTo>
                      <a:pt x="291" y="298"/>
                    </a:lnTo>
                    <a:lnTo>
                      <a:pt x="287" y="303"/>
                    </a:lnTo>
                    <a:lnTo>
                      <a:pt x="282" y="309"/>
                    </a:lnTo>
                    <a:lnTo>
                      <a:pt x="277" y="305"/>
                    </a:lnTo>
                    <a:lnTo>
                      <a:pt x="274" y="301"/>
                    </a:lnTo>
                    <a:lnTo>
                      <a:pt x="270" y="298"/>
                    </a:lnTo>
                    <a:lnTo>
                      <a:pt x="265" y="295"/>
                    </a:lnTo>
                    <a:lnTo>
                      <a:pt x="255" y="290"/>
                    </a:lnTo>
                    <a:lnTo>
                      <a:pt x="245" y="284"/>
                    </a:lnTo>
                    <a:lnTo>
                      <a:pt x="235" y="279"/>
                    </a:lnTo>
                    <a:lnTo>
                      <a:pt x="227" y="272"/>
                    </a:lnTo>
                    <a:lnTo>
                      <a:pt x="224" y="269"/>
                    </a:lnTo>
                    <a:lnTo>
                      <a:pt x="220" y="263"/>
                    </a:lnTo>
                    <a:lnTo>
                      <a:pt x="217" y="259"/>
                    </a:lnTo>
                    <a:lnTo>
                      <a:pt x="215" y="253"/>
                    </a:lnTo>
                    <a:lnTo>
                      <a:pt x="219" y="250"/>
                    </a:lnTo>
                    <a:lnTo>
                      <a:pt x="223" y="249"/>
                    </a:lnTo>
                    <a:lnTo>
                      <a:pt x="226" y="248"/>
                    </a:lnTo>
                    <a:lnTo>
                      <a:pt x="228" y="248"/>
                    </a:lnTo>
                    <a:lnTo>
                      <a:pt x="234" y="251"/>
                    </a:lnTo>
                    <a:lnTo>
                      <a:pt x="239" y="256"/>
                    </a:lnTo>
                    <a:lnTo>
                      <a:pt x="247" y="261"/>
                    </a:lnTo>
                    <a:lnTo>
                      <a:pt x="255" y="264"/>
                    </a:lnTo>
                    <a:lnTo>
                      <a:pt x="260" y="265"/>
                    </a:lnTo>
                    <a:lnTo>
                      <a:pt x="267" y="265"/>
                    </a:lnTo>
                    <a:lnTo>
                      <a:pt x="273" y="264"/>
                    </a:lnTo>
                    <a:lnTo>
                      <a:pt x="282" y="262"/>
                    </a:lnTo>
                    <a:lnTo>
                      <a:pt x="284" y="261"/>
                    </a:lnTo>
                    <a:lnTo>
                      <a:pt x="285" y="260"/>
                    </a:lnTo>
                    <a:lnTo>
                      <a:pt x="287" y="259"/>
                    </a:lnTo>
                    <a:lnTo>
                      <a:pt x="288" y="257"/>
                    </a:lnTo>
                    <a:lnTo>
                      <a:pt x="289" y="253"/>
                    </a:lnTo>
                    <a:lnTo>
                      <a:pt x="290" y="248"/>
                    </a:lnTo>
                    <a:lnTo>
                      <a:pt x="291" y="242"/>
                    </a:lnTo>
                    <a:lnTo>
                      <a:pt x="292" y="238"/>
                    </a:lnTo>
                    <a:lnTo>
                      <a:pt x="293" y="237"/>
                    </a:lnTo>
                    <a:lnTo>
                      <a:pt x="295" y="235"/>
                    </a:lnTo>
                    <a:lnTo>
                      <a:pt x="297" y="235"/>
                    </a:lnTo>
                    <a:lnTo>
                      <a:pt x="299" y="234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66" name="Freeform 401"/>
              <p:cNvSpPr>
                <a:spLocks/>
              </p:cNvSpPr>
              <p:nvPr/>
            </p:nvSpPr>
            <p:spPr bwMode="auto">
              <a:xfrm>
                <a:off x="2349500" y="6143625"/>
                <a:ext cx="39688" cy="30163"/>
              </a:xfrm>
              <a:custGeom>
                <a:avLst/>
                <a:gdLst>
                  <a:gd name="T0" fmla="*/ 16 w 75"/>
                  <a:gd name="T1" fmla="*/ 0 h 57"/>
                  <a:gd name="T2" fmla="*/ 19 w 75"/>
                  <a:gd name="T3" fmla="*/ 1 h 57"/>
                  <a:gd name="T4" fmla="*/ 21 w 75"/>
                  <a:gd name="T5" fmla="*/ 2 h 57"/>
                  <a:gd name="T6" fmla="*/ 23 w 75"/>
                  <a:gd name="T7" fmla="*/ 3 h 57"/>
                  <a:gd name="T8" fmla="*/ 25 w 75"/>
                  <a:gd name="T9" fmla="*/ 5 h 57"/>
                  <a:gd name="T10" fmla="*/ 25 w 75"/>
                  <a:gd name="T11" fmla="*/ 8 h 57"/>
                  <a:gd name="T12" fmla="*/ 24 w 75"/>
                  <a:gd name="T13" fmla="*/ 11 h 57"/>
                  <a:gd name="T14" fmla="*/ 21 w 75"/>
                  <a:gd name="T15" fmla="*/ 14 h 57"/>
                  <a:gd name="T16" fmla="*/ 19 w 75"/>
                  <a:gd name="T17" fmla="*/ 17 h 57"/>
                  <a:gd name="T18" fmla="*/ 17 w 75"/>
                  <a:gd name="T19" fmla="*/ 19 h 57"/>
                  <a:gd name="T20" fmla="*/ 16 w 75"/>
                  <a:gd name="T21" fmla="*/ 18 h 57"/>
                  <a:gd name="T22" fmla="*/ 16 w 75"/>
                  <a:gd name="T23" fmla="*/ 17 h 57"/>
                  <a:gd name="T24" fmla="*/ 17 w 75"/>
                  <a:gd name="T25" fmla="*/ 14 h 57"/>
                  <a:gd name="T26" fmla="*/ 17 w 75"/>
                  <a:gd name="T27" fmla="*/ 12 h 57"/>
                  <a:gd name="T28" fmla="*/ 16 w 75"/>
                  <a:gd name="T29" fmla="*/ 11 h 57"/>
                  <a:gd name="T30" fmla="*/ 14 w 75"/>
                  <a:gd name="T31" fmla="*/ 10 h 57"/>
                  <a:gd name="T32" fmla="*/ 12 w 75"/>
                  <a:gd name="T33" fmla="*/ 11 h 57"/>
                  <a:gd name="T34" fmla="*/ 11 w 75"/>
                  <a:gd name="T35" fmla="*/ 13 h 57"/>
                  <a:gd name="T36" fmla="*/ 10 w 75"/>
                  <a:gd name="T37" fmla="*/ 17 h 57"/>
                  <a:gd name="T38" fmla="*/ 8 w 75"/>
                  <a:gd name="T39" fmla="*/ 19 h 57"/>
                  <a:gd name="T40" fmla="*/ 7 w 75"/>
                  <a:gd name="T41" fmla="*/ 19 h 57"/>
                  <a:gd name="T42" fmla="*/ 4 w 75"/>
                  <a:gd name="T43" fmla="*/ 19 h 57"/>
                  <a:gd name="T44" fmla="*/ 3 w 75"/>
                  <a:gd name="T45" fmla="*/ 18 h 57"/>
                  <a:gd name="T46" fmla="*/ 5 w 75"/>
                  <a:gd name="T47" fmla="*/ 16 h 57"/>
                  <a:gd name="T48" fmla="*/ 8 w 75"/>
                  <a:gd name="T49" fmla="*/ 13 h 57"/>
                  <a:gd name="T50" fmla="*/ 9 w 75"/>
                  <a:gd name="T51" fmla="*/ 12 h 57"/>
                  <a:gd name="T52" fmla="*/ 8 w 75"/>
                  <a:gd name="T53" fmla="*/ 10 h 57"/>
                  <a:gd name="T54" fmla="*/ 5 w 75"/>
                  <a:gd name="T55" fmla="*/ 10 h 57"/>
                  <a:gd name="T56" fmla="*/ 4 w 75"/>
                  <a:gd name="T57" fmla="*/ 8 h 57"/>
                  <a:gd name="T58" fmla="*/ 5 w 75"/>
                  <a:gd name="T59" fmla="*/ 5 h 57"/>
                  <a:gd name="T60" fmla="*/ 3 w 75"/>
                  <a:gd name="T61" fmla="*/ 4 h 57"/>
                  <a:gd name="T62" fmla="*/ 1 w 75"/>
                  <a:gd name="T63" fmla="*/ 3 h 57"/>
                  <a:gd name="T64" fmla="*/ 0 w 75"/>
                  <a:gd name="T65" fmla="*/ 1 h 57"/>
                  <a:gd name="T66" fmla="*/ 2 w 75"/>
                  <a:gd name="T67" fmla="*/ 1 h 57"/>
                  <a:gd name="T68" fmla="*/ 5 w 75"/>
                  <a:gd name="T69" fmla="*/ 1 h 57"/>
                  <a:gd name="T70" fmla="*/ 8 w 75"/>
                  <a:gd name="T71" fmla="*/ 3 h 57"/>
                  <a:gd name="T72" fmla="*/ 9 w 75"/>
                  <a:gd name="T73" fmla="*/ 5 h 57"/>
                  <a:gd name="T74" fmla="*/ 9 w 75"/>
                  <a:gd name="T75" fmla="*/ 8 h 57"/>
                  <a:gd name="T76" fmla="*/ 11 w 75"/>
                  <a:gd name="T77" fmla="*/ 8 h 57"/>
                  <a:gd name="T78" fmla="*/ 14 w 75"/>
                  <a:gd name="T79" fmla="*/ 3 h 57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0" t="0" r="r" b="b"/>
                <a:pathLst>
                  <a:path w="75" h="57">
                    <a:moveTo>
                      <a:pt x="44" y="1"/>
                    </a:moveTo>
                    <a:lnTo>
                      <a:pt x="49" y="0"/>
                    </a:lnTo>
                    <a:lnTo>
                      <a:pt x="54" y="1"/>
                    </a:lnTo>
                    <a:lnTo>
                      <a:pt x="57" y="2"/>
                    </a:lnTo>
                    <a:lnTo>
                      <a:pt x="60" y="4"/>
                    </a:lnTo>
                    <a:lnTo>
                      <a:pt x="62" y="7"/>
                    </a:lnTo>
                    <a:lnTo>
                      <a:pt x="65" y="9"/>
                    </a:lnTo>
                    <a:lnTo>
                      <a:pt x="68" y="10"/>
                    </a:lnTo>
                    <a:lnTo>
                      <a:pt x="73" y="11"/>
                    </a:lnTo>
                    <a:lnTo>
                      <a:pt x="74" y="16"/>
                    </a:lnTo>
                    <a:lnTo>
                      <a:pt x="75" y="20"/>
                    </a:lnTo>
                    <a:lnTo>
                      <a:pt x="75" y="24"/>
                    </a:lnTo>
                    <a:lnTo>
                      <a:pt x="74" y="28"/>
                    </a:lnTo>
                    <a:lnTo>
                      <a:pt x="72" y="34"/>
                    </a:lnTo>
                    <a:lnTo>
                      <a:pt x="67" y="38"/>
                    </a:lnTo>
                    <a:lnTo>
                      <a:pt x="64" y="42"/>
                    </a:lnTo>
                    <a:lnTo>
                      <a:pt x="60" y="47"/>
                    </a:lnTo>
                    <a:lnTo>
                      <a:pt x="56" y="52"/>
                    </a:lnTo>
                    <a:lnTo>
                      <a:pt x="54" y="57"/>
                    </a:lnTo>
                    <a:lnTo>
                      <a:pt x="50" y="56"/>
                    </a:lnTo>
                    <a:lnTo>
                      <a:pt x="48" y="55"/>
                    </a:lnTo>
                    <a:lnTo>
                      <a:pt x="47" y="54"/>
                    </a:lnTo>
                    <a:lnTo>
                      <a:pt x="46" y="53"/>
                    </a:lnTo>
                    <a:lnTo>
                      <a:pt x="47" y="50"/>
                    </a:lnTo>
                    <a:lnTo>
                      <a:pt x="49" y="47"/>
                    </a:lnTo>
                    <a:lnTo>
                      <a:pt x="52" y="42"/>
                    </a:lnTo>
                    <a:lnTo>
                      <a:pt x="52" y="38"/>
                    </a:lnTo>
                    <a:lnTo>
                      <a:pt x="52" y="36"/>
                    </a:lnTo>
                    <a:lnTo>
                      <a:pt x="50" y="34"/>
                    </a:lnTo>
                    <a:lnTo>
                      <a:pt x="48" y="32"/>
                    </a:lnTo>
                    <a:lnTo>
                      <a:pt x="44" y="29"/>
                    </a:lnTo>
                    <a:lnTo>
                      <a:pt x="42" y="30"/>
                    </a:lnTo>
                    <a:lnTo>
                      <a:pt x="39" y="31"/>
                    </a:lnTo>
                    <a:lnTo>
                      <a:pt x="37" y="33"/>
                    </a:lnTo>
                    <a:lnTo>
                      <a:pt x="36" y="34"/>
                    </a:lnTo>
                    <a:lnTo>
                      <a:pt x="34" y="39"/>
                    </a:lnTo>
                    <a:lnTo>
                      <a:pt x="32" y="44"/>
                    </a:lnTo>
                    <a:lnTo>
                      <a:pt x="30" y="50"/>
                    </a:lnTo>
                    <a:lnTo>
                      <a:pt x="27" y="54"/>
                    </a:lnTo>
                    <a:lnTo>
                      <a:pt x="25" y="56"/>
                    </a:lnTo>
                    <a:lnTo>
                      <a:pt x="23" y="57"/>
                    </a:lnTo>
                    <a:lnTo>
                      <a:pt x="20" y="57"/>
                    </a:lnTo>
                    <a:lnTo>
                      <a:pt x="17" y="57"/>
                    </a:lnTo>
                    <a:lnTo>
                      <a:pt x="13" y="57"/>
                    </a:lnTo>
                    <a:lnTo>
                      <a:pt x="10" y="56"/>
                    </a:lnTo>
                    <a:lnTo>
                      <a:pt x="9" y="55"/>
                    </a:lnTo>
                    <a:lnTo>
                      <a:pt x="10" y="53"/>
                    </a:lnTo>
                    <a:lnTo>
                      <a:pt x="15" y="48"/>
                    </a:lnTo>
                    <a:lnTo>
                      <a:pt x="21" y="42"/>
                    </a:lnTo>
                    <a:lnTo>
                      <a:pt x="23" y="40"/>
                    </a:lnTo>
                    <a:lnTo>
                      <a:pt x="25" y="37"/>
                    </a:lnTo>
                    <a:lnTo>
                      <a:pt x="27" y="35"/>
                    </a:lnTo>
                    <a:lnTo>
                      <a:pt x="26" y="33"/>
                    </a:lnTo>
                    <a:lnTo>
                      <a:pt x="25" y="31"/>
                    </a:lnTo>
                    <a:lnTo>
                      <a:pt x="21" y="30"/>
                    </a:lnTo>
                    <a:lnTo>
                      <a:pt x="16" y="30"/>
                    </a:lnTo>
                    <a:lnTo>
                      <a:pt x="7" y="29"/>
                    </a:lnTo>
                    <a:lnTo>
                      <a:pt x="12" y="23"/>
                    </a:lnTo>
                    <a:lnTo>
                      <a:pt x="14" y="17"/>
                    </a:lnTo>
                    <a:lnTo>
                      <a:pt x="14" y="15"/>
                    </a:lnTo>
                    <a:lnTo>
                      <a:pt x="13" y="13"/>
                    </a:lnTo>
                    <a:lnTo>
                      <a:pt x="10" y="12"/>
                    </a:lnTo>
                    <a:lnTo>
                      <a:pt x="7" y="11"/>
                    </a:lnTo>
                    <a:lnTo>
                      <a:pt x="3" y="8"/>
                    </a:lnTo>
                    <a:lnTo>
                      <a:pt x="1" y="5"/>
                    </a:lnTo>
                    <a:lnTo>
                      <a:pt x="0" y="4"/>
                    </a:lnTo>
                    <a:lnTo>
                      <a:pt x="0" y="3"/>
                    </a:lnTo>
                    <a:lnTo>
                      <a:pt x="5" y="2"/>
                    </a:lnTo>
                    <a:lnTo>
                      <a:pt x="12" y="3"/>
                    </a:lnTo>
                    <a:lnTo>
                      <a:pt x="16" y="4"/>
                    </a:lnTo>
                    <a:lnTo>
                      <a:pt x="19" y="7"/>
                    </a:lnTo>
                    <a:lnTo>
                      <a:pt x="23" y="9"/>
                    </a:lnTo>
                    <a:lnTo>
                      <a:pt x="25" y="12"/>
                    </a:lnTo>
                    <a:lnTo>
                      <a:pt x="27" y="15"/>
                    </a:lnTo>
                    <a:lnTo>
                      <a:pt x="28" y="19"/>
                    </a:lnTo>
                    <a:lnTo>
                      <a:pt x="28" y="24"/>
                    </a:lnTo>
                    <a:lnTo>
                      <a:pt x="26" y="29"/>
                    </a:lnTo>
                    <a:lnTo>
                      <a:pt x="32" y="23"/>
                    </a:lnTo>
                    <a:lnTo>
                      <a:pt x="37" y="17"/>
                    </a:lnTo>
                    <a:lnTo>
                      <a:pt x="41" y="9"/>
                    </a:lnTo>
                    <a:lnTo>
                      <a:pt x="44" y="1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67" name="Ærø"/>
              <p:cNvSpPr>
                <a:spLocks/>
              </p:cNvSpPr>
              <p:nvPr/>
            </p:nvSpPr>
            <p:spPr bwMode="auto">
              <a:xfrm>
                <a:off x="2349500" y="6143625"/>
                <a:ext cx="39688" cy="30163"/>
              </a:xfrm>
              <a:custGeom>
                <a:avLst/>
                <a:gdLst>
                  <a:gd name="T0" fmla="*/ 16 w 75"/>
                  <a:gd name="T1" fmla="*/ 0 h 57"/>
                  <a:gd name="T2" fmla="*/ 19 w 75"/>
                  <a:gd name="T3" fmla="*/ 1 h 57"/>
                  <a:gd name="T4" fmla="*/ 21 w 75"/>
                  <a:gd name="T5" fmla="*/ 2 h 57"/>
                  <a:gd name="T6" fmla="*/ 23 w 75"/>
                  <a:gd name="T7" fmla="*/ 3 h 57"/>
                  <a:gd name="T8" fmla="*/ 25 w 75"/>
                  <a:gd name="T9" fmla="*/ 5 h 57"/>
                  <a:gd name="T10" fmla="*/ 25 w 75"/>
                  <a:gd name="T11" fmla="*/ 8 h 57"/>
                  <a:gd name="T12" fmla="*/ 24 w 75"/>
                  <a:gd name="T13" fmla="*/ 11 h 57"/>
                  <a:gd name="T14" fmla="*/ 21 w 75"/>
                  <a:gd name="T15" fmla="*/ 14 h 57"/>
                  <a:gd name="T16" fmla="*/ 19 w 75"/>
                  <a:gd name="T17" fmla="*/ 17 h 57"/>
                  <a:gd name="T18" fmla="*/ 17 w 75"/>
                  <a:gd name="T19" fmla="*/ 19 h 57"/>
                  <a:gd name="T20" fmla="*/ 16 w 75"/>
                  <a:gd name="T21" fmla="*/ 18 h 57"/>
                  <a:gd name="T22" fmla="*/ 16 w 75"/>
                  <a:gd name="T23" fmla="*/ 17 h 57"/>
                  <a:gd name="T24" fmla="*/ 17 w 75"/>
                  <a:gd name="T25" fmla="*/ 14 h 57"/>
                  <a:gd name="T26" fmla="*/ 17 w 75"/>
                  <a:gd name="T27" fmla="*/ 12 h 57"/>
                  <a:gd name="T28" fmla="*/ 16 w 75"/>
                  <a:gd name="T29" fmla="*/ 11 h 57"/>
                  <a:gd name="T30" fmla="*/ 14 w 75"/>
                  <a:gd name="T31" fmla="*/ 10 h 57"/>
                  <a:gd name="T32" fmla="*/ 12 w 75"/>
                  <a:gd name="T33" fmla="*/ 11 h 57"/>
                  <a:gd name="T34" fmla="*/ 11 w 75"/>
                  <a:gd name="T35" fmla="*/ 13 h 57"/>
                  <a:gd name="T36" fmla="*/ 10 w 75"/>
                  <a:gd name="T37" fmla="*/ 17 h 57"/>
                  <a:gd name="T38" fmla="*/ 8 w 75"/>
                  <a:gd name="T39" fmla="*/ 19 h 57"/>
                  <a:gd name="T40" fmla="*/ 7 w 75"/>
                  <a:gd name="T41" fmla="*/ 19 h 57"/>
                  <a:gd name="T42" fmla="*/ 4 w 75"/>
                  <a:gd name="T43" fmla="*/ 19 h 57"/>
                  <a:gd name="T44" fmla="*/ 3 w 75"/>
                  <a:gd name="T45" fmla="*/ 18 h 57"/>
                  <a:gd name="T46" fmla="*/ 5 w 75"/>
                  <a:gd name="T47" fmla="*/ 16 h 57"/>
                  <a:gd name="T48" fmla="*/ 8 w 75"/>
                  <a:gd name="T49" fmla="*/ 13 h 57"/>
                  <a:gd name="T50" fmla="*/ 9 w 75"/>
                  <a:gd name="T51" fmla="*/ 12 h 57"/>
                  <a:gd name="T52" fmla="*/ 8 w 75"/>
                  <a:gd name="T53" fmla="*/ 10 h 57"/>
                  <a:gd name="T54" fmla="*/ 5 w 75"/>
                  <a:gd name="T55" fmla="*/ 10 h 57"/>
                  <a:gd name="T56" fmla="*/ 4 w 75"/>
                  <a:gd name="T57" fmla="*/ 8 h 57"/>
                  <a:gd name="T58" fmla="*/ 5 w 75"/>
                  <a:gd name="T59" fmla="*/ 5 h 57"/>
                  <a:gd name="T60" fmla="*/ 3 w 75"/>
                  <a:gd name="T61" fmla="*/ 4 h 57"/>
                  <a:gd name="T62" fmla="*/ 1 w 75"/>
                  <a:gd name="T63" fmla="*/ 3 h 57"/>
                  <a:gd name="T64" fmla="*/ 0 w 75"/>
                  <a:gd name="T65" fmla="*/ 1 h 57"/>
                  <a:gd name="T66" fmla="*/ 2 w 75"/>
                  <a:gd name="T67" fmla="*/ 1 h 57"/>
                  <a:gd name="T68" fmla="*/ 5 w 75"/>
                  <a:gd name="T69" fmla="*/ 1 h 57"/>
                  <a:gd name="T70" fmla="*/ 8 w 75"/>
                  <a:gd name="T71" fmla="*/ 3 h 57"/>
                  <a:gd name="T72" fmla="*/ 9 w 75"/>
                  <a:gd name="T73" fmla="*/ 5 h 57"/>
                  <a:gd name="T74" fmla="*/ 9 w 75"/>
                  <a:gd name="T75" fmla="*/ 8 h 57"/>
                  <a:gd name="T76" fmla="*/ 11 w 75"/>
                  <a:gd name="T77" fmla="*/ 8 h 57"/>
                  <a:gd name="T78" fmla="*/ 14 w 75"/>
                  <a:gd name="T79" fmla="*/ 3 h 57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0" t="0" r="r" b="b"/>
                <a:pathLst>
                  <a:path w="75" h="57">
                    <a:moveTo>
                      <a:pt x="44" y="1"/>
                    </a:moveTo>
                    <a:lnTo>
                      <a:pt x="49" y="0"/>
                    </a:lnTo>
                    <a:lnTo>
                      <a:pt x="54" y="1"/>
                    </a:lnTo>
                    <a:lnTo>
                      <a:pt x="57" y="2"/>
                    </a:lnTo>
                    <a:lnTo>
                      <a:pt x="60" y="4"/>
                    </a:lnTo>
                    <a:lnTo>
                      <a:pt x="62" y="7"/>
                    </a:lnTo>
                    <a:lnTo>
                      <a:pt x="65" y="9"/>
                    </a:lnTo>
                    <a:lnTo>
                      <a:pt x="68" y="10"/>
                    </a:lnTo>
                    <a:lnTo>
                      <a:pt x="73" y="11"/>
                    </a:lnTo>
                    <a:lnTo>
                      <a:pt x="74" y="16"/>
                    </a:lnTo>
                    <a:lnTo>
                      <a:pt x="75" y="20"/>
                    </a:lnTo>
                    <a:lnTo>
                      <a:pt x="75" y="24"/>
                    </a:lnTo>
                    <a:lnTo>
                      <a:pt x="74" y="28"/>
                    </a:lnTo>
                    <a:lnTo>
                      <a:pt x="72" y="34"/>
                    </a:lnTo>
                    <a:lnTo>
                      <a:pt x="67" y="38"/>
                    </a:lnTo>
                    <a:lnTo>
                      <a:pt x="64" y="42"/>
                    </a:lnTo>
                    <a:lnTo>
                      <a:pt x="60" y="47"/>
                    </a:lnTo>
                    <a:lnTo>
                      <a:pt x="56" y="52"/>
                    </a:lnTo>
                    <a:lnTo>
                      <a:pt x="54" y="57"/>
                    </a:lnTo>
                    <a:lnTo>
                      <a:pt x="50" y="56"/>
                    </a:lnTo>
                    <a:lnTo>
                      <a:pt x="48" y="55"/>
                    </a:lnTo>
                    <a:lnTo>
                      <a:pt x="47" y="54"/>
                    </a:lnTo>
                    <a:lnTo>
                      <a:pt x="46" y="53"/>
                    </a:lnTo>
                    <a:lnTo>
                      <a:pt x="47" y="50"/>
                    </a:lnTo>
                    <a:lnTo>
                      <a:pt x="49" y="47"/>
                    </a:lnTo>
                    <a:lnTo>
                      <a:pt x="52" y="42"/>
                    </a:lnTo>
                    <a:lnTo>
                      <a:pt x="52" y="38"/>
                    </a:lnTo>
                    <a:lnTo>
                      <a:pt x="52" y="36"/>
                    </a:lnTo>
                    <a:lnTo>
                      <a:pt x="50" y="34"/>
                    </a:lnTo>
                    <a:lnTo>
                      <a:pt x="48" y="32"/>
                    </a:lnTo>
                    <a:lnTo>
                      <a:pt x="44" y="29"/>
                    </a:lnTo>
                    <a:lnTo>
                      <a:pt x="42" y="30"/>
                    </a:lnTo>
                    <a:lnTo>
                      <a:pt x="39" y="31"/>
                    </a:lnTo>
                    <a:lnTo>
                      <a:pt x="37" y="33"/>
                    </a:lnTo>
                    <a:lnTo>
                      <a:pt x="36" y="34"/>
                    </a:lnTo>
                    <a:lnTo>
                      <a:pt x="34" y="39"/>
                    </a:lnTo>
                    <a:lnTo>
                      <a:pt x="32" y="44"/>
                    </a:lnTo>
                    <a:lnTo>
                      <a:pt x="30" y="50"/>
                    </a:lnTo>
                    <a:lnTo>
                      <a:pt x="27" y="54"/>
                    </a:lnTo>
                    <a:lnTo>
                      <a:pt x="25" y="56"/>
                    </a:lnTo>
                    <a:lnTo>
                      <a:pt x="23" y="57"/>
                    </a:lnTo>
                    <a:lnTo>
                      <a:pt x="20" y="57"/>
                    </a:lnTo>
                    <a:lnTo>
                      <a:pt x="17" y="57"/>
                    </a:lnTo>
                    <a:lnTo>
                      <a:pt x="13" y="57"/>
                    </a:lnTo>
                    <a:lnTo>
                      <a:pt x="10" y="56"/>
                    </a:lnTo>
                    <a:lnTo>
                      <a:pt x="9" y="55"/>
                    </a:lnTo>
                    <a:lnTo>
                      <a:pt x="10" y="53"/>
                    </a:lnTo>
                    <a:lnTo>
                      <a:pt x="15" y="48"/>
                    </a:lnTo>
                    <a:lnTo>
                      <a:pt x="21" y="42"/>
                    </a:lnTo>
                    <a:lnTo>
                      <a:pt x="23" y="40"/>
                    </a:lnTo>
                    <a:lnTo>
                      <a:pt x="25" y="37"/>
                    </a:lnTo>
                    <a:lnTo>
                      <a:pt x="27" y="35"/>
                    </a:lnTo>
                    <a:lnTo>
                      <a:pt x="26" y="33"/>
                    </a:lnTo>
                    <a:lnTo>
                      <a:pt x="25" y="31"/>
                    </a:lnTo>
                    <a:lnTo>
                      <a:pt x="21" y="30"/>
                    </a:lnTo>
                    <a:lnTo>
                      <a:pt x="16" y="30"/>
                    </a:lnTo>
                    <a:lnTo>
                      <a:pt x="7" y="29"/>
                    </a:lnTo>
                    <a:lnTo>
                      <a:pt x="12" y="23"/>
                    </a:lnTo>
                    <a:lnTo>
                      <a:pt x="14" y="17"/>
                    </a:lnTo>
                    <a:lnTo>
                      <a:pt x="14" y="15"/>
                    </a:lnTo>
                    <a:lnTo>
                      <a:pt x="13" y="13"/>
                    </a:lnTo>
                    <a:lnTo>
                      <a:pt x="10" y="12"/>
                    </a:lnTo>
                    <a:lnTo>
                      <a:pt x="7" y="11"/>
                    </a:lnTo>
                    <a:lnTo>
                      <a:pt x="3" y="8"/>
                    </a:lnTo>
                    <a:lnTo>
                      <a:pt x="1" y="5"/>
                    </a:lnTo>
                    <a:lnTo>
                      <a:pt x="0" y="4"/>
                    </a:lnTo>
                    <a:lnTo>
                      <a:pt x="0" y="3"/>
                    </a:lnTo>
                    <a:lnTo>
                      <a:pt x="5" y="2"/>
                    </a:lnTo>
                    <a:lnTo>
                      <a:pt x="12" y="3"/>
                    </a:lnTo>
                    <a:lnTo>
                      <a:pt x="16" y="4"/>
                    </a:lnTo>
                    <a:lnTo>
                      <a:pt x="19" y="7"/>
                    </a:lnTo>
                    <a:lnTo>
                      <a:pt x="23" y="9"/>
                    </a:lnTo>
                    <a:lnTo>
                      <a:pt x="25" y="12"/>
                    </a:lnTo>
                    <a:lnTo>
                      <a:pt x="27" y="15"/>
                    </a:lnTo>
                    <a:lnTo>
                      <a:pt x="28" y="19"/>
                    </a:lnTo>
                    <a:lnTo>
                      <a:pt x="28" y="24"/>
                    </a:lnTo>
                    <a:lnTo>
                      <a:pt x="26" y="29"/>
                    </a:lnTo>
                    <a:lnTo>
                      <a:pt x="32" y="23"/>
                    </a:lnTo>
                    <a:lnTo>
                      <a:pt x="37" y="17"/>
                    </a:lnTo>
                    <a:lnTo>
                      <a:pt x="41" y="9"/>
                    </a:lnTo>
                    <a:lnTo>
                      <a:pt x="44" y="1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68" name="Freeform 403"/>
              <p:cNvSpPr>
                <a:spLocks/>
              </p:cNvSpPr>
              <p:nvPr/>
            </p:nvSpPr>
            <p:spPr bwMode="auto">
              <a:xfrm>
                <a:off x="2322513" y="6145213"/>
                <a:ext cx="20638" cy="28575"/>
              </a:xfrm>
              <a:custGeom>
                <a:avLst/>
                <a:gdLst>
                  <a:gd name="T0" fmla="*/ 12 w 40"/>
                  <a:gd name="T1" fmla="*/ 3 h 55"/>
                  <a:gd name="T2" fmla="*/ 13 w 40"/>
                  <a:gd name="T3" fmla="*/ 5 h 55"/>
                  <a:gd name="T4" fmla="*/ 13 w 40"/>
                  <a:gd name="T5" fmla="*/ 6 h 55"/>
                  <a:gd name="T6" fmla="*/ 13 w 40"/>
                  <a:gd name="T7" fmla="*/ 7 h 55"/>
                  <a:gd name="T8" fmla="*/ 13 w 40"/>
                  <a:gd name="T9" fmla="*/ 9 h 55"/>
                  <a:gd name="T10" fmla="*/ 12 w 40"/>
                  <a:gd name="T11" fmla="*/ 10 h 55"/>
                  <a:gd name="T12" fmla="*/ 11 w 40"/>
                  <a:gd name="T13" fmla="*/ 12 h 55"/>
                  <a:gd name="T14" fmla="*/ 10 w 40"/>
                  <a:gd name="T15" fmla="*/ 13 h 55"/>
                  <a:gd name="T16" fmla="*/ 8 w 40"/>
                  <a:gd name="T17" fmla="*/ 15 h 55"/>
                  <a:gd name="T18" fmla="*/ 7 w 40"/>
                  <a:gd name="T19" fmla="*/ 16 h 55"/>
                  <a:gd name="T20" fmla="*/ 6 w 40"/>
                  <a:gd name="T21" fmla="*/ 18 h 55"/>
                  <a:gd name="T22" fmla="*/ 5 w 40"/>
                  <a:gd name="T23" fmla="*/ 15 h 55"/>
                  <a:gd name="T24" fmla="*/ 4 w 40"/>
                  <a:gd name="T25" fmla="*/ 12 h 55"/>
                  <a:gd name="T26" fmla="*/ 2 w 40"/>
                  <a:gd name="T27" fmla="*/ 9 h 55"/>
                  <a:gd name="T28" fmla="*/ 0 w 40"/>
                  <a:gd name="T29" fmla="*/ 3 h 55"/>
                  <a:gd name="T30" fmla="*/ 2 w 40"/>
                  <a:gd name="T31" fmla="*/ 2 h 55"/>
                  <a:gd name="T32" fmla="*/ 4 w 40"/>
                  <a:gd name="T33" fmla="*/ 1 h 55"/>
                  <a:gd name="T34" fmla="*/ 5 w 40"/>
                  <a:gd name="T35" fmla="*/ 0 h 55"/>
                  <a:gd name="T36" fmla="*/ 6 w 40"/>
                  <a:gd name="T37" fmla="*/ 0 h 55"/>
                  <a:gd name="T38" fmla="*/ 8 w 40"/>
                  <a:gd name="T39" fmla="*/ 0 h 55"/>
                  <a:gd name="T40" fmla="*/ 9 w 40"/>
                  <a:gd name="T41" fmla="*/ 1 h 55"/>
                  <a:gd name="T42" fmla="*/ 11 w 40"/>
                  <a:gd name="T43" fmla="*/ 2 h 55"/>
                  <a:gd name="T44" fmla="*/ 12 w 40"/>
                  <a:gd name="T45" fmla="*/ 3 h 55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40" h="55">
                    <a:moveTo>
                      <a:pt x="38" y="9"/>
                    </a:moveTo>
                    <a:lnTo>
                      <a:pt x="39" y="14"/>
                    </a:lnTo>
                    <a:lnTo>
                      <a:pt x="40" y="18"/>
                    </a:lnTo>
                    <a:lnTo>
                      <a:pt x="40" y="22"/>
                    </a:lnTo>
                    <a:lnTo>
                      <a:pt x="39" y="26"/>
                    </a:lnTo>
                    <a:lnTo>
                      <a:pt x="37" y="32"/>
                    </a:lnTo>
                    <a:lnTo>
                      <a:pt x="33" y="36"/>
                    </a:lnTo>
                    <a:lnTo>
                      <a:pt x="30" y="40"/>
                    </a:lnTo>
                    <a:lnTo>
                      <a:pt x="26" y="45"/>
                    </a:lnTo>
                    <a:lnTo>
                      <a:pt x="22" y="50"/>
                    </a:lnTo>
                    <a:lnTo>
                      <a:pt x="19" y="55"/>
                    </a:lnTo>
                    <a:lnTo>
                      <a:pt x="16" y="47"/>
                    </a:lnTo>
                    <a:lnTo>
                      <a:pt x="12" y="37"/>
                    </a:lnTo>
                    <a:lnTo>
                      <a:pt x="7" y="26"/>
                    </a:lnTo>
                    <a:lnTo>
                      <a:pt x="0" y="9"/>
                    </a:lnTo>
                    <a:lnTo>
                      <a:pt x="6" y="5"/>
                    </a:lnTo>
                    <a:lnTo>
                      <a:pt x="11" y="2"/>
                    </a:lnTo>
                    <a:lnTo>
                      <a:pt x="15" y="0"/>
                    </a:lnTo>
                    <a:lnTo>
                      <a:pt x="19" y="0"/>
                    </a:lnTo>
                    <a:lnTo>
                      <a:pt x="24" y="0"/>
                    </a:lnTo>
                    <a:lnTo>
                      <a:pt x="29" y="2"/>
                    </a:lnTo>
                    <a:lnTo>
                      <a:pt x="33" y="5"/>
                    </a:lnTo>
                    <a:lnTo>
                      <a:pt x="38" y="9"/>
                    </a:lnTo>
                    <a:close/>
                  </a:path>
                </a:pathLst>
              </a:custGeom>
              <a:grpFill/>
              <a:ln>
                <a:noFill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069" name="Ærø"/>
              <p:cNvSpPr>
                <a:spLocks/>
              </p:cNvSpPr>
              <p:nvPr/>
            </p:nvSpPr>
            <p:spPr bwMode="auto">
              <a:xfrm>
                <a:off x="2322513" y="6145213"/>
                <a:ext cx="20638" cy="28575"/>
              </a:xfrm>
              <a:custGeom>
                <a:avLst/>
                <a:gdLst>
                  <a:gd name="T0" fmla="*/ 12 w 40"/>
                  <a:gd name="T1" fmla="*/ 3 h 55"/>
                  <a:gd name="T2" fmla="*/ 13 w 40"/>
                  <a:gd name="T3" fmla="*/ 5 h 55"/>
                  <a:gd name="T4" fmla="*/ 13 w 40"/>
                  <a:gd name="T5" fmla="*/ 6 h 55"/>
                  <a:gd name="T6" fmla="*/ 13 w 40"/>
                  <a:gd name="T7" fmla="*/ 7 h 55"/>
                  <a:gd name="T8" fmla="*/ 13 w 40"/>
                  <a:gd name="T9" fmla="*/ 9 h 55"/>
                  <a:gd name="T10" fmla="*/ 12 w 40"/>
                  <a:gd name="T11" fmla="*/ 10 h 55"/>
                  <a:gd name="T12" fmla="*/ 11 w 40"/>
                  <a:gd name="T13" fmla="*/ 12 h 55"/>
                  <a:gd name="T14" fmla="*/ 10 w 40"/>
                  <a:gd name="T15" fmla="*/ 13 h 55"/>
                  <a:gd name="T16" fmla="*/ 8 w 40"/>
                  <a:gd name="T17" fmla="*/ 15 h 55"/>
                  <a:gd name="T18" fmla="*/ 7 w 40"/>
                  <a:gd name="T19" fmla="*/ 16 h 55"/>
                  <a:gd name="T20" fmla="*/ 6 w 40"/>
                  <a:gd name="T21" fmla="*/ 18 h 55"/>
                  <a:gd name="T22" fmla="*/ 5 w 40"/>
                  <a:gd name="T23" fmla="*/ 15 h 55"/>
                  <a:gd name="T24" fmla="*/ 4 w 40"/>
                  <a:gd name="T25" fmla="*/ 12 h 55"/>
                  <a:gd name="T26" fmla="*/ 2 w 40"/>
                  <a:gd name="T27" fmla="*/ 9 h 55"/>
                  <a:gd name="T28" fmla="*/ 0 w 40"/>
                  <a:gd name="T29" fmla="*/ 3 h 55"/>
                  <a:gd name="T30" fmla="*/ 2 w 40"/>
                  <a:gd name="T31" fmla="*/ 2 h 55"/>
                  <a:gd name="T32" fmla="*/ 4 w 40"/>
                  <a:gd name="T33" fmla="*/ 1 h 55"/>
                  <a:gd name="T34" fmla="*/ 5 w 40"/>
                  <a:gd name="T35" fmla="*/ 0 h 55"/>
                  <a:gd name="T36" fmla="*/ 6 w 40"/>
                  <a:gd name="T37" fmla="*/ 0 h 55"/>
                  <a:gd name="T38" fmla="*/ 8 w 40"/>
                  <a:gd name="T39" fmla="*/ 0 h 55"/>
                  <a:gd name="T40" fmla="*/ 9 w 40"/>
                  <a:gd name="T41" fmla="*/ 1 h 55"/>
                  <a:gd name="T42" fmla="*/ 11 w 40"/>
                  <a:gd name="T43" fmla="*/ 2 h 55"/>
                  <a:gd name="T44" fmla="*/ 12 w 40"/>
                  <a:gd name="T45" fmla="*/ 3 h 55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40" h="55">
                    <a:moveTo>
                      <a:pt x="38" y="9"/>
                    </a:moveTo>
                    <a:lnTo>
                      <a:pt x="39" y="14"/>
                    </a:lnTo>
                    <a:lnTo>
                      <a:pt x="40" y="18"/>
                    </a:lnTo>
                    <a:lnTo>
                      <a:pt x="40" y="22"/>
                    </a:lnTo>
                    <a:lnTo>
                      <a:pt x="39" y="26"/>
                    </a:lnTo>
                    <a:lnTo>
                      <a:pt x="37" y="32"/>
                    </a:lnTo>
                    <a:lnTo>
                      <a:pt x="33" y="36"/>
                    </a:lnTo>
                    <a:lnTo>
                      <a:pt x="30" y="40"/>
                    </a:lnTo>
                    <a:lnTo>
                      <a:pt x="26" y="45"/>
                    </a:lnTo>
                    <a:lnTo>
                      <a:pt x="22" y="50"/>
                    </a:lnTo>
                    <a:lnTo>
                      <a:pt x="19" y="55"/>
                    </a:lnTo>
                    <a:lnTo>
                      <a:pt x="16" y="47"/>
                    </a:lnTo>
                    <a:lnTo>
                      <a:pt x="12" y="37"/>
                    </a:lnTo>
                    <a:lnTo>
                      <a:pt x="7" y="26"/>
                    </a:lnTo>
                    <a:lnTo>
                      <a:pt x="0" y="9"/>
                    </a:lnTo>
                    <a:lnTo>
                      <a:pt x="6" y="5"/>
                    </a:lnTo>
                    <a:lnTo>
                      <a:pt x="11" y="2"/>
                    </a:lnTo>
                    <a:lnTo>
                      <a:pt x="15" y="0"/>
                    </a:lnTo>
                    <a:lnTo>
                      <a:pt x="19" y="0"/>
                    </a:lnTo>
                    <a:lnTo>
                      <a:pt x="24" y="0"/>
                    </a:lnTo>
                    <a:lnTo>
                      <a:pt x="29" y="2"/>
                    </a:lnTo>
                    <a:lnTo>
                      <a:pt x="33" y="5"/>
                    </a:lnTo>
                    <a:lnTo>
                      <a:pt x="38" y="9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</p:grpSp>
      <p:grpSp>
        <p:nvGrpSpPr>
          <p:cNvPr id="1107" name="Midtjylland"/>
          <p:cNvGrpSpPr>
            <a:grpSpLocks/>
          </p:cNvGrpSpPr>
          <p:nvPr/>
        </p:nvGrpSpPr>
        <p:grpSpPr>
          <a:xfrm>
            <a:off x="5772473" y="3064259"/>
            <a:ext cx="2290767" cy="1436690"/>
            <a:chOff x="515938" y="3471867"/>
            <a:chExt cx="2290767" cy="1436690"/>
          </a:xfrm>
          <a:solidFill>
            <a:schemeClr val="accent5">
              <a:lumMod val="60000"/>
              <a:lumOff val="40000"/>
            </a:schemeClr>
          </a:solidFill>
        </p:grpSpPr>
        <p:sp>
          <p:nvSpPr>
            <p:cNvPr id="1108" name="Lemvig"/>
            <p:cNvSpPr>
              <a:spLocks noEditPoints="1"/>
            </p:cNvSpPr>
            <p:nvPr/>
          </p:nvSpPr>
          <p:spPr bwMode="auto">
            <a:xfrm>
              <a:off x="539750" y="3633788"/>
              <a:ext cx="293688" cy="438150"/>
            </a:xfrm>
            <a:custGeom>
              <a:avLst/>
              <a:gdLst>
                <a:gd name="T0" fmla="*/ 51 w 555"/>
                <a:gd name="T1" fmla="*/ 13 h 828"/>
                <a:gd name="T2" fmla="*/ 50 w 555"/>
                <a:gd name="T3" fmla="*/ 3 h 828"/>
                <a:gd name="T4" fmla="*/ 46 w 555"/>
                <a:gd name="T5" fmla="*/ 4 h 828"/>
                <a:gd name="T6" fmla="*/ 39 w 555"/>
                <a:gd name="T7" fmla="*/ 11 h 828"/>
                <a:gd name="T8" fmla="*/ 39 w 555"/>
                <a:gd name="T9" fmla="*/ 17 h 828"/>
                <a:gd name="T10" fmla="*/ 35 w 555"/>
                <a:gd name="T11" fmla="*/ 19 h 828"/>
                <a:gd name="T12" fmla="*/ 38 w 555"/>
                <a:gd name="T13" fmla="*/ 21 h 828"/>
                <a:gd name="T14" fmla="*/ 36 w 555"/>
                <a:gd name="T15" fmla="*/ 26 h 828"/>
                <a:gd name="T16" fmla="*/ 32 w 555"/>
                <a:gd name="T17" fmla="*/ 31 h 828"/>
                <a:gd name="T18" fmla="*/ 25 w 555"/>
                <a:gd name="T19" fmla="*/ 42 h 828"/>
                <a:gd name="T20" fmla="*/ 26 w 555"/>
                <a:gd name="T21" fmla="*/ 47 h 828"/>
                <a:gd name="T22" fmla="*/ 38 w 555"/>
                <a:gd name="T23" fmla="*/ 42 h 828"/>
                <a:gd name="T24" fmla="*/ 47 w 555"/>
                <a:gd name="T25" fmla="*/ 37 h 828"/>
                <a:gd name="T26" fmla="*/ 39 w 555"/>
                <a:gd name="T27" fmla="*/ 35 h 828"/>
                <a:gd name="T28" fmla="*/ 35 w 555"/>
                <a:gd name="T29" fmla="*/ 31 h 828"/>
                <a:gd name="T30" fmla="*/ 41 w 555"/>
                <a:gd name="T31" fmla="*/ 22 h 828"/>
                <a:gd name="T32" fmla="*/ 41 w 555"/>
                <a:gd name="T33" fmla="*/ 22 h 828"/>
                <a:gd name="T34" fmla="*/ 41 w 555"/>
                <a:gd name="T35" fmla="*/ 16 h 828"/>
                <a:gd name="T36" fmla="*/ 140 w 555"/>
                <a:gd name="T37" fmla="*/ 213 h 828"/>
                <a:gd name="T38" fmla="*/ 135 w 555"/>
                <a:gd name="T39" fmla="*/ 221 h 828"/>
                <a:gd name="T40" fmla="*/ 132 w 555"/>
                <a:gd name="T41" fmla="*/ 228 h 828"/>
                <a:gd name="T42" fmla="*/ 141 w 555"/>
                <a:gd name="T43" fmla="*/ 236 h 828"/>
                <a:gd name="T44" fmla="*/ 145 w 555"/>
                <a:gd name="T45" fmla="*/ 241 h 828"/>
                <a:gd name="T46" fmla="*/ 120 w 555"/>
                <a:gd name="T47" fmla="*/ 250 h 828"/>
                <a:gd name="T48" fmla="*/ 104 w 555"/>
                <a:gd name="T49" fmla="*/ 260 h 828"/>
                <a:gd name="T50" fmla="*/ 92 w 555"/>
                <a:gd name="T51" fmla="*/ 262 h 828"/>
                <a:gd name="T52" fmla="*/ 85 w 555"/>
                <a:gd name="T53" fmla="*/ 253 h 828"/>
                <a:gd name="T54" fmla="*/ 78 w 555"/>
                <a:gd name="T55" fmla="*/ 266 h 828"/>
                <a:gd name="T56" fmla="*/ 67 w 555"/>
                <a:gd name="T57" fmla="*/ 275 h 828"/>
                <a:gd name="T58" fmla="*/ 47 w 555"/>
                <a:gd name="T59" fmla="*/ 268 h 828"/>
                <a:gd name="T60" fmla="*/ 29 w 555"/>
                <a:gd name="T61" fmla="*/ 249 h 828"/>
                <a:gd name="T62" fmla="*/ 21 w 555"/>
                <a:gd name="T63" fmla="*/ 227 h 828"/>
                <a:gd name="T64" fmla="*/ 18 w 555"/>
                <a:gd name="T65" fmla="*/ 210 h 828"/>
                <a:gd name="T66" fmla="*/ 10 w 555"/>
                <a:gd name="T67" fmla="*/ 213 h 828"/>
                <a:gd name="T68" fmla="*/ 0 w 555"/>
                <a:gd name="T69" fmla="*/ 171 h 828"/>
                <a:gd name="T70" fmla="*/ 3 w 555"/>
                <a:gd name="T71" fmla="*/ 123 h 828"/>
                <a:gd name="T72" fmla="*/ 20 w 555"/>
                <a:gd name="T73" fmla="*/ 57 h 828"/>
                <a:gd name="T74" fmla="*/ 41 w 555"/>
                <a:gd name="T75" fmla="*/ 61 h 828"/>
                <a:gd name="T76" fmla="*/ 54 w 555"/>
                <a:gd name="T77" fmla="*/ 71 h 828"/>
                <a:gd name="T78" fmla="*/ 62 w 555"/>
                <a:gd name="T79" fmla="*/ 83 h 828"/>
                <a:gd name="T80" fmla="*/ 78 w 555"/>
                <a:gd name="T81" fmla="*/ 88 h 828"/>
                <a:gd name="T82" fmla="*/ 90 w 555"/>
                <a:gd name="T83" fmla="*/ 93 h 828"/>
                <a:gd name="T84" fmla="*/ 81 w 555"/>
                <a:gd name="T85" fmla="*/ 95 h 828"/>
                <a:gd name="T86" fmla="*/ 81 w 555"/>
                <a:gd name="T87" fmla="*/ 100 h 828"/>
                <a:gd name="T88" fmla="*/ 85 w 555"/>
                <a:gd name="T89" fmla="*/ 117 h 828"/>
                <a:gd name="T90" fmla="*/ 90 w 555"/>
                <a:gd name="T91" fmla="*/ 120 h 828"/>
                <a:gd name="T92" fmla="*/ 94 w 555"/>
                <a:gd name="T93" fmla="*/ 107 h 828"/>
                <a:gd name="T94" fmla="*/ 104 w 555"/>
                <a:gd name="T95" fmla="*/ 103 h 828"/>
                <a:gd name="T96" fmla="*/ 132 w 555"/>
                <a:gd name="T97" fmla="*/ 105 h 828"/>
                <a:gd name="T98" fmla="*/ 158 w 555"/>
                <a:gd name="T99" fmla="*/ 114 h 828"/>
                <a:gd name="T100" fmla="*/ 185 w 555"/>
                <a:gd name="T101" fmla="*/ 128 h 828"/>
                <a:gd name="T102" fmla="*/ 180 w 555"/>
                <a:gd name="T103" fmla="*/ 133 h 828"/>
                <a:gd name="T104" fmla="*/ 179 w 555"/>
                <a:gd name="T105" fmla="*/ 163 h 828"/>
                <a:gd name="T106" fmla="*/ 170 w 555"/>
                <a:gd name="T107" fmla="*/ 191 h 828"/>
                <a:gd name="T108" fmla="*/ 161 w 555"/>
                <a:gd name="T109" fmla="*/ 203 h 828"/>
                <a:gd name="T110" fmla="*/ 147 w 555"/>
                <a:gd name="T111" fmla="*/ 211 h 828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555" h="828">
                  <a:moveTo>
                    <a:pt x="124" y="48"/>
                  </a:moveTo>
                  <a:lnTo>
                    <a:pt x="133" y="47"/>
                  </a:lnTo>
                  <a:lnTo>
                    <a:pt x="140" y="45"/>
                  </a:lnTo>
                  <a:lnTo>
                    <a:pt x="146" y="42"/>
                  </a:lnTo>
                  <a:lnTo>
                    <a:pt x="153" y="38"/>
                  </a:lnTo>
                  <a:lnTo>
                    <a:pt x="147" y="34"/>
                  </a:lnTo>
                  <a:lnTo>
                    <a:pt x="153" y="29"/>
                  </a:lnTo>
                  <a:lnTo>
                    <a:pt x="152" y="21"/>
                  </a:lnTo>
                  <a:lnTo>
                    <a:pt x="152" y="11"/>
                  </a:lnTo>
                  <a:lnTo>
                    <a:pt x="150" y="8"/>
                  </a:lnTo>
                  <a:lnTo>
                    <a:pt x="148" y="5"/>
                  </a:lnTo>
                  <a:lnTo>
                    <a:pt x="146" y="3"/>
                  </a:lnTo>
                  <a:lnTo>
                    <a:pt x="143" y="0"/>
                  </a:lnTo>
                  <a:lnTo>
                    <a:pt x="141" y="7"/>
                  </a:lnTo>
                  <a:lnTo>
                    <a:pt x="138" y="12"/>
                  </a:lnTo>
                  <a:lnTo>
                    <a:pt x="134" y="16"/>
                  </a:lnTo>
                  <a:lnTo>
                    <a:pt x="129" y="19"/>
                  </a:lnTo>
                  <a:lnTo>
                    <a:pt x="124" y="24"/>
                  </a:lnTo>
                  <a:lnTo>
                    <a:pt x="120" y="27"/>
                  </a:lnTo>
                  <a:lnTo>
                    <a:pt x="117" y="32"/>
                  </a:lnTo>
                  <a:lnTo>
                    <a:pt x="115" y="38"/>
                  </a:lnTo>
                  <a:lnTo>
                    <a:pt x="124" y="38"/>
                  </a:lnTo>
                  <a:lnTo>
                    <a:pt x="124" y="48"/>
                  </a:lnTo>
                  <a:close/>
                  <a:moveTo>
                    <a:pt x="124" y="38"/>
                  </a:moveTo>
                  <a:lnTo>
                    <a:pt x="118" y="52"/>
                  </a:lnTo>
                  <a:lnTo>
                    <a:pt x="115" y="62"/>
                  </a:lnTo>
                  <a:lnTo>
                    <a:pt x="124" y="38"/>
                  </a:lnTo>
                  <a:close/>
                  <a:moveTo>
                    <a:pt x="105" y="57"/>
                  </a:moveTo>
                  <a:lnTo>
                    <a:pt x="115" y="62"/>
                  </a:lnTo>
                  <a:lnTo>
                    <a:pt x="105" y="57"/>
                  </a:lnTo>
                  <a:close/>
                  <a:moveTo>
                    <a:pt x="105" y="67"/>
                  </a:moveTo>
                  <a:lnTo>
                    <a:pt x="105" y="62"/>
                  </a:lnTo>
                  <a:lnTo>
                    <a:pt x="105" y="57"/>
                  </a:lnTo>
                  <a:lnTo>
                    <a:pt x="105" y="67"/>
                  </a:lnTo>
                  <a:close/>
                  <a:moveTo>
                    <a:pt x="115" y="62"/>
                  </a:moveTo>
                  <a:lnTo>
                    <a:pt x="105" y="67"/>
                  </a:lnTo>
                  <a:lnTo>
                    <a:pt x="115" y="62"/>
                  </a:lnTo>
                  <a:close/>
                  <a:moveTo>
                    <a:pt x="96" y="94"/>
                  </a:moveTo>
                  <a:lnTo>
                    <a:pt x="102" y="86"/>
                  </a:lnTo>
                  <a:lnTo>
                    <a:pt x="107" y="77"/>
                  </a:lnTo>
                  <a:lnTo>
                    <a:pt x="112" y="70"/>
                  </a:lnTo>
                  <a:lnTo>
                    <a:pt x="115" y="62"/>
                  </a:lnTo>
                  <a:lnTo>
                    <a:pt x="96" y="94"/>
                  </a:lnTo>
                  <a:close/>
                  <a:moveTo>
                    <a:pt x="96" y="86"/>
                  </a:moveTo>
                  <a:lnTo>
                    <a:pt x="96" y="94"/>
                  </a:lnTo>
                  <a:lnTo>
                    <a:pt x="96" y="86"/>
                  </a:lnTo>
                  <a:close/>
                  <a:moveTo>
                    <a:pt x="96" y="86"/>
                  </a:moveTo>
                  <a:lnTo>
                    <a:pt x="88" y="98"/>
                  </a:lnTo>
                  <a:lnTo>
                    <a:pt x="78" y="116"/>
                  </a:lnTo>
                  <a:lnTo>
                    <a:pt x="75" y="126"/>
                  </a:lnTo>
                  <a:lnTo>
                    <a:pt x="73" y="133"/>
                  </a:lnTo>
                  <a:lnTo>
                    <a:pt x="73" y="136"/>
                  </a:lnTo>
                  <a:lnTo>
                    <a:pt x="74" y="138"/>
                  </a:lnTo>
                  <a:lnTo>
                    <a:pt x="75" y="141"/>
                  </a:lnTo>
                  <a:lnTo>
                    <a:pt x="78" y="142"/>
                  </a:lnTo>
                  <a:lnTo>
                    <a:pt x="81" y="138"/>
                  </a:lnTo>
                  <a:lnTo>
                    <a:pt x="87" y="136"/>
                  </a:lnTo>
                  <a:lnTo>
                    <a:pt x="96" y="133"/>
                  </a:lnTo>
                  <a:lnTo>
                    <a:pt x="104" y="131"/>
                  </a:lnTo>
                  <a:lnTo>
                    <a:pt x="114" y="127"/>
                  </a:lnTo>
                  <a:lnTo>
                    <a:pt x="124" y="124"/>
                  </a:lnTo>
                  <a:lnTo>
                    <a:pt x="134" y="118"/>
                  </a:lnTo>
                  <a:lnTo>
                    <a:pt x="143" y="113"/>
                  </a:lnTo>
                  <a:lnTo>
                    <a:pt x="142" y="111"/>
                  </a:lnTo>
                  <a:lnTo>
                    <a:pt x="140" y="110"/>
                  </a:lnTo>
                  <a:lnTo>
                    <a:pt x="138" y="108"/>
                  </a:lnTo>
                  <a:lnTo>
                    <a:pt x="135" y="108"/>
                  </a:lnTo>
                  <a:lnTo>
                    <a:pt x="129" y="106"/>
                  </a:lnTo>
                  <a:lnTo>
                    <a:pt x="123" y="106"/>
                  </a:lnTo>
                  <a:lnTo>
                    <a:pt x="117" y="105"/>
                  </a:lnTo>
                  <a:lnTo>
                    <a:pt x="112" y="103"/>
                  </a:lnTo>
                  <a:lnTo>
                    <a:pt x="109" y="102"/>
                  </a:lnTo>
                  <a:lnTo>
                    <a:pt x="107" y="99"/>
                  </a:lnTo>
                  <a:lnTo>
                    <a:pt x="106" y="97"/>
                  </a:lnTo>
                  <a:lnTo>
                    <a:pt x="105" y="94"/>
                  </a:lnTo>
                  <a:lnTo>
                    <a:pt x="96" y="86"/>
                  </a:lnTo>
                  <a:close/>
                  <a:moveTo>
                    <a:pt x="96" y="94"/>
                  </a:moveTo>
                  <a:lnTo>
                    <a:pt x="105" y="94"/>
                  </a:lnTo>
                  <a:lnTo>
                    <a:pt x="96" y="94"/>
                  </a:lnTo>
                  <a:close/>
                  <a:moveTo>
                    <a:pt x="124" y="67"/>
                  </a:moveTo>
                  <a:lnTo>
                    <a:pt x="115" y="62"/>
                  </a:lnTo>
                  <a:lnTo>
                    <a:pt x="124" y="67"/>
                  </a:lnTo>
                  <a:close/>
                  <a:moveTo>
                    <a:pt x="124" y="57"/>
                  </a:moveTo>
                  <a:lnTo>
                    <a:pt x="124" y="62"/>
                  </a:lnTo>
                  <a:lnTo>
                    <a:pt x="124" y="67"/>
                  </a:lnTo>
                  <a:lnTo>
                    <a:pt x="124" y="57"/>
                  </a:lnTo>
                  <a:close/>
                  <a:moveTo>
                    <a:pt x="115" y="62"/>
                  </a:moveTo>
                  <a:lnTo>
                    <a:pt x="124" y="57"/>
                  </a:lnTo>
                  <a:lnTo>
                    <a:pt x="115" y="62"/>
                  </a:lnTo>
                  <a:close/>
                  <a:moveTo>
                    <a:pt x="124" y="48"/>
                  </a:moveTo>
                  <a:lnTo>
                    <a:pt x="124" y="38"/>
                  </a:lnTo>
                  <a:lnTo>
                    <a:pt x="124" y="48"/>
                  </a:lnTo>
                  <a:close/>
                  <a:moveTo>
                    <a:pt x="431" y="638"/>
                  </a:moveTo>
                  <a:lnTo>
                    <a:pt x="425" y="639"/>
                  </a:lnTo>
                  <a:lnTo>
                    <a:pt x="421" y="640"/>
                  </a:lnTo>
                  <a:lnTo>
                    <a:pt x="417" y="641"/>
                  </a:lnTo>
                  <a:lnTo>
                    <a:pt x="415" y="644"/>
                  </a:lnTo>
                  <a:lnTo>
                    <a:pt x="411" y="649"/>
                  </a:lnTo>
                  <a:lnTo>
                    <a:pt x="408" y="657"/>
                  </a:lnTo>
                  <a:lnTo>
                    <a:pt x="406" y="664"/>
                  </a:lnTo>
                  <a:lnTo>
                    <a:pt x="404" y="672"/>
                  </a:lnTo>
                  <a:lnTo>
                    <a:pt x="403" y="675"/>
                  </a:lnTo>
                  <a:lnTo>
                    <a:pt x="401" y="679"/>
                  </a:lnTo>
                  <a:lnTo>
                    <a:pt x="399" y="682"/>
                  </a:lnTo>
                  <a:lnTo>
                    <a:pt x="396" y="685"/>
                  </a:lnTo>
                  <a:lnTo>
                    <a:pt x="399" y="691"/>
                  </a:lnTo>
                  <a:lnTo>
                    <a:pt x="404" y="698"/>
                  </a:lnTo>
                  <a:lnTo>
                    <a:pt x="410" y="702"/>
                  </a:lnTo>
                  <a:lnTo>
                    <a:pt x="417" y="706"/>
                  </a:lnTo>
                  <a:lnTo>
                    <a:pt x="424" y="709"/>
                  </a:lnTo>
                  <a:lnTo>
                    <a:pt x="433" y="711"/>
                  </a:lnTo>
                  <a:lnTo>
                    <a:pt x="442" y="712"/>
                  </a:lnTo>
                  <a:lnTo>
                    <a:pt x="452" y="712"/>
                  </a:lnTo>
                  <a:lnTo>
                    <a:pt x="443" y="719"/>
                  </a:lnTo>
                  <a:lnTo>
                    <a:pt x="434" y="724"/>
                  </a:lnTo>
                  <a:lnTo>
                    <a:pt x="423" y="729"/>
                  </a:lnTo>
                  <a:lnTo>
                    <a:pt x="414" y="733"/>
                  </a:lnTo>
                  <a:lnTo>
                    <a:pt x="393" y="741"/>
                  </a:lnTo>
                  <a:lnTo>
                    <a:pt x="372" y="747"/>
                  </a:lnTo>
                  <a:lnTo>
                    <a:pt x="361" y="751"/>
                  </a:lnTo>
                  <a:lnTo>
                    <a:pt x="351" y="755"/>
                  </a:lnTo>
                  <a:lnTo>
                    <a:pt x="340" y="761"/>
                  </a:lnTo>
                  <a:lnTo>
                    <a:pt x="331" y="766"/>
                  </a:lnTo>
                  <a:lnTo>
                    <a:pt x="320" y="772"/>
                  </a:lnTo>
                  <a:lnTo>
                    <a:pt x="311" y="779"/>
                  </a:lnTo>
                  <a:lnTo>
                    <a:pt x="301" y="787"/>
                  </a:lnTo>
                  <a:lnTo>
                    <a:pt x="293" y="797"/>
                  </a:lnTo>
                  <a:lnTo>
                    <a:pt x="286" y="793"/>
                  </a:lnTo>
                  <a:lnTo>
                    <a:pt x="281" y="790"/>
                  </a:lnTo>
                  <a:lnTo>
                    <a:pt x="276" y="786"/>
                  </a:lnTo>
                  <a:lnTo>
                    <a:pt x="271" y="781"/>
                  </a:lnTo>
                  <a:lnTo>
                    <a:pt x="266" y="777"/>
                  </a:lnTo>
                  <a:lnTo>
                    <a:pt x="262" y="771"/>
                  </a:lnTo>
                  <a:lnTo>
                    <a:pt x="259" y="766"/>
                  </a:lnTo>
                  <a:lnTo>
                    <a:pt x="256" y="760"/>
                  </a:lnTo>
                  <a:lnTo>
                    <a:pt x="251" y="765"/>
                  </a:lnTo>
                  <a:lnTo>
                    <a:pt x="246" y="770"/>
                  </a:lnTo>
                  <a:lnTo>
                    <a:pt x="243" y="777"/>
                  </a:lnTo>
                  <a:lnTo>
                    <a:pt x="239" y="783"/>
                  </a:lnTo>
                  <a:lnTo>
                    <a:pt x="233" y="797"/>
                  </a:lnTo>
                  <a:lnTo>
                    <a:pt x="224" y="808"/>
                  </a:lnTo>
                  <a:lnTo>
                    <a:pt x="220" y="813"/>
                  </a:lnTo>
                  <a:lnTo>
                    <a:pt x="215" y="819"/>
                  </a:lnTo>
                  <a:lnTo>
                    <a:pt x="208" y="823"/>
                  </a:lnTo>
                  <a:lnTo>
                    <a:pt x="202" y="826"/>
                  </a:lnTo>
                  <a:lnTo>
                    <a:pt x="194" y="827"/>
                  </a:lnTo>
                  <a:lnTo>
                    <a:pt x="184" y="828"/>
                  </a:lnTo>
                  <a:lnTo>
                    <a:pt x="174" y="827"/>
                  </a:lnTo>
                  <a:lnTo>
                    <a:pt x="162" y="825"/>
                  </a:lnTo>
                  <a:lnTo>
                    <a:pt x="142" y="805"/>
                  </a:lnTo>
                  <a:lnTo>
                    <a:pt x="122" y="786"/>
                  </a:lnTo>
                  <a:lnTo>
                    <a:pt x="113" y="777"/>
                  </a:lnTo>
                  <a:lnTo>
                    <a:pt x="103" y="767"/>
                  </a:lnTo>
                  <a:lnTo>
                    <a:pt x="94" y="757"/>
                  </a:lnTo>
                  <a:lnTo>
                    <a:pt x="86" y="746"/>
                  </a:lnTo>
                  <a:lnTo>
                    <a:pt x="79" y="735"/>
                  </a:lnTo>
                  <a:lnTo>
                    <a:pt x="73" y="724"/>
                  </a:lnTo>
                  <a:lnTo>
                    <a:pt x="67" y="710"/>
                  </a:lnTo>
                  <a:lnTo>
                    <a:pt x="64" y="697"/>
                  </a:lnTo>
                  <a:lnTo>
                    <a:pt x="62" y="682"/>
                  </a:lnTo>
                  <a:lnTo>
                    <a:pt x="62" y="666"/>
                  </a:lnTo>
                  <a:lnTo>
                    <a:pt x="64" y="648"/>
                  </a:lnTo>
                  <a:lnTo>
                    <a:pt x="68" y="628"/>
                  </a:lnTo>
                  <a:lnTo>
                    <a:pt x="61" y="628"/>
                  </a:lnTo>
                  <a:lnTo>
                    <a:pt x="55" y="629"/>
                  </a:lnTo>
                  <a:lnTo>
                    <a:pt x="50" y="631"/>
                  </a:lnTo>
                  <a:lnTo>
                    <a:pt x="46" y="634"/>
                  </a:lnTo>
                  <a:lnTo>
                    <a:pt x="42" y="638"/>
                  </a:lnTo>
                  <a:lnTo>
                    <a:pt x="37" y="639"/>
                  </a:lnTo>
                  <a:lnTo>
                    <a:pt x="29" y="640"/>
                  </a:lnTo>
                  <a:lnTo>
                    <a:pt x="21" y="638"/>
                  </a:lnTo>
                  <a:lnTo>
                    <a:pt x="14" y="607"/>
                  </a:lnTo>
                  <a:lnTo>
                    <a:pt x="7" y="575"/>
                  </a:lnTo>
                  <a:lnTo>
                    <a:pt x="3" y="545"/>
                  </a:lnTo>
                  <a:lnTo>
                    <a:pt x="1" y="514"/>
                  </a:lnTo>
                  <a:lnTo>
                    <a:pt x="0" y="485"/>
                  </a:lnTo>
                  <a:lnTo>
                    <a:pt x="0" y="455"/>
                  </a:lnTo>
                  <a:lnTo>
                    <a:pt x="1" y="426"/>
                  </a:lnTo>
                  <a:lnTo>
                    <a:pt x="4" y="396"/>
                  </a:lnTo>
                  <a:lnTo>
                    <a:pt x="8" y="368"/>
                  </a:lnTo>
                  <a:lnTo>
                    <a:pt x="14" y="339"/>
                  </a:lnTo>
                  <a:lnTo>
                    <a:pt x="19" y="310"/>
                  </a:lnTo>
                  <a:lnTo>
                    <a:pt x="26" y="282"/>
                  </a:lnTo>
                  <a:lnTo>
                    <a:pt x="41" y="226"/>
                  </a:lnTo>
                  <a:lnTo>
                    <a:pt x="59" y="170"/>
                  </a:lnTo>
                  <a:lnTo>
                    <a:pt x="69" y="174"/>
                  </a:lnTo>
                  <a:lnTo>
                    <a:pt x="82" y="177"/>
                  </a:lnTo>
                  <a:lnTo>
                    <a:pt x="95" y="180"/>
                  </a:lnTo>
                  <a:lnTo>
                    <a:pt x="108" y="181"/>
                  </a:lnTo>
                  <a:lnTo>
                    <a:pt x="122" y="182"/>
                  </a:lnTo>
                  <a:lnTo>
                    <a:pt x="137" y="184"/>
                  </a:lnTo>
                  <a:lnTo>
                    <a:pt x="149" y="185"/>
                  </a:lnTo>
                  <a:lnTo>
                    <a:pt x="162" y="188"/>
                  </a:lnTo>
                  <a:lnTo>
                    <a:pt x="161" y="202"/>
                  </a:lnTo>
                  <a:lnTo>
                    <a:pt x="161" y="213"/>
                  </a:lnTo>
                  <a:lnTo>
                    <a:pt x="164" y="223"/>
                  </a:lnTo>
                  <a:lnTo>
                    <a:pt x="167" y="231"/>
                  </a:lnTo>
                  <a:lnTo>
                    <a:pt x="173" y="238"/>
                  </a:lnTo>
                  <a:lnTo>
                    <a:pt x="179" y="245"/>
                  </a:lnTo>
                  <a:lnTo>
                    <a:pt x="186" y="250"/>
                  </a:lnTo>
                  <a:lnTo>
                    <a:pt x="195" y="254"/>
                  </a:lnTo>
                  <a:lnTo>
                    <a:pt x="203" y="257"/>
                  </a:lnTo>
                  <a:lnTo>
                    <a:pt x="213" y="261"/>
                  </a:lnTo>
                  <a:lnTo>
                    <a:pt x="222" y="263"/>
                  </a:lnTo>
                  <a:lnTo>
                    <a:pt x="233" y="265"/>
                  </a:lnTo>
                  <a:lnTo>
                    <a:pt x="254" y="268"/>
                  </a:lnTo>
                  <a:lnTo>
                    <a:pt x="274" y="272"/>
                  </a:lnTo>
                  <a:lnTo>
                    <a:pt x="274" y="275"/>
                  </a:lnTo>
                  <a:lnTo>
                    <a:pt x="273" y="277"/>
                  </a:lnTo>
                  <a:lnTo>
                    <a:pt x="271" y="280"/>
                  </a:lnTo>
                  <a:lnTo>
                    <a:pt x="268" y="281"/>
                  </a:lnTo>
                  <a:lnTo>
                    <a:pt x="263" y="283"/>
                  </a:lnTo>
                  <a:lnTo>
                    <a:pt x="257" y="284"/>
                  </a:lnTo>
                  <a:lnTo>
                    <a:pt x="251" y="284"/>
                  </a:lnTo>
                  <a:lnTo>
                    <a:pt x="244" y="286"/>
                  </a:lnTo>
                  <a:lnTo>
                    <a:pt x="242" y="286"/>
                  </a:lnTo>
                  <a:lnTo>
                    <a:pt x="240" y="288"/>
                  </a:lnTo>
                  <a:lnTo>
                    <a:pt x="238" y="289"/>
                  </a:lnTo>
                  <a:lnTo>
                    <a:pt x="237" y="291"/>
                  </a:lnTo>
                  <a:lnTo>
                    <a:pt x="242" y="300"/>
                  </a:lnTo>
                  <a:lnTo>
                    <a:pt x="245" y="308"/>
                  </a:lnTo>
                  <a:lnTo>
                    <a:pt x="248" y="319"/>
                  </a:lnTo>
                  <a:lnTo>
                    <a:pt x="251" y="329"/>
                  </a:lnTo>
                  <a:lnTo>
                    <a:pt x="253" y="340"/>
                  </a:lnTo>
                  <a:lnTo>
                    <a:pt x="255" y="350"/>
                  </a:lnTo>
                  <a:lnTo>
                    <a:pt x="257" y="354"/>
                  </a:lnTo>
                  <a:lnTo>
                    <a:pt x="259" y="359"/>
                  </a:lnTo>
                  <a:lnTo>
                    <a:pt x="262" y="363"/>
                  </a:lnTo>
                  <a:lnTo>
                    <a:pt x="264" y="366"/>
                  </a:lnTo>
                  <a:lnTo>
                    <a:pt x="269" y="361"/>
                  </a:lnTo>
                  <a:lnTo>
                    <a:pt x="273" y="353"/>
                  </a:lnTo>
                  <a:lnTo>
                    <a:pt x="276" y="345"/>
                  </a:lnTo>
                  <a:lnTo>
                    <a:pt x="278" y="337"/>
                  </a:lnTo>
                  <a:lnTo>
                    <a:pt x="280" y="329"/>
                  </a:lnTo>
                  <a:lnTo>
                    <a:pt x="283" y="322"/>
                  </a:lnTo>
                  <a:lnTo>
                    <a:pt x="285" y="317"/>
                  </a:lnTo>
                  <a:lnTo>
                    <a:pt x="287" y="314"/>
                  </a:lnTo>
                  <a:lnTo>
                    <a:pt x="289" y="312"/>
                  </a:lnTo>
                  <a:lnTo>
                    <a:pt x="293" y="310"/>
                  </a:lnTo>
                  <a:lnTo>
                    <a:pt x="311" y="309"/>
                  </a:lnTo>
                  <a:lnTo>
                    <a:pt x="328" y="309"/>
                  </a:lnTo>
                  <a:lnTo>
                    <a:pt x="346" y="310"/>
                  </a:lnTo>
                  <a:lnTo>
                    <a:pt x="363" y="311"/>
                  </a:lnTo>
                  <a:lnTo>
                    <a:pt x="380" y="313"/>
                  </a:lnTo>
                  <a:lnTo>
                    <a:pt x="397" y="316"/>
                  </a:lnTo>
                  <a:lnTo>
                    <a:pt x="413" y="320"/>
                  </a:lnTo>
                  <a:lnTo>
                    <a:pt x="428" y="324"/>
                  </a:lnTo>
                  <a:lnTo>
                    <a:pt x="444" y="329"/>
                  </a:lnTo>
                  <a:lnTo>
                    <a:pt x="460" y="334"/>
                  </a:lnTo>
                  <a:lnTo>
                    <a:pt x="475" y="341"/>
                  </a:lnTo>
                  <a:lnTo>
                    <a:pt x="490" y="346"/>
                  </a:lnTo>
                  <a:lnTo>
                    <a:pt x="518" y="361"/>
                  </a:lnTo>
                  <a:lnTo>
                    <a:pt x="545" y="375"/>
                  </a:lnTo>
                  <a:lnTo>
                    <a:pt x="551" y="382"/>
                  </a:lnTo>
                  <a:lnTo>
                    <a:pt x="555" y="385"/>
                  </a:lnTo>
                  <a:lnTo>
                    <a:pt x="551" y="385"/>
                  </a:lnTo>
                  <a:lnTo>
                    <a:pt x="545" y="385"/>
                  </a:lnTo>
                  <a:lnTo>
                    <a:pt x="541" y="385"/>
                  </a:lnTo>
                  <a:lnTo>
                    <a:pt x="536" y="385"/>
                  </a:lnTo>
                  <a:lnTo>
                    <a:pt x="539" y="400"/>
                  </a:lnTo>
                  <a:lnTo>
                    <a:pt x="540" y="415"/>
                  </a:lnTo>
                  <a:lnTo>
                    <a:pt x="541" y="432"/>
                  </a:lnTo>
                  <a:lnTo>
                    <a:pt x="541" y="451"/>
                  </a:lnTo>
                  <a:lnTo>
                    <a:pt x="540" y="469"/>
                  </a:lnTo>
                  <a:lnTo>
                    <a:pt x="538" y="489"/>
                  </a:lnTo>
                  <a:lnTo>
                    <a:pt x="534" y="508"/>
                  </a:lnTo>
                  <a:lnTo>
                    <a:pt x="530" y="527"/>
                  </a:lnTo>
                  <a:lnTo>
                    <a:pt x="523" y="546"/>
                  </a:lnTo>
                  <a:lnTo>
                    <a:pt x="515" y="564"/>
                  </a:lnTo>
                  <a:lnTo>
                    <a:pt x="511" y="572"/>
                  </a:lnTo>
                  <a:lnTo>
                    <a:pt x="505" y="581"/>
                  </a:lnTo>
                  <a:lnTo>
                    <a:pt x="500" y="588"/>
                  </a:lnTo>
                  <a:lnTo>
                    <a:pt x="495" y="596"/>
                  </a:lnTo>
                  <a:lnTo>
                    <a:pt x="488" y="603"/>
                  </a:lnTo>
                  <a:lnTo>
                    <a:pt x="482" y="610"/>
                  </a:lnTo>
                  <a:lnTo>
                    <a:pt x="475" y="615"/>
                  </a:lnTo>
                  <a:lnTo>
                    <a:pt x="467" y="622"/>
                  </a:lnTo>
                  <a:lnTo>
                    <a:pt x="460" y="626"/>
                  </a:lnTo>
                  <a:lnTo>
                    <a:pt x="452" y="631"/>
                  </a:lnTo>
                  <a:lnTo>
                    <a:pt x="442" y="634"/>
                  </a:lnTo>
                  <a:lnTo>
                    <a:pt x="434" y="638"/>
                  </a:lnTo>
                  <a:lnTo>
                    <a:pt x="431" y="638"/>
                  </a:lnTo>
                  <a:close/>
                </a:path>
              </a:pathLst>
            </a:custGeom>
            <a:grpFill/>
            <a:ln w="6350">
              <a:noFill/>
            </a:ln>
          </p:spPr>
          <p:txBody>
            <a:bodyPr/>
            <a:lstStyle/>
            <a:p>
              <a:endParaRPr lang="te-IN"/>
            </a:p>
          </p:txBody>
        </p:sp>
        <p:grpSp>
          <p:nvGrpSpPr>
            <p:cNvPr id="1109" name="Struer"/>
            <p:cNvGrpSpPr/>
            <p:nvPr/>
          </p:nvGrpSpPr>
          <p:grpSpPr>
            <a:xfrm>
              <a:off x="754063" y="3663950"/>
              <a:ext cx="233363" cy="347668"/>
              <a:chOff x="754063" y="3663950"/>
              <a:chExt cx="233363" cy="347668"/>
            </a:xfrm>
            <a:grpFill/>
          </p:grpSpPr>
          <p:sp>
            <p:nvSpPr>
              <p:cNvPr id="1209" name="Struer kant 3"/>
              <p:cNvSpPr>
                <a:spLocks/>
              </p:cNvSpPr>
              <p:nvPr/>
            </p:nvSpPr>
            <p:spPr bwMode="auto">
              <a:xfrm>
                <a:off x="909638" y="3694113"/>
                <a:ext cx="33338" cy="44450"/>
              </a:xfrm>
              <a:custGeom>
                <a:avLst/>
                <a:gdLst>
                  <a:gd name="T0" fmla="*/ 2 w 64"/>
                  <a:gd name="T1" fmla="*/ 19 h 84"/>
                  <a:gd name="T2" fmla="*/ 3 w 64"/>
                  <a:gd name="T3" fmla="*/ 15 h 84"/>
                  <a:gd name="T4" fmla="*/ 2 w 64"/>
                  <a:gd name="T5" fmla="*/ 13 h 84"/>
                  <a:gd name="T6" fmla="*/ 1 w 64"/>
                  <a:gd name="T7" fmla="*/ 10 h 84"/>
                  <a:gd name="T8" fmla="*/ 1 w 64"/>
                  <a:gd name="T9" fmla="*/ 8 h 84"/>
                  <a:gd name="T10" fmla="*/ 0 w 64"/>
                  <a:gd name="T11" fmla="*/ 6 h 84"/>
                  <a:gd name="T12" fmla="*/ 0 w 64"/>
                  <a:gd name="T13" fmla="*/ 4 h 84"/>
                  <a:gd name="T14" fmla="*/ 0 w 64"/>
                  <a:gd name="T15" fmla="*/ 4 h 84"/>
                  <a:gd name="T16" fmla="*/ 1 w 64"/>
                  <a:gd name="T17" fmla="*/ 3 h 84"/>
                  <a:gd name="T18" fmla="*/ 1 w 64"/>
                  <a:gd name="T19" fmla="*/ 1 h 84"/>
                  <a:gd name="T20" fmla="*/ 2 w 64"/>
                  <a:gd name="T21" fmla="*/ 0 h 84"/>
                  <a:gd name="T22" fmla="*/ 5 w 64"/>
                  <a:gd name="T23" fmla="*/ 0 h 84"/>
                  <a:gd name="T24" fmla="*/ 7 w 64"/>
                  <a:gd name="T25" fmla="*/ 1 h 84"/>
                  <a:gd name="T26" fmla="*/ 9 w 64"/>
                  <a:gd name="T27" fmla="*/ 2 h 84"/>
                  <a:gd name="T28" fmla="*/ 11 w 64"/>
                  <a:gd name="T29" fmla="*/ 3 h 84"/>
                  <a:gd name="T30" fmla="*/ 13 w 64"/>
                  <a:gd name="T31" fmla="*/ 3 h 84"/>
                  <a:gd name="T32" fmla="*/ 15 w 64"/>
                  <a:gd name="T33" fmla="*/ 4 h 84"/>
                  <a:gd name="T34" fmla="*/ 18 w 64"/>
                  <a:gd name="T35" fmla="*/ 4 h 84"/>
                  <a:gd name="T36" fmla="*/ 21 w 64"/>
                  <a:gd name="T37" fmla="*/ 3 h 84"/>
                  <a:gd name="T38" fmla="*/ 18 w 64"/>
                  <a:gd name="T39" fmla="*/ 10 h 84"/>
                  <a:gd name="T40" fmla="*/ 17 w 64"/>
                  <a:gd name="T41" fmla="*/ 14 h 84"/>
                  <a:gd name="T42" fmla="*/ 17 w 64"/>
                  <a:gd name="T43" fmla="*/ 17 h 84"/>
                  <a:gd name="T44" fmla="*/ 17 w 64"/>
                  <a:gd name="T45" fmla="*/ 19 h 84"/>
                  <a:gd name="T46" fmla="*/ 17 w 64"/>
                  <a:gd name="T47" fmla="*/ 23 h 84"/>
                  <a:gd name="T48" fmla="*/ 18 w 64"/>
                  <a:gd name="T49" fmla="*/ 28 h 84"/>
                  <a:gd name="T50" fmla="*/ 15 w 64"/>
                  <a:gd name="T51" fmla="*/ 27 h 84"/>
                  <a:gd name="T52" fmla="*/ 13 w 64"/>
                  <a:gd name="T53" fmla="*/ 26 h 84"/>
                  <a:gd name="T54" fmla="*/ 12 w 64"/>
                  <a:gd name="T55" fmla="*/ 25 h 84"/>
                  <a:gd name="T56" fmla="*/ 10 w 64"/>
                  <a:gd name="T57" fmla="*/ 24 h 84"/>
                  <a:gd name="T58" fmla="*/ 6 w 64"/>
                  <a:gd name="T59" fmla="*/ 21 h 84"/>
                  <a:gd name="T60" fmla="*/ 2 w 64"/>
                  <a:gd name="T61" fmla="*/ 19 h 84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64" h="84">
                    <a:moveTo>
                      <a:pt x="7" y="57"/>
                    </a:moveTo>
                    <a:lnTo>
                      <a:pt x="8" y="46"/>
                    </a:lnTo>
                    <a:lnTo>
                      <a:pt x="7" y="38"/>
                    </a:lnTo>
                    <a:lnTo>
                      <a:pt x="4" y="31"/>
                    </a:lnTo>
                    <a:lnTo>
                      <a:pt x="2" y="24"/>
                    </a:lnTo>
                    <a:lnTo>
                      <a:pt x="0" y="19"/>
                    </a:lnTo>
                    <a:lnTo>
                      <a:pt x="0" y="13"/>
                    </a:lnTo>
                    <a:lnTo>
                      <a:pt x="1" y="11"/>
                    </a:lnTo>
                    <a:lnTo>
                      <a:pt x="2" y="8"/>
                    </a:lnTo>
                    <a:lnTo>
                      <a:pt x="4" y="4"/>
                    </a:lnTo>
                    <a:lnTo>
                      <a:pt x="7" y="0"/>
                    </a:lnTo>
                    <a:lnTo>
                      <a:pt x="16" y="1"/>
                    </a:lnTo>
                    <a:lnTo>
                      <a:pt x="22" y="2"/>
                    </a:lnTo>
                    <a:lnTo>
                      <a:pt x="27" y="5"/>
                    </a:lnTo>
                    <a:lnTo>
                      <a:pt x="34" y="8"/>
                    </a:lnTo>
                    <a:lnTo>
                      <a:pt x="39" y="10"/>
                    </a:lnTo>
                    <a:lnTo>
                      <a:pt x="46" y="11"/>
                    </a:lnTo>
                    <a:lnTo>
                      <a:pt x="55" y="12"/>
                    </a:lnTo>
                    <a:lnTo>
                      <a:pt x="64" y="10"/>
                    </a:lnTo>
                    <a:lnTo>
                      <a:pt x="56" y="30"/>
                    </a:lnTo>
                    <a:lnTo>
                      <a:pt x="52" y="43"/>
                    </a:lnTo>
                    <a:lnTo>
                      <a:pt x="52" y="50"/>
                    </a:lnTo>
                    <a:lnTo>
                      <a:pt x="52" y="58"/>
                    </a:lnTo>
                    <a:lnTo>
                      <a:pt x="53" y="70"/>
                    </a:lnTo>
                    <a:lnTo>
                      <a:pt x="55" y="84"/>
                    </a:lnTo>
                    <a:lnTo>
                      <a:pt x="47" y="82"/>
                    </a:lnTo>
                    <a:lnTo>
                      <a:pt x="41" y="79"/>
                    </a:lnTo>
                    <a:lnTo>
                      <a:pt x="36" y="76"/>
                    </a:lnTo>
                    <a:lnTo>
                      <a:pt x="31" y="72"/>
                    </a:lnTo>
                    <a:lnTo>
                      <a:pt x="19" y="63"/>
                    </a:lnTo>
                    <a:lnTo>
                      <a:pt x="7" y="57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10" name="Struer 3"/>
              <p:cNvSpPr>
                <a:spLocks/>
              </p:cNvSpPr>
              <p:nvPr/>
            </p:nvSpPr>
            <p:spPr bwMode="auto">
              <a:xfrm>
                <a:off x="909638" y="3694113"/>
                <a:ext cx="33338" cy="44450"/>
              </a:xfrm>
              <a:custGeom>
                <a:avLst/>
                <a:gdLst>
                  <a:gd name="T0" fmla="*/ 2 w 64"/>
                  <a:gd name="T1" fmla="*/ 19 h 84"/>
                  <a:gd name="T2" fmla="*/ 3 w 64"/>
                  <a:gd name="T3" fmla="*/ 15 h 84"/>
                  <a:gd name="T4" fmla="*/ 2 w 64"/>
                  <a:gd name="T5" fmla="*/ 13 h 84"/>
                  <a:gd name="T6" fmla="*/ 1 w 64"/>
                  <a:gd name="T7" fmla="*/ 10 h 84"/>
                  <a:gd name="T8" fmla="*/ 1 w 64"/>
                  <a:gd name="T9" fmla="*/ 8 h 84"/>
                  <a:gd name="T10" fmla="*/ 0 w 64"/>
                  <a:gd name="T11" fmla="*/ 6 h 84"/>
                  <a:gd name="T12" fmla="*/ 0 w 64"/>
                  <a:gd name="T13" fmla="*/ 4 h 84"/>
                  <a:gd name="T14" fmla="*/ 0 w 64"/>
                  <a:gd name="T15" fmla="*/ 4 h 84"/>
                  <a:gd name="T16" fmla="*/ 1 w 64"/>
                  <a:gd name="T17" fmla="*/ 3 h 84"/>
                  <a:gd name="T18" fmla="*/ 1 w 64"/>
                  <a:gd name="T19" fmla="*/ 1 h 84"/>
                  <a:gd name="T20" fmla="*/ 2 w 64"/>
                  <a:gd name="T21" fmla="*/ 0 h 84"/>
                  <a:gd name="T22" fmla="*/ 5 w 64"/>
                  <a:gd name="T23" fmla="*/ 0 h 84"/>
                  <a:gd name="T24" fmla="*/ 7 w 64"/>
                  <a:gd name="T25" fmla="*/ 1 h 84"/>
                  <a:gd name="T26" fmla="*/ 9 w 64"/>
                  <a:gd name="T27" fmla="*/ 2 h 84"/>
                  <a:gd name="T28" fmla="*/ 11 w 64"/>
                  <a:gd name="T29" fmla="*/ 3 h 84"/>
                  <a:gd name="T30" fmla="*/ 13 w 64"/>
                  <a:gd name="T31" fmla="*/ 3 h 84"/>
                  <a:gd name="T32" fmla="*/ 15 w 64"/>
                  <a:gd name="T33" fmla="*/ 4 h 84"/>
                  <a:gd name="T34" fmla="*/ 18 w 64"/>
                  <a:gd name="T35" fmla="*/ 4 h 84"/>
                  <a:gd name="T36" fmla="*/ 21 w 64"/>
                  <a:gd name="T37" fmla="*/ 3 h 84"/>
                  <a:gd name="T38" fmla="*/ 18 w 64"/>
                  <a:gd name="T39" fmla="*/ 10 h 84"/>
                  <a:gd name="T40" fmla="*/ 17 w 64"/>
                  <a:gd name="T41" fmla="*/ 14 h 84"/>
                  <a:gd name="T42" fmla="*/ 17 w 64"/>
                  <a:gd name="T43" fmla="*/ 17 h 84"/>
                  <a:gd name="T44" fmla="*/ 17 w 64"/>
                  <a:gd name="T45" fmla="*/ 19 h 84"/>
                  <a:gd name="T46" fmla="*/ 17 w 64"/>
                  <a:gd name="T47" fmla="*/ 23 h 84"/>
                  <a:gd name="T48" fmla="*/ 18 w 64"/>
                  <a:gd name="T49" fmla="*/ 28 h 84"/>
                  <a:gd name="T50" fmla="*/ 15 w 64"/>
                  <a:gd name="T51" fmla="*/ 27 h 84"/>
                  <a:gd name="T52" fmla="*/ 13 w 64"/>
                  <a:gd name="T53" fmla="*/ 26 h 84"/>
                  <a:gd name="T54" fmla="*/ 12 w 64"/>
                  <a:gd name="T55" fmla="*/ 25 h 84"/>
                  <a:gd name="T56" fmla="*/ 10 w 64"/>
                  <a:gd name="T57" fmla="*/ 24 h 84"/>
                  <a:gd name="T58" fmla="*/ 6 w 64"/>
                  <a:gd name="T59" fmla="*/ 21 h 84"/>
                  <a:gd name="T60" fmla="*/ 2 w 64"/>
                  <a:gd name="T61" fmla="*/ 19 h 84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</a:gdLst>
                <a:ahLst/>
                <a:cxnLst>
                  <a:cxn ang="T62">
                    <a:pos x="T0" y="T1"/>
                  </a:cxn>
                  <a:cxn ang="T63">
                    <a:pos x="T2" y="T3"/>
                  </a:cxn>
                  <a:cxn ang="T64">
                    <a:pos x="T4" y="T5"/>
                  </a:cxn>
                  <a:cxn ang="T65">
                    <a:pos x="T6" y="T7"/>
                  </a:cxn>
                  <a:cxn ang="T66">
                    <a:pos x="T8" y="T9"/>
                  </a:cxn>
                  <a:cxn ang="T67">
                    <a:pos x="T10" y="T11"/>
                  </a:cxn>
                  <a:cxn ang="T68">
                    <a:pos x="T12" y="T13"/>
                  </a:cxn>
                  <a:cxn ang="T69">
                    <a:pos x="T14" y="T15"/>
                  </a:cxn>
                  <a:cxn ang="T70">
                    <a:pos x="T16" y="T17"/>
                  </a:cxn>
                  <a:cxn ang="T71">
                    <a:pos x="T18" y="T19"/>
                  </a:cxn>
                  <a:cxn ang="T72">
                    <a:pos x="T20" y="T21"/>
                  </a:cxn>
                  <a:cxn ang="T73">
                    <a:pos x="T22" y="T23"/>
                  </a:cxn>
                  <a:cxn ang="T74">
                    <a:pos x="T24" y="T25"/>
                  </a:cxn>
                  <a:cxn ang="T75">
                    <a:pos x="T26" y="T27"/>
                  </a:cxn>
                  <a:cxn ang="T76">
                    <a:pos x="T28" y="T29"/>
                  </a:cxn>
                  <a:cxn ang="T77">
                    <a:pos x="T30" y="T31"/>
                  </a:cxn>
                  <a:cxn ang="T78">
                    <a:pos x="T32" y="T33"/>
                  </a:cxn>
                  <a:cxn ang="T79">
                    <a:pos x="T34" y="T35"/>
                  </a:cxn>
                  <a:cxn ang="T80">
                    <a:pos x="T36" y="T37"/>
                  </a:cxn>
                  <a:cxn ang="T81">
                    <a:pos x="T38" y="T39"/>
                  </a:cxn>
                  <a:cxn ang="T82">
                    <a:pos x="T40" y="T41"/>
                  </a:cxn>
                  <a:cxn ang="T83">
                    <a:pos x="T42" y="T43"/>
                  </a:cxn>
                  <a:cxn ang="T84">
                    <a:pos x="T44" y="T45"/>
                  </a:cxn>
                  <a:cxn ang="T85">
                    <a:pos x="T46" y="T47"/>
                  </a:cxn>
                  <a:cxn ang="T86">
                    <a:pos x="T48" y="T49"/>
                  </a:cxn>
                  <a:cxn ang="T87">
                    <a:pos x="T50" y="T51"/>
                  </a:cxn>
                  <a:cxn ang="T88">
                    <a:pos x="T52" y="T53"/>
                  </a:cxn>
                  <a:cxn ang="T89">
                    <a:pos x="T54" y="T55"/>
                  </a:cxn>
                  <a:cxn ang="T90">
                    <a:pos x="T56" y="T57"/>
                  </a:cxn>
                  <a:cxn ang="T91">
                    <a:pos x="T58" y="T59"/>
                  </a:cxn>
                  <a:cxn ang="T92">
                    <a:pos x="T60" y="T61"/>
                  </a:cxn>
                </a:cxnLst>
                <a:rect l="0" t="0" r="r" b="b"/>
                <a:pathLst>
                  <a:path w="64" h="84">
                    <a:moveTo>
                      <a:pt x="7" y="57"/>
                    </a:moveTo>
                    <a:lnTo>
                      <a:pt x="8" y="46"/>
                    </a:lnTo>
                    <a:lnTo>
                      <a:pt x="7" y="38"/>
                    </a:lnTo>
                    <a:lnTo>
                      <a:pt x="4" y="31"/>
                    </a:lnTo>
                    <a:lnTo>
                      <a:pt x="2" y="24"/>
                    </a:lnTo>
                    <a:lnTo>
                      <a:pt x="0" y="19"/>
                    </a:lnTo>
                    <a:lnTo>
                      <a:pt x="0" y="13"/>
                    </a:lnTo>
                    <a:lnTo>
                      <a:pt x="1" y="11"/>
                    </a:lnTo>
                    <a:lnTo>
                      <a:pt x="2" y="8"/>
                    </a:lnTo>
                    <a:lnTo>
                      <a:pt x="4" y="4"/>
                    </a:lnTo>
                    <a:lnTo>
                      <a:pt x="7" y="0"/>
                    </a:lnTo>
                    <a:lnTo>
                      <a:pt x="16" y="1"/>
                    </a:lnTo>
                    <a:lnTo>
                      <a:pt x="22" y="2"/>
                    </a:lnTo>
                    <a:lnTo>
                      <a:pt x="27" y="5"/>
                    </a:lnTo>
                    <a:lnTo>
                      <a:pt x="34" y="8"/>
                    </a:lnTo>
                    <a:lnTo>
                      <a:pt x="39" y="10"/>
                    </a:lnTo>
                    <a:lnTo>
                      <a:pt x="46" y="11"/>
                    </a:lnTo>
                    <a:lnTo>
                      <a:pt x="55" y="12"/>
                    </a:lnTo>
                    <a:lnTo>
                      <a:pt x="64" y="10"/>
                    </a:lnTo>
                    <a:lnTo>
                      <a:pt x="56" y="30"/>
                    </a:lnTo>
                    <a:lnTo>
                      <a:pt x="52" y="43"/>
                    </a:lnTo>
                    <a:lnTo>
                      <a:pt x="52" y="50"/>
                    </a:lnTo>
                    <a:lnTo>
                      <a:pt x="52" y="58"/>
                    </a:lnTo>
                    <a:lnTo>
                      <a:pt x="53" y="70"/>
                    </a:lnTo>
                    <a:lnTo>
                      <a:pt x="55" y="84"/>
                    </a:lnTo>
                    <a:lnTo>
                      <a:pt x="47" y="82"/>
                    </a:lnTo>
                    <a:lnTo>
                      <a:pt x="41" y="79"/>
                    </a:lnTo>
                    <a:lnTo>
                      <a:pt x="36" y="76"/>
                    </a:lnTo>
                    <a:lnTo>
                      <a:pt x="31" y="72"/>
                    </a:lnTo>
                    <a:lnTo>
                      <a:pt x="19" y="63"/>
                    </a:lnTo>
                    <a:lnTo>
                      <a:pt x="7" y="57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11" name="Struer kant 2"/>
              <p:cNvSpPr>
                <a:spLocks/>
              </p:cNvSpPr>
              <p:nvPr/>
            </p:nvSpPr>
            <p:spPr bwMode="auto">
              <a:xfrm>
                <a:off x="769938" y="3663950"/>
                <a:ext cx="139700" cy="133350"/>
              </a:xfrm>
              <a:custGeom>
                <a:avLst/>
                <a:gdLst>
                  <a:gd name="T0" fmla="*/ 88 w 265"/>
                  <a:gd name="T1" fmla="*/ 48 h 253"/>
                  <a:gd name="T2" fmla="*/ 88 w 265"/>
                  <a:gd name="T3" fmla="*/ 54 h 253"/>
                  <a:gd name="T4" fmla="*/ 86 w 265"/>
                  <a:gd name="T5" fmla="*/ 59 h 253"/>
                  <a:gd name="T6" fmla="*/ 82 w 265"/>
                  <a:gd name="T7" fmla="*/ 62 h 253"/>
                  <a:gd name="T8" fmla="*/ 69 w 265"/>
                  <a:gd name="T9" fmla="*/ 66 h 253"/>
                  <a:gd name="T10" fmla="*/ 59 w 265"/>
                  <a:gd name="T11" fmla="*/ 70 h 253"/>
                  <a:gd name="T12" fmla="*/ 59 w 265"/>
                  <a:gd name="T13" fmla="*/ 72 h 253"/>
                  <a:gd name="T14" fmla="*/ 60 w 265"/>
                  <a:gd name="T15" fmla="*/ 75 h 253"/>
                  <a:gd name="T16" fmla="*/ 63 w 265"/>
                  <a:gd name="T17" fmla="*/ 77 h 253"/>
                  <a:gd name="T18" fmla="*/ 65 w 265"/>
                  <a:gd name="T19" fmla="*/ 80 h 253"/>
                  <a:gd name="T20" fmla="*/ 65 w 265"/>
                  <a:gd name="T21" fmla="*/ 82 h 253"/>
                  <a:gd name="T22" fmla="*/ 60 w 265"/>
                  <a:gd name="T23" fmla="*/ 81 h 253"/>
                  <a:gd name="T24" fmla="*/ 52 w 265"/>
                  <a:gd name="T25" fmla="*/ 72 h 253"/>
                  <a:gd name="T26" fmla="*/ 41 w 265"/>
                  <a:gd name="T27" fmla="*/ 58 h 253"/>
                  <a:gd name="T28" fmla="*/ 31 w 265"/>
                  <a:gd name="T29" fmla="*/ 43 h 253"/>
                  <a:gd name="T30" fmla="*/ 24 w 265"/>
                  <a:gd name="T31" fmla="*/ 33 h 253"/>
                  <a:gd name="T32" fmla="*/ 16 w 265"/>
                  <a:gd name="T33" fmla="*/ 25 h 253"/>
                  <a:gd name="T34" fmla="*/ 8 w 265"/>
                  <a:gd name="T35" fmla="*/ 20 h 253"/>
                  <a:gd name="T36" fmla="*/ 3 w 265"/>
                  <a:gd name="T37" fmla="*/ 17 h 253"/>
                  <a:gd name="T38" fmla="*/ 0 w 265"/>
                  <a:gd name="T39" fmla="*/ 14 h 253"/>
                  <a:gd name="T40" fmla="*/ 2 w 265"/>
                  <a:gd name="T41" fmla="*/ 11 h 253"/>
                  <a:gd name="T42" fmla="*/ 5 w 265"/>
                  <a:gd name="T43" fmla="*/ 9 h 253"/>
                  <a:gd name="T44" fmla="*/ 9 w 265"/>
                  <a:gd name="T45" fmla="*/ 8 h 253"/>
                  <a:gd name="T46" fmla="*/ 15 w 265"/>
                  <a:gd name="T47" fmla="*/ 7 h 253"/>
                  <a:gd name="T48" fmla="*/ 21 w 265"/>
                  <a:gd name="T49" fmla="*/ 6 h 253"/>
                  <a:gd name="T50" fmla="*/ 23 w 265"/>
                  <a:gd name="T51" fmla="*/ 4 h 253"/>
                  <a:gd name="T52" fmla="*/ 27 w 265"/>
                  <a:gd name="T53" fmla="*/ 3 h 253"/>
                  <a:gd name="T54" fmla="*/ 30 w 265"/>
                  <a:gd name="T55" fmla="*/ 4 h 253"/>
                  <a:gd name="T56" fmla="*/ 33 w 265"/>
                  <a:gd name="T57" fmla="*/ 6 h 253"/>
                  <a:gd name="T58" fmla="*/ 35 w 265"/>
                  <a:gd name="T59" fmla="*/ 10 h 253"/>
                  <a:gd name="T60" fmla="*/ 38 w 265"/>
                  <a:gd name="T61" fmla="*/ 14 h 253"/>
                  <a:gd name="T62" fmla="*/ 43 w 265"/>
                  <a:gd name="T63" fmla="*/ 15 h 253"/>
                  <a:gd name="T64" fmla="*/ 49 w 265"/>
                  <a:gd name="T65" fmla="*/ 14 h 253"/>
                  <a:gd name="T66" fmla="*/ 56 w 265"/>
                  <a:gd name="T67" fmla="*/ 11 h 253"/>
                  <a:gd name="T68" fmla="*/ 65 w 265"/>
                  <a:gd name="T69" fmla="*/ 6 h 253"/>
                  <a:gd name="T70" fmla="*/ 72 w 265"/>
                  <a:gd name="T71" fmla="*/ 2 h 253"/>
                  <a:gd name="T72" fmla="*/ 77 w 265"/>
                  <a:gd name="T73" fmla="*/ 0 h 253"/>
                  <a:gd name="T74" fmla="*/ 81 w 265"/>
                  <a:gd name="T75" fmla="*/ 2 h 253"/>
                  <a:gd name="T76" fmla="*/ 81 w 265"/>
                  <a:gd name="T77" fmla="*/ 6 h 253"/>
                  <a:gd name="T78" fmla="*/ 79 w 265"/>
                  <a:gd name="T79" fmla="*/ 13 h 253"/>
                  <a:gd name="T80" fmla="*/ 77 w 265"/>
                  <a:gd name="T81" fmla="*/ 20 h 253"/>
                  <a:gd name="T82" fmla="*/ 75 w 265"/>
                  <a:gd name="T83" fmla="*/ 25 h 253"/>
                  <a:gd name="T84" fmla="*/ 76 w 265"/>
                  <a:gd name="T85" fmla="*/ 30 h 253"/>
                  <a:gd name="T86" fmla="*/ 78 w 265"/>
                  <a:gd name="T87" fmla="*/ 35 h 253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0" t="0" r="r" b="b"/>
                <a:pathLst>
                  <a:path w="265" h="253">
                    <a:moveTo>
                      <a:pt x="262" y="131"/>
                    </a:moveTo>
                    <a:lnTo>
                      <a:pt x="264" y="144"/>
                    </a:lnTo>
                    <a:lnTo>
                      <a:pt x="265" y="154"/>
                    </a:lnTo>
                    <a:lnTo>
                      <a:pt x="264" y="164"/>
                    </a:lnTo>
                    <a:lnTo>
                      <a:pt x="262" y="171"/>
                    </a:lnTo>
                    <a:lnTo>
                      <a:pt x="258" y="177"/>
                    </a:lnTo>
                    <a:lnTo>
                      <a:pt x="254" y="183"/>
                    </a:lnTo>
                    <a:lnTo>
                      <a:pt x="247" y="187"/>
                    </a:lnTo>
                    <a:lnTo>
                      <a:pt x="241" y="190"/>
                    </a:lnTo>
                    <a:lnTo>
                      <a:pt x="209" y="198"/>
                    </a:lnTo>
                    <a:lnTo>
                      <a:pt x="178" y="206"/>
                    </a:lnTo>
                    <a:lnTo>
                      <a:pt x="177" y="211"/>
                    </a:lnTo>
                    <a:lnTo>
                      <a:pt x="177" y="215"/>
                    </a:lnTo>
                    <a:lnTo>
                      <a:pt x="177" y="218"/>
                    </a:lnTo>
                    <a:lnTo>
                      <a:pt x="178" y="221"/>
                    </a:lnTo>
                    <a:lnTo>
                      <a:pt x="182" y="226"/>
                    </a:lnTo>
                    <a:lnTo>
                      <a:pt x="186" y="230"/>
                    </a:lnTo>
                    <a:lnTo>
                      <a:pt x="191" y="233"/>
                    </a:lnTo>
                    <a:lnTo>
                      <a:pt x="195" y="237"/>
                    </a:lnTo>
                    <a:lnTo>
                      <a:pt x="197" y="240"/>
                    </a:lnTo>
                    <a:lnTo>
                      <a:pt x="197" y="244"/>
                    </a:lnTo>
                    <a:lnTo>
                      <a:pt x="197" y="248"/>
                    </a:lnTo>
                    <a:lnTo>
                      <a:pt x="196" y="253"/>
                    </a:lnTo>
                    <a:lnTo>
                      <a:pt x="181" y="243"/>
                    </a:lnTo>
                    <a:lnTo>
                      <a:pt x="168" y="231"/>
                    </a:lnTo>
                    <a:lnTo>
                      <a:pt x="156" y="217"/>
                    </a:lnTo>
                    <a:lnTo>
                      <a:pt x="144" y="204"/>
                    </a:lnTo>
                    <a:lnTo>
                      <a:pt x="124" y="174"/>
                    </a:lnTo>
                    <a:lnTo>
                      <a:pt x="104" y="144"/>
                    </a:lnTo>
                    <a:lnTo>
                      <a:pt x="93" y="129"/>
                    </a:lnTo>
                    <a:lnTo>
                      <a:pt x="83" y="114"/>
                    </a:lnTo>
                    <a:lnTo>
                      <a:pt x="72" y="100"/>
                    </a:lnTo>
                    <a:lnTo>
                      <a:pt x="60" y="87"/>
                    </a:lnTo>
                    <a:lnTo>
                      <a:pt x="47" y="75"/>
                    </a:lnTo>
                    <a:lnTo>
                      <a:pt x="32" y="64"/>
                    </a:lnTo>
                    <a:lnTo>
                      <a:pt x="25" y="59"/>
                    </a:lnTo>
                    <a:lnTo>
                      <a:pt x="17" y="54"/>
                    </a:lnTo>
                    <a:lnTo>
                      <a:pt x="8" y="51"/>
                    </a:lnTo>
                    <a:lnTo>
                      <a:pt x="0" y="47"/>
                    </a:lnTo>
                    <a:lnTo>
                      <a:pt x="1" y="41"/>
                    </a:lnTo>
                    <a:lnTo>
                      <a:pt x="3" y="36"/>
                    </a:lnTo>
                    <a:lnTo>
                      <a:pt x="6" y="33"/>
                    </a:lnTo>
                    <a:lnTo>
                      <a:pt x="10" y="30"/>
                    </a:lnTo>
                    <a:lnTo>
                      <a:pt x="14" y="28"/>
                    </a:lnTo>
                    <a:lnTo>
                      <a:pt x="20" y="26"/>
                    </a:lnTo>
                    <a:lnTo>
                      <a:pt x="26" y="25"/>
                    </a:lnTo>
                    <a:lnTo>
                      <a:pt x="31" y="24"/>
                    </a:lnTo>
                    <a:lnTo>
                      <a:pt x="44" y="21"/>
                    </a:lnTo>
                    <a:lnTo>
                      <a:pt x="56" y="19"/>
                    </a:lnTo>
                    <a:lnTo>
                      <a:pt x="62" y="18"/>
                    </a:lnTo>
                    <a:lnTo>
                      <a:pt x="66" y="16"/>
                    </a:lnTo>
                    <a:lnTo>
                      <a:pt x="70" y="13"/>
                    </a:lnTo>
                    <a:lnTo>
                      <a:pt x="74" y="10"/>
                    </a:lnTo>
                    <a:lnTo>
                      <a:pt x="80" y="9"/>
                    </a:lnTo>
                    <a:lnTo>
                      <a:pt x="85" y="10"/>
                    </a:lnTo>
                    <a:lnTo>
                      <a:pt x="89" y="11"/>
                    </a:lnTo>
                    <a:lnTo>
                      <a:pt x="92" y="12"/>
                    </a:lnTo>
                    <a:lnTo>
                      <a:pt x="98" y="17"/>
                    </a:lnTo>
                    <a:lnTo>
                      <a:pt x="103" y="24"/>
                    </a:lnTo>
                    <a:lnTo>
                      <a:pt x="106" y="30"/>
                    </a:lnTo>
                    <a:lnTo>
                      <a:pt x="110" y="36"/>
                    </a:lnTo>
                    <a:lnTo>
                      <a:pt x="115" y="42"/>
                    </a:lnTo>
                    <a:lnTo>
                      <a:pt x="121" y="47"/>
                    </a:lnTo>
                    <a:lnTo>
                      <a:pt x="130" y="46"/>
                    </a:lnTo>
                    <a:lnTo>
                      <a:pt x="139" y="44"/>
                    </a:lnTo>
                    <a:lnTo>
                      <a:pt x="147" y="41"/>
                    </a:lnTo>
                    <a:lnTo>
                      <a:pt x="155" y="38"/>
                    </a:lnTo>
                    <a:lnTo>
                      <a:pt x="169" y="32"/>
                    </a:lnTo>
                    <a:lnTo>
                      <a:pt x="183" y="25"/>
                    </a:lnTo>
                    <a:lnTo>
                      <a:pt x="196" y="17"/>
                    </a:lnTo>
                    <a:lnTo>
                      <a:pt x="210" y="10"/>
                    </a:lnTo>
                    <a:lnTo>
                      <a:pt x="218" y="7"/>
                    </a:lnTo>
                    <a:lnTo>
                      <a:pt x="225" y="5"/>
                    </a:lnTo>
                    <a:lnTo>
                      <a:pt x="233" y="1"/>
                    </a:lnTo>
                    <a:lnTo>
                      <a:pt x="243" y="0"/>
                    </a:lnTo>
                    <a:lnTo>
                      <a:pt x="245" y="6"/>
                    </a:lnTo>
                    <a:lnTo>
                      <a:pt x="246" y="12"/>
                    </a:lnTo>
                    <a:lnTo>
                      <a:pt x="245" y="19"/>
                    </a:lnTo>
                    <a:lnTo>
                      <a:pt x="244" y="26"/>
                    </a:lnTo>
                    <a:lnTo>
                      <a:pt x="239" y="39"/>
                    </a:lnTo>
                    <a:lnTo>
                      <a:pt x="233" y="54"/>
                    </a:lnTo>
                    <a:lnTo>
                      <a:pt x="231" y="61"/>
                    </a:lnTo>
                    <a:lnTo>
                      <a:pt x="229" y="69"/>
                    </a:lnTo>
                    <a:lnTo>
                      <a:pt x="227" y="76"/>
                    </a:lnTo>
                    <a:lnTo>
                      <a:pt x="227" y="84"/>
                    </a:lnTo>
                    <a:lnTo>
                      <a:pt x="228" y="91"/>
                    </a:lnTo>
                    <a:lnTo>
                      <a:pt x="231" y="98"/>
                    </a:lnTo>
                    <a:lnTo>
                      <a:pt x="236" y="106"/>
                    </a:lnTo>
                    <a:lnTo>
                      <a:pt x="243" y="113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12" name="Struer 2"/>
              <p:cNvSpPr>
                <a:spLocks/>
              </p:cNvSpPr>
              <p:nvPr/>
            </p:nvSpPr>
            <p:spPr bwMode="auto">
              <a:xfrm>
                <a:off x="769938" y="3663950"/>
                <a:ext cx="139700" cy="133350"/>
              </a:xfrm>
              <a:custGeom>
                <a:avLst/>
                <a:gdLst>
                  <a:gd name="T0" fmla="*/ 88 w 265"/>
                  <a:gd name="T1" fmla="*/ 48 h 253"/>
                  <a:gd name="T2" fmla="*/ 88 w 265"/>
                  <a:gd name="T3" fmla="*/ 54 h 253"/>
                  <a:gd name="T4" fmla="*/ 86 w 265"/>
                  <a:gd name="T5" fmla="*/ 59 h 253"/>
                  <a:gd name="T6" fmla="*/ 82 w 265"/>
                  <a:gd name="T7" fmla="*/ 62 h 253"/>
                  <a:gd name="T8" fmla="*/ 69 w 265"/>
                  <a:gd name="T9" fmla="*/ 66 h 253"/>
                  <a:gd name="T10" fmla="*/ 59 w 265"/>
                  <a:gd name="T11" fmla="*/ 70 h 253"/>
                  <a:gd name="T12" fmla="*/ 59 w 265"/>
                  <a:gd name="T13" fmla="*/ 72 h 253"/>
                  <a:gd name="T14" fmla="*/ 60 w 265"/>
                  <a:gd name="T15" fmla="*/ 75 h 253"/>
                  <a:gd name="T16" fmla="*/ 63 w 265"/>
                  <a:gd name="T17" fmla="*/ 77 h 253"/>
                  <a:gd name="T18" fmla="*/ 65 w 265"/>
                  <a:gd name="T19" fmla="*/ 80 h 253"/>
                  <a:gd name="T20" fmla="*/ 65 w 265"/>
                  <a:gd name="T21" fmla="*/ 82 h 253"/>
                  <a:gd name="T22" fmla="*/ 60 w 265"/>
                  <a:gd name="T23" fmla="*/ 81 h 253"/>
                  <a:gd name="T24" fmla="*/ 52 w 265"/>
                  <a:gd name="T25" fmla="*/ 72 h 253"/>
                  <a:gd name="T26" fmla="*/ 41 w 265"/>
                  <a:gd name="T27" fmla="*/ 58 h 253"/>
                  <a:gd name="T28" fmla="*/ 31 w 265"/>
                  <a:gd name="T29" fmla="*/ 43 h 253"/>
                  <a:gd name="T30" fmla="*/ 24 w 265"/>
                  <a:gd name="T31" fmla="*/ 33 h 253"/>
                  <a:gd name="T32" fmla="*/ 16 w 265"/>
                  <a:gd name="T33" fmla="*/ 25 h 253"/>
                  <a:gd name="T34" fmla="*/ 8 w 265"/>
                  <a:gd name="T35" fmla="*/ 20 h 253"/>
                  <a:gd name="T36" fmla="*/ 3 w 265"/>
                  <a:gd name="T37" fmla="*/ 17 h 253"/>
                  <a:gd name="T38" fmla="*/ 0 w 265"/>
                  <a:gd name="T39" fmla="*/ 14 h 253"/>
                  <a:gd name="T40" fmla="*/ 2 w 265"/>
                  <a:gd name="T41" fmla="*/ 11 h 253"/>
                  <a:gd name="T42" fmla="*/ 5 w 265"/>
                  <a:gd name="T43" fmla="*/ 9 h 253"/>
                  <a:gd name="T44" fmla="*/ 9 w 265"/>
                  <a:gd name="T45" fmla="*/ 8 h 253"/>
                  <a:gd name="T46" fmla="*/ 15 w 265"/>
                  <a:gd name="T47" fmla="*/ 7 h 253"/>
                  <a:gd name="T48" fmla="*/ 21 w 265"/>
                  <a:gd name="T49" fmla="*/ 6 h 253"/>
                  <a:gd name="T50" fmla="*/ 23 w 265"/>
                  <a:gd name="T51" fmla="*/ 4 h 253"/>
                  <a:gd name="T52" fmla="*/ 27 w 265"/>
                  <a:gd name="T53" fmla="*/ 3 h 253"/>
                  <a:gd name="T54" fmla="*/ 30 w 265"/>
                  <a:gd name="T55" fmla="*/ 4 h 253"/>
                  <a:gd name="T56" fmla="*/ 33 w 265"/>
                  <a:gd name="T57" fmla="*/ 6 h 253"/>
                  <a:gd name="T58" fmla="*/ 35 w 265"/>
                  <a:gd name="T59" fmla="*/ 10 h 253"/>
                  <a:gd name="T60" fmla="*/ 38 w 265"/>
                  <a:gd name="T61" fmla="*/ 14 h 253"/>
                  <a:gd name="T62" fmla="*/ 43 w 265"/>
                  <a:gd name="T63" fmla="*/ 15 h 253"/>
                  <a:gd name="T64" fmla="*/ 49 w 265"/>
                  <a:gd name="T65" fmla="*/ 14 h 253"/>
                  <a:gd name="T66" fmla="*/ 56 w 265"/>
                  <a:gd name="T67" fmla="*/ 11 h 253"/>
                  <a:gd name="T68" fmla="*/ 65 w 265"/>
                  <a:gd name="T69" fmla="*/ 6 h 253"/>
                  <a:gd name="T70" fmla="*/ 72 w 265"/>
                  <a:gd name="T71" fmla="*/ 2 h 253"/>
                  <a:gd name="T72" fmla="*/ 77 w 265"/>
                  <a:gd name="T73" fmla="*/ 0 h 253"/>
                  <a:gd name="T74" fmla="*/ 81 w 265"/>
                  <a:gd name="T75" fmla="*/ 2 h 253"/>
                  <a:gd name="T76" fmla="*/ 81 w 265"/>
                  <a:gd name="T77" fmla="*/ 6 h 253"/>
                  <a:gd name="T78" fmla="*/ 79 w 265"/>
                  <a:gd name="T79" fmla="*/ 13 h 253"/>
                  <a:gd name="T80" fmla="*/ 77 w 265"/>
                  <a:gd name="T81" fmla="*/ 20 h 253"/>
                  <a:gd name="T82" fmla="*/ 75 w 265"/>
                  <a:gd name="T83" fmla="*/ 25 h 253"/>
                  <a:gd name="T84" fmla="*/ 76 w 265"/>
                  <a:gd name="T85" fmla="*/ 30 h 253"/>
                  <a:gd name="T86" fmla="*/ 78 w 265"/>
                  <a:gd name="T87" fmla="*/ 35 h 253"/>
                  <a:gd name="T88" fmla="*/ 87 w 265"/>
                  <a:gd name="T89" fmla="*/ 43 h 253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0" t="0" r="r" b="b"/>
                <a:pathLst>
                  <a:path w="265" h="253">
                    <a:moveTo>
                      <a:pt x="262" y="131"/>
                    </a:moveTo>
                    <a:lnTo>
                      <a:pt x="264" y="144"/>
                    </a:lnTo>
                    <a:lnTo>
                      <a:pt x="265" y="154"/>
                    </a:lnTo>
                    <a:lnTo>
                      <a:pt x="264" y="164"/>
                    </a:lnTo>
                    <a:lnTo>
                      <a:pt x="262" y="171"/>
                    </a:lnTo>
                    <a:lnTo>
                      <a:pt x="258" y="177"/>
                    </a:lnTo>
                    <a:lnTo>
                      <a:pt x="254" y="183"/>
                    </a:lnTo>
                    <a:lnTo>
                      <a:pt x="247" y="187"/>
                    </a:lnTo>
                    <a:lnTo>
                      <a:pt x="241" y="190"/>
                    </a:lnTo>
                    <a:lnTo>
                      <a:pt x="209" y="198"/>
                    </a:lnTo>
                    <a:lnTo>
                      <a:pt x="178" y="206"/>
                    </a:lnTo>
                    <a:lnTo>
                      <a:pt x="177" y="211"/>
                    </a:lnTo>
                    <a:lnTo>
                      <a:pt x="177" y="215"/>
                    </a:lnTo>
                    <a:lnTo>
                      <a:pt x="177" y="218"/>
                    </a:lnTo>
                    <a:lnTo>
                      <a:pt x="178" y="221"/>
                    </a:lnTo>
                    <a:lnTo>
                      <a:pt x="182" y="226"/>
                    </a:lnTo>
                    <a:lnTo>
                      <a:pt x="186" y="230"/>
                    </a:lnTo>
                    <a:lnTo>
                      <a:pt x="191" y="233"/>
                    </a:lnTo>
                    <a:lnTo>
                      <a:pt x="195" y="237"/>
                    </a:lnTo>
                    <a:lnTo>
                      <a:pt x="197" y="240"/>
                    </a:lnTo>
                    <a:lnTo>
                      <a:pt x="197" y="244"/>
                    </a:lnTo>
                    <a:lnTo>
                      <a:pt x="197" y="248"/>
                    </a:lnTo>
                    <a:lnTo>
                      <a:pt x="196" y="253"/>
                    </a:lnTo>
                    <a:lnTo>
                      <a:pt x="181" y="243"/>
                    </a:lnTo>
                    <a:lnTo>
                      <a:pt x="168" y="231"/>
                    </a:lnTo>
                    <a:lnTo>
                      <a:pt x="156" y="217"/>
                    </a:lnTo>
                    <a:lnTo>
                      <a:pt x="144" y="204"/>
                    </a:lnTo>
                    <a:lnTo>
                      <a:pt x="124" y="174"/>
                    </a:lnTo>
                    <a:lnTo>
                      <a:pt x="104" y="144"/>
                    </a:lnTo>
                    <a:lnTo>
                      <a:pt x="93" y="129"/>
                    </a:lnTo>
                    <a:lnTo>
                      <a:pt x="83" y="114"/>
                    </a:lnTo>
                    <a:lnTo>
                      <a:pt x="72" y="100"/>
                    </a:lnTo>
                    <a:lnTo>
                      <a:pt x="60" y="87"/>
                    </a:lnTo>
                    <a:lnTo>
                      <a:pt x="47" y="75"/>
                    </a:lnTo>
                    <a:lnTo>
                      <a:pt x="32" y="64"/>
                    </a:lnTo>
                    <a:lnTo>
                      <a:pt x="25" y="59"/>
                    </a:lnTo>
                    <a:lnTo>
                      <a:pt x="17" y="54"/>
                    </a:lnTo>
                    <a:lnTo>
                      <a:pt x="8" y="51"/>
                    </a:lnTo>
                    <a:lnTo>
                      <a:pt x="0" y="47"/>
                    </a:lnTo>
                    <a:lnTo>
                      <a:pt x="1" y="41"/>
                    </a:lnTo>
                    <a:lnTo>
                      <a:pt x="3" y="36"/>
                    </a:lnTo>
                    <a:lnTo>
                      <a:pt x="6" y="33"/>
                    </a:lnTo>
                    <a:lnTo>
                      <a:pt x="10" y="30"/>
                    </a:lnTo>
                    <a:lnTo>
                      <a:pt x="14" y="28"/>
                    </a:lnTo>
                    <a:lnTo>
                      <a:pt x="20" y="26"/>
                    </a:lnTo>
                    <a:lnTo>
                      <a:pt x="26" y="25"/>
                    </a:lnTo>
                    <a:lnTo>
                      <a:pt x="31" y="24"/>
                    </a:lnTo>
                    <a:lnTo>
                      <a:pt x="44" y="21"/>
                    </a:lnTo>
                    <a:lnTo>
                      <a:pt x="56" y="19"/>
                    </a:lnTo>
                    <a:lnTo>
                      <a:pt x="62" y="18"/>
                    </a:lnTo>
                    <a:lnTo>
                      <a:pt x="66" y="16"/>
                    </a:lnTo>
                    <a:lnTo>
                      <a:pt x="70" y="13"/>
                    </a:lnTo>
                    <a:lnTo>
                      <a:pt x="74" y="10"/>
                    </a:lnTo>
                    <a:lnTo>
                      <a:pt x="80" y="9"/>
                    </a:lnTo>
                    <a:lnTo>
                      <a:pt x="85" y="10"/>
                    </a:lnTo>
                    <a:lnTo>
                      <a:pt x="89" y="11"/>
                    </a:lnTo>
                    <a:lnTo>
                      <a:pt x="92" y="12"/>
                    </a:lnTo>
                    <a:lnTo>
                      <a:pt x="98" y="17"/>
                    </a:lnTo>
                    <a:lnTo>
                      <a:pt x="103" y="24"/>
                    </a:lnTo>
                    <a:lnTo>
                      <a:pt x="106" y="30"/>
                    </a:lnTo>
                    <a:lnTo>
                      <a:pt x="110" y="36"/>
                    </a:lnTo>
                    <a:lnTo>
                      <a:pt x="115" y="42"/>
                    </a:lnTo>
                    <a:lnTo>
                      <a:pt x="121" y="47"/>
                    </a:lnTo>
                    <a:lnTo>
                      <a:pt x="130" y="46"/>
                    </a:lnTo>
                    <a:lnTo>
                      <a:pt x="139" y="44"/>
                    </a:lnTo>
                    <a:lnTo>
                      <a:pt x="147" y="41"/>
                    </a:lnTo>
                    <a:lnTo>
                      <a:pt x="155" y="38"/>
                    </a:lnTo>
                    <a:lnTo>
                      <a:pt x="169" y="32"/>
                    </a:lnTo>
                    <a:lnTo>
                      <a:pt x="183" y="25"/>
                    </a:lnTo>
                    <a:lnTo>
                      <a:pt x="196" y="17"/>
                    </a:lnTo>
                    <a:lnTo>
                      <a:pt x="210" y="10"/>
                    </a:lnTo>
                    <a:lnTo>
                      <a:pt x="218" y="7"/>
                    </a:lnTo>
                    <a:lnTo>
                      <a:pt x="225" y="5"/>
                    </a:lnTo>
                    <a:lnTo>
                      <a:pt x="233" y="1"/>
                    </a:lnTo>
                    <a:lnTo>
                      <a:pt x="243" y="0"/>
                    </a:lnTo>
                    <a:lnTo>
                      <a:pt x="245" y="6"/>
                    </a:lnTo>
                    <a:lnTo>
                      <a:pt x="246" y="12"/>
                    </a:lnTo>
                    <a:lnTo>
                      <a:pt x="245" y="19"/>
                    </a:lnTo>
                    <a:lnTo>
                      <a:pt x="244" y="26"/>
                    </a:lnTo>
                    <a:lnTo>
                      <a:pt x="239" y="39"/>
                    </a:lnTo>
                    <a:lnTo>
                      <a:pt x="233" y="54"/>
                    </a:lnTo>
                    <a:lnTo>
                      <a:pt x="231" y="61"/>
                    </a:lnTo>
                    <a:lnTo>
                      <a:pt x="229" y="69"/>
                    </a:lnTo>
                    <a:lnTo>
                      <a:pt x="227" y="76"/>
                    </a:lnTo>
                    <a:lnTo>
                      <a:pt x="227" y="84"/>
                    </a:lnTo>
                    <a:lnTo>
                      <a:pt x="228" y="91"/>
                    </a:lnTo>
                    <a:lnTo>
                      <a:pt x="231" y="98"/>
                    </a:lnTo>
                    <a:lnTo>
                      <a:pt x="236" y="106"/>
                    </a:lnTo>
                    <a:lnTo>
                      <a:pt x="243" y="113"/>
                    </a:lnTo>
                    <a:lnTo>
                      <a:pt x="262" y="131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13" name="Freeform 271"/>
              <p:cNvSpPr>
                <a:spLocks/>
              </p:cNvSpPr>
              <p:nvPr/>
            </p:nvSpPr>
            <p:spPr bwMode="auto">
              <a:xfrm>
                <a:off x="898525" y="3724275"/>
                <a:ext cx="1588" cy="1588"/>
              </a:xfrm>
              <a:custGeom>
                <a:avLst/>
                <a:gdLst>
                  <a:gd name="T0" fmla="*/ 0 w 4"/>
                  <a:gd name="T1" fmla="*/ 0 h 4"/>
                  <a:gd name="T2" fmla="*/ 1 w 4"/>
                  <a:gd name="T3" fmla="*/ 1 h 4"/>
                  <a:gd name="T4" fmla="*/ 0 w 4"/>
                  <a:gd name="T5" fmla="*/ 0 h 4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14" name="Line 272"/>
              <p:cNvSpPr>
                <a:spLocks noChangeShapeType="1"/>
              </p:cNvSpPr>
              <p:nvPr/>
            </p:nvSpPr>
            <p:spPr bwMode="auto">
              <a:xfrm>
                <a:off x="898525" y="3724275"/>
                <a:ext cx="1588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15" name="Freeform 273"/>
              <p:cNvSpPr>
                <a:spLocks/>
              </p:cNvSpPr>
              <p:nvPr/>
            </p:nvSpPr>
            <p:spPr bwMode="auto">
              <a:xfrm>
                <a:off x="903288" y="3724275"/>
                <a:ext cx="3175" cy="1588"/>
              </a:xfrm>
              <a:custGeom>
                <a:avLst/>
                <a:gdLst>
                  <a:gd name="T0" fmla="*/ 2 w 5"/>
                  <a:gd name="T1" fmla="*/ 1 h 4"/>
                  <a:gd name="T2" fmla="*/ 0 w 5"/>
                  <a:gd name="T3" fmla="*/ 0 h 4"/>
                  <a:gd name="T4" fmla="*/ 2 w 5"/>
                  <a:gd name="T5" fmla="*/ 1 h 4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5" h="4">
                    <a:moveTo>
                      <a:pt x="5" y="4"/>
                    </a:moveTo>
                    <a:lnTo>
                      <a:pt x="0" y="0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16" name="Freeform 276"/>
              <p:cNvSpPr>
                <a:spLocks/>
              </p:cNvSpPr>
              <p:nvPr/>
            </p:nvSpPr>
            <p:spPr bwMode="auto">
              <a:xfrm>
                <a:off x="903288" y="3724275"/>
                <a:ext cx="4763" cy="0"/>
              </a:xfrm>
              <a:custGeom>
                <a:avLst/>
                <a:gdLst>
                  <a:gd name="T0" fmla="*/ 0 w 10"/>
                  <a:gd name="T1" fmla="*/ 2 w 10"/>
                  <a:gd name="T2" fmla="*/ 3 w 10"/>
                  <a:gd name="T3" fmla="*/ 0 60000 65536"/>
                  <a:gd name="T4" fmla="*/ 0 60000 65536"/>
                  <a:gd name="T5" fmla="*/ 0 60000 65536"/>
                </a:gdLst>
                <a:ahLst/>
                <a:cxnLst>
                  <a:cxn ang="T3">
                    <a:pos x="T0" y="0"/>
                  </a:cxn>
                  <a:cxn ang="T4">
                    <a:pos x="T1" y="0"/>
                  </a:cxn>
                  <a:cxn ang="T5">
                    <a:pos x="T2" y="0"/>
                  </a:cxn>
                </a:cxnLst>
                <a:rect l="0" t="0" r="r" b="b"/>
                <a:pathLst>
                  <a:path w="10">
                    <a:moveTo>
                      <a:pt x="0" y="0"/>
                    </a:moveTo>
                    <a:lnTo>
                      <a:pt x="5" y="0"/>
                    </a:lnTo>
                    <a:lnTo>
                      <a:pt x="10" y="0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17" name="Freeform 277"/>
              <p:cNvSpPr>
                <a:spLocks/>
              </p:cNvSpPr>
              <p:nvPr/>
            </p:nvSpPr>
            <p:spPr bwMode="auto">
              <a:xfrm>
                <a:off x="906463" y="3724275"/>
                <a:ext cx="1588" cy="1588"/>
              </a:xfrm>
              <a:custGeom>
                <a:avLst/>
                <a:gdLst>
                  <a:gd name="T0" fmla="*/ 1 w 5"/>
                  <a:gd name="T1" fmla="*/ 0 h 4"/>
                  <a:gd name="T2" fmla="*/ 0 w 5"/>
                  <a:gd name="T3" fmla="*/ 1 h 4"/>
                  <a:gd name="T4" fmla="*/ 1 w 5"/>
                  <a:gd name="T5" fmla="*/ 0 h 4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5" h="4">
                    <a:moveTo>
                      <a:pt x="5" y="0"/>
                    </a:moveTo>
                    <a:lnTo>
                      <a:pt x="0" y="4"/>
                    </a:lnTo>
                    <a:lnTo>
                      <a:pt x="5" y="0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18" name="Line 278"/>
              <p:cNvSpPr>
                <a:spLocks noChangeShapeType="1"/>
              </p:cNvSpPr>
              <p:nvPr/>
            </p:nvSpPr>
            <p:spPr bwMode="auto">
              <a:xfrm flipH="1">
                <a:off x="906463" y="3724275"/>
                <a:ext cx="1588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19" name="Freeform 279"/>
              <p:cNvSpPr>
                <a:spLocks/>
              </p:cNvSpPr>
              <p:nvPr/>
            </p:nvSpPr>
            <p:spPr bwMode="auto">
              <a:xfrm>
                <a:off x="908050" y="3724275"/>
                <a:ext cx="3175" cy="1588"/>
              </a:xfrm>
              <a:custGeom>
                <a:avLst/>
                <a:gdLst>
                  <a:gd name="T0" fmla="*/ 2 w 4"/>
                  <a:gd name="T1" fmla="*/ 1 h 4"/>
                  <a:gd name="T2" fmla="*/ 0 w 4"/>
                  <a:gd name="T3" fmla="*/ 0 h 4"/>
                  <a:gd name="T4" fmla="*/ 2 w 4"/>
                  <a:gd name="T5" fmla="*/ 1 h 4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0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20" name="Freeform 275"/>
              <p:cNvSpPr>
                <a:spLocks/>
              </p:cNvSpPr>
              <p:nvPr/>
            </p:nvSpPr>
            <p:spPr bwMode="auto">
              <a:xfrm>
                <a:off x="903288" y="3724275"/>
                <a:ext cx="4763" cy="0"/>
              </a:xfrm>
              <a:custGeom>
                <a:avLst/>
                <a:gdLst>
                  <a:gd name="T0" fmla="*/ 0 w 10"/>
                  <a:gd name="T1" fmla="*/ 2 w 10"/>
                  <a:gd name="T2" fmla="*/ 3 w 10"/>
                  <a:gd name="T3" fmla="*/ 0 w 10"/>
                  <a:gd name="T4" fmla="*/ 0 60000 65536"/>
                  <a:gd name="T5" fmla="*/ 0 60000 65536"/>
                  <a:gd name="T6" fmla="*/ 0 60000 65536"/>
                  <a:gd name="T7" fmla="*/ 0 60000 65536"/>
                </a:gdLst>
                <a:ahLst/>
                <a:cxnLst>
                  <a:cxn ang="T4">
                    <a:pos x="T0" y="0"/>
                  </a:cxn>
                  <a:cxn ang="T5">
                    <a:pos x="T1" y="0"/>
                  </a:cxn>
                  <a:cxn ang="T6">
                    <a:pos x="T2" y="0"/>
                  </a:cxn>
                  <a:cxn ang="T7">
                    <a:pos x="T3" y="0"/>
                  </a:cxn>
                </a:cxnLst>
                <a:rect l="0" t="0" r="r" b="b"/>
                <a:pathLst>
                  <a:path w="10">
                    <a:moveTo>
                      <a:pt x="0" y="0"/>
                    </a:moveTo>
                    <a:lnTo>
                      <a:pt x="5" y="0"/>
                    </a:lnTo>
                    <a:lnTo>
                      <a:pt x="1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21" name="Line 280"/>
              <p:cNvSpPr>
                <a:spLocks noChangeShapeType="1"/>
              </p:cNvSpPr>
              <p:nvPr/>
            </p:nvSpPr>
            <p:spPr bwMode="auto">
              <a:xfrm flipH="1" flipV="1">
                <a:off x="908050" y="3724275"/>
                <a:ext cx="3175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22" name="Freeform 281"/>
              <p:cNvSpPr>
                <a:spLocks/>
              </p:cNvSpPr>
              <p:nvPr/>
            </p:nvSpPr>
            <p:spPr bwMode="auto">
              <a:xfrm>
                <a:off x="900113" y="3727450"/>
                <a:ext cx="3175" cy="6350"/>
              </a:xfrm>
              <a:custGeom>
                <a:avLst/>
                <a:gdLst>
                  <a:gd name="T0" fmla="*/ 2 w 6"/>
                  <a:gd name="T1" fmla="*/ 0 h 10"/>
                  <a:gd name="T2" fmla="*/ 1 w 6"/>
                  <a:gd name="T3" fmla="*/ 1 h 10"/>
                  <a:gd name="T4" fmla="*/ 0 w 6"/>
                  <a:gd name="T5" fmla="*/ 2 h 10"/>
                  <a:gd name="T6" fmla="*/ 0 w 6"/>
                  <a:gd name="T7" fmla="*/ 2 h 10"/>
                  <a:gd name="T8" fmla="*/ 0 w 6"/>
                  <a:gd name="T9" fmla="*/ 3 h 10"/>
                  <a:gd name="T10" fmla="*/ 0 w 6"/>
                  <a:gd name="T11" fmla="*/ 3 h 10"/>
                  <a:gd name="T12" fmla="*/ 1 w 6"/>
                  <a:gd name="T13" fmla="*/ 4 h 10"/>
                  <a:gd name="T14" fmla="*/ 1 w 6"/>
                  <a:gd name="T15" fmla="*/ 4 h 10"/>
                  <a:gd name="T16" fmla="*/ 2 w 6"/>
                  <a:gd name="T17" fmla="*/ 4 h 10"/>
                  <a:gd name="T18" fmla="*/ 2 w 6"/>
                  <a:gd name="T19" fmla="*/ 0 h 10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</a:gdLst>
                <a:ahLst/>
                <a:cxnLst>
                  <a:cxn ang="T20">
                    <a:pos x="T0" y="T1"/>
                  </a:cxn>
                  <a:cxn ang="T21">
                    <a:pos x="T2" y="T3"/>
                  </a:cxn>
                  <a:cxn ang="T22">
                    <a:pos x="T4" y="T5"/>
                  </a:cxn>
                  <a:cxn ang="T23">
                    <a:pos x="T6" y="T7"/>
                  </a:cxn>
                  <a:cxn ang="T24">
                    <a:pos x="T8" y="T9"/>
                  </a:cxn>
                  <a:cxn ang="T25">
                    <a:pos x="T10" y="T11"/>
                  </a:cxn>
                  <a:cxn ang="T26">
                    <a:pos x="T12" y="T13"/>
                  </a:cxn>
                  <a:cxn ang="T27">
                    <a:pos x="T14" y="T15"/>
                  </a:cxn>
                  <a:cxn ang="T28">
                    <a:pos x="T16" y="T17"/>
                  </a:cxn>
                  <a:cxn ang="T29">
                    <a:pos x="T18" y="T19"/>
                  </a:cxn>
                </a:cxnLst>
                <a:rect l="0" t="0" r="r" b="b"/>
                <a:pathLst>
                  <a:path w="6" h="10">
                    <a:moveTo>
                      <a:pt x="6" y="0"/>
                    </a:moveTo>
                    <a:lnTo>
                      <a:pt x="3" y="2"/>
                    </a:lnTo>
                    <a:lnTo>
                      <a:pt x="1" y="4"/>
                    </a:lnTo>
                    <a:lnTo>
                      <a:pt x="0" y="5"/>
                    </a:lnTo>
                    <a:lnTo>
                      <a:pt x="0" y="7"/>
                    </a:lnTo>
                    <a:lnTo>
                      <a:pt x="1" y="8"/>
                    </a:lnTo>
                    <a:lnTo>
                      <a:pt x="2" y="9"/>
                    </a:lnTo>
                    <a:lnTo>
                      <a:pt x="4" y="10"/>
                    </a:lnTo>
                    <a:lnTo>
                      <a:pt x="6" y="1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23" name="Freeform 282"/>
              <p:cNvSpPr>
                <a:spLocks/>
              </p:cNvSpPr>
              <p:nvPr/>
            </p:nvSpPr>
            <p:spPr bwMode="auto">
              <a:xfrm>
                <a:off x="900113" y="3727450"/>
                <a:ext cx="3175" cy="6350"/>
              </a:xfrm>
              <a:custGeom>
                <a:avLst/>
                <a:gdLst>
                  <a:gd name="T0" fmla="*/ 2 w 6"/>
                  <a:gd name="T1" fmla="*/ 0 h 10"/>
                  <a:gd name="T2" fmla="*/ 1 w 6"/>
                  <a:gd name="T3" fmla="*/ 1 h 10"/>
                  <a:gd name="T4" fmla="*/ 0 w 6"/>
                  <a:gd name="T5" fmla="*/ 2 h 10"/>
                  <a:gd name="T6" fmla="*/ 0 w 6"/>
                  <a:gd name="T7" fmla="*/ 2 h 10"/>
                  <a:gd name="T8" fmla="*/ 0 w 6"/>
                  <a:gd name="T9" fmla="*/ 3 h 10"/>
                  <a:gd name="T10" fmla="*/ 0 w 6"/>
                  <a:gd name="T11" fmla="*/ 3 h 10"/>
                  <a:gd name="T12" fmla="*/ 1 w 6"/>
                  <a:gd name="T13" fmla="*/ 4 h 10"/>
                  <a:gd name="T14" fmla="*/ 1 w 6"/>
                  <a:gd name="T15" fmla="*/ 4 h 10"/>
                  <a:gd name="T16" fmla="*/ 2 w 6"/>
                  <a:gd name="T17" fmla="*/ 4 h 10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0" t="0" r="r" b="b"/>
                <a:pathLst>
                  <a:path w="6" h="10">
                    <a:moveTo>
                      <a:pt x="6" y="0"/>
                    </a:moveTo>
                    <a:lnTo>
                      <a:pt x="3" y="2"/>
                    </a:lnTo>
                    <a:lnTo>
                      <a:pt x="1" y="4"/>
                    </a:lnTo>
                    <a:lnTo>
                      <a:pt x="0" y="5"/>
                    </a:lnTo>
                    <a:lnTo>
                      <a:pt x="0" y="7"/>
                    </a:lnTo>
                    <a:lnTo>
                      <a:pt x="1" y="8"/>
                    </a:lnTo>
                    <a:lnTo>
                      <a:pt x="2" y="9"/>
                    </a:lnTo>
                    <a:lnTo>
                      <a:pt x="4" y="10"/>
                    </a:lnTo>
                    <a:lnTo>
                      <a:pt x="6" y="10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24" name="Freeform 283"/>
              <p:cNvSpPr>
                <a:spLocks/>
              </p:cNvSpPr>
              <p:nvPr/>
            </p:nvSpPr>
            <p:spPr bwMode="auto">
              <a:xfrm>
                <a:off x="903288" y="3733800"/>
                <a:ext cx="3175" cy="1588"/>
              </a:xfrm>
              <a:custGeom>
                <a:avLst/>
                <a:gdLst>
                  <a:gd name="T0" fmla="*/ 0 w 5"/>
                  <a:gd name="T1" fmla="*/ 0 h 5"/>
                  <a:gd name="T2" fmla="*/ 2 w 5"/>
                  <a:gd name="T3" fmla="*/ 1 h 5"/>
                  <a:gd name="T4" fmla="*/ 0 w 5"/>
                  <a:gd name="T5" fmla="*/ 0 h 5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5" h="5">
                    <a:moveTo>
                      <a:pt x="0" y="0"/>
                    </a:moveTo>
                    <a:lnTo>
                      <a:pt x="5" y="5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25" name="Line 284"/>
              <p:cNvSpPr>
                <a:spLocks noChangeShapeType="1"/>
              </p:cNvSpPr>
              <p:nvPr/>
            </p:nvSpPr>
            <p:spPr bwMode="auto">
              <a:xfrm>
                <a:off x="903288" y="3733800"/>
                <a:ext cx="3175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26" name="Freeform 285"/>
              <p:cNvSpPr>
                <a:spLocks/>
              </p:cNvSpPr>
              <p:nvPr/>
            </p:nvSpPr>
            <p:spPr bwMode="auto">
              <a:xfrm>
                <a:off x="900113" y="3725863"/>
                <a:ext cx="6350" cy="0"/>
              </a:xfrm>
              <a:custGeom>
                <a:avLst/>
                <a:gdLst>
                  <a:gd name="T0" fmla="*/ 4 w 10"/>
                  <a:gd name="T1" fmla="*/ 2 w 10"/>
                  <a:gd name="T2" fmla="*/ 0 w 10"/>
                  <a:gd name="T3" fmla="*/ 4 w 10"/>
                  <a:gd name="T4" fmla="*/ 0 60000 65536"/>
                  <a:gd name="T5" fmla="*/ 0 60000 65536"/>
                  <a:gd name="T6" fmla="*/ 0 60000 65536"/>
                  <a:gd name="T7" fmla="*/ 0 60000 65536"/>
                </a:gdLst>
                <a:ahLst/>
                <a:cxnLst>
                  <a:cxn ang="T4">
                    <a:pos x="T0" y="0"/>
                  </a:cxn>
                  <a:cxn ang="T5">
                    <a:pos x="T1" y="0"/>
                  </a:cxn>
                  <a:cxn ang="T6">
                    <a:pos x="T2" y="0"/>
                  </a:cxn>
                  <a:cxn ang="T7">
                    <a:pos x="T3" y="0"/>
                  </a:cxn>
                </a:cxnLst>
                <a:rect l="0" t="0" r="r" b="b"/>
                <a:pathLst>
                  <a:path w="10">
                    <a:moveTo>
                      <a:pt x="10" y="0"/>
                    </a:moveTo>
                    <a:lnTo>
                      <a:pt x="5" y="0"/>
                    </a:lnTo>
                    <a:lnTo>
                      <a:pt x="0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27" name="Freeform 287"/>
              <p:cNvSpPr>
                <a:spLocks/>
              </p:cNvSpPr>
              <p:nvPr/>
            </p:nvSpPr>
            <p:spPr bwMode="auto">
              <a:xfrm>
                <a:off x="900113" y="3725863"/>
                <a:ext cx="3175" cy="1588"/>
              </a:xfrm>
              <a:custGeom>
                <a:avLst/>
                <a:gdLst>
                  <a:gd name="T0" fmla="*/ 0 w 5"/>
                  <a:gd name="T1" fmla="*/ 0 h 4"/>
                  <a:gd name="T2" fmla="*/ 2 w 5"/>
                  <a:gd name="T3" fmla="*/ 1 h 4"/>
                  <a:gd name="T4" fmla="*/ 0 w 5"/>
                  <a:gd name="T5" fmla="*/ 0 h 4"/>
                  <a:gd name="T6" fmla="*/ 0 60000 65536"/>
                  <a:gd name="T7" fmla="*/ 0 60000 65536"/>
                  <a:gd name="T8" fmla="*/ 0 60000 65536"/>
                </a:gdLst>
                <a:ahLst/>
                <a:cxnLst>
                  <a:cxn ang="T6">
                    <a:pos x="T0" y="T1"/>
                  </a:cxn>
                  <a:cxn ang="T7">
                    <a:pos x="T2" y="T3"/>
                  </a:cxn>
                  <a:cxn ang="T8">
                    <a:pos x="T4" y="T5"/>
                  </a:cxn>
                </a:cxnLst>
                <a:rect l="0" t="0" r="r" b="b"/>
                <a:pathLst>
                  <a:path w="5" h="4">
                    <a:moveTo>
                      <a:pt x="0" y="0"/>
                    </a:moveTo>
                    <a:lnTo>
                      <a:pt x="5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28" name="Line 288"/>
              <p:cNvSpPr>
                <a:spLocks noChangeShapeType="1"/>
              </p:cNvSpPr>
              <p:nvPr/>
            </p:nvSpPr>
            <p:spPr bwMode="auto">
              <a:xfrm>
                <a:off x="900113" y="3725863"/>
                <a:ext cx="3175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29" name="Struer kant 4"/>
              <p:cNvSpPr>
                <a:spLocks/>
              </p:cNvSpPr>
              <p:nvPr/>
            </p:nvSpPr>
            <p:spPr bwMode="auto">
              <a:xfrm>
                <a:off x="933450" y="3787775"/>
                <a:ext cx="28575" cy="66675"/>
              </a:xfrm>
              <a:custGeom>
                <a:avLst/>
                <a:gdLst>
                  <a:gd name="T0" fmla="*/ 6 w 54"/>
                  <a:gd name="T1" fmla="*/ 13 h 126"/>
                  <a:gd name="T2" fmla="*/ 4 w 54"/>
                  <a:gd name="T3" fmla="*/ 14 h 126"/>
                  <a:gd name="T4" fmla="*/ 3 w 54"/>
                  <a:gd name="T5" fmla="*/ 15 h 126"/>
                  <a:gd name="T6" fmla="*/ 2 w 54"/>
                  <a:gd name="T7" fmla="*/ 17 h 126"/>
                  <a:gd name="T8" fmla="*/ 1 w 54"/>
                  <a:gd name="T9" fmla="*/ 19 h 126"/>
                  <a:gd name="T10" fmla="*/ 0 w 54"/>
                  <a:gd name="T11" fmla="*/ 21 h 126"/>
                  <a:gd name="T12" fmla="*/ 0 w 54"/>
                  <a:gd name="T13" fmla="*/ 23 h 126"/>
                  <a:gd name="T14" fmla="*/ 0 w 54"/>
                  <a:gd name="T15" fmla="*/ 25 h 126"/>
                  <a:gd name="T16" fmla="*/ 0 w 54"/>
                  <a:gd name="T17" fmla="*/ 26 h 126"/>
                  <a:gd name="T18" fmla="*/ 2 w 54"/>
                  <a:gd name="T19" fmla="*/ 35 h 126"/>
                  <a:gd name="T20" fmla="*/ 4 w 54"/>
                  <a:gd name="T21" fmla="*/ 42 h 126"/>
                  <a:gd name="T22" fmla="*/ 5 w 54"/>
                  <a:gd name="T23" fmla="*/ 39 h 126"/>
                  <a:gd name="T24" fmla="*/ 6 w 54"/>
                  <a:gd name="T25" fmla="*/ 31 h 126"/>
                  <a:gd name="T26" fmla="*/ 7 w 54"/>
                  <a:gd name="T27" fmla="*/ 27 h 126"/>
                  <a:gd name="T28" fmla="*/ 7 w 54"/>
                  <a:gd name="T29" fmla="*/ 22 h 126"/>
                  <a:gd name="T30" fmla="*/ 6 w 54"/>
                  <a:gd name="T31" fmla="*/ 20 h 126"/>
                  <a:gd name="T32" fmla="*/ 6 w 54"/>
                  <a:gd name="T33" fmla="*/ 18 h 126"/>
                  <a:gd name="T34" fmla="*/ 5 w 54"/>
                  <a:gd name="T35" fmla="*/ 17 h 126"/>
                  <a:gd name="T36" fmla="*/ 5 w 54"/>
                  <a:gd name="T37" fmla="*/ 15 h 126"/>
                  <a:gd name="T38" fmla="*/ 3 w 54"/>
                  <a:gd name="T39" fmla="*/ 13 h 126"/>
                  <a:gd name="T40" fmla="*/ 2 w 54"/>
                  <a:gd name="T41" fmla="*/ 11 h 126"/>
                  <a:gd name="T42" fmla="*/ 2 w 54"/>
                  <a:gd name="T43" fmla="*/ 10 h 126"/>
                  <a:gd name="T44" fmla="*/ 2 w 54"/>
                  <a:gd name="T45" fmla="*/ 9 h 126"/>
                  <a:gd name="T46" fmla="*/ 3 w 54"/>
                  <a:gd name="T47" fmla="*/ 8 h 126"/>
                  <a:gd name="T48" fmla="*/ 4 w 54"/>
                  <a:gd name="T49" fmla="*/ 6 h 126"/>
                  <a:gd name="T50" fmla="*/ 5 w 54"/>
                  <a:gd name="T51" fmla="*/ 5 h 126"/>
                  <a:gd name="T52" fmla="*/ 6 w 54"/>
                  <a:gd name="T53" fmla="*/ 5 h 126"/>
                  <a:gd name="T54" fmla="*/ 7 w 54"/>
                  <a:gd name="T55" fmla="*/ 4 h 126"/>
                  <a:gd name="T56" fmla="*/ 8 w 54"/>
                  <a:gd name="T57" fmla="*/ 3 h 126"/>
                  <a:gd name="T58" fmla="*/ 9 w 54"/>
                  <a:gd name="T59" fmla="*/ 2 h 126"/>
                  <a:gd name="T60" fmla="*/ 9 w 54"/>
                  <a:gd name="T61" fmla="*/ 1 h 126"/>
                  <a:gd name="T62" fmla="*/ 9 w 54"/>
                  <a:gd name="T63" fmla="*/ 0 h 126"/>
                  <a:gd name="T64" fmla="*/ 11 w 54"/>
                  <a:gd name="T65" fmla="*/ 2 h 126"/>
                  <a:gd name="T66" fmla="*/ 12 w 54"/>
                  <a:gd name="T67" fmla="*/ 4 h 126"/>
                  <a:gd name="T68" fmla="*/ 13 w 54"/>
                  <a:gd name="T69" fmla="*/ 5 h 126"/>
                  <a:gd name="T70" fmla="*/ 15 w 54"/>
                  <a:gd name="T71" fmla="*/ 6 h 126"/>
                  <a:gd name="T72" fmla="*/ 16 w 54"/>
                  <a:gd name="T73" fmla="*/ 6 h 126"/>
                  <a:gd name="T74" fmla="*/ 18 w 54"/>
                  <a:gd name="T75" fmla="*/ 6 h 126"/>
                  <a:gd name="T76" fmla="*/ 17 w 54"/>
                  <a:gd name="T77" fmla="*/ 8 h 126"/>
                  <a:gd name="T78" fmla="*/ 16 w 54"/>
                  <a:gd name="T79" fmla="*/ 9 h 126"/>
                  <a:gd name="T80" fmla="*/ 14 w 54"/>
                  <a:gd name="T81" fmla="*/ 10 h 126"/>
                  <a:gd name="T82" fmla="*/ 12 w 54"/>
                  <a:gd name="T83" fmla="*/ 11 h 126"/>
                  <a:gd name="T84" fmla="*/ 9 w 54"/>
                  <a:gd name="T85" fmla="*/ 13 h 126"/>
                  <a:gd name="T86" fmla="*/ 6 w 54"/>
                  <a:gd name="T87" fmla="*/ 16 h 126"/>
                  <a:gd name="T88" fmla="*/ 6 w 54"/>
                  <a:gd name="T89" fmla="*/ 13 h 12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0" t="0" r="r" b="b"/>
                <a:pathLst>
                  <a:path w="54" h="126">
                    <a:moveTo>
                      <a:pt x="17" y="38"/>
                    </a:moveTo>
                    <a:lnTo>
                      <a:pt x="12" y="42"/>
                    </a:lnTo>
                    <a:lnTo>
                      <a:pt x="8" y="46"/>
                    </a:lnTo>
                    <a:lnTo>
                      <a:pt x="5" y="52"/>
                    </a:lnTo>
                    <a:lnTo>
                      <a:pt x="2" y="56"/>
                    </a:lnTo>
                    <a:lnTo>
                      <a:pt x="0" y="62"/>
                    </a:lnTo>
                    <a:lnTo>
                      <a:pt x="0" y="68"/>
                    </a:lnTo>
                    <a:lnTo>
                      <a:pt x="0" y="74"/>
                    </a:lnTo>
                    <a:lnTo>
                      <a:pt x="0" y="79"/>
                    </a:lnTo>
                    <a:lnTo>
                      <a:pt x="6" y="104"/>
                    </a:lnTo>
                    <a:lnTo>
                      <a:pt x="12" y="126"/>
                    </a:lnTo>
                    <a:lnTo>
                      <a:pt x="15" y="117"/>
                    </a:lnTo>
                    <a:lnTo>
                      <a:pt x="19" y="94"/>
                    </a:lnTo>
                    <a:lnTo>
                      <a:pt x="20" y="80"/>
                    </a:lnTo>
                    <a:lnTo>
                      <a:pt x="20" y="66"/>
                    </a:lnTo>
                    <a:lnTo>
                      <a:pt x="19" y="60"/>
                    </a:lnTo>
                    <a:lnTo>
                      <a:pt x="18" y="55"/>
                    </a:lnTo>
                    <a:lnTo>
                      <a:pt x="16" y="50"/>
                    </a:lnTo>
                    <a:lnTo>
                      <a:pt x="14" y="45"/>
                    </a:lnTo>
                    <a:lnTo>
                      <a:pt x="8" y="38"/>
                    </a:lnTo>
                    <a:lnTo>
                      <a:pt x="7" y="34"/>
                    </a:lnTo>
                    <a:lnTo>
                      <a:pt x="7" y="30"/>
                    </a:lnTo>
                    <a:lnTo>
                      <a:pt x="7" y="26"/>
                    </a:lnTo>
                    <a:lnTo>
                      <a:pt x="8" y="23"/>
                    </a:lnTo>
                    <a:lnTo>
                      <a:pt x="11" y="19"/>
                    </a:lnTo>
                    <a:lnTo>
                      <a:pt x="14" y="16"/>
                    </a:lnTo>
                    <a:lnTo>
                      <a:pt x="18" y="14"/>
                    </a:lnTo>
                    <a:lnTo>
                      <a:pt x="22" y="11"/>
                    </a:lnTo>
                    <a:lnTo>
                      <a:pt x="24" y="9"/>
                    </a:lnTo>
                    <a:lnTo>
                      <a:pt x="26" y="6"/>
                    </a:lnTo>
                    <a:lnTo>
                      <a:pt x="26" y="3"/>
                    </a:lnTo>
                    <a:lnTo>
                      <a:pt x="27" y="0"/>
                    </a:lnTo>
                    <a:lnTo>
                      <a:pt x="32" y="6"/>
                    </a:lnTo>
                    <a:lnTo>
                      <a:pt x="37" y="13"/>
                    </a:lnTo>
                    <a:lnTo>
                      <a:pt x="40" y="16"/>
                    </a:lnTo>
                    <a:lnTo>
                      <a:pt x="44" y="18"/>
                    </a:lnTo>
                    <a:lnTo>
                      <a:pt x="49" y="19"/>
                    </a:lnTo>
                    <a:lnTo>
                      <a:pt x="54" y="19"/>
                    </a:lnTo>
                    <a:lnTo>
                      <a:pt x="51" y="23"/>
                    </a:lnTo>
                    <a:lnTo>
                      <a:pt x="47" y="28"/>
                    </a:lnTo>
                    <a:lnTo>
                      <a:pt x="41" y="31"/>
                    </a:lnTo>
                    <a:lnTo>
                      <a:pt x="37" y="34"/>
                    </a:lnTo>
                    <a:lnTo>
                      <a:pt x="27" y="40"/>
                    </a:lnTo>
                    <a:lnTo>
                      <a:pt x="17" y="48"/>
                    </a:lnTo>
                    <a:lnTo>
                      <a:pt x="17" y="38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30" name="Struer 4"/>
              <p:cNvSpPr>
                <a:spLocks/>
              </p:cNvSpPr>
              <p:nvPr/>
            </p:nvSpPr>
            <p:spPr bwMode="auto">
              <a:xfrm>
                <a:off x="933450" y="3787775"/>
                <a:ext cx="28575" cy="66675"/>
              </a:xfrm>
              <a:custGeom>
                <a:avLst/>
                <a:gdLst>
                  <a:gd name="T0" fmla="*/ 6 w 54"/>
                  <a:gd name="T1" fmla="*/ 13 h 126"/>
                  <a:gd name="T2" fmla="*/ 4 w 54"/>
                  <a:gd name="T3" fmla="*/ 14 h 126"/>
                  <a:gd name="T4" fmla="*/ 3 w 54"/>
                  <a:gd name="T5" fmla="*/ 15 h 126"/>
                  <a:gd name="T6" fmla="*/ 2 w 54"/>
                  <a:gd name="T7" fmla="*/ 17 h 126"/>
                  <a:gd name="T8" fmla="*/ 1 w 54"/>
                  <a:gd name="T9" fmla="*/ 19 h 126"/>
                  <a:gd name="T10" fmla="*/ 0 w 54"/>
                  <a:gd name="T11" fmla="*/ 21 h 126"/>
                  <a:gd name="T12" fmla="*/ 0 w 54"/>
                  <a:gd name="T13" fmla="*/ 23 h 126"/>
                  <a:gd name="T14" fmla="*/ 0 w 54"/>
                  <a:gd name="T15" fmla="*/ 25 h 126"/>
                  <a:gd name="T16" fmla="*/ 0 w 54"/>
                  <a:gd name="T17" fmla="*/ 26 h 126"/>
                  <a:gd name="T18" fmla="*/ 2 w 54"/>
                  <a:gd name="T19" fmla="*/ 35 h 126"/>
                  <a:gd name="T20" fmla="*/ 4 w 54"/>
                  <a:gd name="T21" fmla="*/ 42 h 126"/>
                  <a:gd name="T22" fmla="*/ 5 w 54"/>
                  <a:gd name="T23" fmla="*/ 39 h 126"/>
                  <a:gd name="T24" fmla="*/ 6 w 54"/>
                  <a:gd name="T25" fmla="*/ 31 h 126"/>
                  <a:gd name="T26" fmla="*/ 7 w 54"/>
                  <a:gd name="T27" fmla="*/ 27 h 126"/>
                  <a:gd name="T28" fmla="*/ 7 w 54"/>
                  <a:gd name="T29" fmla="*/ 22 h 126"/>
                  <a:gd name="T30" fmla="*/ 6 w 54"/>
                  <a:gd name="T31" fmla="*/ 20 h 126"/>
                  <a:gd name="T32" fmla="*/ 6 w 54"/>
                  <a:gd name="T33" fmla="*/ 18 h 126"/>
                  <a:gd name="T34" fmla="*/ 5 w 54"/>
                  <a:gd name="T35" fmla="*/ 17 h 126"/>
                  <a:gd name="T36" fmla="*/ 5 w 54"/>
                  <a:gd name="T37" fmla="*/ 15 h 126"/>
                  <a:gd name="T38" fmla="*/ 3 w 54"/>
                  <a:gd name="T39" fmla="*/ 13 h 126"/>
                  <a:gd name="T40" fmla="*/ 2 w 54"/>
                  <a:gd name="T41" fmla="*/ 11 h 126"/>
                  <a:gd name="T42" fmla="*/ 2 w 54"/>
                  <a:gd name="T43" fmla="*/ 10 h 126"/>
                  <a:gd name="T44" fmla="*/ 2 w 54"/>
                  <a:gd name="T45" fmla="*/ 9 h 126"/>
                  <a:gd name="T46" fmla="*/ 3 w 54"/>
                  <a:gd name="T47" fmla="*/ 8 h 126"/>
                  <a:gd name="T48" fmla="*/ 4 w 54"/>
                  <a:gd name="T49" fmla="*/ 6 h 126"/>
                  <a:gd name="T50" fmla="*/ 5 w 54"/>
                  <a:gd name="T51" fmla="*/ 5 h 126"/>
                  <a:gd name="T52" fmla="*/ 6 w 54"/>
                  <a:gd name="T53" fmla="*/ 5 h 126"/>
                  <a:gd name="T54" fmla="*/ 7 w 54"/>
                  <a:gd name="T55" fmla="*/ 4 h 126"/>
                  <a:gd name="T56" fmla="*/ 8 w 54"/>
                  <a:gd name="T57" fmla="*/ 3 h 126"/>
                  <a:gd name="T58" fmla="*/ 9 w 54"/>
                  <a:gd name="T59" fmla="*/ 2 h 126"/>
                  <a:gd name="T60" fmla="*/ 9 w 54"/>
                  <a:gd name="T61" fmla="*/ 1 h 126"/>
                  <a:gd name="T62" fmla="*/ 9 w 54"/>
                  <a:gd name="T63" fmla="*/ 0 h 126"/>
                  <a:gd name="T64" fmla="*/ 11 w 54"/>
                  <a:gd name="T65" fmla="*/ 2 h 126"/>
                  <a:gd name="T66" fmla="*/ 12 w 54"/>
                  <a:gd name="T67" fmla="*/ 4 h 126"/>
                  <a:gd name="T68" fmla="*/ 13 w 54"/>
                  <a:gd name="T69" fmla="*/ 5 h 126"/>
                  <a:gd name="T70" fmla="*/ 15 w 54"/>
                  <a:gd name="T71" fmla="*/ 6 h 126"/>
                  <a:gd name="T72" fmla="*/ 16 w 54"/>
                  <a:gd name="T73" fmla="*/ 6 h 126"/>
                  <a:gd name="T74" fmla="*/ 18 w 54"/>
                  <a:gd name="T75" fmla="*/ 6 h 126"/>
                  <a:gd name="T76" fmla="*/ 17 w 54"/>
                  <a:gd name="T77" fmla="*/ 8 h 126"/>
                  <a:gd name="T78" fmla="*/ 16 w 54"/>
                  <a:gd name="T79" fmla="*/ 9 h 126"/>
                  <a:gd name="T80" fmla="*/ 14 w 54"/>
                  <a:gd name="T81" fmla="*/ 10 h 126"/>
                  <a:gd name="T82" fmla="*/ 12 w 54"/>
                  <a:gd name="T83" fmla="*/ 11 h 126"/>
                  <a:gd name="T84" fmla="*/ 9 w 54"/>
                  <a:gd name="T85" fmla="*/ 13 h 126"/>
                  <a:gd name="T86" fmla="*/ 6 w 54"/>
                  <a:gd name="T87" fmla="*/ 16 h 126"/>
                  <a:gd name="T88" fmla="*/ 6 w 54"/>
                  <a:gd name="T89" fmla="*/ 13 h 12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0" t="0" r="r" b="b"/>
                <a:pathLst>
                  <a:path w="54" h="126">
                    <a:moveTo>
                      <a:pt x="17" y="38"/>
                    </a:moveTo>
                    <a:lnTo>
                      <a:pt x="12" y="42"/>
                    </a:lnTo>
                    <a:lnTo>
                      <a:pt x="8" y="46"/>
                    </a:lnTo>
                    <a:lnTo>
                      <a:pt x="5" y="52"/>
                    </a:lnTo>
                    <a:lnTo>
                      <a:pt x="2" y="56"/>
                    </a:lnTo>
                    <a:lnTo>
                      <a:pt x="0" y="62"/>
                    </a:lnTo>
                    <a:lnTo>
                      <a:pt x="0" y="68"/>
                    </a:lnTo>
                    <a:lnTo>
                      <a:pt x="0" y="74"/>
                    </a:lnTo>
                    <a:lnTo>
                      <a:pt x="0" y="79"/>
                    </a:lnTo>
                    <a:lnTo>
                      <a:pt x="6" y="104"/>
                    </a:lnTo>
                    <a:lnTo>
                      <a:pt x="12" y="126"/>
                    </a:lnTo>
                    <a:lnTo>
                      <a:pt x="15" y="117"/>
                    </a:lnTo>
                    <a:lnTo>
                      <a:pt x="19" y="94"/>
                    </a:lnTo>
                    <a:lnTo>
                      <a:pt x="20" y="80"/>
                    </a:lnTo>
                    <a:lnTo>
                      <a:pt x="20" y="66"/>
                    </a:lnTo>
                    <a:lnTo>
                      <a:pt x="19" y="60"/>
                    </a:lnTo>
                    <a:lnTo>
                      <a:pt x="18" y="55"/>
                    </a:lnTo>
                    <a:lnTo>
                      <a:pt x="16" y="50"/>
                    </a:lnTo>
                    <a:lnTo>
                      <a:pt x="14" y="45"/>
                    </a:lnTo>
                    <a:lnTo>
                      <a:pt x="8" y="38"/>
                    </a:lnTo>
                    <a:lnTo>
                      <a:pt x="7" y="34"/>
                    </a:lnTo>
                    <a:lnTo>
                      <a:pt x="7" y="30"/>
                    </a:lnTo>
                    <a:lnTo>
                      <a:pt x="7" y="26"/>
                    </a:lnTo>
                    <a:lnTo>
                      <a:pt x="8" y="23"/>
                    </a:lnTo>
                    <a:lnTo>
                      <a:pt x="11" y="19"/>
                    </a:lnTo>
                    <a:lnTo>
                      <a:pt x="14" y="16"/>
                    </a:lnTo>
                    <a:lnTo>
                      <a:pt x="18" y="14"/>
                    </a:lnTo>
                    <a:lnTo>
                      <a:pt x="22" y="11"/>
                    </a:lnTo>
                    <a:lnTo>
                      <a:pt x="24" y="9"/>
                    </a:lnTo>
                    <a:lnTo>
                      <a:pt x="26" y="6"/>
                    </a:lnTo>
                    <a:lnTo>
                      <a:pt x="26" y="3"/>
                    </a:lnTo>
                    <a:lnTo>
                      <a:pt x="27" y="0"/>
                    </a:lnTo>
                    <a:lnTo>
                      <a:pt x="32" y="6"/>
                    </a:lnTo>
                    <a:lnTo>
                      <a:pt x="37" y="13"/>
                    </a:lnTo>
                    <a:lnTo>
                      <a:pt x="40" y="16"/>
                    </a:lnTo>
                    <a:lnTo>
                      <a:pt x="44" y="18"/>
                    </a:lnTo>
                    <a:lnTo>
                      <a:pt x="49" y="19"/>
                    </a:lnTo>
                    <a:lnTo>
                      <a:pt x="54" y="19"/>
                    </a:lnTo>
                    <a:lnTo>
                      <a:pt x="51" y="23"/>
                    </a:lnTo>
                    <a:lnTo>
                      <a:pt x="47" y="28"/>
                    </a:lnTo>
                    <a:lnTo>
                      <a:pt x="41" y="31"/>
                    </a:lnTo>
                    <a:lnTo>
                      <a:pt x="37" y="34"/>
                    </a:lnTo>
                    <a:lnTo>
                      <a:pt x="27" y="40"/>
                    </a:lnTo>
                    <a:lnTo>
                      <a:pt x="17" y="48"/>
                    </a:lnTo>
                    <a:lnTo>
                      <a:pt x="17" y="38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31" name="Struer 1"/>
              <p:cNvSpPr>
                <a:spLocks/>
              </p:cNvSpPr>
              <p:nvPr/>
            </p:nvSpPr>
            <p:spPr bwMode="auto">
              <a:xfrm>
                <a:off x="754063" y="3803655"/>
                <a:ext cx="233363" cy="207963"/>
              </a:xfrm>
              <a:custGeom>
                <a:avLst/>
                <a:gdLst>
                  <a:gd name="T0" fmla="*/ 120 w 439"/>
                  <a:gd name="T1" fmla="*/ 82 h 393"/>
                  <a:gd name="T2" fmla="*/ 125 w 439"/>
                  <a:gd name="T3" fmla="*/ 81 h 393"/>
                  <a:gd name="T4" fmla="*/ 135 w 439"/>
                  <a:gd name="T5" fmla="*/ 81 h 393"/>
                  <a:gd name="T6" fmla="*/ 142 w 439"/>
                  <a:gd name="T7" fmla="*/ 81 h 393"/>
                  <a:gd name="T8" fmla="*/ 144 w 439"/>
                  <a:gd name="T9" fmla="*/ 78 h 393"/>
                  <a:gd name="T10" fmla="*/ 147 w 439"/>
                  <a:gd name="T11" fmla="*/ 88 h 393"/>
                  <a:gd name="T12" fmla="*/ 146 w 439"/>
                  <a:gd name="T13" fmla="*/ 98 h 393"/>
                  <a:gd name="T14" fmla="*/ 138 w 439"/>
                  <a:gd name="T15" fmla="*/ 117 h 393"/>
                  <a:gd name="T16" fmla="*/ 124 w 439"/>
                  <a:gd name="T17" fmla="*/ 126 h 393"/>
                  <a:gd name="T18" fmla="*/ 116 w 439"/>
                  <a:gd name="T19" fmla="*/ 126 h 393"/>
                  <a:gd name="T20" fmla="*/ 113 w 439"/>
                  <a:gd name="T21" fmla="*/ 121 h 393"/>
                  <a:gd name="T22" fmla="*/ 100 w 439"/>
                  <a:gd name="T23" fmla="*/ 113 h 393"/>
                  <a:gd name="T24" fmla="*/ 91 w 439"/>
                  <a:gd name="T25" fmla="*/ 110 h 393"/>
                  <a:gd name="T26" fmla="*/ 88 w 439"/>
                  <a:gd name="T27" fmla="*/ 114 h 393"/>
                  <a:gd name="T28" fmla="*/ 85 w 439"/>
                  <a:gd name="T29" fmla="*/ 121 h 393"/>
                  <a:gd name="T30" fmla="*/ 80 w 439"/>
                  <a:gd name="T31" fmla="*/ 122 h 393"/>
                  <a:gd name="T32" fmla="*/ 80 w 439"/>
                  <a:gd name="T33" fmla="*/ 120 h 393"/>
                  <a:gd name="T34" fmla="*/ 80 w 439"/>
                  <a:gd name="T35" fmla="*/ 116 h 393"/>
                  <a:gd name="T36" fmla="*/ 76 w 439"/>
                  <a:gd name="T37" fmla="*/ 111 h 393"/>
                  <a:gd name="T38" fmla="*/ 70 w 439"/>
                  <a:gd name="T39" fmla="*/ 109 h 393"/>
                  <a:gd name="T40" fmla="*/ 65 w 439"/>
                  <a:gd name="T41" fmla="*/ 111 h 393"/>
                  <a:gd name="T42" fmla="*/ 59 w 439"/>
                  <a:gd name="T43" fmla="*/ 113 h 393"/>
                  <a:gd name="T44" fmla="*/ 55 w 439"/>
                  <a:gd name="T45" fmla="*/ 114 h 393"/>
                  <a:gd name="T46" fmla="*/ 55 w 439"/>
                  <a:gd name="T47" fmla="*/ 118 h 393"/>
                  <a:gd name="T48" fmla="*/ 56 w 439"/>
                  <a:gd name="T49" fmla="*/ 123 h 393"/>
                  <a:gd name="T50" fmla="*/ 54 w 439"/>
                  <a:gd name="T51" fmla="*/ 127 h 393"/>
                  <a:gd name="T52" fmla="*/ 37 w 439"/>
                  <a:gd name="T53" fmla="*/ 130 h 393"/>
                  <a:gd name="T54" fmla="*/ 19 w 439"/>
                  <a:gd name="T55" fmla="*/ 130 h 393"/>
                  <a:gd name="T56" fmla="*/ 0 w 439"/>
                  <a:gd name="T57" fmla="*/ 125 h 393"/>
                  <a:gd name="T58" fmla="*/ 2 w 439"/>
                  <a:gd name="T59" fmla="*/ 118 h 393"/>
                  <a:gd name="T60" fmla="*/ 5 w 439"/>
                  <a:gd name="T61" fmla="*/ 113 h 393"/>
                  <a:gd name="T62" fmla="*/ 10 w 439"/>
                  <a:gd name="T63" fmla="*/ 109 h 393"/>
                  <a:gd name="T64" fmla="*/ 18 w 439"/>
                  <a:gd name="T65" fmla="*/ 107 h 393"/>
                  <a:gd name="T66" fmla="*/ 25 w 439"/>
                  <a:gd name="T67" fmla="*/ 104 h 393"/>
                  <a:gd name="T68" fmla="*/ 32 w 439"/>
                  <a:gd name="T69" fmla="*/ 98 h 393"/>
                  <a:gd name="T70" fmla="*/ 34 w 439"/>
                  <a:gd name="T71" fmla="*/ 87 h 393"/>
                  <a:gd name="T72" fmla="*/ 40 w 439"/>
                  <a:gd name="T73" fmla="*/ 81 h 393"/>
                  <a:gd name="T74" fmla="*/ 44 w 439"/>
                  <a:gd name="T75" fmla="*/ 78 h 393"/>
                  <a:gd name="T76" fmla="*/ 47 w 439"/>
                  <a:gd name="T77" fmla="*/ 78 h 393"/>
                  <a:gd name="T78" fmla="*/ 48 w 439"/>
                  <a:gd name="T79" fmla="*/ 61 h 393"/>
                  <a:gd name="T80" fmla="*/ 49 w 439"/>
                  <a:gd name="T81" fmla="*/ 48 h 393"/>
                  <a:gd name="T82" fmla="*/ 50 w 439"/>
                  <a:gd name="T83" fmla="*/ 31 h 393"/>
                  <a:gd name="T84" fmla="*/ 57 w 439"/>
                  <a:gd name="T85" fmla="*/ 31 h 393"/>
                  <a:gd name="T86" fmla="*/ 73 w 439"/>
                  <a:gd name="T87" fmla="*/ 16 h 393"/>
                  <a:gd name="T88" fmla="*/ 78 w 439"/>
                  <a:gd name="T89" fmla="*/ 10 h 393"/>
                  <a:gd name="T90" fmla="*/ 81 w 439"/>
                  <a:gd name="T91" fmla="*/ 3 h 393"/>
                  <a:gd name="T92" fmla="*/ 87 w 439"/>
                  <a:gd name="T93" fmla="*/ 11 h 393"/>
                  <a:gd name="T94" fmla="*/ 91 w 439"/>
                  <a:gd name="T95" fmla="*/ 24 h 393"/>
                  <a:gd name="T96" fmla="*/ 95 w 439"/>
                  <a:gd name="T97" fmla="*/ 31 h 393"/>
                  <a:gd name="T98" fmla="*/ 100 w 439"/>
                  <a:gd name="T99" fmla="*/ 38 h 393"/>
                  <a:gd name="T100" fmla="*/ 103 w 439"/>
                  <a:gd name="T101" fmla="*/ 43 h 393"/>
                  <a:gd name="T102" fmla="*/ 100 w 439"/>
                  <a:gd name="T103" fmla="*/ 46 h 393"/>
                  <a:gd name="T104" fmla="*/ 95 w 439"/>
                  <a:gd name="T105" fmla="*/ 50 h 393"/>
                  <a:gd name="T106" fmla="*/ 94 w 439"/>
                  <a:gd name="T107" fmla="*/ 54 h 393"/>
                  <a:gd name="T108" fmla="*/ 95 w 439"/>
                  <a:gd name="T109" fmla="*/ 59 h 393"/>
                  <a:gd name="T110" fmla="*/ 97 w 439"/>
                  <a:gd name="T111" fmla="*/ 61 h 393"/>
                  <a:gd name="T112" fmla="*/ 100 w 439"/>
                  <a:gd name="T113" fmla="*/ 62 h 393"/>
                  <a:gd name="T114" fmla="*/ 109 w 439"/>
                  <a:gd name="T115" fmla="*/ 61 h 393"/>
                  <a:gd name="T116" fmla="*/ 108 w 439"/>
                  <a:gd name="T117" fmla="*/ 65 h 393"/>
                  <a:gd name="T118" fmla="*/ 109 w 439"/>
                  <a:gd name="T119" fmla="*/ 70 h 393"/>
                  <a:gd name="T120" fmla="*/ 114 w 439"/>
                  <a:gd name="T121" fmla="*/ 77 h 393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439" h="393">
                    <a:moveTo>
                      <a:pt x="356" y="243"/>
                    </a:moveTo>
                    <a:lnTo>
                      <a:pt x="347" y="243"/>
                    </a:lnTo>
                    <a:lnTo>
                      <a:pt x="357" y="246"/>
                    </a:lnTo>
                    <a:lnTo>
                      <a:pt x="370" y="248"/>
                    </a:lnTo>
                    <a:lnTo>
                      <a:pt x="366" y="243"/>
                    </a:lnTo>
                    <a:lnTo>
                      <a:pt x="373" y="242"/>
                    </a:lnTo>
                    <a:lnTo>
                      <a:pt x="384" y="242"/>
                    </a:lnTo>
                    <a:lnTo>
                      <a:pt x="393" y="243"/>
                    </a:lnTo>
                    <a:lnTo>
                      <a:pt x="404" y="244"/>
                    </a:lnTo>
                    <a:lnTo>
                      <a:pt x="413" y="244"/>
                    </a:lnTo>
                    <a:lnTo>
                      <a:pt x="422" y="243"/>
                    </a:lnTo>
                    <a:lnTo>
                      <a:pt x="425" y="242"/>
                    </a:lnTo>
                    <a:lnTo>
                      <a:pt x="428" y="240"/>
                    </a:lnTo>
                    <a:lnTo>
                      <a:pt x="430" y="236"/>
                    </a:lnTo>
                    <a:lnTo>
                      <a:pt x="431" y="233"/>
                    </a:lnTo>
                    <a:lnTo>
                      <a:pt x="435" y="244"/>
                    </a:lnTo>
                    <a:lnTo>
                      <a:pt x="438" y="254"/>
                    </a:lnTo>
                    <a:lnTo>
                      <a:pt x="439" y="264"/>
                    </a:lnTo>
                    <a:lnTo>
                      <a:pt x="439" y="274"/>
                    </a:lnTo>
                    <a:lnTo>
                      <a:pt x="438" y="285"/>
                    </a:lnTo>
                    <a:lnTo>
                      <a:pt x="436" y="294"/>
                    </a:lnTo>
                    <a:lnTo>
                      <a:pt x="433" y="304"/>
                    </a:lnTo>
                    <a:lnTo>
                      <a:pt x="430" y="314"/>
                    </a:lnTo>
                    <a:lnTo>
                      <a:pt x="411" y="351"/>
                    </a:lnTo>
                    <a:lnTo>
                      <a:pt x="393" y="383"/>
                    </a:lnTo>
                    <a:lnTo>
                      <a:pt x="378" y="380"/>
                    </a:lnTo>
                    <a:lnTo>
                      <a:pt x="370" y="379"/>
                    </a:lnTo>
                    <a:lnTo>
                      <a:pt x="363" y="380"/>
                    </a:lnTo>
                    <a:lnTo>
                      <a:pt x="347" y="383"/>
                    </a:lnTo>
                    <a:lnTo>
                      <a:pt x="346" y="377"/>
                    </a:lnTo>
                    <a:lnTo>
                      <a:pt x="344" y="371"/>
                    </a:lnTo>
                    <a:lnTo>
                      <a:pt x="341" y="366"/>
                    </a:lnTo>
                    <a:lnTo>
                      <a:pt x="338" y="362"/>
                    </a:lnTo>
                    <a:lnTo>
                      <a:pt x="330" y="354"/>
                    </a:lnTo>
                    <a:lnTo>
                      <a:pt x="321" y="348"/>
                    </a:lnTo>
                    <a:lnTo>
                      <a:pt x="300" y="338"/>
                    </a:lnTo>
                    <a:lnTo>
                      <a:pt x="281" y="327"/>
                    </a:lnTo>
                    <a:lnTo>
                      <a:pt x="276" y="328"/>
                    </a:lnTo>
                    <a:lnTo>
                      <a:pt x="273" y="329"/>
                    </a:lnTo>
                    <a:lnTo>
                      <a:pt x="270" y="332"/>
                    </a:lnTo>
                    <a:lnTo>
                      <a:pt x="268" y="334"/>
                    </a:lnTo>
                    <a:lnTo>
                      <a:pt x="264" y="342"/>
                    </a:lnTo>
                    <a:lnTo>
                      <a:pt x="261" y="349"/>
                    </a:lnTo>
                    <a:lnTo>
                      <a:pt x="257" y="357"/>
                    </a:lnTo>
                    <a:lnTo>
                      <a:pt x="253" y="362"/>
                    </a:lnTo>
                    <a:lnTo>
                      <a:pt x="250" y="364"/>
                    </a:lnTo>
                    <a:lnTo>
                      <a:pt x="246" y="365"/>
                    </a:lnTo>
                    <a:lnTo>
                      <a:pt x="240" y="365"/>
                    </a:lnTo>
                    <a:lnTo>
                      <a:pt x="234" y="365"/>
                    </a:lnTo>
                    <a:lnTo>
                      <a:pt x="237" y="362"/>
                    </a:lnTo>
                    <a:lnTo>
                      <a:pt x="239" y="359"/>
                    </a:lnTo>
                    <a:lnTo>
                      <a:pt x="240" y="355"/>
                    </a:lnTo>
                    <a:lnTo>
                      <a:pt x="241" y="353"/>
                    </a:lnTo>
                    <a:lnTo>
                      <a:pt x="240" y="348"/>
                    </a:lnTo>
                    <a:lnTo>
                      <a:pt x="237" y="343"/>
                    </a:lnTo>
                    <a:lnTo>
                      <a:pt x="233" y="339"/>
                    </a:lnTo>
                    <a:lnTo>
                      <a:pt x="228" y="334"/>
                    </a:lnTo>
                    <a:lnTo>
                      <a:pt x="221" y="330"/>
                    </a:lnTo>
                    <a:lnTo>
                      <a:pt x="215" y="327"/>
                    </a:lnTo>
                    <a:lnTo>
                      <a:pt x="208" y="327"/>
                    </a:lnTo>
                    <a:lnTo>
                      <a:pt x="202" y="328"/>
                    </a:lnTo>
                    <a:lnTo>
                      <a:pt x="198" y="330"/>
                    </a:lnTo>
                    <a:lnTo>
                      <a:pt x="194" y="333"/>
                    </a:lnTo>
                    <a:lnTo>
                      <a:pt x="189" y="335"/>
                    </a:lnTo>
                    <a:lnTo>
                      <a:pt x="184" y="338"/>
                    </a:lnTo>
                    <a:lnTo>
                      <a:pt x="177" y="339"/>
                    </a:lnTo>
                    <a:lnTo>
                      <a:pt x="169" y="337"/>
                    </a:lnTo>
                    <a:lnTo>
                      <a:pt x="166" y="340"/>
                    </a:lnTo>
                    <a:lnTo>
                      <a:pt x="165" y="343"/>
                    </a:lnTo>
                    <a:lnTo>
                      <a:pt x="164" y="345"/>
                    </a:lnTo>
                    <a:lnTo>
                      <a:pt x="162" y="348"/>
                    </a:lnTo>
                    <a:lnTo>
                      <a:pt x="164" y="353"/>
                    </a:lnTo>
                    <a:lnTo>
                      <a:pt x="166" y="359"/>
                    </a:lnTo>
                    <a:lnTo>
                      <a:pt x="167" y="364"/>
                    </a:lnTo>
                    <a:lnTo>
                      <a:pt x="167" y="370"/>
                    </a:lnTo>
                    <a:lnTo>
                      <a:pt x="167" y="373"/>
                    </a:lnTo>
                    <a:lnTo>
                      <a:pt x="165" y="377"/>
                    </a:lnTo>
                    <a:lnTo>
                      <a:pt x="162" y="380"/>
                    </a:lnTo>
                    <a:lnTo>
                      <a:pt x="159" y="383"/>
                    </a:lnTo>
                    <a:lnTo>
                      <a:pt x="132" y="387"/>
                    </a:lnTo>
                    <a:lnTo>
                      <a:pt x="110" y="390"/>
                    </a:lnTo>
                    <a:lnTo>
                      <a:pt x="91" y="392"/>
                    </a:lnTo>
                    <a:lnTo>
                      <a:pt x="75" y="393"/>
                    </a:lnTo>
                    <a:lnTo>
                      <a:pt x="58" y="391"/>
                    </a:lnTo>
                    <a:lnTo>
                      <a:pt x="41" y="388"/>
                    </a:lnTo>
                    <a:lnTo>
                      <a:pt x="22" y="383"/>
                    </a:lnTo>
                    <a:lnTo>
                      <a:pt x="0" y="374"/>
                    </a:lnTo>
                    <a:lnTo>
                      <a:pt x="0" y="366"/>
                    </a:lnTo>
                    <a:lnTo>
                      <a:pt x="2" y="360"/>
                    </a:lnTo>
                    <a:lnTo>
                      <a:pt x="5" y="353"/>
                    </a:lnTo>
                    <a:lnTo>
                      <a:pt x="8" y="348"/>
                    </a:lnTo>
                    <a:lnTo>
                      <a:pt x="11" y="344"/>
                    </a:lnTo>
                    <a:lnTo>
                      <a:pt x="14" y="339"/>
                    </a:lnTo>
                    <a:lnTo>
                      <a:pt x="17" y="333"/>
                    </a:lnTo>
                    <a:lnTo>
                      <a:pt x="19" y="327"/>
                    </a:lnTo>
                    <a:lnTo>
                      <a:pt x="29" y="327"/>
                    </a:lnTo>
                    <a:lnTo>
                      <a:pt x="37" y="326"/>
                    </a:lnTo>
                    <a:lnTo>
                      <a:pt x="46" y="324"/>
                    </a:lnTo>
                    <a:lnTo>
                      <a:pt x="54" y="321"/>
                    </a:lnTo>
                    <a:lnTo>
                      <a:pt x="61" y="318"/>
                    </a:lnTo>
                    <a:lnTo>
                      <a:pt x="69" y="314"/>
                    </a:lnTo>
                    <a:lnTo>
                      <a:pt x="76" y="312"/>
                    </a:lnTo>
                    <a:lnTo>
                      <a:pt x="85" y="309"/>
                    </a:lnTo>
                    <a:lnTo>
                      <a:pt x="94" y="308"/>
                    </a:lnTo>
                    <a:lnTo>
                      <a:pt x="95" y="295"/>
                    </a:lnTo>
                    <a:lnTo>
                      <a:pt x="97" y="284"/>
                    </a:lnTo>
                    <a:lnTo>
                      <a:pt x="99" y="272"/>
                    </a:lnTo>
                    <a:lnTo>
                      <a:pt x="103" y="262"/>
                    </a:lnTo>
                    <a:lnTo>
                      <a:pt x="109" y="252"/>
                    </a:lnTo>
                    <a:lnTo>
                      <a:pt x="114" y="245"/>
                    </a:lnTo>
                    <a:lnTo>
                      <a:pt x="118" y="242"/>
                    </a:lnTo>
                    <a:lnTo>
                      <a:pt x="122" y="239"/>
                    </a:lnTo>
                    <a:lnTo>
                      <a:pt x="127" y="235"/>
                    </a:lnTo>
                    <a:lnTo>
                      <a:pt x="131" y="233"/>
                    </a:lnTo>
                    <a:lnTo>
                      <a:pt x="131" y="243"/>
                    </a:lnTo>
                    <a:lnTo>
                      <a:pt x="140" y="243"/>
                    </a:lnTo>
                    <a:lnTo>
                      <a:pt x="140" y="233"/>
                    </a:lnTo>
                    <a:lnTo>
                      <a:pt x="140" y="224"/>
                    </a:lnTo>
                    <a:lnTo>
                      <a:pt x="141" y="202"/>
                    </a:lnTo>
                    <a:lnTo>
                      <a:pt x="142" y="184"/>
                    </a:lnTo>
                    <a:lnTo>
                      <a:pt x="144" y="169"/>
                    </a:lnTo>
                    <a:lnTo>
                      <a:pt x="146" y="156"/>
                    </a:lnTo>
                    <a:lnTo>
                      <a:pt x="147" y="144"/>
                    </a:lnTo>
                    <a:lnTo>
                      <a:pt x="149" y="130"/>
                    </a:lnTo>
                    <a:lnTo>
                      <a:pt x="150" y="113"/>
                    </a:lnTo>
                    <a:lnTo>
                      <a:pt x="150" y="93"/>
                    </a:lnTo>
                    <a:lnTo>
                      <a:pt x="159" y="99"/>
                    </a:lnTo>
                    <a:lnTo>
                      <a:pt x="165" y="95"/>
                    </a:lnTo>
                    <a:lnTo>
                      <a:pt x="169" y="93"/>
                    </a:lnTo>
                    <a:lnTo>
                      <a:pt x="190" y="72"/>
                    </a:lnTo>
                    <a:lnTo>
                      <a:pt x="213" y="53"/>
                    </a:lnTo>
                    <a:lnTo>
                      <a:pt x="219" y="48"/>
                    </a:lnTo>
                    <a:lnTo>
                      <a:pt x="224" y="43"/>
                    </a:lnTo>
                    <a:lnTo>
                      <a:pt x="229" y="37"/>
                    </a:lnTo>
                    <a:lnTo>
                      <a:pt x="233" y="31"/>
                    </a:lnTo>
                    <a:lnTo>
                      <a:pt x="236" y="24"/>
                    </a:lnTo>
                    <a:lnTo>
                      <a:pt x="239" y="16"/>
                    </a:lnTo>
                    <a:lnTo>
                      <a:pt x="242" y="8"/>
                    </a:lnTo>
                    <a:lnTo>
                      <a:pt x="244" y="0"/>
                    </a:lnTo>
                    <a:lnTo>
                      <a:pt x="253" y="17"/>
                    </a:lnTo>
                    <a:lnTo>
                      <a:pt x="259" y="34"/>
                    </a:lnTo>
                    <a:lnTo>
                      <a:pt x="264" y="50"/>
                    </a:lnTo>
                    <a:lnTo>
                      <a:pt x="269" y="66"/>
                    </a:lnTo>
                    <a:lnTo>
                      <a:pt x="271" y="73"/>
                    </a:lnTo>
                    <a:lnTo>
                      <a:pt x="274" y="81"/>
                    </a:lnTo>
                    <a:lnTo>
                      <a:pt x="278" y="88"/>
                    </a:lnTo>
                    <a:lnTo>
                      <a:pt x="283" y="94"/>
                    </a:lnTo>
                    <a:lnTo>
                      <a:pt x="288" y="102"/>
                    </a:lnTo>
                    <a:lnTo>
                      <a:pt x="293" y="108"/>
                    </a:lnTo>
                    <a:lnTo>
                      <a:pt x="300" y="114"/>
                    </a:lnTo>
                    <a:lnTo>
                      <a:pt x="309" y="121"/>
                    </a:lnTo>
                    <a:lnTo>
                      <a:pt x="309" y="125"/>
                    </a:lnTo>
                    <a:lnTo>
                      <a:pt x="307" y="128"/>
                    </a:lnTo>
                    <a:lnTo>
                      <a:pt x="305" y="131"/>
                    </a:lnTo>
                    <a:lnTo>
                      <a:pt x="303" y="133"/>
                    </a:lnTo>
                    <a:lnTo>
                      <a:pt x="298" y="137"/>
                    </a:lnTo>
                    <a:lnTo>
                      <a:pt x="292" y="142"/>
                    </a:lnTo>
                    <a:lnTo>
                      <a:pt x="288" y="146"/>
                    </a:lnTo>
                    <a:lnTo>
                      <a:pt x="284" y="151"/>
                    </a:lnTo>
                    <a:lnTo>
                      <a:pt x="281" y="154"/>
                    </a:lnTo>
                    <a:lnTo>
                      <a:pt x="280" y="159"/>
                    </a:lnTo>
                    <a:lnTo>
                      <a:pt x="280" y="163"/>
                    </a:lnTo>
                    <a:lnTo>
                      <a:pt x="281" y="168"/>
                    </a:lnTo>
                    <a:lnTo>
                      <a:pt x="283" y="173"/>
                    </a:lnTo>
                    <a:lnTo>
                      <a:pt x="284" y="176"/>
                    </a:lnTo>
                    <a:lnTo>
                      <a:pt x="286" y="180"/>
                    </a:lnTo>
                    <a:lnTo>
                      <a:pt x="288" y="182"/>
                    </a:lnTo>
                    <a:lnTo>
                      <a:pt x="291" y="184"/>
                    </a:lnTo>
                    <a:lnTo>
                      <a:pt x="293" y="185"/>
                    </a:lnTo>
                    <a:lnTo>
                      <a:pt x="296" y="185"/>
                    </a:lnTo>
                    <a:lnTo>
                      <a:pt x="298" y="185"/>
                    </a:lnTo>
                    <a:lnTo>
                      <a:pt x="312" y="181"/>
                    </a:lnTo>
                    <a:lnTo>
                      <a:pt x="328" y="178"/>
                    </a:lnTo>
                    <a:lnTo>
                      <a:pt x="325" y="182"/>
                    </a:lnTo>
                    <a:lnTo>
                      <a:pt x="324" y="186"/>
                    </a:lnTo>
                    <a:lnTo>
                      <a:pt x="323" y="190"/>
                    </a:lnTo>
                    <a:lnTo>
                      <a:pt x="323" y="194"/>
                    </a:lnTo>
                    <a:lnTo>
                      <a:pt x="323" y="200"/>
                    </a:lnTo>
                    <a:lnTo>
                      <a:pt x="324" y="204"/>
                    </a:lnTo>
                    <a:lnTo>
                      <a:pt x="326" y="209"/>
                    </a:lnTo>
                    <a:lnTo>
                      <a:pt x="328" y="213"/>
                    </a:lnTo>
                    <a:lnTo>
                      <a:pt x="334" y="223"/>
                    </a:lnTo>
                    <a:lnTo>
                      <a:pt x="340" y="230"/>
                    </a:lnTo>
                    <a:lnTo>
                      <a:pt x="349" y="238"/>
                    </a:lnTo>
                    <a:lnTo>
                      <a:pt x="356" y="243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32" name="Struer kant 1"/>
              <p:cNvSpPr>
                <a:spLocks/>
              </p:cNvSpPr>
              <p:nvPr/>
            </p:nvSpPr>
            <p:spPr bwMode="auto">
              <a:xfrm>
                <a:off x="754063" y="3803655"/>
                <a:ext cx="233363" cy="207963"/>
              </a:xfrm>
              <a:custGeom>
                <a:avLst/>
                <a:gdLst>
                  <a:gd name="T0" fmla="*/ 120 w 439"/>
                  <a:gd name="T1" fmla="*/ 82 h 393"/>
                  <a:gd name="T2" fmla="*/ 125 w 439"/>
                  <a:gd name="T3" fmla="*/ 81 h 393"/>
                  <a:gd name="T4" fmla="*/ 135 w 439"/>
                  <a:gd name="T5" fmla="*/ 81 h 393"/>
                  <a:gd name="T6" fmla="*/ 142 w 439"/>
                  <a:gd name="T7" fmla="*/ 81 h 393"/>
                  <a:gd name="T8" fmla="*/ 144 w 439"/>
                  <a:gd name="T9" fmla="*/ 78 h 393"/>
                  <a:gd name="T10" fmla="*/ 147 w 439"/>
                  <a:gd name="T11" fmla="*/ 88 h 393"/>
                  <a:gd name="T12" fmla="*/ 146 w 439"/>
                  <a:gd name="T13" fmla="*/ 98 h 393"/>
                  <a:gd name="T14" fmla="*/ 138 w 439"/>
                  <a:gd name="T15" fmla="*/ 117 h 393"/>
                  <a:gd name="T16" fmla="*/ 124 w 439"/>
                  <a:gd name="T17" fmla="*/ 126 h 393"/>
                  <a:gd name="T18" fmla="*/ 116 w 439"/>
                  <a:gd name="T19" fmla="*/ 126 h 393"/>
                  <a:gd name="T20" fmla="*/ 113 w 439"/>
                  <a:gd name="T21" fmla="*/ 121 h 393"/>
                  <a:gd name="T22" fmla="*/ 100 w 439"/>
                  <a:gd name="T23" fmla="*/ 113 h 393"/>
                  <a:gd name="T24" fmla="*/ 91 w 439"/>
                  <a:gd name="T25" fmla="*/ 110 h 393"/>
                  <a:gd name="T26" fmla="*/ 88 w 439"/>
                  <a:gd name="T27" fmla="*/ 114 h 393"/>
                  <a:gd name="T28" fmla="*/ 85 w 439"/>
                  <a:gd name="T29" fmla="*/ 121 h 393"/>
                  <a:gd name="T30" fmla="*/ 80 w 439"/>
                  <a:gd name="T31" fmla="*/ 122 h 393"/>
                  <a:gd name="T32" fmla="*/ 80 w 439"/>
                  <a:gd name="T33" fmla="*/ 120 h 393"/>
                  <a:gd name="T34" fmla="*/ 80 w 439"/>
                  <a:gd name="T35" fmla="*/ 116 h 393"/>
                  <a:gd name="T36" fmla="*/ 76 w 439"/>
                  <a:gd name="T37" fmla="*/ 111 h 393"/>
                  <a:gd name="T38" fmla="*/ 70 w 439"/>
                  <a:gd name="T39" fmla="*/ 109 h 393"/>
                  <a:gd name="T40" fmla="*/ 65 w 439"/>
                  <a:gd name="T41" fmla="*/ 111 h 393"/>
                  <a:gd name="T42" fmla="*/ 59 w 439"/>
                  <a:gd name="T43" fmla="*/ 113 h 393"/>
                  <a:gd name="T44" fmla="*/ 55 w 439"/>
                  <a:gd name="T45" fmla="*/ 114 h 393"/>
                  <a:gd name="T46" fmla="*/ 55 w 439"/>
                  <a:gd name="T47" fmla="*/ 118 h 393"/>
                  <a:gd name="T48" fmla="*/ 56 w 439"/>
                  <a:gd name="T49" fmla="*/ 123 h 393"/>
                  <a:gd name="T50" fmla="*/ 54 w 439"/>
                  <a:gd name="T51" fmla="*/ 127 h 393"/>
                  <a:gd name="T52" fmla="*/ 37 w 439"/>
                  <a:gd name="T53" fmla="*/ 130 h 393"/>
                  <a:gd name="T54" fmla="*/ 19 w 439"/>
                  <a:gd name="T55" fmla="*/ 130 h 393"/>
                  <a:gd name="T56" fmla="*/ 0 w 439"/>
                  <a:gd name="T57" fmla="*/ 125 h 393"/>
                  <a:gd name="T58" fmla="*/ 2 w 439"/>
                  <a:gd name="T59" fmla="*/ 118 h 393"/>
                  <a:gd name="T60" fmla="*/ 5 w 439"/>
                  <a:gd name="T61" fmla="*/ 113 h 393"/>
                  <a:gd name="T62" fmla="*/ 10 w 439"/>
                  <a:gd name="T63" fmla="*/ 109 h 393"/>
                  <a:gd name="T64" fmla="*/ 18 w 439"/>
                  <a:gd name="T65" fmla="*/ 107 h 393"/>
                  <a:gd name="T66" fmla="*/ 25 w 439"/>
                  <a:gd name="T67" fmla="*/ 104 h 393"/>
                  <a:gd name="T68" fmla="*/ 32 w 439"/>
                  <a:gd name="T69" fmla="*/ 98 h 393"/>
                  <a:gd name="T70" fmla="*/ 34 w 439"/>
                  <a:gd name="T71" fmla="*/ 87 h 393"/>
                  <a:gd name="T72" fmla="*/ 40 w 439"/>
                  <a:gd name="T73" fmla="*/ 81 h 393"/>
                  <a:gd name="T74" fmla="*/ 44 w 439"/>
                  <a:gd name="T75" fmla="*/ 78 h 393"/>
                  <a:gd name="T76" fmla="*/ 47 w 439"/>
                  <a:gd name="T77" fmla="*/ 78 h 393"/>
                  <a:gd name="T78" fmla="*/ 48 w 439"/>
                  <a:gd name="T79" fmla="*/ 61 h 393"/>
                  <a:gd name="T80" fmla="*/ 49 w 439"/>
                  <a:gd name="T81" fmla="*/ 48 h 393"/>
                  <a:gd name="T82" fmla="*/ 50 w 439"/>
                  <a:gd name="T83" fmla="*/ 31 h 393"/>
                  <a:gd name="T84" fmla="*/ 57 w 439"/>
                  <a:gd name="T85" fmla="*/ 31 h 393"/>
                  <a:gd name="T86" fmla="*/ 73 w 439"/>
                  <a:gd name="T87" fmla="*/ 16 h 393"/>
                  <a:gd name="T88" fmla="*/ 78 w 439"/>
                  <a:gd name="T89" fmla="*/ 10 h 393"/>
                  <a:gd name="T90" fmla="*/ 81 w 439"/>
                  <a:gd name="T91" fmla="*/ 3 h 393"/>
                  <a:gd name="T92" fmla="*/ 87 w 439"/>
                  <a:gd name="T93" fmla="*/ 11 h 393"/>
                  <a:gd name="T94" fmla="*/ 91 w 439"/>
                  <a:gd name="T95" fmla="*/ 24 h 393"/>
                  <a:gd name="T96" fmla="*/ 95 w 439"/>
                  <a:gd name="T97" fmla="*/ 31 h 393"/>
                  <a:gd name="T98" fmla="*/ 100 w 439"/>
                  <a:gd name="T99" fmla="*/ 38 h 393"/>
                  <a:gd name="T100" fmla="*/ 103 w 439"/>
                  <a:gd name="T101" fmla="*/ 43 h 393"/>
                  <a:gd name="T102" fmla="*/ 100 w 439"/>
                  <a:gd name="T103" fmla="*/ 46 h 393"/>
                  <a:gd name="T104" fmla="*/ 95 w 439"/>
                  <a:gd name="T105" fmla="*/ 50 h 393"/>
                  <a:gd name="T106" fmla="*/ 94 w 439"/>
                  <a:gd name="T107" fmla="*/ 54 h 393"/>
                  <a:gd name="T108" fmla="*/ 95 w 439"/>
                  <a:gd name="T109" fmla="*/ 59 h 393"/>
                  <a:gd name="T110" fmla="*/ 97 w 439"/>
                  <a:gd name="T111" fmla="*/ 61 h 393"/>
                  <a:gd name="T112" fmla="*/ 100 w 439"/>
                  <a:gd name="T113" fmla="*/ 62 h 393"/>
                  <a:gd name="T114" fmla="*/ 109 w 439"/>
                  <a:gd name="T115" fmla="*/ 61 h 393"/>
                  <a:gd name="T116" fmla="*/ 108 w 439"/>
                  <a:gd name="T117" fmla="*/ 65 h 393"/>
                  <a:gd name="T118" fmla="*/ 109 w 439"/>
                  <a:gd name="T119" fmla="*/ 70 h 393"/>
                  <a:gd name="T120" fmla="*/ 114 w 439"/>
                  <a:gd name="T121" fmla="*/ 77 h 393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439" h="393">
                    <a:moveTo>
                      <a:pt x="356" y="243"/>
                    </a:moveTo>
                    <a:lnTo>
                      <a:pt x="347" y="243"/>
                    </a:lnTo>
                    <a:lnTo>
                      <a:pt x="357" y="246"/>
                    </a:lnTo>
                    <a:lnTo>
                      <a:pt x="370" y="248"/>
                    </a:lnTo>
                    <a:lnTo>
                      <a:pt x="366" y="243"/>
                    </a:lnTo>
                    <a:lnTo>
                      <a:pt x="373" y="242"/>
                    </a:lnTo>
                    <a:lnTo>
                      <a:pt x="384" y="242"/>
                    </a:lnTo>
                    <a:lnTo>
                      <a:pt x="393" y="243"/>
                    </a:lnTo>
                    <a:lnTo>
                      <a:pt x="404" y="244"/>
                    </a:lnTo>
                    <a:lnTo>
                      <a:pt x="413" y="244"/>
                    </a:lnTo>
                    <a:lnTo>
                      <a:pt x="422" y="243"/>
                    </a:lnTo>
                    <a:lnTo>
                      <a:pt x="425" y="242"/>
                    </a:lnTo>
                    <a:lnTo>
                      <a:pt x="428" y="240"/>
                    </a:lnTo>
                    <a:lnTo>
                      <a:pt x="430" y="236"/>
                    </a:lnTo>
                    <a:lnTo>
                      <a:pt x="431" y="233"/>
                    </a:lnTo>
                    <a:lnTo>
                      <a:pt x="435" y="244"/>
                    </a:lnTo>
                    <a:lnTo>
                      <a:pt x="438" y="254"/>
                    </a:lnTo>
                    <a:lnTo>
                      <a:pt x="439" y="264"/>
                    </a:lnTo>
                    <a:lnTo>
                      <a:pt x="439" y="274"/>
                    </a:lnTo>
                    <a:lnTo>
                      <a:pt x="438" y="285"/>
                    </a:lnTo>
                    <a:lnTo>
                      <a:pt x="436" y="294"/>
                    </a:lnTo>
                    <a:lnTo>
                      <a:pt x="433" y="304"/>
                    </a:lnTo>
                    <a:lnTo>
                      <a:pt x="430" y="314"/>
                    </a:lnTo>
                    <a:lnTo>
                      <a:pt x="411" y="351"/>
                    </a:lnTo>
                    <a:lnTo>
                      <a:pt x="393" y="383"/>
                    </a:lnTo>
                    <a:lnTo>
                      <a:pt x="378" y="380"/>
                    </a:lnTo>
                    <a:lnTo>
                      <a:pt x="370" y="379"/>
                    </a:lnTo>
                    <a:lnTo>
                      <a:pt x="363" y="380"/>
                    </a:lnTo>
                    <a:lnTo>
                      <a:pt x="347" y="383"/>
                    </a:lnTo>
                    <a:lnTo>
                      <a:pt x="346" y="377"/>
                    </a:lnTo>
                    <a:lnTo>
                      <a:pt x="344" y="371"/>
                    </a:lnTo>
                    <a:lnTo>
                      <a:pt x="341" y="366"/>
                    </a:lnTo>
                    <a:lnTo>
                      <a:pt x="338" y="362"/>
                    </a:lnTo>
                    <a:lnTo>
                      <a:pt x="330" y="354"/>
                    </a:lnTo>
                    <a:lnTo>
                      <a:pt x="321" y="348"/>
                    </a:lnTo>
                    <a:lnTo>
                      <a:pt x="300" y="338"/>
                    </a:lnTo>
                    <a:lnTo>
                      <a:pt x="281" y="327"/>
                    </a:lnTo>
                    <a:lnTo>
                      <a:pt x="276" y="328"/>
                    </a:lnTo>
                    <a:lnTo>
                      <a:pt x="273" y="329"/>
                    </a:lnTo>
                    <a:lnTo>
                      <a:pt x="270" y="332"/>
                    </a:lnTo>
                    <a:lnTo>
                      <a:pt x="268" y="334"/>
                    </a:lnTo>
                    <a:lnTo>
                      <a:pt x="264" y="342"/>
                    </a:lnTo>
                    <a:lnTo>
                      <a:pt x="261" y="349"/>
                    </a:lnTo>
                    <a:lnTo>
                      <a:pt x="257" y="357"/>
                    </a:lnTo>
                    <a:lnTo>
                      <a:pt x="253" y="362"/>
                    </a:lnTo>
                    <a:lnTo>
                      <a:pt x="250" y="364"/>
                    </a:lnTo>
                    <a:lnTo>
                      <a:pt x="246" y="365"/>
                    </a:lnTo>
                    <a:lnTo>
                      <a:pt x="240" y="365"/>
                    </a:lnTo>
                    <a:lnTo>
                      <a:pt x="234" y="365"/>
                    </a:lnTo>
                    <a:lnTo>
                      <a:pt x="237" y="362"/>
                    </a:lnTo>
                    <a:lnTo>
                      <a:pt x="239" y="359"/>
                    </a:lnTo>
                    <a:lnTo>
                      <a:pt x="240" y="355"/>
                    </a:lnTo>
                    <a:lnTo>
                      <a:pt x="241" y="353"/>
                    </a:lnTo>
                    <a:lnTo>
                      <a:pt x="240" y="348"/>
                    </a:lnTo>
                    <a:lnTo>
                      <a:pt x="237" y="343"/>
                    </a:lnTo>
                    <a:lnTo>
                      <a:pt x="233" y="339"/>
                    </a:lnTo>
                    <a:lnTo>
                      <a:pt x="228" y="334"/>
                    </a:lnTo>
                    <a:lnTo>
                      <a:pt x="221" y="330"/>
                    </a:lnTo>
                    <a:lnTo>
                      <a:pt x="215" y="327"/>
                    </a:lnTo>
                    <a:lnTo>
                      <a:pt x="208" y="327"/>
                    </a:lnTo>
                    <a:lnTo>
                      <a:pt x="202" y="328"/>
                    </a:lnTo>
                    <a:lnTo>
                      <a:pt x="198" y="330"/>
                    </a:lnTo>
                    <a:lnTo>
                      <a:pt x="194" y="333"/>
                    </a:lnTo>
                    <a:lnTo>
                      <a:pt x="189" y="335"/>
                    </a:lnTo>
                    <a:lnTo>
                      <a:pt x="184" y="338"/>
                    </a:lnTo>
                    <a:lnTo>
                      <a:pt x="177" y="339"/>
                    </a:lnTo>
                    <a:lnTo>
                      <a:pt x="169" y="337"/>
                    </a:lnTo>
                    <a:lnTo>
                      <a:pt x="166" y="340"/>
                    </a:lnTo>
                    <a:lnTo>
                      <a:pt x="165" y="343"/>
                    </a:lnTo>
                    <a:lnTo>
                      <a:pt x="164" y="345"/>
                    </a:lnTo>
                    <a:lnTo>
                      <a:pt x="162" y="348"/>
                    </a:lnTo>
                    <a:lnTo>
                      <a:pt x="164" y="353"/>
                    </a:lnTo>
                    <a:lnTo>
                      <a:pt x="166" y="359"/>
                    </a:lnTo>
                    <a:lnTo>
                      <a:pt x="167" y="364"/>
                    </a:lnTo>
                    <a:lnTo>
                      <a:pt x="167" y="370"/>
                    </a:lnTo>
                    <a:lnTo>
                      <a:pt x="167" y="373"/>
                    </a:lnTo>
                    <a:lnTo>
                      <a:pt x="165" y="377"/>
                    </a:lnTo>
                    <a:lnTo>
                      <a:pt x="162" y="380"/>
                    </a:lnTo>
                    <a:lnTo>
                      <a:pt x="159" y="383"/>
                    </a:lnTo>
                    <a:lnTo>
                      <a:pt x="132" y="387"/>
                    </a:lnTo>
                    <a:lnTo>
                      <a:pt x="110" y="390"/>
                    </a:lnTo>
                    <a:lnTo>
                      <a:pt x="91" y="392"/>
                    </a:lnTo>
                    <a:lnTo>
                      <a:pt x="75" y="393"/>
                    </a:lnTo>
                    <a:lnTo>
                      <a:pt x="58" y="391"/>
                    </a:lnTo>
                    <a:lnTo>
                      <a:pt x="41" y="388"/>
                    </a:lnTo>
                    <a:lnTo>
                      <a:pt x="22" y="383"/>
                    </a:lnTo>
                    <a:lnTo>
                      <a:pt x="0" y="374"/>
                    </a:lnTo>
                    <a:lnTo>
                      <a:pt x="0" y="366"/>
                    </a:lnTo>
                    <a:lnTo>
                      <a:pt x="2" y="360"/>
                    </a:lnTo>
                    <a:lnTo>
                      <a:pt x="5" y="353"/>
                    </a:lnTo>
                    <a:lnTo>
                      <a:pt x="8" y="348"/>
                    </a:lnTo>
                    <a:lnTo>
                      <a:pt x="11" y="344"/>
                    </a:lnTo>
                    <a:lnTo>
                      <a:pt x="14" y="339"/>
                    </a:lnTo>
                    <a:lnTo>
                      <a:pt x="17" y="333"/>
                    </a:lnTo>
                    <a:lnTo>
                      <a:pt x="19" y="327"/>
                    </a:lnTo>
                    <a:lnTo>
                      <a:pt x="29" y="327"/>
                    </a:lnTo>
                    <a:lnTo>
                      <a:pt x="37" y="326"/>
                    </a:lnTo>
                    <a:lnTo>
                      <a:pt x="46" y="324"/>
                    </a:lnTo>
                    <a:lnTo>
                      <a:pt x="54" y="321"/>
                    </a:lnTo>
                    <a:lnTo>
                      <a:pt x="61" y="318"/>
                    </a:lnTo>
                    <a:lnTo>
                      <a:pt x="69" y="314"/>
                    </a:lnTo>
                    <a:lnTo>
                      <a:pt x="76" y="312"/>
                    </a:lnTo>
                    <a:lnTo>
                      <a:pt x="85" y="309"/>
                    </a:lnTo>
                    <a:lnTo>
                      <a:pt x="94" y="308"/>
                    </a:lnTo>
                    <a:lnTo>
                      <a:pt x="95" y="295"/>
                    </a:lnTo>
                    <a:lnTo>
                      <a:pt x="97" y="284"/>
                    </a:lnTo>
                    <a:lnTo>
                      <a:pt x="99" y="272"/>
                    </a:lnTo>
                    <a:lnTo>
                      <a:pt x="103" y="262"/>
                    </a:lnTo>
                    <a:lnTo>
                      <a:pt x="109" y="252"/>
                    </a:lnTo>
                    <a:lnTo>
                      <a:pt x="114" y="245"/>
                    </a:lnTo>
                    <a:lnTo>
                      <a:pt x="118" y="242"/>
                    </a:lnTo>
                    <a:lnTo>
                      <a:pt x="122" y="239"/>
                    </a:lnTo>
                    <a:lnTo>
                      <a:pt x="127" y="235"/>
                    </a:lnTo>
                    <a:lnTo>
                      <a:pt x="131" y="233"/>
                    </a:lnTo>
                    <a:lnTo>
                      <a:pt x="131" y="243"/>
                    </a:lnTo>
                    <a:lnTo>
                      <a:pt x="140" y="243"/>
                    </a:lnTo>
                    <a:lnTo>
                      <a:pt x="140" y="233"/>
                    </a:lnTo>
                    <a:lnTo>
                      <a:pt x="140" y="224"/>
                    </a:lnTo>
                    <a:lnTo>
                      <a:pt x="141" y="202"/>
                    </a:lnTo>
                    <a:lnTo>
                      <a:pt x="142" y="184"/>
                    </a:lnTo>
                    <a:lnTo>
                      <a:pt x="144" y="169"/>
                    </a:lnTo>
                    <a:lnTo>
                      <a:pt x="146" y="156"/>
                    </a:lnTo>
                    <a:lnTo>
                      <a:pt x="147" y="144"/>
                    </a:lnTo>
                    <a:lnTo>
                      <a:pt x="149" y="130"/>
                    </a:lnTo>
                    <a:lnTo>
                      <a:pt x="150" y="113"/>
                    </a:lnTo>
                    <a:lnTo>
                      <a:pt x="150" y="93"/>
                    </a:lnTo>
                    <a:lnTo>
                      <a:pt x="159" y="99"/>
                    </a:lnTo>
                    <a:lnTo>
                      <a:pt x="165" y="95"/>
                    </a:lnTo>
                    <a:lnTo>
                      <a:pt x="169" y="93"/>
                    </a:lnTo>
                    <a:lnTo>
                      <a:pt x="190" y="72"/>
                    </a:lnTo>
                    <a:lnTo>
                      <a:pt x="213" y="53"/>
                    </a:lnTo>
                    <a:lnTo>
                      <a:pt x="219" y="48"/>
                    </a:lnTo>
                    <a:lnTo>
                      <a:pt x="224" y="43"/>
                    </a:lnTo>
                    <a:lnTo>
                      <a:pt x="229" y="37"/>
                    </a:lnTo>
                    <a:lnTo>
                      <a:pt x="233" y="31"/>
                    </a:lnTo>
                    <a:lnTo>
                      <a:pt x="236" y="24"/>
                    </a:lnTo>
                    <a:lnTo>
                      <a:pt x="239" y="16"/>
                    </a:lnTo>
                    <a:lnTo>
                      <a:pt x="242" y="8"/>
                    </a:lnTo>
                    <a:lnTo>
                      <a:pt x="244" y="0"/>
                    </a:lnTo>
                    <a:lnTo>
                      <a:pt x="253" y="17"/>
                    </a:lnTo>
                    <a:lnTo>
                      <a:pt x="259" y="34"/>
                    </a:lnTo>
                    <a:lnTo>
                      <a:pt x="264" y="50"/>
                    </a:lnTo>
                    <a:lnTo>
                      <a:pt x="269" y="66"/>
                    </a:lnTo>
                    <a:lnTo>
                      <a:pt x="271" y="73"/>
                    </a:lnTo>
                    <a:lnTo>
                      <a:pt x="274" y="81"/>
                    </a:lnTo>
                    <a:lnTo>
                      <a:pt x="278" y="88"/>
                    </a:lnTo>
                    <a:lnTo>
                      <a:pt x="283" y="94"/>
                    </a:lnTo>
                    <a:lnTo>
                      <a:pt x="288" y="102"/>
                    </a:lnTo>
                    <a:lnTo>
                      <a:pt x="293" y="108"/>
                    </a:lnTo>
                    <a:lnTo>
                      <a:pt x="300" y="114"/>
                    </a:lnTo>
                    <a:lnTo>
                      <a:pt x="309" y="121"/>
                    </a:lnTo>
                    <a:lnTo>
                      <a:pt x="309" y="125"/>
                    </a:lnTo>
                    <a:lnTo>
                      <a:pt x="307" y="128"/>
                    </a:lnTo>
                    <a:lnTo>
                      <a:pt x="305" y="131"/>
                    </a:lnTo>
                    <a:lnTo>
                      <a:pt x="303" y="133"/>
                    </a:lnTo>
                    <a:lnTo>
                      <a:pt x="298" y="137"/>
                    </a:lnTo>
                    <a:lnTo>
                      <a:pt x="292" y="142"/>
                    </a:lnTo>
                    <a:lnTo>
                      <a:pt x="288" y="146"/>
                    </a:lnTo>
                    <a:lnTo>
                      <a:pt x="284" y="151"/>
                    </a:lnTo>
                    <a:lnTo>
                      <a:pt x="281" y="154"/>
                    </a:lnTo>
                    <a:lnTo>
                      <a:pt x="280" y="159"/>
                    </a:lnTo>
                    <a:lnTo>
                      <a:pt x="280" y="163"/>
                    </a:lnTo>
                    <a:lnTo>
                      <a:pt x="281" y="168"/>
                    </a:lnTo>
                    <a:lnTo>
                      <a:pt x="283" y="173"/>
                    </a:lnTo>
                    <a:lnTo>
                      <a:pt x="284" y="176"/>
                    </a:lnTo>
                    <a:lnTo>
                      <a:pt x="286" y="180"/>
                    </a:lnTo>
                    <a:lnTo>
                      <a:pt x="288" y="182"/>
                    </a:lnTo>
                    <a:lnTo>
                      <a:pt x="291" y="184"/>
                    </a:lnTo>
                    <a:lnTo>
                      <a:pt x="293" y="185"/>
                    </a:lnTo>
                    <a:lnTo>
                      <a:pt x="296" y="185"/>
                    </a:lnTo>
                    <a:lnTo>
                      <a:pt x="298" y="185"/>
                    </a:lnTo>
                    <a:lnTo>
                      <a:pt x="312" y="181"/>
                    </a:lnTo>
                    <a:lnTo>
                      <a:pt x="328" y="178"/>
                    </a:lnTo>
                    <a:lnTo>
                      <a:pt x="325" y="182"/>
                    </a:lnTo>
                    <a:lnTo>
                      <a:pt x="324" y="186"/>
                    </a:lnTo>
                    <a:lnTo>
                      <a:pt x="323" y="190"/>
                    </a:lnTo>
                    <a:lnTo>
                      <a:pt x="323" y="194"/>
                    </a:lnTo>
                    <a:lnTo>
                      <a:pt x="323" y="200"/>
                    </a:lnTo>
                    <a:lnTo>
                      <a:pt x="324" y="204"/>
                    </a:lnTo>
                    <a:lnTo>
                      <a:pt x="326" y="209"/>
                    </a:lnTo>
                    <a:lnTo>
                      <a:pt x="328" y="213"/>
                    </a:lnTo>
                    <a:lnTo>
                      <a:pt x="334" y="223"/>
                    </a:lnTo>
                    <a:lnTo>
                      <a:pt x="340" y="230"/>
                    </a:lnTo>
                    <a:lnTo>
                      <a:pt x="349" y="238"/>
                    </a:lnTo>
                    <a:lnTo>
                      <a:pt x="356" y="243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110" name="Freeform 52"/>
            <p:cNvSpPr>
              <a:spLocks/>
            </p:cNvSpPr>
            <p:nvPr/>
          </p:nvSpPr>
          <p:spPr bwMode="auto">
            <a:xfrm>
              <a:off x="1592265" y="4075118"/>
              <a:ext cx="0" cy="1588"/>
            </a:xfrm>
            <a:custGeom>
              <a:avLst/>
              <a:gdLst>
                <a:gd name="T0" fmla="*/ 1 w 1"/>
                <a:gd name="T1" fmla="*/ 0 h 2"/>
                <a:gd name="T2" fmla="*/ 0 w 1"/>
                <a:gd name="T3" fmla="*/ 1 h 2"/>
                <a:gd name="T4" fmla="*/ 1 w 1"/>
                <a:gd name="T5" fmla="*/ 0 h 2"/>
                <a:gd name="T6" fmla="*/ 0 60000 65536"/>
                <a:gd name="T7" fmla="*/ 0 60000 65536"/>
                <a:gd name="T8" fmla="*/ 0 60000 65536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9525">
              <a:solidFill>
                <a:srgbClr val="000000"/>
              </a:solidFill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111" name="Freeform 53"/>
            <p:cNvSpPr>
              <a:spLocks/>
            </p:cNvSpPr>
            <p:nvPr/>
          </p:nvSpPr>
          <p:spPr bwMode="auto">
            <a:xfrm>
              <a:off x="1592265" y="4075118"/>
              <a:ext cx="0" cy="1588"/>
            </a:xfrm>
            <a:custGeom>
              <a:avLst/>
              <a:gdLst>
                <a:gd name="T0" fmla="*/ 1 w 1"/>
                <a:gd name="T1" fmla="*/ 0 h 2"/>
                <a:gd name="T2" fmla="*/ 0 w 1"/>
                <a:gd name="T3" fmla="*/ 1 h 2"/>
                <a:gd name="T4" fmla="*/ 1 w 1"/>
                <a:gd name="T5" fmla="*/ 0 h 2"/>
                <a:gd name="T6" fmla="*/ 1 w 1"/>
                <a:gd name="T7" fmla="*/ 0 h 2"/>
                <a:gd name="T8" fmla="*/ 0 60000 65536"/>
                <a:gd name="T9" fmla="*/ 0 60000 65536"/>
                <a:gd name="T10" fmla="*/ 0 60000 65536"/>
                <a:gd name="T11" fmla="*/ 0 60000 65536"/>
              </a:gdLst>
              <a:ahLst/>
              <a:cxnLst>
                <a:cxn ang="T8">
                  <a:pos x="T0" y="T1"/>
                </a:cxn>
                <a:cxn ang="T9">
                  <a:pos x="T2" y="T3"/>
                </a:cxn>
                <a:cxn ang="T10">
                  <a:pos x="T4" y="T5"/>
                </a:cxn>
                <a:cxn ang="T11">
                  <a:pos x="T6" y="T7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112" name="Holstebro"/>
            <p:cNvGrpSpPr/>
            <p:nvPr/>
          </p:nvGrpSpPr>
          <p:grpSpPr>
            <a:xfrm>
              <a:off x="533400" y="3822706"/>
              <a:ext cx="692151" cy="387351"/>
              <a:chOff x="533400" y="3822706"/>
              <a:chExt cx="692151" cy="387351"/>
            </a:xfrm>
            <a:grpFill/>
          </p:grpSpPr>
          <p:sp>
            <p:nvSpPr>
              <p:cNvPr id="1203" name="Holsterbro"/>
              <p:cNvSpPr>
                <a:spLocks/>
              </p:cNvSpPr>
              <p:nvPr/>
            </p:nvSpPr>
            <p:spPr bwMode="auto">
              <a:xfrm>
                <a:off x="536575" y="3822706"/>
                <a:ext cx="688976" cy="387351"/>
              </a:xfrm>
              <a:custGeom>
                <a:avLst/>
                <a:gdLst>
                  <a:gd name="T0" fmla="*/ 396 w 1301"/>
                  <a:gd name="T1" fmla="*/ 46 h 732"/>
                  <a:gd name="T2" fmla="*/ 427 w 1301"/>
                  <a:gd name="T3" fmla="*/ 57 h 732"/>
                  <a:gd name="T4" fmla="*/ 433 w 1301"/>
                  <a:gd name="T5" fmla="*/ 94 h 732"/>
                  <a:gd name="T6" fmla="*/ 422 w 1301"/>
                  <a:gd name="T7" fmla="*/ 110 h 732"/>
                  <a:gd name="T8" fmla="*/ 411 w 1301"/>
                  <a:gd name="T9" fmla="*/ 124 h 732"/>
                  <a:gd name="T10" fmla="*/ 389 w 1301"/>
                  <a:gd name="T11" fmla="*/ 136 h 732"/>
                  <a:gd name="T12" fmla="*/ 375 w 1301"/>
                  <a:gd name="T13" fmla="*/ 163 h 732"/>
                  <a:gd name="T14" fmla="*/ 342 w 1301"/>
                  <a:gd name="T15" fmla="*/ 157 h 732"/>
                  <a:gd name="T16" fmla="*/ 328 w 1301"/>
                  <a:gd name="T17" fmla="*/ 141 h 732"/>
                  <a:gd name="T18" fmla="*/ 322 w 1301"/>
                  <a:gd name="T19" fmla="*/ 150 h 732"/>
                  <a:gd name="T20" fmla="*/ 319 w 1301"/>
                  <a:gd name="T21" fmla="*/ 166 h 732"/>
                  <a:gd name="T22" fmla="*/ 330 w 1301"/>
                  <a:gd name="T23" fmla="*/ 178 h 732"/>
                  <a:gd name="T24" fmla="*/ 334 w 1301"/>
                  <a:gd name="T25" fmla="*/ 184 h 732"/>
                  <a:gd name="T26" fmla="*/ 309 w 1301"/>
                  <a:gd name="T27" fmla="*/ 201 h 732"/>
                  <a:gd name="T28" fmla="*/ 275 w 1301"/>
                  <a:gd name="T29" fmla="*/ 209 h 732"/>
                  <a:gd name="T30" fmla="*/ 268 w 1301"/>
                  <a:gd name="T31" fmla="*/ 201 h 732"/>
                  <a:gd name="T32" fmla="*/ 256 w 1301"/>
                  <a:gd name="T33" fmla="*/ 200 h 732"/>
                  <a:gd name="T34" fmla="*/ 227 w 1301"/>
                  <a:gd name="T35" fmla="*/ 200 h 732"/>
                  <a:gd name="T36" fmla="*/ 196 w 1301"/>
                  <a:gd name="T37" fmla="*/ 193 h 732"/>
                  <a:gd name="T38" fmla="*/ 185 w 1301"/>
                  <a:gd name="T39" fmla="*/ 205 h 732"/>
                  <a:gd name="T40" fmla="*/ 168 w 1301"/>
                  <a:gd name="T41" fmla="*/ 207 h 732"/>
                  <a:gd name="T42" fmla="*/ 174 w 1301"/>
                  <a:gd name="T43" fmla="*/ 217 h 732"/>
                  <a:gd name="T44" fmla="*/ 153 w 1301"/>
                  <a:gd name="T45" fmla="*/ 234 h 732"/>
                  <a:gd name="T46" fmla="*/ 130 w 1301"/>
                  <a:gd name="T47" fmla="*/ 229 h 732"/>
                  <a:gd name="T48" fmla="*/ 111 w 1301"/>
                  <a:gd name="T49" fmla="*/ 238 h 732"/>
                  <a:gd name="T50" fmla="*/ 76 w 1301"/>
                  <a:gd name="T51" fmla="*/ 244 h 732"/>
                  <a:gd name="T52" fmla="*/ 53 w 1301"/>
                  <a:gd name="T53" fmla="*/ 235 h 732"/>
                  <a:gd name="T54" fmla="*/ 41 w 1301"/>
                  <a:gd name="T55" fmla="*/ 223 h 732"/>
                  <a:gd name="T56" fmla="*/ 3 w 1301"/>
                  <a:gd name="T57" fmla="*/ 219 h 732"/>
                  <a:gd name="T58" fmla="*/ 1 w 1301"/>
                  <a:gd name="T59" fmla="*/ 176 h 732"/>
                  <a:gd name="T60" fmla="*/ 15 w 1301"/>
                  <a:gd name="T61" fmla="*/ 173 h 732"/>
                  <a:gd name="T62" fmla="*/ 26 w 1301"/>
                  <a:gd name="T63" fmla="*/ 181 h 732"/>
                  <a:gd name="T64" fmla="*/ 54 w 1301"/>
                  <a:gd name="T65" fmla="*/ 188 h 732"/>
                  <a:gd name="T66" fmla="*/ 55 w 1301"/>
                  <a:gd name="T67" fmla="*/ 205 h 732"/>
                  <a:gd name="T68" fmla="*/ 76 w 1301"/>
                  <a:gd name="T69" fmla="*/ 200 h 732"/>
                  <a:gd name="T70" fmla="*/ 85 w 1301"/>
                  <a:gd name="T71" fmla="*/ 178 h 732"/>
                  <a:gd name="T72" fmla="*/ 68 w 1301"/>
                  <a:gd name="T73" fmla="*/ 169 h 732"/>
                  <a:gd name="T74" fmla="*/ 68 w 1301"/>
                  <a:gd name="T75" fmla="*/ 159 h 732"/>
                  <a:gd name="T76" fmla="*/ 84 w 1301"/>
                  <a:gd name="T77" fmla="*/ 150 h 732"/>
                  <a:gd name="T78" fmla="*/ 91 w 1301"/>
                  <a:gd name="T79" fmla="*/ 143 h 732"/>
                  <a:gd name="T80" fmla="*/ 116 w 1301"/>
                  <a:gd name="T81" fmla="*/ 139 h 732"/>
                  <a:gd name="T82" fmla="*/ 167 w 1301"/>
                  <a:gd name="T83" fmla="*/ 122 h 732"/>
                  <a:gd name="T84" fmla="*/ 195 w 1301"/>
                  <a:gd name="T85" fmla="*/ 113 h 732"/>
                  <a:gd name="T86" fmla="*/ 194 w 1301"/>
                  <a:gd name="T87" fmla="*/ 105 h 732"/>
                  <a:gd name="T88" fmla="*/ 207 w 1301"/>
                  <a:gd name="T89" fmla="*/ 102 h 732"/>
                  <a:gd name="T90" fmla="*/ 210 w 1301"/>
                  <a:gd name="T91" fmla="*/ 110 h 732"/>
                  <a:gd name="T92" fmla="*/ 228 w 1301"/>
                  <a:gd name="T93" fmla="*/ 108 h 732"/>
                  <a:gd name="T94" fmla="*/ 242 w 1301"/>
                  <a:gd name="T95" fmla="*/ 106 h 732"/>
                  <a:gd name="T96" fmla="*/ 247 w 1301"/>
                  <a:gd name="T97" fmla="*/ 119 h 732"/>
                  <a:gd name="T98" fmla="*/ 260 w 1301"/>
                  <a:gd name="T99" fmla="*/ 117 h 732"/>
                  <a:gd name="T100" fmla="*/ 265 w 1301"/>
                  <a:gd name="T101" fmla="*/ 122 h 732"/>
                  <a:gd name="T102" fmla="*/ 283 w 1301"/>
                  <a:gd name="T103" fmla="*/ 96 h 732"/>
                  <a:gd name="T104" fmla="*/ 287 w 1301"/>
                  <a:gd name="T105" fmla="*/ 66 h 732"/>
                  <a:gd name="T106" fmla="*/ 302 w 1301"/>
                  <a:gd name="T107" fmla="*/ 63 h 732"/>
                  <a:gd name="T108" fmla="*/ 311 w 1301"/>
                  <a:gd name="T109" fmla="*/ 51 h 732"/>
                  <a:gd name="T110" fmla="*/ 307 w 1301"/>
                  <a:gd name="T111" fmla="*/ 23 h 732"/>
                  <a:gd name="T112" fmla="*/ 319 w 1301"/>
                  <a:gd name="T113" fmla="*/ 6 h 732"/>
                  <a:gd name="T114" fmla="*/ 336 w 1301"/>
                  <a:gd name="T115" fmla="*/ 0 h 732"/>
                  <a:gd name="T116" fmla="*/ 353 w 1301"/>
                  <a:gd name="T117" fmla="*/ 6 h 732"/>
                  <a:gd name="T118" fmla="*/ 364 w 1301"/>
                  <a:gd name="T119" fmla="*/ 24 h 73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1301" h="732">
                    <a:moveTo>
                      <a:pt x="1095" y="132"/>
                    </a:moveTo>
                    <a:lnTo>
                      <a:pt x="1103" y="134"/>
                    </a:lnTo>
                    <a:lnTo>
                      <a:pt x="1114" y="136"/>
                    </a:lnTo>
                    <a:lnTo>
                      <a:pt x="1124" y="137"/>
                    </a:lnTo>
                    <a:lnTo>
                      <a:pt x="1136" y="137"/>
                    </a:lnTo>
                    <a:lnTo>
                      <a:pt x="1160" y="138"/>
                    </a:lnTo>
                    <a:lnTo>
                      <a:pt x="1186" y="139"/>
                    </a:lnTo>
                    <a:lnTo>
                      <a:pt x="1213" y="142"/>
                    </a:lnTo>
                    <a:lnTo>
                      <a:pt x="1238" y="145"/>
                    </a:lnTo>
                    <a:lnTo>
                      <a:pt x="1249" y="148"/>
                    </a:lnTo>
                    <a:lnTo>
                      <a:pt x="1261" y="151"/>
                    </a:lnTo>
                    <a:lnTo>
                      <a:pt x="1272" y="155"/>
                    </a:lnTo>
                    <a:lnTo>
                      <a:pt x="1282" y="160"/>
                    </a:lnTo>
                    <a:lnTo>
                      <a:pt x="1280" y="172"/>
                    </a:lnTo>
                    <a:lnTo>
                      <a:pt x="1280" y="185"/>
                    </a:lnTo>
                    <a:lnTo>
                      <a:pt x="1280" y="196"/>
                    </a:lnTo>
                    <a:lnTo>
                      <a:pt x="1281" y="208"/>
                    </a:lnTo>
                    <a:lnTo>
                      <a:pt x="1284" y="229"/>
                    </a:lnTo>
                    <a:lnTo>
                      <a:pt x="1288" y="249"/>
                    </a:lnTo>
                    <a:lnTo>
                      <a:pt x="1293" y="267"/>
                    </a:lnTo>
                    <a:lnTo>
                      <a:pt x="1297" y="283"/>
                    </a:lnTo>
                    <a:lnTo>
                      <a:pt x="1300" y="297"/>
                    </a:lnTo>
                    <a:lnTo>
                      <a:pt x="1301" y="310"/>
                    </a:lnTo>
                    <a:lnTo>
                      <a:pt x="1296" y="315"/>
                    </a:lnTo>
                    <a:lnTo>
                      <a:pt x="1291" y="318"/>
                    </a:lnTo>
                    <a:lnTo>
                      <a:pt x="1285" y="323"/>
                    </a:lnTo>
                    <a:lnTo>
                      <a:pt x="1279" y="325"/>
                    </a:lnTo>
                    <a:lnTo>
                      <a:pt x="1265" y="330"/>
                    </a:lnTo>
                    <a:lnTo>
                      <a:pt x="1253" y="336"/>
                    </a:lnTo>
                    <a:lnTo>
                      <a:pt x="1246" y="339"/>
                    </a:lnTo>
                    <a:lnTo>
                      <a:pt x="1241" y="344"/>
                    </a:lnTo>
                    <a:lnTo>
                      <a:pt x="1237" y="349"/>
                    </a:lnTo>
                    <a:lnTo>
                      <a:pt x="1234" y="355"/>
                    </a:lnTo>
                    <a:lnTo>
                      <a:pt x="1232" y="363"/>
                    </a:lnTo>
                    <a:lnTo>
                      <a:pt x="1232" y="371"/>
                    </a:lnTo>
                    <a:lnTo>
                      <a:pt x="1233" y="382"/>
                    </a:lnTo>
                    <a:lnTo>
                      <a:pt x="1235" y="394"/>
                    </a:lnTo>
                    <a:lnTo>
                      <a:pt x="1219" y="394"/>
                    </a:lnTo>
                    <a:lnTo>
                      <a:pt x="1202" y="394"/>
                    </a:lnTo>
                    <a:lnTo>
                      <a:pt x="1186" y="394"/>
                    </a:lnTo>
                    <a:lnTo>
                      <a:pt x="1169" y="394"/>
                    </a:lnTo>
                    <a:lnTo>
                      <a:pt x="1165" y="407"/>
                    </a:lnTo>
                    <a:lnTo>
                      <a:pt x="1159" y="420"/>
                    </a:lnTo>
                    <a:lnTo>
                      <a:pt x="1153" y="430"/>
                    </a:lnTo>
                    <a:lnTo>
                      <a:pt x="1146" y="442"/>
                    </a:lnTo>
                    <a:lnTo>
                      <a:pt x="1140" y="452"/>
                    </a:lnTo>
                    <a:lnTo>
                      <a:pt x="1134" y="464"/>
                    </a:lnTo>
                    <a:lnTo>
                      <a:pt x="1127" y="475"/>
                    </a:lnTo>
                    <a:lnTo>
                      <a:pt x="1123" y="488"/>
                    </a:lnTo>
                    <a:lnTo>
                      <a:pt x="1098" y="487"/>
                    </a:lnTo>
                    <a:lnTo>
                      <a:pt x="1075" y="485"/>
                    </a:lnTo>
                    <a:lnTo>
                      <a:pt x="1064" y="483"/>
                    </a:lnTo>
                    <a:lnTo>
                      <a:pt x="1054" y="481"/>
                    </a:lnTo>
                    <a:lnTo>
                      <a:pt x="1043" y="477"/>
                    </a:lnTo>
                    <a:lnTo>
                      <a:pt x="1034" y="474"/>
                    </a:lnTo>
                    <a:lnTo>
                      <a:pt x="1025" y="470"/>
                    </a:lnTo>
                    <a:lnTo>
                      <a:pt x="1017" y="466"/>
                    </a:lnTo>
                    <a:lnTo>
                      <a:pt x="1009" y="461"/>
                    </a:lnTo>
                    <a:lnTo>
                      <a:pt x="1002" y="454"/>
                    </a:lnTo>
                    <a:lnTo>
                      <a:pt x="996" y="447"/>
                    </a:lnTo>
                    <a:lnTo>
                      <a:pt x="990" y="440"/>
                    </a:lnTo>
                    <a:lnTo>
                      <a:pt x="986" y="431"/>
                    </a:lnTo>
                    <a:lnTo>
                      <a:pt x="982" y="423"/>
                    </a:lnTo>
                    <a:lnTo>
                      <a:pt x="977" y="423"/>
                    </a:lnTo>
                    <a:lnTo>
                      <a:pt x="971" y="425"/>
                    </a:lnTo>
                    <a:lnTo>
                      <a:pt x="968" y="428"/>
                    </a:lnTo>
                    <a:lnTo>
                      <a:pt x="966" y="431"/>
                    </a:lnTo>
                    <a:lnTo>
                      <a:pt x="964" y="436"/>
                    </a:lnTo>
                    <a:lnTo>
                      <a:pt x="964" y="443"/>
                    </a:lnTo>
                    <a:lnTo>
                      <a:pt x="964" y="449"/>
                    </a:lnTo>
                    <a:lnTo>
                      <a:pt x="964" y="455"/>
                    </a:lnTo>
                    <a:lnTo>
                      <a:pt x="964" y="469"/>
                    </a:lnTo>
                    <a:lnTo>
                      <a:pt x="964" y="482"/>
                    </a:lnTo>
                    <a:lnTo>
                      <a:pt x="963" y="487"/>
                    </a:lnTo>
                    <a:lnTo>
                      <a:pt x="961" y="491"/>
                    </a:lnTo>
                    <a:lnTo>
                      <a:pt x="959" y="495"/>
                    </a:lnTo>
                    <a:lnTo>
                      <a:pt x="955" y="497"/>
                    </a:lnTo>
                    <a:lnTo>
                      <a:pt x="959" y="505"/>
                    </a:lnTo>
                    <a:lnTo>
                      <a:pt x="964" y="512"/>
                    </a:lnTo>
                    <a:lnTo>
                      <a:pt x="970" y="520"/>
                    </a:lnTo>
                    <a:lnTo>
                      <a:pt x="977" y="526"/>
                    </a:lnTo>
                    <a:lnTo>
                      <a:pt x="981" y="529"/>
                    </a:lnTo>
                    <a:lnTo>
                      <a:pt x="985" y="531"/>
                    </a:lnTo>
                    <a:lnTo>
                      <a:pt x="989" y="533"/>
                    </a:lnTo>
                    <a:lnTo>
                      <a:pt x="995" y="534"/>
                    </a:lnTo>
                    <a:lnTo>
                      <a:pt x="1000" y="535"/>
                    </a:lnTo>
                    <a:lnTo>
                      <a:pt x="1006" y="535"/>
                    </a:lnTo>
                    <a:lnTo>
                      <a:pt x="1013" y="535"/>
                    </a:lnTo>
                    <a:lnTo>
                      <a:pt x="1020" y="534"/>
                    </a:lnTo>
                    <a:lnTo>
                      <a:pt x="1012" y="544"/>
                    </a:lnTo>
                    <a:lnTo>
                      <a:pt x="1002" y="553"/>
                    </a:lnTo>
                    <a:lnTo>
                      <a:pt x="993" y="562"/>
                    </a:lnTo>
                    <a:lnTo>
                      <a:pt x="982" y="570"/>
                    </a:lnTo>
                    <a:lnTo>
                      <a:pt x="973" y="577"/>
                    </a:lnTo>
                    <a:lnTo>
                      <a:pt x="961" y="585"/>
                    </a:lnTo>
                    <a:lnTo>
                      <a:pt x="950" y="592"/>
                    </a:lnTo>
                    <a:lnTo>
                      <a:pt x="938" y="599"/>
                    </a:lnTo>
                    <a:lnTo>
                      <a:pt x="926" y="604"/>
                    </a:lnTo>
                    <a:lnTo>
                      <a:pt x="913" y="609"/>
                    </a:lnTo>
                    <a:lnTo>
                      <a:pt x="900" y="614"/>
                    </a:lnTo>
                    <a:lnTo>
                      <a:pt x="885" y="619"/>
                    </a:lnTo>
                    <a:lnTo>
                      <a:pt x="871" y="622"/>
                    </a:lnTo>
                    <a:lnTo>
                      <a:pt x="856" y="625"/>
                    </a:lnTo>
                    <a:lnTo>
                      <a:pt x="840" y="627"/>
                    </a:lnTo>
                    <a:lnTo>
                      <a:pt x="823" y="628"/>
                    </a:lnTo>
                    <a:lnTo>
                      <a:pt x="821" y="624"/>
                    </a:lnTo>
                    <a:lnTo>
                      <a:pt x="817" y="621"/>
                    </a:lnTo>
                    <a:lnTo>
                      <a:pt x="812" y="617"/>
                    </a:lnTo>
                    <a:lnTo>
                      <a:pt x="808" y="615"/>
                    </a:lnTo>
                    <a:lnTo>
                      <a:pt x="804" y="612"/>
                    </a:lnTo>
                    <a:lnTo>
                      <a:pt x="802" y="607"/>
                    </a:lnTo>
                    <a:lnTo>
                      <a:pt x="802" y="604"/>
                    </a:lnTo>
                    <a:lnTo>
                      <a:pt x="802" y="601"/>
                    </a:lnTo>
                    <a:lnTo>
                      <a:pt x="803" y="596"/>
                    </a:lnTo>
                    <a:lnTo>
                      <a:pt x="804" y="591"/>
                    </a:lnTo>
                    <a:lnTo>
                      <a:pt x="794" y="591"/>
                    </a:lnTo>
                    <a:lnTo>
                      <a:pt x="783" y="593"/>
                    </a:lnTo>
                    <a:lnTo>
                      <a:pt x="775" y="595"/>
                    </a:lnTo>
                    <a:lnTo>
                      <a:pt x="766" y="600"/>
                    </a:lnTo>
                    <a:lnTo>
                      <a:pt x="759" y="604"/>
                    </a:lnTo>
                    <a:lnTo>
                      <a:pt x="751" y="608"/>
                    </a:lnTo>
                    <a:lnTo>
                      <a:pt x="745" y="613"/>
                    </a:lnTo>
                    <a:lnTo>
                      <a:pt x="739" y="619"/>
                    </a:lnTo>
                    <a:lnTo>
                      <a:pt x="718" y="612"/>
                    </a:lnTo>
                    <a:lnTo>
                      <a:pt x="699" y="606"/>
                    </a:lnTo>
                    <a:lnTo>
                      <a:pt x="681" y="599"/>
                    </a:lnTo>
                    <a:lnTo>
                      <a:pt x="664" y="592"/>
                    </a:lnTo>
                    <a:lnTo>
                      <a:pt x="648" y="586"/>
                    </a:lnTo>
                    <a:lnTo>
                      <a:pt x="631" y="580"/>
                    </a:lnTo>
                    <a:lnTo>
                      <a:pt x="616" y="575"/>
                    </a:lnTo>
                    <a:lnTo>
                      <a:pt x="599" y="572"/>
                    </a:lnTo>
                    <a:lnTo>
                      <a:pt x="592" y="575"/>
                    </a:lnTo>
                    <a:lnTo>
                      <a:pt x="587" y="580"/>
                    </a:lnTo>
                    <a:lnTo>
                      <a:pt x="582" y="584"/>
                    </a:lnTo>
                    <a:lnTo>
                      <a:pt x="579" y="590"/>
                    </a:lnTo>
                    <a:lnTo>
                      <a:pt x="576" y="596"/>
                    </a:lnTo>
                    <a:lnTo>
                      <a:pt x="573" y="604"/>
                    </a:lnTo>
                    <a:lnTo>
                      <a:pt x="571" y="611"/>
                    </a:lnTo>
                    <a:lnTo>
                      <a:pt x="570" y="619"/>
                    </a:lnTo>
                    <a:lnTo>
                      <a:pt x="556" y="615"/>
                    </a:lnTo>
                    <a:lnTo>
                      <a:pt x="541" y="611"/>
                    </a:lnTo>
                    <a:lnTo>
                      <a:pt x="533" y="609"/>
                    </a:lnTo>
                    <a:lnTo>
                      <a:pt x="525" y="608"/>
                    </a:lnTo>
                    <a:lnTo>
                      <a:pt x="516" y="608"/>
                    </a:lnTo>
                    <a:lnTo>
                      <a:pt x="505" y="609"/>
                    </a:lnTo>
                    <a:lnTo>
                      <a:pt x="503" y="615"/>
                    </a:lnTo>
                    <a:lnTo>
                      <a:pt x="503" y="621"/>
                    </a:lnTo>
                    <a:lnTo>
                      <a:pt x="503" y="625"/>
                    </a:lnTo>
                    <a:lnTo>
                      <a:pt x="504" y="629"/>
                    </a:lnTo>
                    <a:lnTo>
                      <a:pt x="507" y="635"/>
                    </a:lnTo>
                    <a:lnTo>
                      <a:pt x="512" y="640"/>
                    </a:lnTo>
                    <a:lnTo>
                      <a:pt x="517" y="644"/>
                    </a:lnTo>
                    <a:lnTo>
                      <a:pt x="521" y="649"/>
                    </a:lnTo>
                    <a:lnTo>
                      <a:pt x="523" y="652"/>
                    </a:lnTo>
                    <a:lnTo>
                      <a:pt x="524" y="656"/>
                    </a:lnTo>
                    <a:lnTo>
                      <a:pt x="524" y="661"/>
                    </a:lnTo>
                    <a:lnTo>
                      <a:pt x="524" y="666"/>
                    </a:lnTo>
                    <a:lnTo>
                      <a:pt x="508" y="676"/>
                    </a:lnTo>
                    <a:lnTo>
                      <a:pt x="492" y="686"/>
                    </a:lnTo>
                    <a:lnTo>
                      <a:pt x="476" y="695"/>
                    </a:lnTo>
                    <a:lnTo>
                      <a:pt x="458" y="703"/>
                    </a:lnTo>
                    <a:lnTo>
                      <a:pt x="450" y="699"/>
                    </a:lnTo>
                    <a:lnTo>
                      <a:pt x="441" y="695"/>
                    </a:lnTo>
                    <a:lnTo>
                      <a:pt x="432" y="692"/>
                    </a:lnTo>
                    <a:lnTo>
                      <a:pt x="422" y="690"/>
                    </a:lnTo>
                    <a:lnTo>
                      <a:pt x="412" y="688"/>
                    </a:lnTo>
                    <a:lnTo>
                      <a:pt x="402" y="687"/>
                    </a:lnTo>
                    <a:lnTo>
                      <a:pt x="391" y="687"/>
                    </a:lnTo>
                    <a:lnTo>
                      <a:pt x="382" y="688"/>
                    </a:lnTo>
                    <a:lnTo>
                      <a:pt x="372" y="689"/>
                    </a:lnTo>
                    <a:lnTo>
                      <a:pt x="363" y="692"/>
                    </a:lnTo>
                    <a:lnTo>
                      <a:pt x="354" y="695"/>
                    </a:lnTo>
                    <a:lnTo>
                      <a:pt x="346" y="701"/>
                    </a:lnTo>
                    <a:lnTo>
                      <a:pt x="340" y="707"/>
                    </a:lnTo>
                    <a:lnTo>
                      <a:pt x="334" y="713"/>
                    </a:lnTo>
                    <a:lnTo>
                      <a:pt x="330" y="722"/>
                    </a:lnTo>
                    <a:lnTo>
                      <a:pt x="327" y="731"/>
                    </a:lnTo>
                    <a:lnTo>
                      <a:pt x="299" y="731"/>
                    </a:lnTo>
                    <a:lnTo>
                      <a:pt x="270" y="731"/>
                    </a:lnTo>
                    <a:lnTo>
                      <a:pt x="257" y="732"/>
                    </a:lnTo>
                    <a:lnTo>
                      <a:pt x="242" y="732"/>
                    </a:lnTo>
                    <a:lnTo>
                      <a:pt x="228" y="732"/>
                    </a:lnTo>
                    <a:lnTo>
                      <a:pt x="214" y="731"/>
                    </a:lnTo>
                    <a:lnTo>
                      <a:pt x="202" y="729"/>
                    </a:lnTo>
                    <a:lnTo>
                      <a:pt x="190" y="725"/>
                    </a:lnTo>
                    <a:lnTo>
                      <a:pt x="179" y="721"/>
                    </a:lnTo>
                    <a:lnTo>
                      <a:pt x="168" y="713"/>
                    </a:lnTo>
                    <a:lnTo>
                      <a:pt x="164" y="710"/>
                    </a:lnTo>
                    <a:lnTo>
                      <a:pt x="159" y="705"/>
                    </a:lnTo>
                    <a:lnTo>
                      <a:pt x="155" y="701"/>
                    </a:lnTo>
                    <a:lnTo>
                      <a:pt x="151" y="694"/>
                    </a:lnTo>
                    <a:lnTo>
                      <a:pt x="148" y="688"/>
                    </a:lnTo>
                    <a:lnTo>
                      <a:pt x="145" y="682"/>
                    </a:lnTo>
                    <a:lnTo>
                      <a:pt x="142" y="674"/>
                    </a:lnTo>
                    <a:lnTo>
                      <a:pt x="140" y="666"/>
                    </a:lnTo>
                    <a:lnTo>
                      <a:pt x="123" y="670"/>
                    </a:lnTo>
                    <a:lnTo>
                      <a:pt x="106" y="672"/>
                    </a:lnTo>
                    <a:lnTo>
                      <a:pt x="90" y="672"/>
                    </a:lnTo>
                    <a:lnTo>
                      <a:pt x="73" y="671"/>
                    </a:lnTo>
                    <a:lnTo>
                      <a:pt x="56" y="669"/>
                    </a:lnTo>
                    <a:lnTo>
                      <a:pt x="40" y="666"/>
                    </a:lnTo>
                    <a:lnTo>
                      <a:pt x="24" y="662"/>
                    </a:lnTo>
                    <a:lnTo>
                      <a:pt x="8" y="656"/>
                    </a:lnTo>
                    <a:lnTo>
                      <a:pt x="10" y="637"/>
                    </a:lnTo>
                    <a:lnTo>
                      <a:pt x="10" y="620"/>
                    </a:lnTo>
                    <a:lnTo>
                      <a:pt x="9" y="604"/>
                    </a:lnTo>
                    <a:lnTo>
                      <a:pt x="7" y="588"/>
                    </a:lnTo>
                    <a:lnTo>
                      <a:pt x="3" y="556"/>
                    </a:lnTo>
                    <a:lnTo>
                      <a:pt x="0" y="525"/>
                    </a:lnTo>
                    <a:lnTo>
                      <a:pt x="3" y="528"/>
                    </a:lnTo>
                    <a:lnTo>
                      <a:pt x="6" y="530"/>
                    </a:lnTo>
                    <a:lnTo>
                      <a:pt x="9" y="531"/>
                    </a:lnTo>
                    <a:lnTo>
                      <a:pt x="13" y="531"/>
                    </a:lnTo>
                    <a:lnTo>
                      <a:pt x="21" y="530"/>
                    </a:lnTo>
                    <a:lnTo>
                      <a:pt x="28" y="527"/>
                    </a:lnTo>
                    <a:lnTo>
                      <a:pt x="36" y="524"/>
                    </a:lnTo>
                    <a:lnTo>
                      <a:pt x="45" y="520"/>
                    </a:lnTo>
                    <a:lnTo>
                      <a:pt x="54" y="517"/>
                    </a:lnTo>
                    <a:lnTo>
                      <a:pt x="65" y="516"/>
                    </a:lnTo>
                    <a:lnTo>
                      <a:pt x="65" y="524"/>
                    </a:lnTo>
                    <a:lnTo>
                      <a:pt x="67" y="530"/>
                    </a:lnTo>
                    <a:lnTo>
                      <a:pt x="69" y="536"/>
                    </a:lnTo>
                    <a:lnTo>
                      <a:pt x="73" y="541"/>
                    </a:lnTo>
                    <a:lnTo>
                      <a:pt x="79" y="544"/>
                    </a:lnTo>
                    <a:lnTo>
                      <a:pt x="84" y="546"/>
                    </a:lnTo>
                    <a:lnTo>
                      <a:pt x="90" y="548"/>
                    </a:lnTo>
                    <a:lnTo>
                      <a:pt x="98" y="549"/>
                    </a:lnTo>
                    <a:lnTo>
                      <a:pt x="128" y="550"/>
                    </a:lnTo>
                    <a:lnTo>
                      <a:pt x="159" y="553"/>
                    </a:lnTo>
                    <a:lnTo>
                      <a:pt x="161" y="560"/>
                    </a:lnTo>
                    <a:lnTo>
                      <a:pt x="162" y="565"/>
                    </a:lnTo>
                    <a:lnTo>
                      <a:pt x="163" y="570"/>
                    </a:lnTo>
                    <a:lnTo>
                      <a:pt x="164" y="575"/>
                    </a:lnTo>
                    <a:lnTo>
                      <a:pt x="164" y="586"/>
                    </a:lnTo>
                    <a:lnTo>
                      <a:pt x="163" y="594"/>
                    </a:lnTo>
                    <a:lnTo>
                      <a:pt x="163" y="603"/>
                    </a:lnTo>
                    <a:lnTo>
                      <a:pt x="164" y="611"/>
                    </a:lnTo>
                    <a:lnTo>
                      <a:pt x="166" y="615"/>
                    </a:lnTo>
                    <a:lnTo>
                      <a:pt x="169" y="620"/>
                    </a:lnTo>
                    <a:lnTo>
                      <a:pt x="172" y="624"/>
                    </a:lnTo>
                    <a:lnTo>
                      <a:pt x="178" y="628"/>
                    </a:lnTo>
                    <a:lnTo>
                      <a:pt x="192" y="624"/>
                    </a:lnTo>
                    <a:lnTo>
                      <a:pt x="206" y="617"/>
                    </a:lnTo>
                    <a:lnTo>
                      <a:pt x="218" y="609"/>
                    </a:lnTo>
                    <a:lnTo>
                      <a:pt x="229" y="601"/>
                    </a:lnTo>
                    <a:lnTo>
                      <a:pt x="239" y="591"/>
                    </a:lnTo>
                    <a:lnTo>
                      <a:pt x="248" y="580"/>
                    </a:lnTo>
                    <a:lnTo>
                      <a:pt x="255" y="567"/>
                    </a:lnTo>
                    <a:lnTo>
                      <a:pt x="262" y="553"/>
                    </a:lnTo>
                    <a:lnTo>
                      <a:pt x="260" y="546"/>
                    </a:lnTo>
                    <a:lnTo>
                      <a:pt x="258" y="540"/>
                    </a:lnTo>
                    <a:lnTo>
                      <a:pt x="254" y="534"/>
                    </a:lnTo>
                    <a:lnTo>
                      <a:pt x="250" y="529"/>
                    </a:lnTo>
                    <a:lnTo>
                      <a:pt x="245" y="526"/>
                    </a:lnTo>
                    <a:lnTo>
                      <a:pt x="240" y="522"/>
                    </a:lnTo>
                    <a:lnTo>
                      <a:pt x="234" y="520"/>
                    </a:lnTo>
                    <a:lnTo>
                      <a:pt x="228" y="516"/>
                    </a:lnTo>
                    <a:lnTo>
                      <a:pt x="215" y="511"/>
                    </a:lnTo>
                    <a:lnTo>
                      <a:pt x="204" y="506"/>
                    </a:lnTo>
                    <a:lnTo>
                      <a:pt x="199" y="503"/>
                    </a:lnTo>
                    <a:lnTo>
                      <a:pt x="193" y="498"/>
                    </a:lnTo>
                    <a:lnTo>
                      <a:pt x="189" y="493"/>
                    </a:lnTo>
                    <a:lnTo>
                      <a:pt x="186" y="488"/>
                    </a:lnTo>
                    <a:lnTo>
                      <a:pt x="191" y="484"/>
                    </a:lnTo>
                    <a:lnTo>
                      <a:pt x="196" y="481"/>
                    </a:lnTo>
                    <a:lnTo>
                      <a:pt x="203" y="477"/>
                    </a:lnTo>
                    <a:lnTo>
                      <a:pt x="209" y="475"/>
                    </a:lnTo>
                    <a:lnTo>
                      <a:pt x="222" y="470"/>
                    </a:lnTo>
                    <a:lnTo>
                      <a:pt x="233" y="465"/>
                    </a:lnTo>
                    <a:lnTo>
                      <a:pt x="240" y="462"/>
                    </a:lnTo>
                    <a:lnTo>
                      <a:pt x="245" y="458"/>
                    </a:lnTo>
                    <a:lnTo>
                      <a:pt x="249" y="454"/>
                    </a:lnTo>
                    <a:lnTo>
                      <a:pt x="253" y="450"/>
                    </a:lnTo>
                    <a:lnTo>
                      <a:pt x="258" y="445"/>
                    </a:lnTo>
                    <a:lnTo>
                      <a:pt x="260" y="438"/>
                    </a:lnTo>
                    <a:lnTo>
                      <a:pt x="261" y="431"/>
                    </a:lnTo>
                    <a:lnTo>
                      <a:pt x="262" y="423"/>
                    </a:lnTo>
                    <a:lnTo>
                      <a:pt x="265" y="424"/>
                    </a:lnTo>
                    <a:lnTo>
                      <a:pt x="269" y="426"/>
                    </a:lnTo>
                    <a:lnTo>
                      <a:pt x="272" y="429"/>
                    </a:lnTo>
                    <a:lnTo>
                      <a:pt x="275" y="432"/>
                    </a:lnTo>
                    <a:lnTo>
                      <a:pt x="278" y="435"/>
                    </a:lnTo>
                    <a:lnTo>
                      <a:pt x="279" y="440"/>
                    </a:lnTo>
                    <a:lnTo>
                      <a:pt x="280" y="445"/>
                    </a:lnTo>
                    <a:lnTo>
                      <a:pt x="280" y="450"/>
                    </a:lnTo>
                    <a:lnTo>
                      <a:pt x="315" y="432"/>
                    </a:lnTo>
                    <a:lnTo>
                      <a:pt x="347" y="416"/>
                    </a:lnTo>
                    <a:lnTo>
                      <a:pt x="379" y="403"/>
                    </a:lnTo>
                    <a:lnTo>
                      <a:pt x="409" y="391"/>
                    </a:lnTo>
                    <a:lnTo>
                      <a:pt x="426" y="385"/>
                    </a:lnTo>
                    <a:lnTo>
                      <a:pt x="443" y="381"/>
                    </a:lnTo>
                    <a:lnTo>
                      <a:pt x="461" y="375"/>
                    </a:lnTo>
                    <a:lnTo>
                      <a:pt x="480" y="371"/>
                    </a:lnTo>
                    <a:lnTo>
                      <a:pt x="500" y="367"/>
                    </a:lnTo>
                    <a:lnTo>
                      <a:pt x="522" y="364"/>
                    </a:lnTo>
                    <a:lnTo>
                      <a:pt x="545" y="359"/>
                    </a:lnTo>
                    <a:lnTo>
                      <a:pt x="570" y="356"/>
                    </a:lnTo>
                    <a:lnTo>
                      <a:pt x="575" y="354"/>
                    </a:lnTo>
                    <a:lnTo>
                      <a:pt x="579" y="350"/>
                    </a:lnTo>
                    <a:lnTo>
                      <a:pt x="583" y="345"/>
                    </a:lnTo>
                    <a:lnTo>
                      <a:pt x="586" y="338"/>
                    </a:lnTo>
                    <a:lnTo>
                      <a:pt x="588" y="331"/>
                    </a:lnTo>
                    <a:lnTo>
                      <a:pt x="589" y="326"/>
                    </a:lnTo>
                    <a:lnTo>
                      <a:pt x="588" y="324"/>
                    </a:lnTo>
                    <a:lnTo>
                      <a:pt x="586" y="322"/>
                    </a:lnTo>
                    <a:lnTo>
                      <a:pt x="583" y="321"/>
                    </a:lnTo>
                    <a:lnTo>
                      <a:pt x="580" y="319"/>
                    </a:lnTo>
                    <a:lnTo>
                      <a:pt x="582" y="316"/>
                    </a:lnTo>
                    <a:lnTo>
                      <a:pt x="584" y="314"/>
                    </a:lnTo>
                    <a:lnTo>
                      <a:pt x="587" y="312"/>
                    </a:lnTo>
                    <a:lnTo>
                      <a:pt x="590" y="311"/>
                    </a:lnTo>
                    <a:lnTo>
                      <a:pt x="598" y="309"/>
                    </a:lnTo>
                    <a:lnTo>
                      <a:pt x="605" y="307"/>
                    </a:lnTo>
                    <a:lnTo>
                      <a:pt x="613" y="306"/>
                    </a:lnTo>
                    <a:lnTo>
                      <a:pt x="622" y="305"/>
                    </a:lnTo>
                    <a:lnTo>
                      <a:pt x="629" y="303"/>
                    </a:lnTo>
                    <a:lnTo>
                      <a:pt x="636" y="301"/>
                    </a:lnTo>
                    <a:lnTo>
                      <a:pt x="637" y="307"/>
                    </a:lnTo>
                    <a:lnTo>
                      <a:pt x="637" y="313"/>
                    </a:lnTo>
                    <a:lnTo>
                      <a:pt x="636" y="317"/>
                    </a:lnTo>
                    <a:lnTo>
                      <a:pt x="633" y="322"/>
                    </a:lnTo>
                    <a:lnTo>
                      <a:pt x="629" y="330"/>
                    </a:lnTo>
                    <a:lnTo>
                      <a:pt x="626" y="338"/>
                    </a:lnTo>
                    <a:lnTo>
                      <a:pt x="640" y="339"/>
                    </a:lnTo>
                    <a:lnTo>
                      <a:pt x="651" y="339"/>
                    </a:lnTo>
                    <a:lnTo>
                      <a:pt x="661" y="337"/>
                    </a:lnTo>
                    <a:lnTo>
                      <a:pt x="669" y="334"/>
                    </a:lnTo>
                    <a:lnTo>
                      <a:pt x="677" y="329"/>
                    </a:lnTo>
                    <a:lnTo>
                      <a:pt x="682" y="324"/>
                    </a:lnTo>
                    <a:lnTo>
                      <a:pt x="687" y="316"/>
                    </a:lnTo>
                    <a:lnTo>
                      <a:pt x="692" y="310"/>
                    </a:lnTo>
                    <a:lnTo>
                      <a:pt x="704" y="310"/>
                    </a:lnTo>
                    <a:lnTo>
                      <a:pt x="714" y="312"/>
                    </a:lnTo>
                    <a:lnTo>
                      <a:pt x="718" y="313"/>
                    </a:lnTo>
                    <a:lnTo>
                      <a:pt x="722" y="315"/>
                    </a:lnTo>
                    <a:lnTo>
                      <a:pt x="726" y="317"/>
                    </a:lnTo>
                    <a:lnTo>
                      <a:pt x="729" y="319"/>
                    </a:lnTo>
                    <a:lnTo>
                      <a:pt x="731" y="323"/>
                    </a:lnTo>
                    <a:lnTo>
                      <a:pt x="734" y="327"/>
                    </a:lnTo>
                    <a:lnTo>
                      <a:pt x="736" y="331"/>
                    </a:lnTo>
                    <a:lnTo>
                      <a:pt x="737" y="335"/>
                    </a:lnTo>
                    <a:lnTo>
                      <a:pt x="739" y="345"/>
                    </a:lnTo>
                    <a:lnTo>
                      <a:pt x="739" y="356"/>
                    </a:lnTo>
                    <a:lnTo>
                      <a:pt x="745" y="357"/>
                    </a:lnTo>
                    <a:lnTo>
                      <a:pt x="750" y="358"/>
                    </a:lnTo>
                    <a:lnTo>
                      <a:pt x="756" y="357"/>
                    </a:lnTo>
                    <a:lnTo>
                      <a:pt x="761" y="357"/>
                    </a:lnTo>
                    <a:lnTo>
                      <a:pt x="769" y="354"/>
                    </a:lnTo>
                    <a:lnTo>
                      <a:pt x="777" y="352"/>
                    </a:lnTo>
                    <a:lnTo>
                      <a:pt x="780" y="351"/>
                    </a:lnTo>
                    <a:lnTo>
                      <a:pt x="783" y="351"/>
                    </a:lnTo>
                    <a:lnTo>
                      <a:pt x="785" y="351"/>
                    </a:lnTo>
                    <a:lnTo>
                      <a:pt x="787" y="352"/>
                    </a:lnTo>
                    <a:lnTo>
                      <a:pt x="789" y="353"/>
                    </a:lnTo>
                    <a:lnTo>
                      <a:pt x="791" y="356"/>
                    </a:lnTo>
                    <a:lnTo>
                      <a:pt x="794" y="361"/>
                    </a:lnTo>
                    <a:lnTo>
                      <a:pt x="795" y="366"/>
                    </a:lnTo>
                    <a:lnTo>
                      <a:pt x="809" y="351"/>
                    </a:lnTo>
                    <a:lnTo>
                      <a:pt x="822" y="334"/>
                    </a:lnTo>
                    <a:lnTo>
                      <a:pt x="828" y="326"/>
                    </a:lnTo>
                    <a:lnTo>
                      <a:pt x="834" y="316"/>
                    </a:lnTo>
                    <a:lnTo>
                      <a:pt x="839" y="307"/>
                    </a:lnTo>
                    <a:lnTo>
                      <a:pt x="843" y="297"/>
                    </a:lnTo>
                    <a:lnTo>
                      <a:pt x="847" y="287"/>
                    </a:lnTo>
                    <a:lnTo>
                      <a:pt x="851" y="276"/>
                    </a:lnTo>
                    <a:lnTo>
                      <a:pt x="855" y="265"/>
                    </a:lnTo>
                    <a:lnTo>
                      <a:pt x="857" y="252"/>
                    </a:lnTo>
                    <a:lnTo>
                      <a:pt x="859" y="239"/>
                    </a:lnTo>
                    <a:lnTo>
                      <a:pt x="860" y="227"/>
                    </a:lnTo>
                    <a:lnTo>
                      <a:pt x="861" y="212"/>
                    </a:lnTo>
                    <a:lnTo>
                      <a:pt x="861" y="197"/>
                    </a:lnTo>
                    <a:lnTo>
                      <a:pt x="868" y="198"/>
                    </a:lnTo>
                    <a:lnTo>
                      <a:pt x="876" y="198"/>
                    </a:lnTo>
                    <a:lnTo>
                      <a:pt x="883" y="197"/>
                    </a:lnTo>
                    <a:lnTo>
                      <a:pt x="889" y="196"/>
                    </a:lnTo>
                    <a:lnTo>
                      <a:pt x="896" y="195"/>
                    </a:lnTo>
                    <a:lnTo>
                      <a:pt x="901" y="193"/>
                    </a:lnTo>
                    <a:lnTo>
                      <a:pt x="906" y="190"/>
                    </a:lnTo>
                    <a:lnTo>
                      <a:pt x="910" y="188"/>
                    </a:lnTo>
                    <a:lnTo>
                      <a:pt x="915" y="184"/>
                    </a:lnTo>
                    <a:lnTo>
                      <a:pt x="918" y="180"/>
                    </a:lnTo>
                    <a:lnTo>
                      <a:pt x="921" y="176"/>
                    </a:lnTo>
                    <a:lnTo>
                      <a:pt x="924" y="172"/>
                    </a:lnTo>
                    <a:lnTo>
                      <a:pt x="928" y="163"/>
                    </a:lnTo>
                    <a:lnTo>
                      <a:pt x="931" y="152"/>
                    </a:lnTo>
                    <a:lnTo>
                      <a:pt x="933" y="140"/>
                    </a:lnTo>
                    <a:lnTo>
                      <a:pt x="934" y="129"/>
                    </a:lnTo>
                    <a:lnTo>
                      <a:pt x="933" y="117"/>
                    </a:lnTo>
                    <a:lnTo>
                      <a:pt x="931" y="105"/>
                    </a:lnTo>
                    <a:lnTo>
                      <a:pt x="928" y="92"/>
                    </a:lnTo>
                    <a:lnTo>
                      <a:pt x="925" y="79"/>
                    </a:lnTo>
                    <a:lnTo>
                      <a:pt x="921" y="68"/>
                    </a:lnTo>
                    <a:lnTo>
                      <a:pt x="917" y="57"/>
                    </a:lnTo>
                    <a:lnTo>
                      <a:pt x="922" y="49"/>
                    </a:lnTo>
                    <a:lnTo>
                      <a:pt x="927" y="41"/>
                    </a:lnTo>
                    <a:lnTo>
                      <a:pt x="934" y="34"/>
                    </a:lnTo>
                    <a:lnTo>
                      <a:pt x="940" y="28"/>
                    </a:lnTo>
                    <a:lnTo>
                      <a:pt x="947" y="23"/>
                    </a:lnTo>
                    <a:lnTo>
                      <a:pt x="955" y="17"/>
                    </a:lnTo>
                    <a:lnTo>
                      <a:pt x="961" y="13"/>
                    </a:lnTo>
                    <a:lnTo>
                      <a:pt x="969" y="9"/>
                    </a:lnTo>
                    <a:lnTo>
                      <a:pt x="977" y="6"/>
                    </a:lnTo>
                    <a:lnTo>
                      <a:pt x="984" y="4"/>
                    </a:lnTo>
                    <a:lnTo>
                      <a:pt x="993" y="1"/>
                    </a:lnTo>
                    <a:lnTo>
                      <a:pt x="1000" y="0"/>
                    </a:lnTo>
                    <a:lnTo>
                      <a:pt x="1007" y="0"/>
                    </a:lnTo>
                    <a:lnTo>
                      <a:pt x="1016" y="0"/>
                    </a:lnTo>
                    <a:lnTo>
                      <a:pt x="1023" y="1"/>
                    </a:lnTo>
                    <a:lnTo>
                      <a:pt x="1030" y="4"/>
                    </a:lnTo>
                    <a:lnTo>
                      <a:pt x="1038" y="6"/>
                    </a:lnTo>
                    <a:lnTo>
                      <a:pt x="1045" y="9"/>
                    </a:lnTo>
                    <a:lnTo>
                      <a:pt x="1052" y="13"/>
                    </a:lnTo>
                    <a:lnTo>
                      <a:pt x="1058" y="17"/>
                    </a:lnTo>
                    <a:lnTo>
                      <a:pt x="1064" y="23"/>
                    </a:lnTo>
                    <a:lnTo>
                      <a:pt x="1069" y="29"/>
                    </a:lnTo>
                    <a:lnTo>
                      <a:pt x="1075" y="36"/>
                    </a:lnTo>
                    <a:lnTo>
                      <a:pt x="1080" y="44"/>
                    </a:lnTo>
                    <a:lnTo>
                      <a:pt x="1084" y="52"/>
                    </a:lnTo>
                    <a:lnTo>
                      <a:pt x="1087" y="60"/>
                    </a:lnTo>
                    <a:lnTo>
                      <a:pt x="1090" y="71"/>
                    </a:lnTo>
                    <a:lnTo>
                      <a:pt x="1093" y="81"/>
                    </a:lnTo>
                    <a:lnTo>
                      <a:pt x="1095" y="93"/>
                    </a:lnTo>
                    <a:lnTo>
                      <a:pt x="1096" y="105"/>
                    </a:lnTo>
                    <a:lnTo>
                      <a:pt x="1096" y="118"/>
                    </a:lnTo>
                    <a:lnTo>
                      <a:pt x="1095" y="132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04" name="Holsterbro kant 1"/>
              <p:cNvSpPr>
                <a:spLocks/>
              </p:cNvSpPr>
              <p:nvPr/>
            </p:nvSpPr>
            <p:spPr bwMode="auto">
              <a:xfrm>
                <a:off x="536575" y="3822706"/>
                <a:ext cx="688976" cy="387351"/>
              </a:xfrm>
              <a:custGeom>
                <a:avLst/>
                <a:gdLst>
                  <a:gd name="T0" fmla="*/ 396 w 1301"/>
                  <a:gd name="T1" fmla="*/ 46 h 732"/>
                  <a:gd name="T2" fmla="*/ 427 w 1301"/>
                  <a:gd name="T3" fmla="*/ 57 h 732"/>
                  <a:gd name="T4" fmla="*/ 433 w 1301"/>
                  <a:gd name="T5" fmla="*/ 94 h 732"/>
                  <a:gd name="T6" fmla="*/ 422 w 1301"/>
                  <a:gd name="T7" fmla="*/ 110 h 732"/>
                  <a:gd name="T8" fmla="*/ 411 w 1301"/>
                  <a:gd name="T9" fmla="*/ 124 h 732"/>
                  <a:gd name="T10" fmla="*/ 389 w 1301"/>
                  <a:gd name="T11" fmla="*/ 136 h 732"/>
                  <a:gd name="T12" fmla="*/ 375 w 1301"/>
                  <a:gd name="T13" fmla="*/ 163 h 732"/>
                  <a:gd name="T14" fmla="*/ 342 w 1301"/>
                  <a:gd name="T15" fmla="*/ 157 h 732"/>
                  <a:gd name="T16" fmla="*/ 328 w 1301"/>
                  <a:gd name="T17" fmla="*/ 141 h 732"/>
                  <a:gd name="T18" fmla="*/ 322 w 1301"/>
                  <a:gd name="T19" fmla="*/ 150 h 732"/>
                  <a:gd name="T20" fmla="*/ 319 w 1301"/>
                  <a:gd name="T21" fmla="*/ 166 h 732"/>
                  <a:gd name="T22" fmla="*/ 330 w 1301"/>
                  <a:gd name="T23" fmla="*/ 178 h 732"/>
                  <a:gd name="T24" fmla="*/ 334 w 1301"/>
                  <a:gd name="T25" fmla="*/ 184 h 732"/>
                  <a:gd name="T26" fmla="*/ 309 w 1301"/>
                  <a:gd name="T27" fmla="*/ 201 h 732"/>
                  <a:gd name="T28" fmla="*/ 275 w 1301"/>
                  <a:gd name="T29" fmla="*/ 209 h 732"/>
                  <a:gd name="T30" fmla="*/ 268 w 1301"/>
                  <a:gd name="T31" fmla="*/ 201 h 732"/>
                  <a:gd name="T32" fmla="*/ 256 w 1301"/>
                  <a:gd name="T33" fmla="*/ 200 h 732"/>
                  <a:gd name="T34" fmla="*/ 227 w 1301"/>
                  <a:gd name="T35" fmla="*/ 200 h 732"/>
                  <a:gd name="T36" fmla="*/ 196 w 1301"/>
                  <a:gd name="T37" fmla="*/ 193 h 732"/>
                  <a:gd name="T38" fmla="*/ 185 w 1301"/>
                  <a:gd name="T39" fmla="*/ 205 h 732"/>
                  <a:gd name="T40" fmla="*/ 168 w 1301"/>
                  <a:gd name="T41" fmla="*/ 207 h 732"/>
                  <a:gd name="T42" fmla="*/ 174 w 1301"/>
                  <a:gd name="T43" fmla="*/ 217 h 732"/>
                  <a:gd name="T44" fmla="*/ 153 w 1301"/>
                  <a:gd name="T45" fmla="*/ 234 h 732"/>
                  <a:gd name="T46" fmla="*/ 130 w 1301"/>
                  <a:gd name="T47" fmla="*/ 229 h 732"/>
                  <a:gd name="T48" fmla="*/ 111 w 1301"/>
                  <a:gd name="T49" fmla="*/ 238 h 732"/>
                  <a:gd name="T50" fmla="*/ 76 w 1301"/>
                  <a:gd name="T51" fmla="*/ 244 h 732"/>
                  <a:gd name="T52" fmla="*/ 53 w 1301"/>
                  <a:gd name="T53" fmla="*/ 235 h 732"/>
                  <a:gd name="T54" fmla="*/ 41 w 1301"/>
                  <a:gd name="T55" fmla="*/ 223 h 732"/>
                  <a:gd name="T56" fmla="*/ 3 w 1301"/>
                  <a:gd name="T57" fmla="*/ 219 h 732"/>
                  <a:gd name="T58" fmla="*/ 1 w 1301"/>
                  <a:gd name="T59" fmla="*/ 176 h 732"/>
                  <a:gd name="T60" fmla="*/ 15 w 1301"/>
                  <a:gd name="T61" fmla="*/ 173 h 732"/>
                  <a:gd name="T62" fmla="*/ 26 w 1301"/>
                  <a:gd name="T63" fmla="*/ 181 h 732"/>
                  <a:gd name="T64" fmla="*/ 54 w 1301"/>
                  <a:gd name="T65" fmla="*/ 188 h 732"/>
                  <a:gd name="T66" fmla="*/ 55 w 1301"/>
                  <a:gd name="T67" fmla="*/ 205 h 732"/>
                  <a:gd name="T68" fmla="*/ 76 w 1301"/>
                  <a:gd name="T69" fmla="*/ 200 h 732"/>
                  <a:gd name="T70" fmla="*/ 85 w 1301"/>
                  <a:gd name="T71" fmla="*/ 178 h 732"/>
                  <a:gd name="T72" fmla="*/ 68 w 1301"/>
                  <a:gd name="T73" fmla="*/ 169 h 732"/>
                  <a:gd name="T74" fmla="*/ 68 w 1301"/>
                  <a:gd name="T75" fmla="*/ 159 h 732"/>
                  <a:gd name="T76" fmla="*/ 84 w 1301"/>
                  <a:gd name="T77" fmla="*/ 150 h 732"/>
                  <a:gd name="T78" fmla="*/ 91 w 1301"/>
                  <a:gd name="T79" fmla="*/ 143 h 732"/>
                  <a:gd name="T80" fmla="*/ 116 w 1301"/>
                  <a:gd name="T81" fmla="*/ 139 h 732"/>
                  <a:gd name="T82" fmla="*/ 167 w 1301"/>
                  <a:gd name="T83" fmla="*/ 122 h 732"/>
                  <a:gd name="T84" fmla="*/ 195 w 1301"/>
                  <a:gd name="T85" fmla="*/ 113 h 732"/>
                  <a:gd name="T86" fmla="*/ 194 w 1301"/>
                  <a:gd name="T87" fmla="*/ 105 h 732"/>
                  <a:gd name="T88" fmla="*/ 207 w 1301"/>
                  <a:gd name="T89" fmla="*/ 102 h 732"/>
                  <a:gd name="T90" fmla="*/ 210 w 1301"/>
                  <a:gd name="T91" fmla="*/ 110 h 732"/>
                  <a:gd name="T92" fmla="*/ 228 w 1301"/>
                  <a:gd name="T93" fmla="*/ 108 h 732"/>
                  <a:gd name="T94" fmla="*/ 242 w 1301"/>
                  <a:gd name="T95" fmla="*/ 106 h 732"/>
                  <a:gd name="T96" fmla="*/ 247 w 1301"/>
                  <a:gd name="T97" fmla="*/ 119 h 732"/>
                  <a:gd name="T98" fmla="*/ 260 w 1301"/>
                  <a:gd name="T99" fmla="*/ 117 h 732"/>
                  <a:gd name="T100" fmla="*/ 265 w 1301"/>
                  <a:gd name="T101" fmla="*/ 122 h 732"/>
                  <a:gd name="T102" fmla="*/ 283 w 1301"/>
                  <a:gd name="T103" fmla="*/ 96 h 732"/>
                  <a:gd name="T104" fmla="*/ 287 w 1301"/>
                  <a:gd name="T105" fmla="*/ 66 h 732"/>
                  <a:gd name="T106" fmla="*/ 302 w 1301"/>
                  <a:gd name="T107" fmla="*/ 63 h 732"/>
                  <a:gd name="T108" fmla="*/ 311 w 1301"/>
                  <a:gd name="T109" fmla="*/ 51 h 732"/>
                  <a:gd name="T110" fmla="*/ 307 w 1301"/>
                  <a:gd name="T111" fmla="*/ 23 h 732"/>
                  <a:gd name="T112" fmla="*/ 319 w 1301"/>
                  <a:gd name="T113" fmla="*/ 6 h 732"/>
                  <a:gd name="T114" fmla="*/ 336 w 1301"/>
                  <a:gd name="T115" fmla="*/ 0 h 732"/>
                  <a:gd name="T116" fmla="*/ 353 w 1301"/>
                  <a:gd name="T117" fmla="*/ 6 h 732"/>
                  <a:gd name="T118" fmla="*/ 364 w 1301"/>
                  <a:gd name="T119" fmla="*/ 24 h 73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1301" h="732">
                    <a:moveTo>
                      <a:pt x="1095" y="132"/>
                    </a:moveTo>
                    <a:lnTo>
                      <a:pt x="1103" y="134"/>
                    </a:lnTo>
                    <a:lnTo>
                      <a:pt x="1114" y="136"/>
                    </a:lnTo>
                    <a:lnTo>
                      <a:pt x="1124" y="137"/>
                    </a:lnTo>
                    <a:lnTo>
                      <a:pt x="1136" y="137"/>
                    </a:lnTo>
                    <a:lnTo>
                      <a:pt x="1160" y="138"/>
                    </a:lnTo>
                    <a:lnTo>
                      <a:pt x="1186" y="139"/>
                    </a:lnTo>
                    <a:lnTo>
                      <a:pt x="1213" y="142"/>
                    </a:lnTo>
                    <a:lnTo>
                      <a:pt x="1238" y="145"/>
                    </a:lnTo>
                    <a:lnTo>
                      <a:pt x="1249" y="148"/>
                    </a:lnTo>
                    <a:lnTo>
                      <a:pt x="1261" y="151"/>
                    </a:lnTo>
                    <a:lnTo>
                      <a:pt x="1272" y="155"/>
                    </a:lnTo>
                    <a:lnTo>
                      <a:pt x="1282" y="160"/>
                    </a:lnTo>
                    <a:lnTo>
                      <a:pt x="1280" y="172"/>
                    </a:lnTo>
                    <a:lnTo>
                      <a:pt x="1280" y="185"/>
                    </a:lnTo>
                    <a:lnTo>
                      <a:pt x="1280" y="196"/>
                    </a:lnTo>
                    <a:lnTo>
                      <a:pt x="1281" y="208"/>
                    </a:lnTo>
                    <a:lnTo>
                      <a:pt x="1284" y="229"/>
                    </a:lnTo>
                    <a:lnTo>
                      <a:pt x="1288" y="249"/>
                    </a:lnTo>
                    <a:lnTo>
                      <a:pt x="1293" y="267"/>
                    </a:lnTo>
                    <a:lnTo>
                      <a:pt x="1297" y="283"/>
                    </a:lnTo>
                    <a:lnTo>
                      <a:pt x="1300" y="297"/>
                    </a:lnTo>
                    <a:lnTo>
                      <a:pt x="1301" y="310"/>
                    </a:lnTo>
                    <a:lnTo>
                      <a:pt x="1296" y="315"/>
                    </a:lnTo>
                    <a:lnTo>
                      <a:pt x="1291" y="318"/>
                    </a:lnTo>
                    <a:lnTo>
                      <a:pt x="1285" y="323"/>
                    </a:lnTo>
                    <a:lnTo>
                      <a:pt x="1279" y="325"/>
                    </a:lnTo>
                    <a:lnTo>
                      <a:pt x="1265" y="330"/>
                    </a:lnTo>
                    <a:lnTo>
                      <a:pt x="1253" y="336"/>
                    </a:lnTo>
                    <a:lnTo>
                      <a:pt x="1246" y="339"/>
                    </a:lnTo>
                    <a:lnTo>
                      <a:pt x="1241" y="344"/>
                    </a:lnTo>
                    <a:lnTo>
                      <a:pt x="1237" y="349"/>
                    </a:lnTo>
                    <a:lnTo>
                      <a:pt x="1234" y="355"/>
                    </a:lnTo>
                    <a:lnTo>
                      <a:pt x="1232" y="363"/>
                    </a:lnTo>
                    <a:lnTo>
                      <a:pt x="1232" y="371"/>
                    </a:lnTo>
                    <a:lnTo>
                      <a:pt x="1233" y="382"/>
                    </a:lnTo>
                    <a:lnTo>
                      <a:pt x="1235" y="394"/>
                    </a:lnTo>
                    <a:lnTo>
                      <a:pt x="1219" y="394"/>
                    </a:lnTo>
                    <a:lnTo>
                      <a:pt x="1202" y="394"/>
                    </a:lnTo>
                    <a:lnTo>
                      <a:pt x="1186" y="394"/>
                    </a:lnTo>
                    <a:lnTo>
                      <a:pt x="1169" y="394"/>
                    </a:lnTo>
                    <a:lnTo>
                      <a:pt x="1165" y="407"/>
                    </a:lnTo>
                    <a:lnTo>
                      <a:pt x="1159" y="420"/>
                    </a:lnTo>
                    <a:lnTo>
                      <a:pt x="1153" y="430"/>
                    </a:lnTo>
                    <a:lnTo>
                      <a:pt x="1146" y="442"/>
                    </a:lnTo>
                    <a:lnTo>
                      <a:pt x="1140" y="452"/>
                    </a:lnTo>
                    <a:lnTo>
                      <a:pt x="1134" y="464"/>
                    </a:lnTo>
                    <a:lnTo>
                      <a:pt x="1127" y="475"/>
                    </a:lnTo>
                    <a:lnTo>
                      <a:pt x="1123" y="488"/>
                    </a:lnTo>
                    <a:lnTo>
                      <a:pt x="1098" y="487"/>
                    </a:lnTo>
                    <a:lnTo>
                      <a:pt x="1075" y="485"/>
                    </a:lnTo>
                    <a:lnTo>
                      <a:pt x="1064" y="483"/>
                    </a:lnTo>
                    <a:lnTo>
                      <a:pt x="1054" y="481"/>
                    </a:lnTo>
                    <a:lnTo>
                      <a:pt x="1043" y="477"/>
                    </a:lnTo>
                    <a:lnTo>
                      <a:pt x="1034" y="474"/>
                    </a:lnTo>
                    <a:lnTo>
                      <a:pt x="1025" y="470"/>
                    </a:lnTo>
                    <a:lnTo>
                      <a:pt x="1017" y="466"/>
                    </a:lnTo>
                    <a:lnTo>
                      <a:pt x="1009" y="461"/>
                    </a:lnTo>
                    <a:lnTo>
                      <a:pt x="1002" y="454"/>
                    </a:lnTo>
                    <a:lnTo>
                      <a:pt x="996" y="447"/>
                    </a:lnTo>
                    <a:lnTo>
                      <a:pt x="990" y="440"/>
                    </a:lnTo>
                    <a:lnTo>
                      <a:pt x="986" y="431"/>
                    </a:lnTo>
                    <a:lnTo>
                      <a:pt x="982" y="423"/>
                    </a:lnTo>
                    <a:lnTo>
                      <a:pt x="977" y="423"/>
                    </a:lnTo>
                    <a:lnTo>
                      <a:pt x="971" y="425"/>
                    </a:lnTo>
                    <a:lnTo>
                      <a:pt x="968" y="428"/>
                    </a:lnTo>
                    <a:lnTo>
                      <a:pt x="966" y="431"/>
                    </a:lnTo>
                    <a:lnTo>
                      <a:pt x="964" y="436"/>
                    </a:lnTo>
                    <a:lnTo>
                      <a:pt x="964" y="443"/>
                    </a:lnTo>
                    <a:lnTo>
                      <a:pt x="964" y="449"/>
                    </a:lnTo>
                    <a:lnTo>
                      <a:pt x="964" y="455"/>
                    </a:lnTo>
                    <a:lnTo>
                      <a:pt x="964" y="469"/>
                    </a:lnTo>
                    <a:lnTo>
                      <a:pt x="964" y="482"/>
                    </a:lnTo>
                    <a:lnTo>
                      <a:pt x="963" y="487"/>
                    </a:lnTo>
                    <a:lnTo>
                      <a:pt x="961" y="491"/>
                    </a:lnTo>
                    <a:lnTo>
                      <a:pt x="959" y="495"/>
                    </a:lnTo>
                    <a:lnTo>
                      <a:pt x="955" y="497"/>
                    </a:lnTo>
                    <a:lnTo>
                      <a:pt x="959" y="505"/>
                    </a:lnTo>
                    <a:lnTo>
                      <a:pt x="964" y="512"/>
                    </a:lnTo>
                    <a:lnTo>
                      <a:pt x="970" y="520"/>
                    </a:lnTo>
                    <a:lnTo>
                      <a:pt x="977" y="526"/>
                    </a:lnTo>
                    <a:lnTo>
                      <a:pt x="981" y="529"/>
                    </a:lnTo>
                    <a:lnTo>
                      <a:pt x="985" y="531"/>
                    </a:lnTo>
                    <a:lnTo>
                      <a:pt x="989" y="533"/>
                    </a:lnTo>
                    <a:lnTo>
                      <a:pt x="995" y="534"/>
                    </a:lnTo>
                    <a:lnTo>
                      <a:pt x="1000" y="535"/>
                    </a:lnTo>
                    <a:lnTo>
                      <a:pt x="1006" y="535"/>
                    </a:lnTo>
                    <a:lnTo>
                      <a:pt x="1013" y="535"/>
                    </a:lnTo>
                    <a:lnTo>
                      <a:pt x="1020" y="534"/>
                    </a:lnTo>
                    <a:lnTo>
                      <a:pt x="1012" y="544"/>
                    </a:lnTo>
                    <a:lnTo>
                      <a:pt x="1002" y="553"/>
                    </a:lnTo>
                    <a:lnTo>
                      <a:pt x="993" y="562"/>
                    </a:lnTo>
                    <a:lnTo>
                      <a:pt x="982" y="570"/>
                    </a:lnTo>
                    <a:lnTo>
                      <a:pt x="973" y="577"/>
                    </a:lnTo>
                    <a:lnTo>
                      <a:pt x="961" y="585"/>
                    </a:lnTo>
                    <a:lnTo>
                      <a:pt x="950" y="592"/>
                    </a:lnTo>
                    <a:lnTo>
                      <a:pt x="938" y="599"/>
                    </a:lnTo>
                    <a:lnTo>
                      <a:pt x="926" y="604"/>
                    </a:lnTo>
                    <a:lnTo>
                      <a:pt x="913" y="609"/>
                    </a:lnTo>
                    <a:lnTo>
                      <a:pt x="900" y="614"/>
                    </a:lnTo>
                    <a:lnTo>
                      <a:pt x="885" y="619"/>
                    </a:lnTo>
                    <a:lnTo>
                      <a:pt x="871" y="622"/>
                    </a:lnTo>
                    <a:lnTo>
                      <a:pt x="856" y="625"/>
                    </a:lnTo>
                    <a:lnTo>
                      <a:pt x="840" y="627"/>
                    </a:lnTo>
                    <a:lnTo>
                      <a:pt x="823" y="628"/>
                    </a:lnTo>
                    <a:lnTo>
                      <a:pt x="821" y="624"/>
                    </a:lnTo>
                    <a:lnTo>
                      <a:pt x="817" y="621"/>
                    </a:lnTo>
                    <a:lnTo>
                      <a:pt x="812" y="617"/>
                    </a:lnTo>
                    <a:lnTo>
                      <a:pt x="808" y="615"/>
                    </a:lnTo>
                    <a:lnTo>
                      <a:pt x="804" y="612"/>
                    </a:lnTo>
                    <a:lnTo>
                      <a:pt x="802" y="607"/>
                    </a:lnTo>
                    <a:lnTo>
                      <a:pt x="802" y="604"/>
                    </a:lnTo>
                    <a:lnTo>
                      <a:pt x="802" y="601"/>
                    </a:lnTo>
                    <a:lnTo>
                      <a:pt x="803" y="596"/>
                    </a:lnTo>
                    <a:lnTo>
                      <a:pt x="804" y="591"/>
                    </a:lnTo>
                    <a:lnTo>
                      <a:pt x="794" y="591"/>
                    </a:lnTo>
                    <a:lnTo>
                      <a:pt x="783" y="593"/>
                    </a:lnTo>
                    <a:lnTo>
                      <a:pt x="775" y="595"/>
                    </a:lnTo>
                    <a:lnTo>
                      <a:pt x="766" y="600"/>
                    </a:lnTo>
                    <a:lnTo>
                      <a:pt x="759" y="604"/>
                    </a:lnTo>
                    <a:lnTo>
                      <a:pt x="751" y="608"/>
                    </a:lnTo>
                    <a:lnTo>
                      <a:pt x="745" y="613"/>
                    </a:lnTo>
                    <a:lnTo>
                      <a:pt x="739" y="619"/>
                    </a:lnTo>
                    <a:lnTo>
                      <a:pt x="718" y="612"/>
                    </a:lnTo>
                    <a:lnTo>
                      <a:pt x="699" y="606"/>
                    </a:lnTo>
                    <a:lnTo>
                      <a:pt x="681" y="599"/>
                    </a:lnTo>
                    <a:lnTo>
                      <a:pt x="664" y="592"/>
                    </a:lnTo>
                    <a:lnTo>
                      <a:pt x="648" y="586"/>
                    </a:lnTo>
                    <a:lnTo>
                      <a:pt x="631" y="580"/>
                    </a:lnTo>
                    <a:lnTo>
                      <a:pt x="616" y="575"/>
                    </a:lnTo>
                    <a:lnTo>
                      <a:pt x="599" y="572"/>
                    </a:lnTo>
                    <a:lnTo>
                      <a:pt x="592" y="575"/>
                    </a:lnTo>
                    <a:lnTo>
                      <a:pt x="587" y="580"/>
                    </a:lnTo>
                    <a:lnTo>
                      <a:pt x="582" y="584"/>
                    </a:lnTo>
                    <a:lnTo>
                      <a:pt x="579" y="590"/>
                    </a:lnTo>
                    <a:lnTo>
                      <a:pt x="576" y="596"/>
                    </a:lnTo>
                    <a:lnTo>
                      <a:pt x="573" y="604"/>
                    </a:lnTo>
                    <a:lnTo>
                      <a:pt x="571" y="611"/>
                    </a:lnTo>
                    <a:lnTo>
                      <a:pt x="570" y="619"/>
                    </a:lnTo>
                    <a:lnTo>
                      <a:pt x="556" y="615"/>
                    </a:lnTo>
                    <a:lnTo>
                      <a:pt x="541" y="611"/>
                    </a:lnTo>
                    <a:lnTo>
                      <a:pt x="533" y="609"/>
                    </a:lnTo>
                    <a:lnTo>
                      <a:pt x="525" y="608"/>
                    </a:lnTo>
                    <a:lnTo>
                      <a:pt x="516" y="608"/>
                    </a:lnTo>
                    <a:lnTo>
                      <a:pt x="505" y="609"/>
                    </a:lnTo>
                    <a:lnTo>
                      <a:pt x="503" y="615"/>
                    </a:lnTo>
                    <a:lnTo>
                      <a:pt x="503" y="621"/>
                    </a:lnTo>
                    <a:lnTo>
                      <a:pt x="503" y="625"/>
                    </a:lnTo>
                    <a:lnTo>
                      <a:pt x="504" y="629"/>
                    </a:lnTo>
                    <a:lnTo>
                      <a:pt x="507" y="635"/>
                    </a:lnTo>
                    <a:lnTo>
                      <a:pt x="512" y="640"/>
                    </a:lnTo>
                    <a:lnTo>
                      <a:pt x="517" y="644"/>
                    </a:lnTo>
                    <a:lnTo>
                      <a:pt x="521" y="649"/>
                    </a:lnTo>
                    <a:lnTo>
                      <a:pt x="523" y="652"/>
                    </a:lnTo>
                    <a:lnTo>
                      <a:pt x="524" y="656"/>
                    </a:lnTo>
                    <a:lnTo>
                      <a:pt x="524" y="661"/>
                    </a:lnTo>
                    <a:lnTo>
                      <a:pt x="524" y="666"/>
                    </a:lnTo>
                    <a:lnTo>
                      <a:pt x="508" y="676"/>
                    </a:lnTo>
                    <a:lnTo>
                      <a:pt x="492" y="686"/>
                    </a:lnTo>
                    <a:lnTo>
                      <a:pt x="476" y="695"/>
                    </a:lnTo>
                    <a:lnTo>
                      <a:pt x="458" y="703"/>
                    </a:lnTo>
                    <a:lnTo>
                      <a:pt x="450" y="699"/>
                    </a:lnTo>
                    <a:lnTo>
                      <a:pt x="441" y="695"/>
                    </a:lnTo>
                    <a:lnTo>
                      <a:pt x="432" y="692"/>
                    </a:lnTo>
                    <a:lnTo>
                      <a:pt x="422" y="690"/>
                    </a:lnTo>
                    <a:lnTo>
                      <a:pt x="412" y="688"/>
                    </a:lnTo>
                    <a:lnTo>
                      <a:pt x="402" y="687"/>
                    </a:lnTo>
                    <a:lnTo>
                      <a:pt x="391" y="687"/>
                    </a:lnTo>
                    <a:lnTo>
                      <a:pt x="382" y="688"/>
                    </a:lnTo>
                    <a:lnTo>
                      <a:pt x="372" y="689"/>
                    </a:lnTo>
                    <a:lnTo>
                      <a:pt x="363" y="692"/>
                    </a:lnTo>
                    <a:lnTo>
                      <a:pt x="354" y="695"/>
                    </a:lnTo>
                    <a:lnTo>
                      <a:pt x="346" y="701"/>
                    </a:lnTo>
                    <a:lnTo>
                      <a:pt x="340" y="707"/>
                    </a:lnTo>
                    <a:lnTo>
                      <a:pt x="334" y="713"/>
                    </a:lnTo>
                    <a:lnTo>
                      <a:pt x="330" y="722"/>
                    </a:lnTo>
                    <a:lnTo>
                      <a:pt x="327" y="731"/>
                    </a:lnTo>
                    <a:lnTo>
                      <a:pt x="299" y="731"/>
                    </a:lnTo>
                    <a:lnTo>
                      <a:pt x="270" y="731"/>
                    </a:lnTo>
                    <a:lnTo>
                      <a:pt x="257" y="732"/>
                    </a:lnTo>
                    <a:lnTo>
                      <a:pt x="242" y="732"/>
                    </a:lnTo>
                    <a:lnTo>
                      <a:pt x="228" y="732"/>
                    </a:lnTo>
                    <a:lnTo>
                      <a:pt x="214" y="731"/>
                    </a:lnTo>
                    <a:lnTo>
                      <a:pt x="202" y="729"/>
                    </a:lnTo>
                    <a:lnTo>
                      <a:pt x="190" y="725"/>
                    </a:lnTo>
                    <a:lnTo>
                      <a:pt x="179" y="721"/>
                    </a:lnTo>
                    <a:lnTo>
                      <a:pt x="168" y="713"/>
                    </a:lnTo>
                    <a:lnTo>
                      <a:pt x="164" y="710"/>
                    </a:lnTo>
                    <a:lnTo>
                      <a:pt x="159" y="705"/>
                    </a:lnTo>
                    <a:lnTo>
                      <a:pt x="155" y="701"/>
                    </a:lnTo>
                    <a:lnTo>
                      <a:pt x="151" y="694"/>
                    </a:lnTo>
                    <a:lnTo>
                      <a:pt x="148" y="688"/>
                    </a:lnTo>
                    <a:lnTo>
                      <a:pt x="145" y="682"/>
                    </a:lnTo>
                    <a:lnTo>
                      <a:pt x="142" y="674"/>
                    </a:lnTo>
                    <a:lnTo>
                      <a:pt x="140" y="666"/>
                    </a:lnTo>
                    <a:lnTo>
                      <a:pt x="123" y="670"/>
                    </a:lnTo>
                    <a:lnTo>
                      <a:pt x="106" y="672"/>
                    </a:lnTo>
                    <a:lnTo>
                      <a:pt x="90" y="672"/>
                    </a:lnTo>
                    <a:lnTo>
                      <a:pt x="73" y="671"/>
                    </a:lnTo>
                    <a:lnTo>
                      <a:pt x="56" y="669"/>
                    </a:lnTo>
                    <a:lnTo>
                      <a:pt x="40" y="666"/>
                    </a:lnTo>
                    <a:lnTo>
                      <a:pt x="24" y="662"/>
                    </a:lnTo>
                    <a:lnTo>
                      <a:pt x="8" y="656"/>
                    </a:lnTo>
                    <a:lnTo>
                      <a:pt x="10" y="637"/>
                    </a:lnTo>
                    <a:lnTo>
                      <a:pt x="10" y="620"/>
                    </a:lnTo>
                    <a:lnTo>
                      <a:pt x="9" y="604"/>
                    </a:lnTo>
                    <a:lnTo>
                      <a:pt x="7" y="588"/>
                    </a:lnTo>
                    <a:lnTo>
                      <a:pt x="3" y="556"/>
                    </a:lnTo>
                    <a:lnTo>
                      <a:pt x="0" y="525"/>
                    </a:lnTo>
                    <a:lnTo>
                      <a:pt x="3" y="528"/>
                    </a:lnTo>
                    <a:lnTo>
                      <a:pt x="6" y="530"/>
                    </a:lnTo>
                    <a:lnTo>
                      <a:pt x="9" y="531"/>
                    </a:lnTo>
                    <a:lnTo>
                      <a:pt x="13" y="531"/>
                    </a:lnTo>
                    <a:lnTo>
                      <a:pt x="21" y="530"/>
                    </a:lnTo>
                    <a:lnTo>
                      <a:pt x="28" y="527"/>
                    </a:lnTo>
                    <a:lnTo>
                      <a:pt x="36" y="524"/>
                    </a:lnTo>
                    <a:lnTo>
                      <a:pt x="45" y="520"/>
                    </a:lnTo>
                    <a:lnTo>
                      <a:pt x="54" y="517"/>
                    </a:lnTo>
                    <a:lnTo>
                      <a:pt x="65" y="516"/>
                    </a:lnTo>
                    <a:lnTo>
                      <a:pt x="65" y="524"/>
                    </a:lnTo>
                    <a:lnTo>
                      <a:pt x="67" y="530"/>
                    </a:lnTo>
                    <a:lnTo>
                      <a:pt x="69" y="536"/>
                    </a:lnTo>
                    <a:lnTo>
                      <a:pt x="73" y="541"/>
                    </a:lnTo>
                    <a:lnTo>
                      <a:pt x="79" y="544"/>
                    </a:lnTo>
                    <a:lnTo>
                      <a:pt x="84" y="546"/>
                    </a:lnTo>
                    <a:lnTo>
                      <a:pt x="90" y="548"/>
                    </a:lnTo>
                    <a:lnTo>
                      <a:pt x="98" y="549"/>
                    </a:lnTo>
                    <a:lnTo>
                      <a:pt x="128" y="550"/>
                    </a:lnTo>
                    <a:lnTo>
                      <a:pt x="159" y="553"/>
                    </a:lnTo>
                    <a:lnTo>
                      <a:pt x="161" y="560"/>
                    </a:lnTo>
                    <a:lnTo>
                      <a:pt x="162" y="565"/>
                    </a:lnTo>
                    <a:lnTo>
                      <a:pt x="163" y="570"/>
                    </a:lnTo>
                    <a:lnTo>
                      <a:pt x="164" y="575"/>
                    </a:lnTo>
                    <a:lnTo>
                      <a:pt x="164" y="586"/>
                    </a:lnTo>
                    <a:lnTo>
                      <a:pt x="163" y="594"/>
                    </a:lnTo>
                    <a:lnTo>
                      <a:pt x="163" y="603"/>
                    </a:lnTo>
                    <a:lnTo>
                      <a:pt x="164" y="611"/>
                    </a:lnTo>
                    <a:lnTo>
                      <a:pt x="166" y="615"/>
                    </a:lnTo>
                    <a:lnTo>
                      <a:pt x="169" y="620"/>
                    </a:lnTo>
                    <a:lnTo>
                      <a:pt x="172" y="624"/>
                    </a:lnTo>
                    <a:lnTo>
                      <a:pt x="178" y="628"/>
                    </a:lnTo>
                    <a:lnTo>
                      <a:pt x="192" y="624"/>
                    </a:lnTo>
                    <a:lnTo>
                      <a:pt x="206" y="617"/>
                    </a:lnTo>
                    <a:lnTo>
                      <a:pt x="218" y="609"/>
                    </a:lnTo>
                    <a:lnTo>
                      <a:pt x="229" y="601"/>
                    </a:lnTo>
                    <a:lnTo>
                      <a:pt x="239" y="591"/>
                    </a:lnTo>
                    <a:lnTo>
                      <a:pt x="248" y="580"/>
                    </a:lnTo>
                    <a:lnTo>
                      <a:pt x="255" y="567"/>
                    </a:lnTo>
                    <a:lnTo>
                      <a:pt x="262" y="553"/>
                    </a:lnTo>
                    <a:lnTo>
                      <a:pt x="260" y="546"/>
                    </a:lnTo>
                    <a:lnTo>
                      <a:pt x="258" y="540"/>
                    </a:lnTo>
                    <a:lnTo>
                      <a:pt x="254" y="534"/>
                    </a:lnTo>
                    <a:lnTo>
                      <a:pt x="250" y="529"/>
                    </a:lnTo>
                    <a:lnTo>
                      <a:pt x="245" y="526"/>
                    </a:lnTo>
                    <a:lnTo>
                      <a:pt x="240" y="522"/>
                    </a:lnTo>
                    <a:lnTo>
                      <a:pt x="234" y="520"/>
                    </a:lnTo>
                    <a:lnTo>
                      <a:pt x="228" y="516"/>
                    </a:lnTo>
                    <a:lnTo>
                      <a:pt x="215" y="511"/>
                    </a:lnTo>
                    <a:lnTo>
                      <a:pt x="204" y="506"/>
                    </a:lnTo>
                    <a:lnTo>
                      <a:pt x="199" y="503"/>
                    </a:lnTo>
                    <a:lnTo>
                      <a:pt x="193" y="498"/>
                    </a:lnTo>
                    <a:lnTo>
                      <a:pt x="189" y="493"/>
                    </a:lnTo>
                    <a:lnTo>
                      <a:pt x="186" y="488"/>
                    </a:lnTo>
                    <a:lnTo>
                      <a:pt x="191" y="484"/>
                    </a:lnTo>
                    <a:lnTo>
                      <a:pt x="196" y="481"/>
                    </a:lnTo>
                    <a:lnTo>
                      <a:pt x="203" y="477"/>
                    </a:lnTo>
                    <a:lnTo>
                      <a:pt x="209" y="475"/>
                    </a:lnTo>
                    <a:lnTo>
                      <a:pt x="222" y="470"/>
                    </a:lnTo>
                    <a:lnTo>
                      <a:pt x="233" y="465"/>
                    </a:lnTo>
                    <a:lnTo>
                      <a:pt x="240" y="462"/>
                    </a:lnTo>
                    <a:lnTo>
                      <a:pt x="245" y="458"/>
                    </a:lnTo>
                    <a:lnTo>
                      <a:pt x="249" y="454"/>
                    </a:lnTo>
                    <a:lnTo>
                      <a:pt x="253" y="450"/>
                    </a:lnTo>
                    <a:lnTo>
                      <a:pt x="258" y="445"/>
                    </a:lnTo>
                    <a:lnTo>
                      <a:pt x="260" y="438"/>
                    </a:lnTo>
                    <a:lnTo>
                      <a:pt x="261" y="431"/>
                    </a:lnTo>
                    <a:lnTo>
                      <a:pt x="262" y="423"/>
                    </a:lnTo>
                    <a:lnTo>
                      <a:pt x="265" y="424"/>
                    </a:lnTo>
                    <a:lnTo>
                      <a:pt x="269" y="426"/>
                    </a:lnTo>
                    <a:lnTo>
                      <a:pt x="272" y="429"/>
                    </a:lnTo>
                    <a:lnTo>
                      <a:pt x="275" y="432"/>
                    </a:lnTo>
                    <a:lnTo>
                      <a:pt x="278" y="435"/>
                    </a:lnTo>
                    <a:lnTo>
                      <a:pt x="279" y="440"/>
                    </a:lnTo>
                    <a:lnTo>
                      <a:pt x="280" y="445"/>
                    </a:lnTo>
                    <a:lnTo>
                      <a:pt x="280" y="450"/>
                    </a:lnTo>
                    <a:lnTo>
                      <a:pt x="315" y="432"/>
                    </a:lnTo>
                    <a:lnTo>
                      <a:pt x="347" y="416"/>
                    </a:lnTo>
                    <a:lnTo>
                      <a:pt x="379" y="403"/>
                    </a:lnTo>
                    <a:lnTo>
                      <a:pt x="409" y="391"/>
                    </a:lnTo>
                    <a:lnTo>
                      <a:pt x="426" y="385"/>
                    </a:lnTo>
                    <a:lnTo>
                      <a:pt x="443" y="381"/>
                    </a:lnTo>
                    <a:lnTo>
                      <a:pt x="461" y="375"/>
                    </a:lnTo>
                    <a:lnTo>
                      <a:pt x="480" y="371"/>
                    </a:lnTo>
                    <a:lnTo>
                      <a:pt x="500" y="367"/>
                    </a:lnTo>
                    <a:lnTo>
                      <a:pt x="522" y="364"/>
                    </a:lnTo>
                    <a:lnTo>
                      <a:pt x="545" y="359"/>
                    </a:lnTo>
                    <a:lnTo>
                      <a:pt x="570" y="356"/>
                    </a:lnTo>
                    <a:lnTo>
                      <a:pt x="575" y="354"/>
                    </a:lnTo>
                    <a:lnTo>
                      <a:pt x="579" y="350"/>
                    </a:lnTo>
                    <a:lnTo>
                      <a:pt x="583" y="345"/>
                    </a:lnTo>
                    <a:lnTo>
                      <a:pt x="586" y="338"/>
                    </a:lnTo>
                    <a:lnTo>
                      <a:pt x="588" y="331"/>
                    </a:lnTo>
                    <a:lnTo>
                      <a:pt x="589" y="326"/>
                    </a:lnTo>
                    <a:lnTo>
                      <a:pt x="588" y="324"/>
                    </a:lnTo>
                    <a:lnTo>
                      <a:pt x="586" y="322"/>
                    </a:lnTo>
                    <a:lnTo>
                      <a:pt x="583" y="321"/>
                    </a:lnTo>
                    <a:lnTo>
                      <a:pt x="580" y="319"/>
                    </a:lnTo>
                    <a:lnTo>
                      <a:pt x="582" y="316"/>
                    </a:lnTo>
                    <a:lnTo>
                      <a:pt x="584" y="314"/>
                    </a:lnTo>
                    <a:lnTo>
                      <a:pt x="587" y="312"/>
                    </a:lnTo>
                    <a:lnTo>
                      <a:pt x="590" y="311"/>
                    </a:lnTo>
                    <a:lnTo>
                      <a:pt x="598" y="309"/>
                    </a:lnTo>
                    <a:lnTo>
                      <a:pt x="605" y="307"/>
                    </a:lnTo>
                    <a:lnTo>
                      <a:pt x="613" y="306"/>
                    </a:lnTo>
                    <a:lnTo>
                      <a:pt x="622" y="305"/>
                    </a:lnTo>
                    <a:lnTo>
                      <a:pt x="629" y="303"/>
                    </a:lnTo>
                    <a:lnTo>
                      <a:pt x="636" y="301"/>
                    </a:lnTo>
                    <a:lnTo>
                      <a:pt x="637" y="307"/>
                    </a:lnTo>
                    <a:lnTo>
                      <a:pt x="637" y="313"/>
                    </a:lnTo>
                    <a:lnTo>
                      <a:pt x="636" y="317"/>
                    </a:lnTo>
                    <a:lnTo>
                      <a:pt x="633" y="322"/>
                    </a:lnTo>
                    <a:lnTo>
                      <a:pt x="629" y="330"/>
                    </a:lnTo>
                    <a:lnTo>
                      <a:pt x="626" y="338"/>
                    </a:lnTo>
                    <a:lnTo>
                      <a:pt x="640" y="339"/>
                    </a:lnTo>
                    <a:lnTo>
                      <a:pt x="651" y="339"/>
                    </a:lnTo>
                    <a:lnTo>
                      <a:pt x="661" y="337"/>
                    </a:lnTo>
                    <a:lnTo>
                      <a:pt x="669" y="334"/>
                    </a:lnTo>
                    <a:lnTo>
                      <a:pt x="677" y="329"/>
                    </a:lnTo>
                    <a:lnTo>
                      <a:pt x="682" y="324"/>
                    </a:lnTo>
                    <a:lnTo>
                      <a:pt x="687" y="316"/>
                    </a:lnTo>
                    <a:lnTo>
                      <a:pt x="692" y="310"/>
                    </a:lnTo>
                    <a:lnTo>
                      <a:pt x="704" y="310"/>
                    </a:lnTo>
                    <a:lnTo>
                      <a:pt x="714" y="312"/>
                    </a:lnTo>
                    <a:lnTo>
                      <a:pt x="718" y="313"/>
                    </a:lnTo>
                    <a:lnTo>
                      <a:pt x="722" y="315"/>
                    </a:lnTo>
                    <a:lnTo>
                      <a:pt x="726" y="317"/>
                    </a:lnTo>
                    <a:lnTo>
                      <a:pt x="729" y="319"/>
                    </a:lnTo>
                    <a:lnTo>
                      <a:pt x="731" y="323"/>
                    </a:lnTo>
                    <a:lnTo>
                      <a:pt x="734" y="327"/>
                    </a:lnTo>
                    <a:lnTo>
                      <a:pt x="736" y="331"/>
                    </a:lnTo>
                    <a:lnTo>
                      <a:pt x="737" y="335"/>
                    </a:lnTo>
                    <a:lnTo>
                      <a:pt x="739" y="345"/>
                    </a:lnTo>
                    <a:lnTo>
                      <a:pt x="739" y="356"/>
                    </a:lnTo>
                    <a:lnTo>
                      <a:pt x="745" y="357"/>
                    </a:lnTo>
                    <a:lnTo>
                      <a:pt x="750" y="358"/>
                    </a:lnTo>
                    <a:lnTo>
                      <a:pt x="756" y="357"/>
                    </a:lnTo>
                    <a:lnTo>
                      <a:pt x="761" y="357"/>
                    </a:lnTo>
                    <a:lnTo>
                      <a:pt x="769" y="354"/>
                    </a:lnTo>
                    <a:lnTo>
                      <a:pt x="777" y="352"/>
                    </a:lnTo>
                    <a:lnTo>
                      <a:pt x="780" y="351"/>
                    </a:lnTo>
                    <a:lnTo>
                      <a:pt x="783" y="351"/>
                    </a:lnTo>
                    <a:lnTo>
                      <a:pt x="785" y="351"/>
                    </a:lnTo>
                    <a:lnTo>
                      <a:pt x="787" y="352"/>
                    </a:lnTo>
                    <a:lnTo>
                      <a:pt x="789" y="353"/>
                    </a:lnTo>
                    <a:lnTo>
                      <a:pt x="791" y="356"/>
                    </a:lnTo>
                    <a:lnTo>
                      <a:pt x="794" y="361"/>
                    </a:lnTo>
                    <a:lnTo>
                      <a:pt x="795" y="366"/>
                    </a:lnTo>
                    <a:lnTo>
                      <a:pt x="809" y="351"/>
                    </a:lnTo>
                    <a:lnTo>
                      <a:pt x="822" y="334"/>
                    </a:lnTo>
                    <a:lnTo>
                      <a:pt x="828" y="326"/>
                    </a:lnTo>
                    <a:lnTo>
                      <a:pt x="834" y="316"/>
                    </a:lnTo>
                    <a:lnTo>
                      <a:pt x="839" y="307"/>
                    </a:lnTo>
                    <a:lnTo>
                      <a:pt x="843" y="297"/>
                    </a:lnTo>
                    <a:lnTo>
                      <a:pt x="847" y="287"/>
                    </a:lnTo>
                    <a:lnTo>
                      <a:pt x="851" y="276"/>
                    </a:lnTo>
                    <a:lnTo>
                      <a:pt x="855" y="265"/>
                    </a:lnTo>
                    <a:lnTo>
                      <a:pt x="857" y="252"/>
                    </a:lnTo>
                    <a:lnTo>
                      <a:pt x="859" y="239"/>
                    </a:lnTo>
                    <a:lnTo>
                      <a:pt x="860" y="227"/>
                    </a:lnTo>
                    <a:lnTo>
                      <a:pt x="861" y="212"/>
                    </a:lnTo>
                    <a:lnTo>
                      <a:pt x="861" y="197"/>
                    </a:lnTo>
                    <a:lnTo>
                      <a:pt x="868" y="198"/>
                    </a:lnTo>
                    <a:lnTo>
                      <a:pt x="876" y="198"/>
                    </a:lnTo>
                    <a:lnTo>
                      <a:pt x="883" y="197"/>
                    </a:lnTo>
                    <a:lnTo>
                      <a:pt x="889" y="196"/>
                    </a:lnTo>
                    <a:lnTo>
                      <a:pt x="896" y="195"/>
                    </a:lnTo>
                    <a:lnTo>
                      <a:pt x="901" y="193"/>
                    </a:lnTo>
                    <a:lnTo>
                      <a:pt x="906" y="190"/>
                    </a:lnTo>
                    <a:lnTo>
                      <a:pt x="910" y="188"/>
                    </a:lnTo>
                    <a:lnTo>
                      <a:pt x="915" y="184"/>
                    </a:lnTo>
                    <a:lnTo>
                      <a:pt x="918" y="180"/>
                    </a:lnTo>
                    <a:lnTo>
                      <a:pt x="921" y="176"/>
                    </a:lnTo>
                    <a:lnTo>
                      <a:pt x="924" y="172"/>
                    </a:lnTo>
                    <a:lnTo>
                      <a:pt x="928" y="163"/>
                    </a:lnTo>
                    <a:lnTo>
                      <a:pt x="931" y="152"/>
                    </a:lnTo>
                    <a:lnTo>
                      <a:pt x="933" y="140"/>
                    </a:lnTo>
                    <a:lnTo>
                      <a:pt x="934" y="129"/>
                    </a:lnTo>
                    <a:lnTo>
                      <a:pt x="933" y="117"/>
                    </a:lnTo>
                    <a:lnTo>
                      <a:pt x="931" y="105"/>
                    </a:lnTo>
                    <a:lnTo>
                      <a:pt x="928" y="92"/>
                    </a:lnTo>
                    <a:lnTo>
                      <a:pt x="925" y="79"/>
                    </a:lnTo>
                    <a:lnTo>
                      <a:pt x="921" y="68"/>
                    </a:lnTo>
                    <a:lnTo>
                      <a:pt x="917" y="57"/>
                    </a:lnTo>
                    <a:lnTo>
                      <a:pt x="922" y="49"/>
                    </a:lnTo>
                    <a:lnTo>
                      <a:pt x="927" y="41"/>
                    </a:lnTo>
                    <a:lnTo>
                      <a:pt x="934" y="34"/>
                    </a:lnTo>
                    <a:lnTo>
                      <a:pt x="940" y="28"/>
                    </a:lnTo>
                    <a:lnTo>
                      <a:pt x="947" y="23"/>
                    </a:lnTo>
                    <a:lnTo>
                      <a:pt x="955" y="17"/>
                    </a:lnTo>
                    <a:lnTo>
                      <a:pt x="961" y="13"/>
                    </a:lnTo>
                    <a:lnTo>
                      <a:pt x="969" y="9"/>
                    </a:lnTo>
                    <a:lnTo>
                      <a:pt x="977" y="6"/>
                    </a:lnTo>
                    <a:lnTo>
                      <a:pt x="984" y="4"/>
                    </a:lnTo>
                    <a:lnTo>
                      <a:pt x="993" y="1"/>
                    </a:lnTo>
                    <a:lnTo>
                      <a:pt x="1000" y="0"/>
                    </a:lnTo>
                    <a:lnTo>
                      <a:pt x="1007" y="0"/>
                    </a:lnTo>
                    <a:lnTo>
                      <a:pt x="1016" y="0"/>
                    </a:lnTo>
                    <a:lnTo>
                      <a:pt x="1023" y="1"/>
                    </a:lnTo>
                    <a:lnTo>
                      <a:pt x="1030" y="4"/>
                    </a:lnTo>
                    <a:lnTo>
                      <a:pt x="1038" y="6"/>
                    </a:lnTo>
                    <a:lnTo>
                      <a:pt x="1045" y="9"/>
                    </a:lnTo>
                    <a:lnTo>
                      <a:pt x="1052" y="13"/>
                    </a:lnTo>
                    <a:lnTo>
                      <a:pt x="1058" y="17"/>
                    </a:lnTo>
                    <a:lnTo>
                      <a:pt x="1064" y="23"/>
                    </a:lnTo>
                    <a:lnTo>
                      <a:pt x="1069" y="29"/>
                    </a:lnTo>
                    <a:lnTo>
                      <a:pt x="1075" y="36"/>
                    </a:lnTo>
                    <a:lnTo>
                      <a:pt x="1080" y="44"/>
                    </a:lnTo>
                    <a:lnTo>
                      <a:pt x="1084" y="52"/>
                    </a:lnTo>
                    <a:lnTo>
                      <a:pt x="1087" y="60"/>
                    </a:lnTo>
                    <a:lnTo>
                      <a:pt x="1090" y="71"/>
                    </a:lnTo>
                    <a:lnTo>
                      <a:pt x="1093" y="81"/>
                    </a:lnTo>
                    <a:lnTo>
                      <a:pt x="1095" y="93"/>
                    </a:lnTo>
                    <a:lnTo>
                      <a:pt x="1096" y="105"/>
                    </a:lnTo>
                    <a:lnTo>
                      <a:pt x="1096" y="118"/>
                    </a:lnTo>
                    <a:lnTo>
                      <a:pt x="1095" y="132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05" name="Freeform 50"/>
              <p:cNvSpPr>
                <a:spLocks/>
              </p:cNvSpPr>
              <p:nvPr/>
            </p:nvSpPr>
            <p:spPr bwMode="auto">
              <a:xfrm>
                <a:off x="533400" y="4057656"/>
                <a:ext cx="4763" cy="15875"/>
              </a:xfrm>
              <a:custGeom>
                <a:avLst/>
                <a:gdLst>
                  <a:gd name="T0" fmla="*/ 3 w 7"/>
                  <a:gd name="T1" fmla="*/ 2 h 31"/>
                  <a:gd name="T2" fmla="*/ 3 w 7"/>
                  <a:gd name="T3" fmla="*/ 0 h 31"/>
                  <a:gd name="T4" fmla="*/ 3 w 7"/>
                  <a:gd name="T5" fmla="*/ 1 h 31"/>
                  <a:gd name="T6" fmla="*/ 2 w 7"/>
                  <a:gd name="T7" fmla="*/ 3 h 31"/>
                  <a:gd name="T8" fmla="*/ 1 w 7"/>
                  <a:gd name="T9" fmla="*/ 6 h 31"/>
                  <a:gd name="T10" fmla="*/ 0 w 7"/>
                  <a:gd name="T11" fmla="*/ 9 h 31"/>
                  <a:gd name="T12" fmla="*/ 0 w 7"/>
                  <a:gd name="T13" fmla="*/ 10 h 31"/>
                  <a:gd name="T14" fmla="*/ 0 w 7"/>
                  <a:gd name="T15" fmla="*/ 8 h 31"/>
                  <a:gd name="T16" fmla="*/ 3 w 7"/>
                  <a:gd name="T17" fmla="*/ 2 h 31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0" t="0" r="r" b="b"/>
                <a:pathLst>
                  <a:path w="7" h="31">
                    <a:moveTo>
                      <a:pt x="6" y="6"/>
                    </a:moveTo>
                    <a:lnTo>
                      <a:pt x="7" y="0"/>
                    </a:lnTo>
                    <a:lnTo>
                      <a:pt x="6" y="2"/>
                    </a:lnTo>
                    <a:lnTo>
                      <a:pt x="5" y="10"/>
                    </a:lnTo>
                    <a:lnTo>
                      <a:pt x="2" y="20"/>
                    </a:lnTo>
                    <a:lnTo>
                      <a:pt x="0" y="28"/>
                    </a:lnTo>
                    <a:lnTo>
                      <a:pt x="0" y="31"/>
                    </a:lnTo>
                    <a:lnTo>
                      <a:pt x="1" y="25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06" name="Freeform 51"/>
              <p:cNvSpPr>
                <a:spLocks/>
              </p:cNvSpPr>
              <p:nvPr/>
            </p:nvSpPr>
            <p:spPr bwMode="auto">
              <a:xfrm>
                <a:off x="533400" y="4057656"/>
                <a:ext cx="4763" cy="15875"/>
              </a:xfrm>
              <a:custGeom>
                <a:avLst/>
                <a:gdLst>
                  <a:gd name="T0" fmla="*/ 3 w 7"/>
                  <a:gd name="T1" fmla="*/ 2 h 31"/>
                  <a:gd name="T2" fmla="*/ 3 w 7"/>
                  <a:gd name="T3" fmla="*/ 0 h 31"/>
                  <a:gd name="T4" fmla="*/ 3 w 7"/>
                  <a:gd name="T5" fmla="*/ 1 h 31"/>
                  <a:gd name="T6" fmla="*/ 2 w 7"/>
                  <a:gd name="T7" fmla="*/ 3 h 31"/>
                  <a:gd name="T8" fmla="*/ 1 w 7"/>
                  <a:gd name="T9" fmla="*/ 6 h 31"/>
                  <a:gd name="T10" fmla="*/ 0 w 7"/>
                  <a:gd name="T11" fmla="*/ 9 h 31"/>
                  <a:gd name="T12" fmla="*/ 0 w 7"/>
                  <a:gd name="T13" fmla="*/ 10 h 31"/>
                  <a:gd name="T14" fmla="*/ 0 w 7"/>
                  <a:gd name="T15" fmla="*/ 8 h 31"/>
                  <a:gd name="T16" fmla="*/ 3 w 7"/>
                  <a:gd name="T17" fmla="*/ 2 h 31"/>
                  <a:gd name="T18" fmla="*/ 3 w 7"/>
                  <a:gd name="T19" fmla="*/ 2 h 31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</a:gdLst>
                <a:ahLst/>
                <a:cxnLst>
                  <a:cxn ang="T20">
                    <a:pos x="T0" y="T1"/>
                  </a:cxn>
                  <a:cxn ang="T21">
                    <a:pos x="T2" y="T3"/>
                  </a:cxn>
                  <a:cxn ang="T22">
                    <a:pos x="T4" y="T5"/>
                  </a:cxn>
                  <a:cxn ang="T23">
                    <a:pos x="T6" y="T7"/>
                  </a:cxn>
                  <a:cxn ang="T24">
                    <a:pos x="T8" y="T9"/>
                  </a:cxn>
                  <a:cxn ang="T25">
                    <a:pos x="T10" y="T11"/>
                  </a:cxn>
                  <a:cxn ang="T26">
                    <a:pos x="T12" y="T13"/>
                  </a:cxn>
                  <a:cxn ang="T27">
                    <a:pos x="T14" y="T15"/>
                  </a:cxn>
                  <a:cxn ang="T28">
                    <a:pos x="T16" y="T17"/>
                  </a:cxn>
                  <a:cxn ang="T29">
                    <a:pos x="T18" y="T19"/>
                  </a:cxn>
                </a:cxnLst>
                <a:rect l="0" t="0" r="r" b="b"/>
                <a:pathLst>
                  <a:path w="7" h="31">
                    <a:moveTo>
                      <a:pt x="6" y="6"/>
                    </a:moveTo>
                    <a:lnTo>
                      <a:pt x="7" y="0"/>
                    </a:lnTo>
                    <a:lnTo>
                      <a:pt x="6" y="2"/>
                    </a:lnTo>
                    <a:lnTo>
                      <a:pt x="5" y="10"/>
                    </a:lnTo>
                    <a:lnTo>
                      <a:pt x="2" y="20"/>
                    </a:lnTo>
                    <a:lnTo>
                      <a:pt x="0" y="28"/>
                    </a:lnTo>
                    <a:lnTo>
                      <a:pt x="0" y="31"/>
                    </a:lnTo>
                    <a:lnTo>
                      <a:pt x="1" y="25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07" name="Freeform 54"/>
              <p:cNvSpPr>
                <a:spLocks/>
              </p:cNvSpPr>
              <p:nvPr/>
            </p:nvSpPr>
            <p:spPr bwMode="auto">
              <a:xfrm>
                <a:off x="581025" y="4084643"/>
                <a:ext cx="9525" cy="6350"/>
              </a:xfrm>
              <a:custGeom>
                <a:avLst/>
                <a:gdLst>
                  <a:gd name="T0" fmla="*/ 0 w 18"/>
                  <a:gd name="T1" fmla="*/ 4 h 10"/>
                  <a:gd name="T2" fmla="*/ 0 w 18"/>
                  <a:gd name="T3" fmla="*/ 3 h 10"/>
                  <a:gd name="T4" fmla="*/ 1 w 18"/>
                  <a:gd name="T5" fmla="*/ 2 h 10"/>
                  <a:gd name="T6" fmla="*/ 1 w 18"/>
                  <a:gd name="T7" fmla="*/ 2 h 10"/>
                  <a:gd name="T8" fmla="*/ 2 w 18"/>
                  <a:gd name="T9" fmla="*/ 1 h 10"/>
                  <a:gd name="T10" fmla="*/ 4 w 18"/>
                  <a:gd name="T11" fmla="*/ 0 h 10"/>
                  <a:gd name="T12" fmla="*/ 6 w 18"/>
                  <a:gd name="T13" fmla="*/ 0 h 10"/>
                  <a:gd name="T14" fmla="*/ 6 w 18"/>
                  <a:gd name="T15" fmla="*/ 2 h 10"/>
                  <a:gd name="T16" fmla="*/ 5 w 18"/>
                  <a:gd name="T17" fmla="*/ 2 h 10"/>
                  <a:gd name="T18" fmla="*/ 5 w 18"/>
                  <a:gd name="T19" fmla="*/ 3 h 10"/>
                  <a:gd name="T20" fmla="*/ 4 w 18"/>
                  <a:gd name="T21" fmla="*/ 3 h 10"/>
                  <a:gd name="T22" fmla="*/ 2 w 18"/>
                  <a:gd name="T23" fmla="*/ 4 h 10"/>
                  <a:gd name="T24" fmla="*/ 0 w 18"/>
                  <a:gd name="T25" fmla="*/ 4 h 10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0" t="0" r="r" b="b"/>
                <a:pathLst>
                  <a:path w="18" h="10">
                    <a:moveTo>
                      <a:pt x="0" y="10"/>
                    </a:move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lnTo>
                      <a:pt x="6" y="3"/>
                    </a:lnTo>
                    <a:lnTo>
                      <a:pt x="12" y="1"/>
                    </a:lnTo>
                    <a:lnTo>
                      <a:pt x="18" y="0"/>
                    </a:lnTo>
                    <a:lnTo>
                      <a:pt x="18" y="4"/>
                    </a:lnTo>
                    <a:lnTo>
                      <a:pt x="16" y="6"/>
                    </a:lnTo>
                    <a:lnTo>
                      <a:pt x="14" y="7"/>
                    </a:lnTo>
                    <a:lnTo>
                      <a:pt x="11" y="8"/>
                    </a:lnTo>
                    <a:lnTo>
                      <a:pt x="5" y="9"/>
                    </a:lnTo>
                    <a:lnTo>
                      <a:pt x="0" y="10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08" name="Holstebro"/>
              <p:cNvSpPr>
                <a:spLocks/>
              </p:cNvSpPr>
              <p:nvPr/>
            </p:nvSpPr>
            <p:spPr bwMode="auto">
              <a:xfrm>
                <a:off x="581025" y="4084643"/>
                <a:ext cx="9525" cy="6350"/>
              </a:xfrm>
              <a:custGeom>
                <a:avLst/>
                <a:gdLst>
                  <a:gd name="T0" fmla="*/ 0 w 18"/>
                  <a:gd name="T1" fmla="*/ 4 h 10"/>
                  <a:gd name="T2" fmla="*/ 0 w 18"/>
                  <a:gd name="T3" fmla="*/ 3 h 10"/>
                  <a:gd name="T4" fmla="*/ 1 w 18"/>
                  <a:gd name="T5" fmla="*/ 2 h 10"/>
                  <a:gd name="T6" fmla="*/ 1 w 18"/>
                  <a:gd name="T7" fmla="*/ 2 h 10"/>
                  <a:gd name="T8" fmla="*/ 2 w 18"/>
                  <a:gd name="T9" fmla="*/ 1 h 10"/>
                  <a:gd name="T10" fmla="*/ 4 w 18"/>
                  <a:gd name="T11" fmla="*/ 0 h 10"/>
                  <a:gd name="T12" fmla="*/ 6 w 18"/>
                  <a:gd name="T13" fmla="*/ 0 h 10"/>
                  <a:gd name="T14" fmla="*/ 6 w 18"/>
                  <a:gd name="T15" fmla="*/ 2 h 10"/>
                  <a:gd name="T16" fmla="*/ 5 w 18"/>
                  <a:gd name="T17" fmla="*/ 2 h 10"/>
                  <a:gd name="T18" fmla="*/ 5 w 18"/>
                  <a:gd name="T19" fmla="*/ 3 h 10"/>
                  <a:gd name="T20" fmla="*/ 4 w 18"/>
                  <a:gd name="T21" fmla="*/ 3 h 10"/>
                  <a:gd name="T22" fmla="*/ 2 w 18"/>
                  <a:gd name="T23" fmla="*/ 4 h 10"/>
                  <a:gd name="T24" fmla="*/ 0 w 18"/>
                  <a:gd name="T25" fmla="*/ 4 h 10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0" t="0" r="r" b="b"/>
                <a:pathLst>
                  <a:path w="18" h="10">
                    <a:moveTo>
                      <a:pt x="0" y="10"/>
                    </a:move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lnTo>
                      <a:pt x="6" y="3"/>
                    </a:lnTo>
                    <a:lnTo>
                      <a:pt x="12" y="1"/>
                    </a:lnTo>
                    <a:lnTo>
                      <a:pt x="18" y="0"/>
                    </a:lnTo>
                    <a:lnTo>
                      <a:pt x="18" y="4"/>
                    </a:lnTo>
                    <a:lnTo>
                      <a:pt x="16" y="6"/>
                    </a:lnTo>
                    <a:lnTo>
                      <a:pt x="14" y="7"/>
                    </a:lnTo>
                    <a:lnTo>
                      <a:pt x="11" y="8"/>
                    </a:lnTo>
                    <a:lnTo>
                      <a:pt x="5" y="9"/>
                    </a:lnTo>
                    <a:lnTo>
                      <a:pt x="0" y="1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113" name="Samsø"/>
            <p:cNvGrpSpPr/>
            <p:nvPr/>
          </p:nvGrpSpPr>
          <p:grpSpPr>
            <a:xfrm>
              <a:off x="2211391" y="4497394"/>
              <a:ext cx="347663" cy="315913"/>
              <a:chOff x="2211391" y="4497394"/>
              <a:chExt cx="347663" cy="315913"/>
            </a:xfrm>
            <a:grpFill/>
          </p:grpSpPr>
          <p:sp>
            <p:nvSpPr>
              <p:cNvPr id="1199" name="Samsø"/>
              <p:cNvSpPr>
                <a:spLocks/>
              </p:cNvSpPr>
              <p:nvPr/>
            </p:nvSpPr>
            <p:spPr bwMode="auto">
              <a:xfrm>
                <a:off x="2436816" y="4497394"/>
                <a:ext cx="122238" cy="280988"/>
              </a:xfrm>
              <a:custGeom>
                <a:avLst/>
                <a:gdLst>
                  <a:gd name="T0" fmla="*/ 50 w 231"/>
                  <a:gd name="T1" fmla="*/ 160 h 533"/>
                  <a:gd name="T2" fmla="*/ 50 w 231"/>
                  <a:gd name="T3" fmla="*/ 167 h 533"/>
                  <a:gd name="T4" fmla="*/ 51 w 231"/>
                  <a:gd name="T5" fmla="*/ 172 h 533"/>
                  <a:gd name="T6" fmla="*/ 52 w 231"/>
                  <a:gd name="T7" fmla="*/ 175 h 533"/>
                  <a:gd name="T8" fmla="*/ 46 w 231"/>
                  <a:gd name="T9" fmla="*/ 177 h 533"/>
                  <a:gd name="T10" fmla="*/ 31 w 231"/>
                  <a:gd name="T11" fmla="*/ 175 h 533"/>
                  <a:gd name="T12" fmla="*/ 20 w 231"/>
                  <a:gd name="T13" fmla="*/ 173 h 533"/>
                  <a:gd name="T14" fmla="*/ 11 w 231"/>
                  <a:gd name="T15" fmla="*/ 164 h 533"/>
                  <a:gd name="T16" fmla="*/ 6 w 231"/>
                  <a:gd name="T17" fmla="*/ 147 h 533"/>
                  <a:gd name="T18" fmla="*/ 6 w 231"/>
                  <a:gd name="T19" fmla="*/ 140 h 533"/>
                  <a:gd name="T20" fmla="*/ 11 w 231"/>
                  <a:gd name="T21" fmla="*/ 134 h 533"/>
                  <a:gd name="T22" fmla="*/ 7 w 231"/>
                  <a:gd name="T23" fmla="*/ 132 h 533"/>
                  <a:gd name="T24" fmla="*/ 5 w 231"/>
                  <a:gd name="T25" fmla="*/ 128 h 533"/>
                  <a:gd name="T26" fmla="*/ 7 w 231"/>
                  <a:gd name="T27" fmla="*/ 126 h 533"/>
                  <a:gd name="T28" fmla="*/ 7 w 231"/>
                  <a:gd name="T29" fmla="*/ 124 h 533"/>
                  <a:gd name="T30" fmla="*/ 6 w 231"/>
                  <a:gd name="T31" fmla="*/ 120 h 533"/>
                  <a:gd name="T32" fmla="*/ 6 w 231"/>
                  <a:gd name="T33" fmla="*/ 115 h 533"/>
                  <a:gd name="T34" fmla="*/ 12 w 231"/>
                  <a:gd name="T35" fmla="*/ 106 h 533"/>
                  <a:gd name="T36" fmla="*/ 21 w 231"/>
                  <a:gd name="T37" fmla="*/ 103 h 533"/>
                  <a:gd name="T38" fmla="*/ 30 w 231"/>
                  <a:gd name="T39" fmla="*/ 102 h 533"/>
                  <a:gd name="T40" fmla="*/ 36 w 231"/>
                  <a:gd name="T41" fmla="*/ 96 h 533"/>
                  <a:gd name="T42" fmla="*/ 38 w 231"/>
                  <a:gd name="T43" fmla="*/ 90 h 533"/>
                  <a:gd name="T44" fmla="*/ 38 w 231"/>
                  <a:gd name="T45" fmla="*/ 82 h 533"/>
                  <a:gd name="T46" fmla="*/ 37 w 231"/>
                  <a:gd name="T47" fmla="*/ 77 h 533"/>
                  <a:gd name="T48" fmla="*/ 38 w 231"/>
                  <a:gd name="T49" fmla="*/ 74 h 533"/>
                  <a:gd name="T50" fmla="*/ 39 w 231"/>
                  <a:gd name="T51" fmla="*/ 68 h 533"/>
                  <a:gd name="T52" fmla="*/ 39 w 231"/>
                  <a:gd name="T53" fmla="*/ 65 h 533"/>
                  <a:gd name="T54" fmla="*/ 37 w 231"/>
                  <a:gd name="T55" fmla="*/ 61 h 533"/>
                  <a:gd name="T56" fmla="*/ 27 w 231"/>
                  <a:gd name="T57" fmla="*/ 48 h 533"/>
                  <a:gd name="T58" fmla="*/ 18 w 231"/>
                  <a:gd name="T59" fmla="*/ 45 h 533"/>
                  <a:gd name="T60" fmla="*/ 11 w 231"/>
                  <a:gd name="T61" fmla="*/ 44 h 533"/>
                  <a:gd name="T62" fmla="*/ 3 w 231"/>
                  <a:gd name="T63" fmla="*/ 43 h 533"/>
                  <a:gd name="T64" fmla="*/ 0 w 231"/>
                  <a:gd name="T65" fmla="*/ 32 h 533"/>
                  <a:gd name="T66" fmla="*/ 0 w 231"/>
                  <a:gd name="T67" fmla="*/ 23 h 533"/>
                  <a:gd name="T68" fmla="*/ 3 w 231"/>
                  <a:gd name="T69" fmla="*/ 14 h 533"/>
                  <a:gd name="T70" fmla="*/ 7 w 231"/>
                  <a:gd name="T71" fmla="*/ 7 h 533"/>
                  <a:gd name="T72" fmla="*/ 14 w 231"/>
                  <a:gd name="T73" fmla="*/ 0 h 533"/>
                  <a:gd name="T74" fmla="*/ 24 w 231"/>
                  <a:gd name="T75" fmla="*/ 30 h 533"/>
                  <a:gd name="T76" fmla="*/ 32 w 231"/>
                  <a:gd name="T77" fmla="*/ 46 h 533"/>
                  <a:gd name="T78" fmla="*/ 40 w 231"/>
                  <a:gd name="T79" fmla="*/ 54 h 533"/>
                  <a:gd name="T80" fmla="*/ 44 w 231"/>
                  <a:gd name="T81" fmla="*/ 55 h 533"/>
                  <a:gd name="T82" fmla="*/ 52 w 231"/>
                  <a:gd name="T83" fmla="*/ 56 h 533"/>
                  <a:gd name="T84" fmla="*/ 54 w 231"/>
                  <a:gd name="T85" fmla="*/ 58 h 533"/>
                  <a:gd name="T86" fmla="*/ 55 w 231"/>
                  <a:gd name="T87" fmla="*/ 62 h 533"/>
                  <a:gd name="T88" fmla="*/ 53 w 231"/>
                  <a:gd name="T89" fmla="*/ 64 h 533"/>
                  <a:gd name="T90" fmla="*/ 50 w 231"/>
                  <a:gd name="T91" fmla="*/ 65 h 533"/>
                  <a:gd name="T92" fmla="*/ 44 w 231"/>
                  <a:gd name="T93" fmla="*/ 67 h 533"/>
                  <a:gd name="T94" fmla="*/ 42 w 231"/>
                  <a:gd name="T95" fmla="*/ 68 h 533"/>
                  <a:gd name="T96" fmla="*/ 42 w 231"/>
                  <a:gd name="T97" fmla="*/ 75 h 533"/>
                  <a:gd name="T98" fmla="*/ 46 w 231"/>
                  <a:gd name="T99" fmla="*/ 79 h 533"/>
                  <a:gd name="T100" fmla="*/ 49 w 231"/>
                  <a:gd name="T101" fmla="*/ 82 h 533"/>
                  <a:gd name="T102" fmla="*/ 51 w 231"/>
                  <a:gd name="T103" fmla="*/ 88 h 533"/>
                  <a:gd name="T104" fmla="*/ 53 w 231"/>
                  <a:gd name="T105" fmla="*/ 92 h 533"/>
                  <a:gd name="T106" fmla="*/ 62 w 231"/>
                  <a:gd name="T107" fmla="*/ 93 h 533"/>
                  <a:gd name="T108" fmla="*/ 71 w 231"/>
                  <a:gd name="T109" fmla="*/ 92 h 533"/>
                  <a:gd name="T110" fmla="*/ 75 w 231"/>
                  <a:gd name="T111" fmla="*/ 89 h 533"/>
                  <a:gd name="T112" fmla="*/ 77 w 231"/>
                  <a:gd name="T113" fmla="*/ 90 h 533"/>
                  <a:gd name="T114" fmla="*/ 75 w 231"/>
                  <a:gd name="T115" fmla="*/ 98 h 533"/>
                  <a:gd name="T116" fmla="*/ 70 w 231"/>
                  <a:gd name="T117" fmla="*/ 106 h 533"/>
                  <a:gd name="T118" fmla="*/ 59 w 231"/>
                  <a:gd name="T119" fmla="*/ 121 h 533"/>
                  <a:gd name="T120" fmla="*/ 55 w 231"/>
                  <a:gd name="T121" fmla="*/ 130 h 533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231" h="533">
                    <a:moveTo>
                      <a:pt x="164" y="402"/>
                    </a:moveTo>
                    <a:lnTo>
                      <a:pt x="156" y="446"/>
                    </a:lnTo>
                    <a:lnTo>
                      <a:pt x="150" y="482"/>
                    </a:lnTo>
                    <a:lnTo>
                      <a:pt x="149" y="488"/>
                    </a:lnTo>
                    <a:lnTo>
                      <a:pt x="149" y="495"/>
                    </a:lnTo>
                    <a:lnTo>
                      <a:pt x="149" y="502"/>
                    </a:lnTo>
                    <a:lnTo>
                      <a:pt x="150" y="507"/>
                    </a:lnTo>
                    <a:lnTo>
                      <a:pt x="152" y="512"/>
                    </a:lnTo>
                    <a:lnTo>
                      <a:pt x="154" y="517"/>
                    </a:lnTo>
                    <a:lnTo>
                      <a:pt x="158" y="521"/>
                    </a:lnTo>
                    <a:lnTo>
                      <a:pt x="164" y="524"/>
                    </a:lnTo>
                    <a:lnTo>
                      <a:pt x="157" y="528"/>
                    </a:lnTo>
                    <a:lnTo>
                      <a:pt x="151" y="531"/>
                    </a:lnTo>
                    <a:lnTo>
                      <a:pt x="145" y="533"/>
                    </a:lnTo>
                    <a:lnTo>
                      <a:pt x="137" y="533"/>
                    </a:lnTo>
                    <a:lnTo>
                      <a:pt x="124" y="532"/>
                    </a:lnTo>
                    <a:lnTo>
                      <a:pt x="108" y="529"/>
                    </a:lnTo>
                    <a:lnTo>
                      <a:pt x="92" y="526"/>
                    </a:lnTo>
                    <a:lnTo>
                      <a:pt x="76" y="523"/>
                    </a:lnTo>
                    <a:lnTo>
                      <a:pt x="68" y="522"/>
                    </a:lnTo>
                    <a:lnTo>
                      <a:pt x="59" y="522"/>
                    </a:lnTo>
                    <a:lnTo>
                      <a:pt x="50" y="522"/>
                    </a:lnTo>
                    <a:lnTo>
                      <a:pt x="41" y="524"/>
                    </a:lnTo>
                    <a:lnTo>
                      <a:pt x="32" y="493"/>
                    </a:lnTo>
                    <a:lnTo>
                      <a:pt x="20" y="461"/>
                    </a:lnTo>
                    <a:lnTo>
                      <a:pt x="18" y="452"/>
                    </a:lnTo>
                    <a:lnTo>
                      <a:pt x="17" y="444"/>
                    </a:lnTo>
                    <a:lnTo>
                      <a:pt x="17" y="437"/>
                    </a:lnTo>
                    <a:lnTo>
                      <a:pt x="17" y="429"/>
                    </a:lnTo>
                    <a:lnTo>
                      <a:pt x="19" y="423"/>
                    </a:lnTo>
                    <a:lnTo>
                      <a:pt x="22" y="417"/>
                    </a:lnTo>
                    <a:lnTo>
                      <a:pt x="27" y="410"/>
                    </a:lnTo>
                    <a:lnTo>
                      <a:pt x="32" y="405"/>
                    </a:lnTo>
                    <a:lnTo>
                      <a:pt x="28" y="403"/>
                    </a:lnTo>
                    <a:lnTo>
                      <a:pt x="25" y="401"/>
                    </a:lnTo>
                    <a:lnTo>
                      <a:pt x="21" y="398"/>
                    </a:lnTo>
                    <a:lnTo>
                      <a:pt x="18" y="394"/>
                    </a:lnTo>
                    <a:lnTo>
                      <a:pt x="16" y="390"/>
                    </a:lnTo>
                    <a:lnTo>
                      <a:pt x="14" y="385"/>
                    </a:lnTo>
                    <a:lnTo>
                      <a:pt x="14" y="380"/>
                    </a:lnTo>
                    <a:lnTo>
                      <a:pt x="13" y="374"/>
                    </a:lnTo>
                    <a:lnTo>
                      <a:pt x="22" y="380"/>
                    </a:lnTo>
                    <a:lnTo>
                      <a:pt x="32" y="383"/>
                    </a:lnTo>
                    <a:lnTo>
                      <a:pt x="27" y="379"/>
                    </a:lnTo>
                    <a:lnTo>
                      <a:pt x="22" y="374"/>
                    </a:lnTo>
                    <a:lnTo>
                      <a:pt x="20" y="370"/>
                    </a:lnTo>
                    <a:lnTo>
                      <a:pt x="18" y="365"/>
                    </a:lnTo>
                    <a:lnTo>
                      <a:pt x="17" y="361"/>
                    </a:lnTo>
                    <a:lnTo>
                      <a:pt x="16" y="355"/>
                    </a:lnTo>
                    <a:lnTo>
                      <a:pt x="17" y="351"/>
                    </a:lnTo>
                    <a:lnTo>
                      <a:pt x="18" y="346"/>
                    </a:lnTo>
                    <a:lnTo>
                      <a:pt x="22" y="336"/>
                    </a:lnTo>
                    <a:lnTo>
                      <a:pt x="28" y="327"/>
                    </a:lnTo>
                    <a:lnTo>
                      <a:pt x="35" y="318"/>
                    </a:lnTo>
                    <a:lnTo>
                      <a:pt x="41" y="308"/>
                    </a:lnTo>
                    <a:lnTo>
                      <a:pt x="53" y="311"/>
                    </a:lnTo>
                    <a:lnTo>
                      <a:pt x="64" y="311"/>
                    </a:lnTo>
                    <a:lnTo>
                      <a:pt x="74" y="311"/>
                    </a:lnTo>
                    <a:lnTo>
                      <a:pt x="82" y="309"/>
                    </a:lnTo>
                    <a:lnTo>
                      <a:pt x="90" y="306"/>
                    </a:lnTo>
                    <a:lnTo>
                      <a:pt x="96" y="302"/>
                    </a:lnTo>
                    <a:lnTo>
                      <a:pt x="103" y="296"/>
                    </a:lnTo>
                    <a:lnTo>
                      <a:pt x="107" y="290"/>
                    </a:lnTo>
                    <a:lnTo>
                      <a:pt x="111" y="284"/>
                    </a:lnTo>
                    <a:lnTo>
                      <a:pt x="113" y="278"/>
                    </a:lnTo>
                    <a:lnTo>
                      <a:pt x="115" y="270"/>
                    </a:lnTo>
                    <a:lnTo>
                      <a:pt x="116" y="263"/>
                    </a:lnTo>
                    <a:lnTo>
                      <a:pt x="116" y="255"/>
                    </a:lnTo>
                    <a:lnTo>
                      <a:pt x="115" y="248"/>
                    </a:lnTo>
                    <a:lnTo>
                      <a:pt x="114" y="241"/>
                    </a:lnTo>
                    <a:lnTo>
                      <a:pt x="111" y="234"/>
                    </a:lnTo>
                    <a:lnTo>
                      <a:pt x="111" y="233"/>
                    </a:lnTo>
                    <a:lnTo>
                      <a:pt x="111" y="231"/>
                    </a:lnTo>
                    <a:lnTo>
                      <a:pt x="113" y="224"/>
                    </a:lnTo>
                    <a:lnTo>
                      <a:pt x="114" y="215"/>
                    </a:lnTo>
                    <a:lnTo>
                      <a:pt x="116" y="210"/>
                    </a:lnTo>
                    <a:lnTo>
                      <a:pt x="118" y="205"/>
                    </a:lnTo>
                    <a:lnTo>
                      <a:pt x="118" y="202"/>
                    </a:lnTo>
                    <a:lnTo>
                      <a:pt x="118" y="200"/>
                    </a:lnTo>
                    <a:lnTo>
                      <a:pt x="118" y="197"/>
                    </a:lnTo>
                    <a:lnTo>
                      <a:pt x="117" y="194"/>
                    </a:lnTo>
                    <a:lnTo>
                      <a:pt x="113" y="189"/>
                    </a:lnTo>
                    <a:lnTo>
                      <a:pt x="110" y="184"/>
                    </a:lnTo>
                    <a:lnTo>
                      <a:pt x="108" y="176"/>
                    </a:lnTo>
                    <a:lnTo>
                      <a:pt x="107" y="168"/>
                    </a:lnTo>
                    <a:lnTo>
                      <a:pt x="82" y="146"/>
                    </a:lnTo>
                    <a:lnTo>
                      <a:pt x="72" y="143"/>
                    </a:lnTo>
                    <a:lnTo>
                      <a:pt x="62" y="140"/>
                    </a:lnTo>
                    <a:lnTo>
                      <a:pt x="55" y="136"/>
                    </a:lnTo>
                    <a:lnTo>
                      <a:pt x="48" y="134"/>
                    </a:lnTo>
                    <a:lnTo>
                      <a:pt x="41" y="132"/>
                    </a:lnTo>
                    <a:lnTo>
                      <a:pt x="33" y="132"/>
                    </a:lnTo>
                    <a:lnTo>
                      <a:pt x="25" y="134"/>
                    </a:lnTo>
                    <a:lnTo>
                      <a:pt x="13" y="140"/>
                    </a:lnTo>
                    <a:lnTo>
                      <a:pt x="9" y="128"/>
                    </a:lnTo>
                    <a:lnTo>
                      <a:pt x="6" y="117"/>
                    </a:lnTo>
                    <a:lnTo>
                      <a:pt x="2" y="107"/>
                    </a:lnTo>
                    <a:lnTo>
                      <a:pt x="1" y="96"/>
                    </a:lnTo>
                    <a:lnTo>
                      <a:pt x="0" y="87"/>
                    </a:lnTo>
                    <a:lnTo>
                      <a:pt x="0" y="77"/>
                    </a:lnTo>
                    <a:lnTo>
                      <a:pt x="0" y="68"/>
                    </a:lnTo>
                    <a:lnTo>
                      <a:pt x="2" y="60"/>
                    </a:lnTo>
                    <a:lnTo>
                      <a:pt x="5" y="51"/>
                    </a:lnTo>
                    <a:lnTo>
                      <a:pt x="8" y="43"/>
                    </a:lnTo>
                    <a:lnTo>
                      <a:pt x="11" y="34"/>
                    </a:lnTo>
                    <a:lnTo>
                      <a:pt x="16" y="27"/>
                    </a:lnTo>
                    <a:lnTo>
                      <a:pt x="21" y="20"/>
                    </a:lnTo>
                    <a:lnTo>
                      <a:pt x="27" y="12"/>
                    </a:lnTo>
                    <a:lnTo>
                      <a:pt x="34" y="6"/>
                    </a:lnTo>
                    <a:lnTo>
                      <a:pt x="41" y="0"/>
                    </a:lnTo>
                    <a:lnTo>
                      <a:pt x="53" y="36"/>
                    </a:lnTo>
                    <a:lnTo>
                      <a:pt x="65" y="72"/>
                    </a:lnTo>
                    <a:lnTo>
                      <a:pt x="72" y="90"/>
                    </a:lnTo>
                    <a:lnTo>
                      <a:pt x="79" y="107"/>
                    </a:lnTo>
                    <a:lnTo>
                      <a:pt x="87" y="124"/>
                    </a:lnTo>
                    <a:lnTo>
                      <a:pt x="96" y="139"/>
                    </a:lnTo>
                    <a:lnTo>
                      <a:pt x="117" y="160"/>
                    </a:lnTo>
                    <a:lnTo>
                      <a:pt x="118" y="163"/>
                    </a:lnTo>
                    <a:lnTo>
                      <a:pt x="120" y="164"/>
                    </a:lnTo>
                    <a:lnTo>
                      <a:pt x="124" y="166"/>
                    </a:lnTo>
                    <a:lnTo>
                      <a:pt x="127" y="166"/>
                    </a:lnTo>
                    <a:lnTo>
                      <a:pt x="133" y="167"/>
                    </a:lnTo>
                    <a:lnTo>
                      <a:pt x="141" y="167"/>
                    </a:lnTo>
                    <a:lnTo>
                      <a:pt x="149" y="167"/>
                    </a:lnTo>
                    <a:lnTo>
                      <a:pt x="156" y="169"/>
                    </a:lnTo>
                    <a:lnTo>
                      <a:pt x="158" y="170"/>
                    </a:lnTo>
                    <a:lnTo>
                      <a:pt x="160" y="171"/>
                    </a:lnTo>
                    <a:lnTo>
                      <a:pt x="163" y="174"/>
                    </a:lnTo>
                    <a:lnTo>
                      <a:pt x="164" y="177"/>
                    </a:lnTo>
                    <a:lnTo>
                      <a:pt x="165" y="183"/>
                    </a:lnTo>
                    <a:lnTo>
                      <a:pt x="165" y="187"/>
                    </a:lnTo>
                    <a:lnTo>
                      <a:pt x="164" y="190"/>
                    </a:lnTo>
                    <a:lnTo>
                      <a:pt x="163" y="192"/>
                    </a:lnTo>
                    <a:lnTo>
                      <a:pt x="160" y="194"/>
                    </a:lnTo>
                    <a:lnTo>
                      <a:pt x="157" y="195"/>
                    </a:lnTo>
                    <a:lnTo>
                      <a:pt x="154" y="196"/>
                    </a:lnTo>
                    <a:lnTo>
                      <a:pt x="151" y="197"/>
                    </a:lnTo>
                    <a:lnTo>
                      <a:pt x="144" y="199"/>
                    </a:lnTo>
                    <a:lnTo>
                      <a:pt x="136" y="200"/>
                    </a:lnTo>
                    <a:lnTo>
                      <a:pt x="133" y="201"/>
                    </a:lnTo>
                    <a:lnTo>
                      <a:pt x="130" y="202"/>
                    </a:lnTo>
                    <a:lnTo>
                      <a:pt x="128" y="203"/>
                    </a:lnTo>
                    <a:lnTo>
                      <a:pt x="126" y="206"/>
                    </a:lnTo>
                    <a:lnTo>
                      <a:pt x="126" y="210"/>
                    </a:lnTo>
                    <a:lnTo>
                      <a:pt x="126" y="216"/>
                    </a:lnTo>
                    <a:lnTo>
                      <a:pt x="127" y="225"/>
                    </a:lnTo>
                    <a:lnTo>
                      <a:pt x="126" y="233"/>
                    </a:lnTo>
                    <a:lnTo>
                      <a:pt x="132" y="235"/>
                    </a:lnTo>
                    <a:lnTo>
                      <a:pt x="137" y="238"/>
                    </a:lnTo>
                    <a:lnTo>
                      <a:pt x="140" y="240"/>
                    </a:lnTo>
                    <a:lnTo>
                      <a:pt x="144" y="242"/>
                    </a:lnTo>
                    <a:lnTo>
                      <a:pt x="148" y="247"/>
                    </a:lnTo>
                    <a:lnTo>
                      <a:pt x="149" y="252"/>
                    </a:lnTo>
                    <a:lnTo>
                      <a:pt x="151" y="258"/>
                    </a:lnTo>
                    <a:lnTo>
                      <a:pt x="152" y="265"/>
                    </a:lnTo>
                    <a:lnTo>
                      <a:pt x="154" y="268"/>
                    </a:lnTo>
                    <a:lnTo>
                      <a:pt x="156" y="272"/>
                    </a:lnTo>
                    <a:lnTo>
                      <a:pt x="159" y="276"/>
                    </a:lnTo>
                    <a:lnTo>
                      <a:pt x="164" y="281"/>
                    </a:lnTo>
                    <a:lnTo>
                      <a:pt x="174" y="281"/>
                    </a:lnTo>
                    <a:lnTo>
                      <a:pt x="185" y="281"/>
                    </a:lnTo>
                    <a:lnTo>
                      <a:pt x="194" y="280"/>
                    </a:lnTo>
                    <a:lnTo>
                      <a:pt x="204" y="279"/>
                    </a:lnTo>
                    <a:lnTo>
                      <a:pt x="212" y="276"/>
                    </a:lnTo>
                    <a:lnTo>
                      <a:pt x="218" y="272"/>
                    </a:lnTo>
                    <a:lnTo>
                      <a:pt x="221" y="270"/>
                    </a:lnTo>
                    <a:lnTo>
                      <a:pt x="225" y="268"/>
                    </a:lnTo>
                    <a:lnTo>
                      <a:pt x="227" y="265"/>
                    </a:lnTo>
                    <a:lnTo>
                      <a:pt x="229" y="262"/>
                    </a:lnTo>
                    <a:lnTo>
                      <a:pt x="231" y="270"/>
                    </a:lnTo>
                    <a:lnTo>
                      <a:pt x="231" y="279"/>
                    </a:lnTo>
                    <a:lnTo>
                      <a:pt x="229" y="287"/>
                    </a:lnTo>
                    <a:lnTo>
                      <a:pt x="226" y="295"/>
                    </a:lnTo>
                    <a:lnTo>
                      <a:pt x="221" y="304"/>
                    </a:lnTo>
                    <a:lnTo>
                      <a:pt x="216" y="312"/>
                    </a:lnTo>
                    <a:lnTo>
                      <a:pt x="210" y="320"/>
                    </a:lnTo>
                    <a:lnTo>
                      <a:pt x="204" y="328"/>
                    </a:lnTo>
                    <a:lnTo>
                      <a:pt x="191" y="345"/>
                    </a:lnTo>
                    <a:lnTo>
                      <a:pt x="178" y="363"/>
                    </a:lnTo>
                    <a:lnTo>
                      <a:pt x="173" y="372"/>
                    </a:lnTo>
                    <a:lnTo>
                      <a:pt x="168" y="382"/>
                    </a:lnTo>
                    <a:lnTo>
                      <a:pt x="165" y="391"/>
                    </a:lnTo>
                    <a:lnTo>
                      <a:pt x="164" y="402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00" name="Samsø kant"/>
              <p:cNvSpPr>
                <a:spLocks/>
              </p:cNvSpPr>
              <p:nvPr/>
            </p:nvSpPr>
            <p:spPr bwMode="auto">
              <a:xfrm>
                <a:off x="2436816" y="4497394"/>
                <a:ext cx="122238" cy="280988"/>
              </a:xfrm>
              <a:custGeom>
                <a:avLst/>
                <a:gdLst>
                  <a:gd name="T0" fmla="*/ 50 w 231"/>
                  <a:gd name="T1" fmla="*/ 160 h 533"/>
                  <a:gd name="T2" fmla="*/ 50 w 231"/>
                  <a:gd name="T3" fmla="*/ 167 h 533"/>
                  <a:gd name="T4" fmla="*/ 51 w 231"/>
                  <a:gd name="T5" fmla="*/ 172 h 533"/>
                  <a:gd name="T6" fmla="*/ 52 w 231"/>
                  <a:gd name="T7" fmla="*/ 175 h 533"/>
                  <a:gd name="T8" fmla="*/ 46 w 231"/>
                  <a:gd name="T9" fmla="*/ 177 h 533"/>
                  <a:gd name="T10" fmla="*/ 31 w 231"/>
                  <a:gd name="T11" fmla="*/ 175 h 533"/>
                  <a:gd name="T12" fmla="*/ 20 w 231"/>
                  <a:gd name="T13" fmla="*/ 173 h 533"/>
                  <a:gd name="T14" fmla="*/ 11 w 231"/>
                  <a:gd name="T15" fmla="*/ 164 h 533"/>
                  <a:gd name="T16" fmla="*/ 6 w 231"/>
                  <a:gd name="T17" fmla="*/ 147 h 533"/>
                  <a:gd name="T18" fmla="*/ 6 w 231"/>
                  <a:gd name="T19" fmla="*/ 140 h 533"/>
                  <a:gd name="T20" fmla="*/ 11 w 231"/>
                  <a:gd name="T21" fmla="*/ 134 h 533"/>
                  <a:gd name="T22" fmla="*/ 7 w 231"/>
                  <a:gd name="T23" fmla="*/ 132 h 533"/>
                  <a:gd name="T24" fmla="*/ 5 w 231"/>
                  <a:gd name="T25" fmla="*/ 128 h 533"/>
                  <a:gd name="T26" fmla="*/ 7 w 231"/>
                  <a:gd name="T27" fmla="*/ 126 h 533"/>
                  <a:gd name="T28" fmla="*/ 7 w 231"/>
                  <a:gd name="T29" fmla="*/ 124 h 533"/>
                  <a:gd name="T30" fmla="*/ 6 w 231"/>
                  <a:gd name="T31" fmla="*/ 120 h 533"/>
                  <a:gd name="T32" fmla="*/ 6 w 231"/>
                  <a:gd name="T33" fmla="*/ 115 h 533"/>
                  <a:gd name="T34" fmla="*/ 12 w 231"/>
                  <a:gd name="T35" fmla="*/ 106 h 533"/>
                  <a:gd name="T36" fmla="*/ 21 w 231"/>
                  <a:gd name="T37" fmla="*/ 103 h 533"/>
                  <a:gd name="T38" fmla="*/ 30 w 231"/>
                  <a:gd name="T39" fmla="*/ 102 h 533"/>
                  <a:gd name="T40" fmla="*/ 36 w 231"/>
                  <a:gd name="T41" fmla="*/ 96 h 533"/>
                  <a:gd name="T42" fmla="*/ 38 w 231"/>
                  <a:gd name="T43" fmla="*/ 90 h 533"/>
                  <a:gd name="T44" fmla="*/ 38 w 231"/>
                  <a:gd name="T45" fmla="*/ 82 h 533"/>
                  <a:gd name="T46" fmla="*/ 37 w 231"/>
                  <a:gd name="T47" fmla="*/ 77 h 533"/>
                  <a:gd name="T48" fmla="*/ 38 w 231"/>
                  <a:gd name="T49" fmla="*/ 74 h 533"/>
                  <a:gd name="T50" fmla="*/ 39 w 231"/>
                  <a:gd name="T51" fmla="*/ 68 h 533"/>
                  <a:gd name="T52" fmla="*/ 39 w 231"/>
                  <a:gd name="T53" fmla="*/ 65 h 533"/>
                  <a:gd name="T54" fmla="*/ 37 w 231"/>
                  <a:gd name="T55" fmla="*/ 61 h 533"/>
                  <a:gd name="T56" fmla="*/ 27 w 231"/>
                  <a:gd name="T57" fmla="*/ 48 h 533"/>
                  <a:gd name="T58" fmla="*/ 18 w 231"/>
                  <a:gd name="T59" fmla="*/ 45 h 533"/>
                  <a:gd name="T60" fmla="*/ 11 w 231"/>
                  <a:gd name="T61" fmla="*/ 44 h 533"/>
                  <a:gd name="T62" fmla="*/ 3 w 231"/>
                  <a:gd name="T63" fmla="*/ 43 h 533"/>
                  <a:gd name="T64" fmla="*/ 0 w 231"/>
                  <a:gd name="T65" fmla="*/ 32 h 533"/>
                  <a:gd name="T66" fmla="*/ 0 w 231"/>
                  <a:gd name="T67" fmla="*/ 23 h 533"/>
                  <a:gd name="T68" fmla="*/ 3 w 231"/>
                  <a:gd name="T69" fmla="*/ 14 h 533"/>
                  <a:gd name="T70" fmla="*/ 7 w 231"/>
                  <a:gd name="T71" fmla="*/ 7 h 533"/>
                  <a:gd name="T72" fmla="*/ 14 w 231"/>
                  <a:gd name="T73" fmla="*/ 0 h 533"/>
                  <a:gd name="T74" fmla="*/ 24 w 231"/>
                  <a:gd name="T75" fmla="*/ 30 h 533"/>
                  <a:gd name="T76" fmla="*/ 32 w 231"/>
                  <a:gd name="T77" fmla="*/ 46 h 533"/>
                  <a:gd name="T78" fmla="*/ 40 w 231"/>
                  <a:gd name="T79" fmla="*/ 54 h 533"/>
                  <a:gd name="T80" fmla="*/ 44 w 231"/>
                  <a:gd name="T81" fmla="*/ 55 h 533"/>
                  <a:gd name="T82" fmla="*/ 52 w 231"/>
                  <a:gd name="T83" fmla="*/ 56 h 533"/>
                  <a:gd name="T84" fmla="*/ 54 w 231"/>
                  <a:gd name="T85" fmla="*/ 58 h 533"/>
                  <a:gd name="T86" fmla="*/ 55 w 231"/>
                  <a:gd name="T87" fmla="*/ 62 h 533"/>
                  <a:gd name="T88" fmla="*/ 53 w 231"/>
                  <a:gd name="T89" fmla="*/ 64 h 533"/>
                  <a:gd name="T90" fmla="*/ 50 w 231"/>
                  <a:gd name="T91" fmla="*/ 65 h 533"/>
                  <a:gd name="T92" fmla="*/ 44 w 231"/>
                  <a:gd name="T93" fmla="*/ 67 h 533"/>
                  <a:gd name="T94" fmla="*/ 42 w 231"/>
                  <a:gd name="T95" fmla="*/ 68 h 533"/>
                  <a:gd name="T96" fmla="*/ 42 w 231"/>
                  <a:gd name="T97" fmla="*/ 75 h 533"/>
                  <a:gd name="T98" fmla="*/ 46 w 231"/>
                  <a:gd name="T99" fmla="*/ 79 h 533"/>
                  <a:gd name="T100" fmla="*/ 49 w 231"/>
                  <a:gd name="T101" fmla="*/ 82 h 533"/>
                  <a:gd name="T102" fmla="*/ 51 w 231"/>
                  <a:gd name="T103" fmla="*/ 88 h 533"/>
                  <a:gd name="T104" fmla="*/ 53 w 231"/>
                  <a:gd name="T105" fmla="*/ 92 h 533"/>
                  <a:gd name="T106" fmla="*/ 62 w 231"/>
                  <a:gd name="T107" fmla="*/ 93 h 533"/>
                  <a:gd name="T108" fmla="*/ 71 w 231"/>
                  <a:gd name="T109" fmla="*/ 92 h 533"/>
                  <a:gd name="T110" fmla="*/ 75 w 231"/>
                  <a:gd name="T111" fmla="*/ 89 h 533"/>
                  <a:gd name="T112" fmla="*/ 77 w 231"/>
                  <a:gd name="T113" fmla="*/ 90 h 533"/>
                  <a:gd name="T114" fmla="*/ 75 w 231"/>
                  <a:gd name="T115" fmla="*/ 98 h 533"/>
                  <a:gd name="T116" fmla="*/ 70 w 231"/>
                  <a:gd name="T117" fmla="*/ 106 h 533"/>
                  <a:gd name="T118" fmla="*/ 59 w 231"/>
                  <a:gd name="T119" fmla="*/ 121 h 533"/>
                  <a:gd name="T120" fmla="*/ 55 w 231"/>
                  <a:gd name="T121" fmla="*/ 130 h 533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231" h="533">
                    <a:moveTo>
                      <a:pt x="164" y="402"/>
                    </a:moveTo>
                    <a:lnTo>
                      <a:pt x="156" y="446"/>
                    </a:lnTo>
                    <a:lnTo>
                      <a:pt x="150" y="482"/>
                    </a:lnTo>
                    <a:lnTo>
                      <a:pt x="149" y="488"/>
                    </a:lnTo>
                    <a:lnTo>
                      <a:pt x="149" y="495"/>
                    </a:lnTo>
                    <a:lnTo>
                      <a:pt x="149" y="502"/>
                    </a:lnTo>
                    <a:lnTo>
                      <a:pt x="150" y="507"/>
                    </a:lnTo>
                    <a:lnTo>
                      <a:pt x="152" y="512"/>
                    </a:lnTo>
                    <a:lnTo>
                      <a:pt x="154" y="517"/>
                    </a:lnTo>
                    <a:lnTo>
                      <a:pt x="158" y="521"/>
                    </a:lnTo>
                    <a:lnTo>
                      <a:pt x="164" y="524"/>
                    </a:lnTo>
                    <a:lnTo>
                      <a:pt x="157" y="528"/>
                    </a:lnTo>
                    <a:lnTo>
                      <a:pt x="151" y="531"/>
                    </a:lnTo>
                    <a:lnTo>
                      <a:pt x="145" y="533"/>
                    </a:lnTo>
                    <a:lnTo>
                      <a:pt x="137" y="533"/>
                    </a:lnTo>
                    <a:lnTo>
                      <a:pt x="124" y="532"/>
                    </a:lnTo>
                    <a:lnTo>
                      <a:pt x="108" y="529"/>
                    </a:lnTo>
                    <a:lnTo>
                      <a:pt x="92" y="526"/>
                    </a:lnTo>
                    <a:lnTo>
                      <a:pt x="76" y="523"/>
                    </a:lnTo>
                    <a:lnTo>
                      <a:pt x="68" y="522"/>
                    </a:lnTo>
                    <a:lnTo>
                      <a:pt x="59" y="522"/>
                    </a:lnTo>
                    <a:lnTo>
                      <a:pt x="50" y="522"/>
                    </a:lnTo>
                    <a:lnTo>
                      <a:pt x="41" y="524"/>
                    </a:lnTo>
                    <a:lnTo>
                      <a:pt x="32" y="493"/>
                    </a:lnTo>
                    <a:lnTo>
                      <a:pt x="20" y="461"/>
                    </a:lnTo>
                    <a:lnTo>
                      <a:pt x="18" y="452"/>
                    </a:lnTo>
                    <a:lnTo>
                      <a:pt x="17" y="444"/>
                    </a:lnTo>
                    <a:lnTo>
                      <a:pt x="17" y="437"/>
                    </a:lnTo>
                    <a:lnTo>
                      <a:pt x="17" y="429"/>
                    </a:lnTo>
                    <a:lnTo>
                      <a:pt x="19" y="423"/>
                    </a:lnTo>
                    <a:lnTo>
                      <a:pt x="22" y="417"/>
                    </a:lnTo>
                    <a:lnTo>
                      <a:pt x="27" y="410"/>
                    </a:lnTo>
                    <a:lnTo>
                      <a:pt x="32" y="405"/>
                    </a:lnTo>
                    <a:lnTo>
                      <a:pt x="28" y="403"/>
                    </a:lnTo>
                    <a:lnTo>
                      <a:pt x="25" y="401"/>
                    </a:lnTo>
                    <a:lnTo>
                      <a:pt x="21" y="398"/>
                    </a:lnTo>
                    <a:lnTo>
                      <a:pt x="18" y="394"/>
                    </a:lnTo>
                    <a:lnTo>
                      <a:pt x="16" y="390"/>
                    </a:lnTo>
                    <a:lnTo>
                      <a:pt x="14" y="385"/>
                    </a:lnTo>
                    <a:lnTo>
                      <a:pt x="14" y="380"/>
                    </a:lnTo>
                    <a:lnTo>
                      <a:pt x="13" y="374"/>
                    </a:lnTo>
                    <a:lnTo>
                      <a:pt x="22" y="380"/>
                    </a:lnTo>
                    <a:lnTo>
                      <a:pt x="32" y="383"/>
                    </a:lnTo>
                    <a:lnTo>
                      <a:pt x="27" y="379"/>
                    </a:lnTo>
                    <a:lnTo>
                      <a:pt x="22" y="374"/>
                    </a:lnTo>
                    <a:lnTo>
                      <a:pt x="20" y="370"/>
                    </a:lnTo>
                    <a:lnTo>
                      <a:pt x="18" y="365"/>
                    </a:lnTo>
                    <a:lnTo>
                      <a:pt x="17" y="361"/>
                    </a:lnTo>
                    <a:lnTo>
                      <a:pt x="16" y="355"/>
                    </a:lnTo>
                    <a:lnTo>
                      <a:pt x="17" y="351"/>
                    </a:lnTo>
                    <a:lnTo>
                      <a:pt x="18" y="346"/>
                    </a:lnTo>
                    <a:lnTo>
                      <a:pt x="22" y="336"/>
                    </a:lnTo>
                    <a:lnTo>
                      <a:pt x="28" y="327"/>
                    </a:lnTo>
                    <a:lnTo>
                      <a:pt x="35" y="318"/>
                    </a:lnTo>
                    <a:lnTo>
                      <a:pt x="41" y="308"/>
                    </a:lnTo>
                    <a:lnTo>
                      <a:pt x="53" y="311"/>
                    </a:lnTo>
                    <a:lnTo>
                      <a:pt x="64" y="311"/>
                    </a:lnTo>
                    <a:lnTo>
                      <a:pt x="74" y="311"/>
                    </a:lnTo>
                    <a:lnTo>
                      <a:pt x="82" y="309"/>
                    </a:lnTo>
                    <a:lnTo>
                      <a:pt x="90" y="306"/>
                    </a:lnTo>
                    <a:lnTo>
                      <a:pt x="96" y="302"/>
                    </a:lnTo>
                    <a:lnTo>
                      <a:pt x="103" y="296"/>
                    </a:lnTo>
                    <a:lnTo>
                      <a:pt x="107" y="290"/>
                    </a:lnTo>
                    <a:lnTo>
                      <a:pt x="111" y="284"/>
                    </a:lnTo>
                    <a:lnTo>
                      <a:pt x="113" y="278"/>
                    </a:lnTo>
                    <a:lnTo>
                      <a:pt x="115" y="270"/>
                    </a:lnTo>
                    <a:lnTo>
                      <a:pt x="116" y="263"/>
                    </a:lnTo>
                    <a:lnTo>
                      <a:pt x="116" y="255"/>
                    </a:lnTo>
                    <a:lnTo>
                      <a:pt x="115" y="248"/>
                    </a:lnTo>
                    <a:lnTo>
                      <a:pt x="114" y="241"/>
                    </a:lnTo>
                    <a:lnTo>
                      <a:pt x="111" y="234"/>
                    </a:lnTo>
                    <a:lnTo>
                      <a:pt x="111" y="233"/>
                    </a:lnTo>
                    <a:lnTo>
                      <a:pt x="111" y="231"/>
                    </a:lnTo>
                    <a:lnTo>
                      <a:pt x="113" y="224"/>
                    </a:lnTo>
                    <a:lnTo>
                      <a:pt x="114" y="215"/>
                    </a:lnTo>
                    <a:lnTo>
                      <a:pt x="116" y="210"/>
                    </a:lnTo>
                    <a:lnTo>
                      <a:pt x="118" y="205"/>
                    </a:lnTo>
                    <a:lnTo>
                      <a:pt x="118" y="202"/>
                    </a:lnTo>
                    <a:lnTo>
                      <a:pt x="118" y="200"/>
                    </a:lnTo>
                    <a:lnTo>
                      <a:pt x="118" y="197"/>
                    </a:lnTo>
                    <a:lnTo>
                      <a:pt x="117" y="194"/>
                    </a:lnTo>
                    <a:lnTo>
                      <a:pt x="113" y="189"/>
                    </a:lnTo>
                    <a:lnTo>
                      <a:pt x="110" y="184"/>
                    </a:lnTo>
                    <a:lnTo>
                      <a:pt x="108" y="176"/>
                    </a:lnTo>
                    <a:lnTo>
                      <a:pt x="107" y="168"/>
                    </a:lnTo>
                    <a:lnTo>
                      <a:pt x="82" y="146"/>
                    </a:lnTo>
                    <a:lnTo>
                      <a:pt x="72" y="143"/>
                    </a:lnTo>
                    <a:lnTo>
                      <a:pt x="62" y="140"/>
                    </a:lnTo>
                    <a:lnTo>
                      <a:pt x="55" y="136"/>
                    </a:lnTo>
                    <a:lnTo>
                      <a:pt x="48" y="134"/>
                    </a:lnTo>
                    <a:lnTo>
                      <a:pt x="41" y="132"/>
                    </a:lnTo>
                    <a:lnTo>
                      <a:pt x="33" y="132"/>
                    </a:lnTo>
                    <a:lnTo>
                      <a:pt x="25" y="134"/>
                    </a:lnTo>
                    <a:lnTo>
                      <a:pt x="13" y="140"/>
                    </a:lnTo>
                    <a:lnTo>
                      <a:pt x="9" y="128"/>
                    </a:lnTo>
                    <a:lnTo>
                      <a:pt x="6" y="117"/>
                    </a:lnTo>
                    <a:lnTo>
                      <a:pt x="2" y="107"/>
                    </a:lnTo>
                    <a:lnTo>
                      <a:pt x="1" y="96"/>
                    </a:lnTo>
                    <a:lnTo>
                      <a:pt x="0" y="87"/>
                    </a:lnTo>
                    <a:lnTo>
                      <a:pt x="0" y="77"/>
                    </a:lnTo>
                    <a:lnTo>
                      <a:pt x="0" y="68"/>
                    </a:lnTo>
                    <a:lnTo>
                      <a:pt x="2" y="60"/>
                    </a:lnTo>
                    <a:lnTo>
                      <a:pt x="5" y="51"/>
                    </a:lnTo>
                    <a:lnTo>
                      <a:pt x="8" y="43"/>
                    </a:lnTo>
                    <a:lnTo>
                      <a:pt x="11" y="34"/>
                    </a:lnTo>
                    <a:lnTo>
                      <a:pt x="16" y="27"/>
                    </a:lnTo>
                    <a:lnTo>
                      <a:pt x="21" y="20"/>
                    </a:lnTo>
                    <a:lnTo>
                      <a:pt x="27" y="12"/>
                    </a:lnTo>
                    <a:lnTo>
                      <a:pt x="34" y="6"/>
                    </a:lnTo>
                    <a:lnTo>
                      <a:pt x="41" y="0"/>
                    </a:lnTo>
                    <a:lnTo>
                      <a:pt x="53" y="36"/>
                    </a:lnTo>
                    <a:lnTo>
                      <a:pt x="65" y="72"/>
                    </a:lnTo>
                    <a:lnTo>
                      <a:pt x="72" y="90"/>
                    </a:lnTo>
                    <a:lnTo>
                      <a:pt x="79" y="107"/>
                    </a:lnTo>
                    <a:lnTo>
                      <a:pt x="87" y="124"/>
                    </a:lnTo>
                    <a:lnTo>
                      <a:pt x="96" y="139"/>
                    </a:lnTo>
                    <a:lnTo>
                      <a:pt x="117" y="160"/>
                    </a:lnTo>
                    <a:lnTo>
                      <a:pt x="118" y="163"/>
                    </a:lnTo>
                    <a:lnTo>
                      <a:pt x="120" y="164"/>
                    </a:lnTo>
                    <a:lnTo>
                      <a:pt x="124" y="166"/>
                    </a:lnTo>
                    <a:lnTo>
                      <a:pt x="127" y="166"/>
                    </a:lnTo>
                    <a:lnTo>
                      <a:pt x="133" y="167"/>
                    </a:lnTo>
                    <a:lnTo>
                      <a:pt x="141" y="167"/>
                    </a:lnTo>
                    <a:lnTo>
                      <a:pt x="149" y="167"/>
                    </a:lnTo>
                    <a:lnTo>
                      <a:pt x="156" y="169"/>
                    </a:lnTo>
                    <a:lnTo>
                      <a:pt x="158" y="170"/>
                    </a:lnTo>
                    <a:lnTo>
                      <a:pt x="160" y="171"/>
                    </a:lnTo>
                    <a:lnTo>
                      <a:pt x="163" y="174"/>
                    </a:lnTo>
                    <a:lnTo>
                      <a:pt x="164" y="177"/>
                    </a:lnTo>
                    <a:lnTo>
                      <a:pt x="165" y="183"/>
                    </a:lnTo>
                    <a:lnTo>
                      <a:pt x="165" y="187"/>
                    </a:lnTo>
                    <a:lnTo>
                      <a:pt x="164" y="190"/>
                    </a:lnTo>
                    <a:lnTo>
                      <a:pt x="163" y="192"/>
                    </a:lnTo>
                    <a:lnTo>
                      <a:pt x="160" y="194"/>
                    </a:lnTo>
                    <a:lnTo>
                      <a:pt x="157" y="195"/>
                    </a:lnTo>
                    <a:lnTo>
                      <a:pt x="154" y="196"/>
                    </a:lnTo>
                    <a:lnTo>
                      <a:pt x="151" y="197"/>
                    </a:lnTo>
                    <a:lnTo>
                      <a:pt x="144" y="199"/>
                    </a:lnTo>
                    <a:lnTo>
                      <a:pt x="136" y="200"/>
                    </a:lnTo>
                    <a:lnTo>
                      <a:pt x="133" y="201"/>
                    </a:lnTo>
                    <a:lnTo>
                      <a:pt x="130" y="202"/>
                    </a:lnTo>
                    <a:lnTo>
                      <a:pt x="128" y="203"/>
                    </a:lnTo>
                    <a:lnTo>
                      <a:pt x="126" y="206"/>
                    </a:lnTo>
                    <a:lnTo>
                      <a:pt x="126" y="210"/>
                    </a:lnTo>
                    <a:lnTo>
                      <a:pt x="126" y="216"/>
                    </a:lnTo>
                    <a:lnTo>
                      <a:pt x="127" y="225"/>
                    </a:lnTo>
                    <a:lnTo>
                      <a:pt x="126" y="233"/>
                    </a:lnTo>
                    <a:lnTo>
                      <a:pt x="132" y="235"/>
                    </a:lnTo>
                    <a:lnTo>
                      <a:pt x="137" y="238"/>
                    </a:lnTo>
                    <a:lnTo>
                      <a:pt x="140" y="240"/>
                    </a:lnTo>
                    <a:lnTo>
                      <a:pt x="144" y="242"/>
                    </a:lnTo>
                    <a:lnTo>
                      <a:pt x="148" y="247"/>
                    </a:lnTo>
                    <a:lnTo>
                      <a:pt x="149" y="252"/>
                    </a:lnTo>
                    <a:lnTo>
                      <a:pt x="151" y="258"/>
                    </a:lnTo>
                    <a:lnTo>
                      <a:pt x="152" y="265"/>
                    </a:lnTo>
                    <a:lnTo>
                      <a:pt x="154" y="268"/>
                    </a:lnTo>
                    <a:lnTo>
                      <a:pt x="156" y="272"/>
                    </a:lnTo>
                    <a:lnTo>
                      <a:pt x="159" y="276"/>
                    </a:lnTo>
                    <a:lnTo>
                      <a:pt x="164" y="281"/>
                    </a:lnTo>
                    <a:lnTo>
                      <a:pt x="174" y="281"/>
                    </a:lnTo>
                    <a:lnTo>
                      <a:pt x="185" y="281"/>
                    </a:lnTo>
                    <a:lnTo>
                      <a:pt x="194" y="280"/>
                    </a:lnTo>
                    <a:lnTo>
                      <a:pt x="204" y="279"/>
                    </a:lnTo>
                    <a:lnTo>
                      <a:pt x="212" y="276"/>
                    </a:lnTo>
                    <a:lnTo>
                      <a:pt x="218" y="272"/>
                    </a:lnTo>
                    <a:lnTo>
                      <a:pt x="221" y="270"/>
                    </a:lnTo>
                    <a:lnTo>
                      <a:pt x="225" y="268"/>
                    </a:lnTo>
                    <a:lnTo>
                      <a:pt x="227" y="265"/>
                    </a:lnTo>
                    <a:lnTo>
                      <a:pt x="229" y="262"/>
                    </a:lnTo>
                    <a:lnTo>
                      <a:pt x="231" y="270"/>
                    </a:lnTo>
                    <a:lnTo>
                      <a:pt x="231" y="279"/>
                    </a:lnTo>
                    <a:lnTo>
                      <a:pt x="229" y="287"/>
                    </a:lnTo>
                    <a:lnTo>
                      <a:pt x="226" y="295"/>
                    </a:lnTo>
                    <a:lnTo>
                      <a:pt x="221" y="304"/>
                    </a:lnTo>
                    <a:lnTo>
                      <a:pt x="216" y="312"/>
                    </a:lnTo>
                    <a:lnTo>
                      <a:pt x="210" y="320"/>
                    </a:lnTo>
                    <a:lnTo>
                      <a:pt x="204" y="328"/>
                    </a:lnTo>
                    <a:lnTo>
                      <a:pt x="191" y="345"/>
                    </a:lnTo>
                    <a:lnTo>
                      <a:pt x="178" y="363"/>
                    </a:lnTo>
                    <a:lnTo>
                      <a:pt x="173" y="372"/>
                    </a:lnTo>
                    <a:lnTo>
                      <a:pt x="168" y="382"/>
                    </a:lnTo>
                    <a:lnTo>
                      <a:pt x="165" y="391"/>
                    </a:lnTo>
                    <a:lnTo>
                      <a:pt x="164" y="402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01" name="Samsø 2"/>
              <p:cNvSpPr>
                <a:spLocks/>
              </p:cNvSpPr>
              <p:nvPr/>
            </p:nvSpPr>
            <p:spPr bwMode="auto">
              <a:xfrm>
                <a:off x="2211391" y="4754569"/>
                <a:ext cx="74613" cy="58738"/>
              </a:xfrm>
              <a:custGeom>
                <a:avLst/>
                <a:gdLst>
                  <a:gd name="T0" fmla="*/ 38 w 140"/>
                  <a:gd name="T1" fmla="*/ 0 h 113"/>
                  <a:gd name="T2" fmla="*/ 40 w 140"/>
                  <a:gd name="T3" fmla="*/ 1 h 113"/>
                  <a:gd name="T4" fmla="*/ 42 w 140"/>
                  <a:gd name="T5" fmla="*/ 3 h 113"/>
                  <a:gd name="T6" fmla="*/ 44 w 140"/>
                  <a:gd name="T7" fmla="*/ 5 h 113"/>
                  <a:gd name="T8" fmla="*/ 45 w 140"/>
                  <a:gd name="T9" fmla="*/ 7 h 113"/>
                  <a:gd name="T10" fmla="*/ 46 w 140"/>
                  <a:gd name="T11" fmla="*/ 9 h 113"/>
                  <a:gd name="T12" fmla="*/ 47 w 140"/>
                  <a:gd name="T13" fmla="*/ 11 h 113"/>
                  <a:gd name="T14" fmla="*/ 47 w 140"/>
                  <a:gd name="T15" fmla="*/ 14 h 113"/>
                  <a:gd name="T16" fmla="*/ 47 w 140"/>
                  <a:gd name="T17" fmla="*/ 17 h 113"/>
                  <a:gd name="T18" fmla="*/ 47 w 140"/>
                  <a:gd name="T19" fmla="*/ 20 h 113"/>
                  <a:gd name="T20" fmla="*/ 46 w 140"/>
                  <a:gd name="T21" fmla="*/ 22 h 113"/>
                  <a:gd name="T22" fmla="*/ 46 w 140"/>
                  <a:gd name="T23" fmla="*/ 25 h 113"/>
                  <a:gd name="T24" fmla="*/ 45 w 140"/>
                  <a:gd name="T25" fmla="*/ 28 h 113"/>
                  <a:gd name="T26" fmla="*/ 44 w 140"/>
                  <a:gd name="T27" fmla="*/ 30 h 113"/>
                  <a:gd name="T28" fmla="*/ 43 w 140"/>
                  <a:gd name="T29" fmla="*/ 33 h 113"/>
                  <a:gd name="T30" fmla="*/ 42 w 140"/>
                  <a:gd name="T31" fmla="*/ 35 h 113"/>
                  <a:gd name="T32" fmla="*/ 41 w 140"/>
                  <a:gd name="T33" fmla="*/ 37 h 113"/>
                  <a:gd name="T34" fmla="*/ 38 w 140"/>
                  <a:gd name="T35" fmla="*/ 35 h 113"/>
                  <a:gd name="T36" fmla="*/ 36 w 140"/>
                  <a:gd name="T37" fmla="*/ 34 h 113"/>
                  <a:gd name="T38" fmla="*/ 33 w 140"/>
                  <a:gd name="T39" fmla="*/ 34 h 113"/>
                  <a:gd name="T40" fmla="*/ 30 w 140"/>
                  <a:gd name="T41" fmla="*/ 33 h 113"/>
                  <a:gd name="T42" fmla="*/ 26 w 140"/>
                  <a:gd name="T43" fmla="*/ 33 h 113"/>
                  <a:gd name="T44" fmla="*/ 20 w 140"/>
                  <a:gd name="T45" fmla="*/ 33 h 113"/>
                  <a:gd name="T46" fmla="*/ 15 w 140"/>
                  <a:gd name="T47" fmla="*/ 33 h 113"/>
                  <a:gd name="T48" fmla="*/ 10 w 140"/>
                  <a:gd name="T49" fmla="*/ 33 h 113"/>
                  <a:gd name="T50" fmla="*/ 8 w 140"/>
                  <a:gd name="T51" fmla="*/ 32 h 113"/>
                  <a:gd name="T52" fmla="*/ 5 w 140"/>
                  <a:gd name="T53" fmla="*/ 32 h 113"/>
                  <a:gd name="T54" fmla="*/ 3 w 140"/>
                  <a:gd name="T55" fmla="*/ 31 h 113"/>
                  <a:gd name="T56" fmla="*/ 0 w 140"/>
                  <a:gd name="T57" fmla="*/ 31 h 113"/>
                  <a:gd name="T58" fmla="*/ 2 w 140"/>
                  <a:gd name="T59" fmla="*/ 29 h 113"/>
                  <a:gd name="T60" fmla="*/ 5 w 140"/>
                  <a:gd name="T61" fmla="*/ 28 h 113"/>
                  <a:gd name="T62" fmla="*/ 8 w 140"/>
                  <a:gd name="T63" fmla="*/ 26 h 113"/>
                  <a:gd name="T64" fmla="*/ 12 w 140"/>
                  <a:gd name="T65" fmla="*/ 25 h 113"/>
                  <a:gd name="T66" fmla="*/ 18 w 140"/>
                  <a:gd name="T67" fmla="*/ 23 h 113"/>
                  <a:gd name="T68" fmla="*/ 25 w 140"/>
                  <a:gd name="T69" fmla="*/ 21 h 113"/>
                  <a:gd name="T70" fmla="*/ 28 w 140"/>
                  <a:gd name="T71" fmla="*/ 20 h 113"/>
                  <a:gd name="T72" fmla="*/ 31 w 140"/>
                  <a:gd name="T73" fmla="*/ 18 h 113"/>
                  <a:gd name="T74" fmla="*/ 33 w 140"/>
                  <a:gd name="T75" fmla="*/ 17 h 113"/>
                  <a:gd name="T76" fmla="*/ 35 w 140"/>
                  <a:gd name="T77" fmla="*/ 14 h 113"/>
                  <a:gd name="T78" fmla="*/ 37 w 140"/>
                  <a:gd name="T79" fmla="*/ 11 h 113"/>
                  <a:gd name="T80" fmla="*/ 38 w 140"/>
                  <a:gd name="T81" fmla="*/ 8 h 113"/>
                  <a:gd name="T82" fmla="*/ 38 w 140"/>
                  <a:gd name="T83" fmla="*/ 5 h 113"/>
                  <a:gd name="T84" fmla="*/ 38 w 140"/>
                  <a:gd name="T85" fmla="*/ 0 h 113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40" h="113">
                    <a:moveTo>
                      <a:pt x="113" y="0"/>
                    </a:moveTo>
                    <a:lnTo>
                      <a:pt x="120" y="3"/>
                    </a:lnTo>
                    <a:lnTo>
                      <a:pt x="125" y="8"/>
                    </a:lnTo>
                    <a:lnTo>
                      <a:pt x="130" y="14"/>
                    </a:lnTo>
                    <a:lnTo>
                      <a:pt x="134" y="20"/>
                    </a:lnTo>
                    <a:lnTo>
                      <a:pt x="137" y="27"/>
                    </a:lnTo>
                    <a:lnTo>
                      <a:pt x="139" y="35"/>
                    </a:lnTo>
                    <a:lnTo>
                      <a:pt x="140" y="43"/>
                    </a:lnTo>
                    <a:lnTo>
                      <a:pt x="140" y="52"/>
                    </a:lnTo>
                    <a:lnTo>
                      <a:pt x="140" y="60"/>
                    </a:lnTo>
                    <a:lnTo>
                      <a:pt x="138" y="68"/>
                    </a:lnTo>
                    <a:lnTo>
                      <a:pt x="137" y="77"/>
                    </a:lnTo>
                    <a:lnTo>
                      <a:pt x="135" y="85"/>
                    </a:lnTo>
                    <a:lnTo>
                      <a:pt x="131" y="93"/>
                    </a:lnTo>
                    <a:lnTo>
                      <a:pt x="128" y="100"/>
                    </a:lnTo>
                    <a:lnTo>
                      <a:pt x="125" y="106"/>
                    </a:lnTo>
                    <a:lnTo>
                      <a:pt x="122" y="113"/>
                    </a:lnTo>
                    <a:lnTo>
                      <a:pt x="114" y="108"/>
                    </a:lnTo>
                    <a:lnTo>
                      <a:pt x="106" y="105"/>
                    </a:lnTo>
                    <a:lnTo>
                      <a:pt x="98" y="103"/>
                    </a:lnTo>
                    <a:lnTo>
                      <a:pt x="90" y="102"/>
                    </a:lnTo>
                    <a:lnTo>
                      <a:pt x="76" y="100"/>
                    </a:lnTo>
                    <a:lnTo>
                      <a:pt x="61" y="100"/>
                    </a:lnTo>
                    <a:lnTo>
                      <a:pt x="46" y="100"/>
                    </a:lnTo>
                    <a:lnTo>
                      <a:pt x="30" y="100"/>
                    </a:lnTo>
                    <a:lnTo>
                      <a:pt x="23" y="99"/>
                    </a:lnTo>
                    <a:lnTo>
                      <a:pt x="16" y="98"/>
                    </a:lnTo>
                    <a:lnTo>
                      <a:pt x="8" y="96"/>
                    </a:lnTo>
                    <a:lnTo>
                      <a:pt x="0" y="94"/>
                    </a:lnTo>
                    <a:lnTo>
                      <a:pt x="7" y="88"/>
                    </a:lnTo>
                    <a:lnTo>
                      <a:pt x="16" y="84"/>
                    </a:lnTo>
                    <a:lnTo>
                      <a:pt x="25" y="80"/>
                    </a:lnTo>
                    <a:lnTo>
                      <a:pt x="35" y="77"/>
                    </a:lnTo>
                    <a:lnTo>
                      <a:pt x="55" y="71"/>
                    </a:lnTo>
                    <a:lnTo>
                      <a:pt x="74" y="64"/>
                    </a:lnTo>
                    <a:lnTo>
                      <a:pt x="83" y="61"/>
                    </a:lnTo>
                    <a:lnTo>
                      <a:pt x="91" y="56"/>
                    </a:lnTo>
                    <a:lnTo>
                      <a:pt x="98" y="51"/>
                    </a:lnTo>
                    <a:lnTo>
                      <a:pt x="104" y="43"/>
                    </a:lnTo>
                    <a:lnTo>
                      <a:pt x="109" y="35"/>
                    </a:lnTo>
                    <a:lnTo>
                      <a:pt x="113" y="25"/>
                    </a:lnTo>
                    <a:lnTo>
                      <a:pt x="114" y="14"/>
                    </a:lnTo>
                    <a:lnTo>
                      <a:pt x="113" y="0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02" name="Samsø kant 2"/>
              <p:cNvSpPr>
                <a:spLocks/>
              </p:cNvSpPr>
              <p:nvPr/>
            </p:nvSpPr>
            <p:spPr bwMode="auto">
              <a:xfrm>
                <a:off x="2211391" y="4754569"/>
                <a:ext cx="74613" cy="58738"/>
              </a:xfrm>
              <a:custGeom>
                <a:avLst/>
                <a:gdLst>
                  <a:gd name="T0" fmla="*/ 38 w 140"/>
                  <a:gd name="T1" fmla="*/ 0 h 113"/>
                  <a:gd name="T2" fmla="*/ 40 w 140"/>
                  <a:gd name="T3" fmla="*/ 1 h 113"/>
                  <a:gd name="T4" fmla="*/ 42 w 140"/>
                  <a:gd name="T5" fmla="*/ 3 h 113"/>
                  <a:gd name="T6" fmla="*/ 44 w 140"/>
                  <a:gd name="T7" fmla="*/ 5 h 113"/>
                  <a:gd name="T8" fmla="*/ 45 w 140"/>
                  <a:gd name="T9" fmla="*/ 7 h 113"/>
                  <a:gd name="T10" fmla="*/ 46 w 140"/>
                  <a:gd name="T11" fmla="*/ 9 h 113"/>
                  <a:gd name="T12" fmla="*/ 47 w 140"/>
                  <a:gd name="T13" fmla="*/ 11 h 113"/>
                  <a:gd name="T14" fmla="*/ 47 w 140"/>
                  <a:gd name="T15" fmla="*/ 14 h 113"/>
                  <a:gd name="T16" fmla="*/ 47 w 140"/>
                  <a:gd name="T17" fmla="*/ 17 h 113"/>
                  <a:gd name="T18" fmla="*/ 47 w 140"/>
                  <a:gd name="T19" fmla="*/ 20 h 113"/>
                  <a:gd name="T20" fmla="*/ 46 w 140"/>
                  <a:gd name="T21" fmla="*/ 22 h 113"/>
                  <a:gd name="T22" fmla="*/ 46 w 140"/>
                  <a:gd name="T23" fmla="*/ 25 h 113"/>
                  <a:gd name="T24" fmla="*/ 45 w 140"/>
                  <a:gd name="T25" fmla="*/ 28 h 113"/>
                  <a:gd name="T26" fmla="*/ 44 w 140"/>
                  <a:gd name="T27" fmla="*/ 30 h 113"/>
                  <a:gd name="T28" fmla="*/ 43 w 140"/>
                  <a:gd name="T29" fmla="*/ 33 h 113"/>
                  <a:gd name="T30" fmla="*/ 42 w 140"/>
                  <a:gd name="T31" fmla="*/ 35 h 113"/>
                  <a:gd name="T32" fmla="*/ 41 w 140"/>
                  <a:gd name="T33" fmla="*/ 37 h 113"/>
                  <a:gd name="T34" fmla="*/ 38 w 140"/>
                  <a:gd name="T35" fmla="*/ 35 h 113"/>
                  <a:gd name="T36" fmla="*/ 36 w 140"/>
                  <a:gd name="T37" fmla="*/ 34 h 113"/>
                  <a:gd name="T38" fmla="*/ 33 w 140"/>
                  <a:gd name="T39" fmla="*/ 34 h 113"/>
                  <a:gd name="T40" fmla="*/ 30 w 140"/>
                  <a:gd name="T41" fmla="*/ 33 h 113"/>
                  <a:gd name="T42" fmla="*/ 26 w 140"/>
                  <a:gd name="T43" fmla="*/ 33 h 113"/>
                  <a:gd name="T44" fmla="*/ 20 w 140"/>
                  <a:gd name="T45" fmla="*/ 33 h 113"/>
                  <a:gd name="T46" fmla="*/ 15 w 140"/>
                  <a:gd name="T47" fmla="*/ 33 h 113"/>
                  <a:gd name="T48" fmla="*/ 10 w 140"/>
                  <a:gd name="T49" fmla="*/ 33 h 113"/>
                  <a:gd name="T50" fmla="*/ 8 w 140"/>
                  <a:gd name="T51" fmla="*/ 32 h 113"/>
                  <a:gd name="T52" fmla="*/ 5 w 140"/>
                  <a:gd name="T53" fmla="*/ 32 h 113"/>
                  <a:gd name="T54" fmla="*/ 3 w 140"/>
                  <a:gd name="T55" fmla="*/ 31 h 113"/>
                  <a:gd name="T56" fmla="*/ 0 w 140"/>
                  <a:gd name="T57" fmla="*/ 31 h 113"/>
                  <a:gd name="T58" fmla="*/ 2 w 140"/>
                  <a:gd name="T59" fmla="*/ 29 h 113"/>
                  <a:gd name="T60" fmla="*/ 5 w 140"/>
                  <a:gd name="T61" fmla="*/ 28 h 113"/>
                  <a:gd name="T62" fmla="*/ 8 w 140"/>
                  <a:gd name="T63" fmla="*/ 26 h 113"/>
                  <a:gd name="T64" fmla="*/ 12 w 140"/>
                  <a:gd name="T65" fmla="*/ 25 h 113"/>
                  <a:gd name="T66" fmla="*/ 18 w 140"/>
                  <a:gd name="T67" fmla="*/ 23 h 113"/>
                  <a:gd name="T68" fmla="*/ 25 w 140"/>
                  <a:gd name="T69" fmla="*/ 21 h 113"/>
                  <a:gd name="T70" fmla="*/ 28 w 140"/>
                  <a:gd name="T71" fmla="*/ 20 h 113"/>
                  <a:gd name="T72" fmla="*/ 31 w 140"/>
                  <a:gd name="T73" fmla="*/ 18 h 113"/>
                  <a:gd name="T74" fmla="*/ 33 w 140"/>
                  <a:gd name="T75" fmla="*/ 17 h 113"/>
                  <a:gd name="T76" fmla="*/ 35 w 140"/>
                  <a:gd name="T77" fmla="*/ 14 h 113"/>
                  <a:gd name="T78" fmla="*/ 37 w 140"/>
                  <a:gd name="T79" fmla="*/ 11 h 113"/>
                  <a:gd name="T80" fmla="*/ 38 w 140"/>
                  <a:gd name="T81" fmla="*/ 8 h 113"/>
                  <a:gd name="T82" fmla="*/ 38 w 140"/>
                  <a:gd name="T83" fmla="*/ 5 h 113"/>
                  <a:gd name="T84" fmla="*/ 38 w 140"/>
                  <a:gd name="T85" fmla="*/ 0 h 113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40" h="113">
                    <a:moveTo>
                      <a:pt x="113" y="0"/>
                    </a:moveTo>
                    <a:lnTo>
                      <a:pt x="120" y="3"/>
                    </a:lnTo>
                    <a:lnTo>
                      <a:pt x="125" y="8"/>
                    </a:lnTo>
                    <a:lnTo>
                      <a:pt x="130" y="14"/>
                    </a:lnTo>
                    <a:lnTo>
                      <a:pt x="134" y="20"/>
                    </a:lnTo>
                    <a:lnTo>
                      <a:pt x="137" y="27"/>
                    </a:lnTo>
                    <a:lnTo>
                      <a:pt x="139" y="35"/>
                    </a:lnTo>
                    <a:lnTo>
                      <a:pt x="140" y="43"/>
                    </a:lnTo>
                    <a:lnTo>
                      <a:pt x="140" y="52"/>
                    </a:lnTo>
                    <a:lnTo>
                      <a:pt x="140" y="60"/>
                    </a:lnTo>
                    <a:lnTo>
                      <a:pt x="138" y="68"/>
                    </a:lnTo>
                    <a:lnTo>
                      <a:pt x="137" y="77"/>
                    </a:lnTo>
                    <a:lnTo>
                      <a:pt x="135" y="85"/>
                    </a:lnTo>
                    <a:lnTo>
                      <a:pt x="131" y="93"/>
                    </a:lnTo>
                    <a:lnTo>
                      <a:pt x="128" y="100"/>
                    </a:lnTo>
                    <a:lnTo>
                      <a:pt x="125" y="106"/>
                    </a:lnTo>
                    <a:lnTo>
                      <a:pt x="122" y="113"/>
                    </a:lnTo>
                    <a:lnTo>
                      <a:pt x="114" y="108"/>
                    </a:lnTo>
                    <a:lnTo>
                      <a:pt x="106" y="105"/>
                    </a:lnTo>
                    <a:lnTo>
                      <a:pt x="98" y="103"/>
                    </a:lnTo>
                    <a:lnTo>
                      <a:pt x="90" y="102"/>
                    </a:lnTo>
                    <a:lnTo>
                      <a:pt x="76" y="100"/>
                    </a:lnTo>
                    <a:lnTo>
                      <a:pt x="61" y="100"/>
                    </a:lnTo>
                    <a:lnTo>
                      <a:pt x="46" y="100"/>
                    </a:lnTo>
                    <a:lnTo>
                      <a:pt x="30" y="100"/>
                    </a:lnTo>
                    <a:lnTo>
                      <a:pt x="23" y="99"/>
                    </a:lnTo>
                    <a:lnTo>
                      <a:pt x="16" y="98"/>
                    </a:lnTo>
                    <a:lnTo>
                      <a:pt x="8" y="96"/>
                    </a:lnTo>
                    <a:lnTo>
                      <a:pt x="0" y="94"/>
                    </a:lnTo>
                    <a:lnTo>
                      <a:pt x="7" y="88"/>
                    </a:lnTo>
                    <a:lnTo>
                      <a:pt x="16" y="84"/>
                    </a:lnTo>
                    <a:lnTo>
                      <a:pt x="25" y="80"/>
                    </a:lnTo>
                    <a:lnTo>
                      <a:pt x="35" y="77"/>
                    </a:lnTo>
                    <a:lnTo>
                      <a:pt x="55" y="71"/>
                    </a:lnTo>
                    <a:lnTo>
                      <a:pt x="74" y="64"/>
                    </a:lnTo>
                    <a:lnTo>
                      <a:pt x="83" y="61"/>
                    </a:lnTo>
                    <a:lnTo>
                      <a:pt x="91" y="56"/>
                    </a:lnTo>
                    <a:lnTo>
                      <a:pt x="98" y="51"/>
                    </a:lnTo>
                    <a:lnTo>
                      <a:pt x="104" y="43"/>
                    </a:lnTo>
                    <a:lnTo>
                      <a:pt x="109" y="35"/>
                    </a:lnTo>
                    <a:lnTo>
                      <a:pt x="113" y="25"/>
                    </a:lnTo>
                    <a:lnTo>
                      <a:pt x="114" y="14"/>
                    </a:lnTo>
                    <a:lnTo>
                      <a:pt x="113" y="0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114" name="Ringkøbing-Skjern"/>
            <p:cNvGrpSpPr/>
            <p:nvPr/>
          </p:nvGrpSpPr>
          <p:grpSpPr>
            <a:xfrm>
              <a:off x="515938" y="4178306"/>
              <a:ext cx="596901" cy="585788"/>
              <a:chOff x="515938" y="4178306"/>
              <a:chExt cx="596901" cy="585788"/>
            </a:xfrm>
            <a:grpFill/>
          </p:grpSpPr>
          <p:sp>
            <p:nvSpPr>
              <p:cNvPr id="1187" name="Ringkøbing-Skjern kant"/>
              <p:cNvSpPr>
                <a:spLocks/>
              </p:cNvSpPr>
              <p:nvPr/>
            </p:nvSpPr>
            <p:spPr bwMode="auto">
              <a:xfrm>
                <a:off x="568325" y="4687894"/>
                <a:ext cx="0" cy="23813"/>
              </a:xfrm>
              <a:custGeom>
                <a:avLst/>
                <a:gdLst>
                  <a:gd name="T0" fmla="*/ 15 h 47"/>
                  <a:gd name="T1" fmla="*/ 11 h 47"/>
                  <a:gd name="T2" fmla="*/ 7 h 47"/>
                  <a:gd name="T3" fmla="*/ 4 h 47"/>
                  <a:gd name="T4" fmla="*/ 0 h 47"/>
                  <a:gd name="T5" fmla="*/ 0 60000 65536"/>
                  <a:gd name="T6" fmla="*/ 0 60000 65536"/>
                  <a:gd name="T7" fmla="*/ 0 60000 65536"/>
                  <a:gd name="T8" fmla="*/ 0 60000 65536"/>
                  <a:gd name="T9" fmla="*/ 0 60000 65536"/>
                </a:gdLst>
                <a:ahLst/>
                <a:cxnLst>
                  <a:cxn ang="T5">
                    <a:pos x="0" y="T0"/>
                  </a:cxn>
                  <a:cxn ang="T6">
                    <a:pos x="0" y="T1"/>
                  </a:cxn>
                  <a:cxn ang="T7">
                    <a:pos x="0" y="T2"/>
                  </a:cxn>
                  <a:cxn ang="T8">
                    <a:pos x="0" y="T3"/>
                  </a:cxn>
                  <a:cxn ang="T9">
                    <a:pos x="0" y="T4"/>
                  </a:cxn>
                </a:cxnLst>
                <a:rect l="0" t="0" r="r" b="b"/>
                <a:pathLst>
                  <a:path h="47">
                    <a:moveTo>
                      <a:pt x="0" y="47"/>
                    </a:moveTo>
                    <a:lnTo>
                      <a:pt x="0" y="35"/>
                    </a:lnTo>
                    <a:lnTo>
                      <a:pt x="0" y="23"/>
                    </a:lnTo>
                    <a:lnTo>
                      <a:pt x="0" y="11"/>
                    </a:lnTo>
                    <a:lnTo>
                      <a:pt x="0" y="0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88" name="Ringkøbing-Skjern kant"/>
              <p:cNvSpPr>
                <a:spLocks/>
              </p:cNvSpPr>
              <p:nvPr/>
            </p:nvSpPr>
            <p:spPr bwMode="auto">
              <a:xfrm>
                <a:off x="539750" y="4519619"/>
                <a:ext cx="12700" cy="25400"/>
              </a:xfrm>
              <a:custGeom>
                <a:avLst/>
                <a:gdLst>
                  <a:gd name="T0" fmla="*/ 8 w 24"/>
                  <a:gd name="T1" fmla="*/ 16 h 50"/>
                  <a:gd name="T2" fmla="*/ 6 w 24"/>
                  <a:gd name="T3" fmla="*/ 12 h 50"/>
                  <a:gd name="T4" fmla="*/ 4 w 24"/>
                  <a:gd name="T5" fmla="*/ 8 h 50"/>
                  <a:gd name="T6" fmla="*/ 4 w 24"/>
                  <a:gd name="T7" fmla="*/ 6 h 50"/>
                  <a:gd name="T8" fmla="*/ 3 w 24"/>
                  <a:gd name="T9" fmla="*/ 4 h 50"/>
                  <a:gd name="T10" fmla="*/ 2 w 24"/>
                  <a:gd name="T11" fmla="*/ 2 h 50"/>
                  <a:gd name="T12" fmla="*/ 0 w 24"/>
                  <a:gd name="T13" fmla="*/ 0 h 50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0" t="0" r="r" b="b"/>
                <a:pathLst>
                  <a:path w="24" h="50">
                    <a:moveTo>
                      <a:pt x="24" y="50"/>
                    </a:moveTo>
                    <a:lnTo>
                      <a:pt x="18" y="39"/>
                    </a:lnTo>
                    <a:lnTo>
                      <a:pt x="13" y="25"/>
                    </a:lnTo>
                    <a:lnTo>
                      <a:pt x="11" y="18"/>
                    </a:lnTo>
                    <a:lnTo>
                      <a:pt x="8" y="11"/>
                    </a:lnTo>
                    <a:lnTo>
                      <a:pt x="5" y="5"/>
                    </a:lnTo>
                    <a:lnTo>
                      <a:pt x="0" y="0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89" name="Ringkøbing-Skjern"/>
              <p:cNvSpPr>
                <a:spLocks/>
              </p:cNvSpPr>
              <p:nvPr/>
            </p:nvSpPr>
            <p:spPr bwMode="auto">
              <a:xfrm>
                <a:off x="546100" y="4541844"/>
                <a:ext cx="26988" cy="147638"/>
              </a:xfrm>
              <a:custGeom>
                <a:avLst/>
                <a:gdLst>
                  <a:gd name="T0" fmla="*/ 14 w 52"/>
                  <a:gd name="T1" fmla="*/ 91 h 281"/>
                  <a:gd name="T2" fmla="*/ 12 w 52"/>
                  <a:gd name="T3" fmla="*/ 90 h 281"/>
                  <a:gd name="T4" fmla="*/ 11 w 52"/>
                  <a:gd name="T5" fmla="*/ 85 h 281"/>
                  <a:gd name="T6" fmla="*/ 10 w 52"/>
                  <a:gd name="T7" fmla="*/ 80 h 281"/>
                  <a:gd name="T8" fmla="*/ 9 w 52"/>
                  <a:gd name="T9" fmla="*/ 75 h 281"/>
                  <a:gd name="T10" fmla="*/ 8 w 52"/>
                  <a:gd name="T11" fmla="*/ 70 h 281"/>
                  <a:gd name="T12" fmla="*/ 6 w 52"/>
                  <a:gd name="T13" fmla="*/ 59 h 281"/>
                  <a:gd name="T14" fmla="*/ 5 w 52"/>
                  <a:gd name="T15" fmla="*/ 48 h 281"/>
                  <a:gd name="T16" fmla="*/ 4 w 52"/>
                  <a:gd name="T17" fmla="*/ 36 h 281"/>
                  <a:gd name="T18" fmla="*/ 3 w 52"/>
                  <a:gd name="T19" fmla="*/ 25 h 281"/>
                  <a:gd name="T20" fmla="*/ 2 w 52"/>
                  <a:gd name="T21" fmla="*/ 14 h 281"/>
                  <a:gd name="T22" fmla="*/ 0 w 52"/>
                  <a:gd name="T23" fmla="*/ 3 h 281"/>
                  <a:gd name="T24" fmla="*/ 3 w 52"/>
                  <a:gd name="T25" fmla="*/ 3 h 281"/>
                  <a:gd name="T26" fmla="*/ 4 w 52"/>
                  <a:gd name="T27" fmla="*/ 3 h 281"/>
                  <a:gd name="T28" fmla="*/ 3 w 52"/>
                  <a:gd name="T29" fmla="*/ 0 h 281"/>
                  <a:gd name="T30" fmla="*/ 6 w 52"/>
                  <a:gd name="T31" fmla="*/ 4 h 281"/>
                  <a:gd name="T32" fmla="*/ 8 w 52"/>
                  <a:gd name="T33" fmla="*/ 10 h 281"/>
                  <a:gd name="T34" fmla="*/ 10 w 52"/>
                  <a:gd name="T35" fmla="*/ 15 h 281"/>
                  <a:gd name="T36" fmla="*/ 12 w 52"/>
                  <a:gd name="T37" fmla="*/ 21 h 281"/>
                  <a:gd name="T38" fmla="*/ 13 w 52"/>
                  <a:gd name="T39" fmla="*/ 26 h 281"/>
                  <a:gd name="T40" fmla="*/ 15 w 52"/>
                  <a:gd name="T41" fmla="*/ 32 h 281"/>
                  <a:gd name="T42" fmla="*/ 15 w 52"/>
                  <a:gd name="T43" fmla="*/ 38 h 281"/>
                  <a:gd name="T44" fmla="*/ 16 w 52"/>
                  <a:gd name="T45" fmla="*/ 44 h 281"/>
                  <a:gd name="T46" fmla="*/ 17 w 52"/>
                  <a:gd name="T47" fmla="*/ 50 h 281"/>
                  <a:gd name="T48" fmla="*/ 17 w 52"/>
                  <a:gd name="T49" fmla="*/ 56 h 281"/>
                  <a:gd name="T50" fmla="*/ 17 w 52"/>
                  <a:gd name="T51" fmla="*/ 63 h 281"/>
                  <a:gd name="T52" fmla="*/ 17 w 52"/>
                  <a:gd name="T53" fmla="*/ 69 h 281"/>
                  <a:gd name="T54" fmla="*/ 17 w 52"/>
                  <a:gd name="T55" fmla="*/ 81 h 281"/>
                  <a:gd name="T56" fmla="*/ 16 w 52"/>
                  <a:gd name="T57" fmla="*/ 93 h 281"/>
                  <a:gd name="T58" fmla="*/ 14 w 52"/>
                  <a:gd name="T59" fmla="*/ 91 h 281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</a:gdLst>
                <a:ahLst/>
                <a:cxnLst>
                  <a:cxn ang="T60">
                    <a:pos x="T0" y="T1"/>
                  </a:cxn>
                  <a:cxn ang="T61">
                    <a:pos x="T2" y="T3"/>
                  </a:cxn>
                  <a:cxn ang="T62">
                    <a:pos x="T4" y="T5"/>
                  </a:cxn>
                  <a:cxn ang="T63">
                    <a:pos x="T6" y="T7"/>
                  </a:cxn>
                  <a:cxn ang="T64">
                    <a:pos x="T8" y="T9"/>
                  </a:cxn>
                  <a:cxn ang="T65">
                    <a:pos x="T10" y="T11"/>
                  </a:cxn>
                  <a:cxn ang="T66">
                    <a:pos x="T12" y="T13"/>
                  </a:cxn>
                  <a:cxn ang="T67">
                    <a:pos x="T14" y="T15"/>
                  </a:cxn>
                  <a:cxn ang="T68">
                    <a:pos x="T16" y="T17"/>
                  </a:cxn>
                  <a:cxn ang="T69">
                    <a:pos x="T18" y="T19"/>
                  </a:cxn>
                  <a:cxn ang="T70">
                    <a:pos x="T20" y="T21"/>
                  </a:cxn>
                  <a:cxn ang="T71">
                    <a:pos x="T22" y="T23"/>
                  </a:cxn>
                  <a:cxn ang="T72">
                    <a:pos x="T24" y="T25"/>
                  </a:cxn>
                  <a:cxn ang="T73">
                    <a:pos x="T26" y="T27"/>
                  </a:cxn>
                  <a:cxn ang="T74">
                    <a:pos x="T28" y="T29"/>
                  </a:cxn>
                  <a:cxn ang="T75">
                    <a:pos x="T30" y="T31"/>
                  </a:cxn>
                  <a:cxn ang="T76">
                    <a:pos x="T32" y="T33"/>
                  </a:cxn>
                  <a:cxn ang="T77">
                    <a:pos x="T34" y="T35"/>
                  </a:cxn>
                  <a:cxn ang="T78">
                    <a:pos x="T36" y="T37"/>
                  </a:cxn>
                  <a:cxn ang="T79">
                    <a:pos x="T38" y="T39"/>
                  </a:cxn>
                  <a:cxn ang="T80">
                    <a:pos x="T40" y="T41"/>
                  </a:cxn>
                  <a:cxn ang="T81">
                    <a:pos x="T42" y="T43"/>
                  </a:cxn>
                  <a:cxn ang="T82">
                    <a:pos x="T44" y="T45"/>
                  </a:cxn>
                  <a:cxn ang="T83">
                    <a:pos x="T46" y="T47"/>
                  </a:cxn>
                  <a:cxn ang="T84">
                    <a:pos x="T48" y="T49"/>
                  </a:cxn>
                  <a:cxn ang="T85">
                    <a:pos x="T50" y="T51"/>
                  </a:cxn>
                  <a:cxn ang="T86">
                    <a:pos x="T52" y="T53"/>
                  </a:cxn>
                  <a:cxn ang="T87">
                    <a:pos x="T54" y="T55"/>
                  </a:cxn>
                  <a:cxn ang="T88">
                    <a:pos x="T56" y="T57"/>
                  </a:cxn>
                  <a:cxn ang="T89">
                    <a:pos x="T58" y="T59"/>
                  </a:cxn>
                </a:cxnLst>
                <a:rect l="0" t="0" r="r" b="b"/>
                <a:pathLst>
                  <a:path w="52" h="281">
                    <a:moveTo>
                      <a:pt x="43" y="276"/>
                    </a:moveTo>
                    <a:lnTo>
                      <a:pt x="38" y="271"/>
                    </a:lnTo>
                    <a:lnTo>
                      <a:pt x="33" y="258"/>
                    </a:lnTo>
                    <a:lnTo>
                      <a:pt x="30" y="243"/>
                    </a:lnTo>
                    <a:lnTo>
                      <a:pt x="26" y="227"/>
                    </a:lnTo>
                    <a:lnTo>
                      <a:pt x="23" y="211"/>
                    </a:lnTo>
                    <a:lnTo>
                      <a:pt x="18" y="179"/>
                    </a:lnTo>
                    <a:lnTo>
                      <a:pt x="14" y="145"/>
                    </a:lnTo>
                    <a:lnTo>
                      <a:pt x="11" y="110"/>
                    </a:lnTo>
                    <a:lnTo>
                      <a:pt x="9" y="77"/>
                    </a:lnTo>
                    <a:lnTo>
                      <a:pt x="6" y="42"/>
                    </a:lnTo>
                    <a:lnTo>
                      <a:pt x="0" y="9"/>
                    </a:lnTo>
                    <a:lnTo>
                      <a:pt x="10" y="9"/>
                    </a:lnTo>
                    <a:lnTo>
                      <a:pt x="11" y="8"/>
                    </a:lnTo>
                    <a:lnTo>
                      <a:pt x="10" y="0"/>
                    </a:lnTo>
                    <a:lnTo>
                      <a:pt x="18" y="13"/>
                    </a:lnTo>
                    <a:lnTo>
                      <a:pt x="25" y="29"/>
                    </a:lnTo>
                    <a:lnTo>
                      <a:pt x="31" y="45"/>
                    </a:lnTo>
                    <a:lnTo>
                      <a:pt x="36" y="62"/>
                    </a:lnTo>
                    <a:lnTo>
                      <a:pt x="40" y="79"/>
                    </a:lnTo>
                    <a:lnTo>
                      <a:pt x="45" y="97"/>
                    </a:lnTo>
                    <a:lnTo>
                      <a:pt x="47" y="115"/>
                    </a:lnTo>
                    <a:lnTo>
                      <a:pt x="50" y="132"/>
                    </a:lnTo>
                    <a:lnTo>
                      <a:pt x="51" y="151"/>
                    </a:lnTo>
                    <a:lnTo>
                      <a:pt x="52" y="170"/>
                    </a:lnTo>
                    <a:lnTo>
                      <a:pt x="52" y="189"/>
                    </a:lnTo>
                    <a:lnTo>
                      <a:pt x="52" y="208"/>
                    </a:lnTo>
                    <a:lnTo>
                      <a:pt x="51" y="245"/>
                    </a:lnTo>
                    <a:lnTo>
                      <a:pt x="48" y="281"/>
                    </a:lnTo>
                    <a:lnTo>
                      <a:pt x="43" y="276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90" name="Ringkøbing-Skjern kant"/>
              <p:cNvSpPr>
                <a:spLocks/>
              </p:cNvSpPr>
              <p:nvPr/>
            </p:nvSpPr>
            <p:spPr bwMode="auto">
              <a:xfrm>
                <a:off x="546100" y="4541844"/>
                <a:ext cx="26988" cy="147638"/>
              </a:xfrm>
              <a:custGeom>
                <a:avLst/>
                <a:gdLst>
                  <a:gd name="T0" fmla="*/ 14 w 52"/>
                  <a:gd name="T1" fmla="*/ 91 h 281"/>
                  <a:gd name="T2" fmla="*/ 12 w 52"/>
                  <a:gd name="T3" fmla="*/ 90 h 281"/>
                  <a:gd name="T4" fmla="*/ 11 w 52"/>
                  <a:gd name="T5" fmla="*/ 85 h 281"/>
                  <a:gd name="T6" fmla="*/ 10 w 52"/>
                  <a:gd name="T7" fmla="*/ 80 h 281"/>
                  <a:gd name="T8" fmla="*/ 9 w 52"/>
                  <a:gd name="T9" fmla="*/ 75 h 281"/>
                  <a:gd name="T10" fmla="*/ 8 w 52"/>
                  <a:gd name="T11" fmla="*/ 70 h 281"/>
                  <a:gd name="T12" fmla="*/ 6 w 52"/>
                  <a:gd name="T13" fmla="*/ 59 h 281"/>
                  <a:gd name="T14" fmla="*/ 5 w 52"/>
                  <a:gd name="T15" fmla="*/ 48 h 281"/>
                  <a:gd name="T16" fmla="*/ 4 w 52"/>
                  <a:gd name="T17" fmla="*/ 36 h 281"/>
                  <a:gd name="T18" fmla="*/ 3 w 52"/>
                  <a:gd name="T19" fmla="*/ 25 h 281"/>
                  <a:gd name="T20" fmla="*/ 2 w 52"/>
                  <a:gd name="T21" fmla="*/ 14 h 281"/>
                  <a:gd name="T22" fmla="*/ 0 w 52"/>
                  <a:gd name="T23" fmla="*/ 3 h 281"/>
                  <a:gd name="T24" fmla="*/ 3 w 52"/>
                  <a:gd name="T25" fmla="*/ 3 h 281"/>
                  <a:gd name="T26" fmla="*/ 4 w 52"/>
                  <a:gd name="T27" fmla="*/ 3 h 281"/>
                  <a:gd name="T28" fmla="*/ 3 w 52"/>
                  <a:gd name="T29" fmla="*/ 0 h 281"/>
                  <a:gd name="T30" fmla="*/ 6 w 52"/>
                  <a:gd name="T31" fmla="*/ 4 h 281"/>
                  <a:gd name="T32" fmla="*/ 8 w 52"/>
                  <a:gd name="T33" fmla="*/ 10 h 281"/>
                  <a:gd name="T34" fmla="*/ 10 w 52"/>
                  <a:gd name="T35" fmla="*/ 15 h 281"/>
                  <a:gd name="T36" fmla="*/ 12 w 52"/>
                  <a:gd name="T37" fmla="*/ 21 h 281"/>
                  <a:gd name="T38" fmla="*/ 13 w 52"/>
                  <a:gd name="T39" fmla="*/ 26 h 281"/>
                  <a:gd name="T40" fmla="*/ 15 w 52"/>
                  <a:gd name="T41" fmla="*/ 32 h 281"/>
                  <a:gd name="T42" fmla="*/ 15 w 52"/>
                  <a:gd name="T43" fmla="*/ 38 h 281"/>
                  <a:gd name="T44" fmla="*/ 16 w 52"/>
                  <a:gd name="T45" fmla="*/ 44 h 281"/>
                  <a:gd name="T46" fmla="*/ 17 w 52"/>
                  <a:gd name="T47" fmla="*/ 50 h 281"/>
                  <a:gd name="T48" fmla="*/ 17 w 52"/>
                  <a:gd name="T49" fmla="*/ 56 h 281"/>
                  <a:gd name="T50" fmla="*/ 17 w 52"/>
                  <a:gd name="T51" fmla="*/ 63 h 281"/>
                  <a:gd name="T52" fmla="*/ 17 w 52"/>
                  <a:gd name="T53" fmla="*/ 69 h 281"/>
                  <a:gd name="T54" fmla="*/ 17 w 52"/>
                  <a:gd name="T55" fmla="*/ 81 h 281"/>
                  <a:gd name="T56" fmla="*/ 16 w 52"/>
                  <a:gd name="T57" fmla="*/ 93 h 281"/>
                  <a:gd name="T58" fmla="*/ 14 w 52"/>
                  <a:gd name="T59" fmla="*/ 91 h 281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</a:gdLst>
                <a:ahLst/>
                <a:cxnLst>
                  <a:cxn ang="T60">
                    <a:pos x="T0" y="T1"/>
                  </a:cxn>
                  <a:cxn ang="T61">
                    <a:pos x="T2" y="T3"/>
                  </a:cxn>
                  <a:cxn ang="T62">
                    <a:pos x="T4" y="T5"/>
                  </a:cxn>
                  <a:cxn ang="T63">
                    <a:pos x="T6" y="T7"/>
                  </a:cxn>
                  <a:cxn ang="T64">
                    <a:pos x="T8" y="T9"/>
                  </a:cxn>
                  <a:cxn ang="T65">
                    <a:pos x="T10" y="T11"/>
                  </a:cxn>
                  <a:cxn ang="T66">
                    <a:pos x="T12" y="T13"/>
                  </a:cxn>
                  <a:cxn ang="T67">
                    <a:pos x="T14" y="T15"/>
                  </a:cxn>
                  <a:cxn ang="T68">
                    <a:pos x="T16" y="T17"/>
                  </a:cxn>
                  <a:cxn ang="T69">
                    <a:pos x="T18" y="T19"/>
                  </a:cxn>
                  <a:cxn ang="T70">
                    <a:pos x="T20" y="T21"/>
                  </a:cxn>
                  <a:cxn ang="T71">
                    <a:pos x="T22" y="T23"/>
                  </a:cxn>
                  <a:cxn ang="T72">
                    <a:pos x="T24" y="T25"/>
                  </a:cxn>
                  <a:cxn ang="T73">
                    <a:pos x="T26" y="T27"/>
                  </a:cxn>
                  <a:cxn ang="T74">
                    <a:pos x="T28" y="T29"/>
                  </a:cxn>
                  <a:cxn ang="T75">
                    <a:pos x="T30" y="T31"/>
                  </a:cxn>
                  <a:cxn ang="T76">
                    <a:pos x="T32" y="T33"/>
                  </a:cxn>
                  <a:cxn ang="T77">
                    <a:pos x="T34" y="T35"/>
                  </a:cxn>
                  <a:cxn ang="T78">
                    <a:pos x="T36" y="T37"/>
                  </a:cxn>
                  <a:cxn ang="T79">
                    <a:pos x="T38" y="T39"/>
                  </a:cxn>
                  <a:cxn ang="T80">
                    <a:pos x="T40" y="T41"/>
                  </a:cxn>
                  <a:cxn ang="T81">
                    <a:pos x="T42" y="T43"/>
                  </a:cxn>
                  <a:cxn ang="T82">
                    <a:pos x="T44" y="T45"/>
                  </a:cxn>
                  <a:cxn ang="T83">
                    <a:pos x="T46" y="T47"/>
                  </a:cxn>
                  <a:cxn ang="T84">
                    <a:pos x="T48" y="T49"/>
                  </a:cxn>
                  <a:cxn ang="T85">
                    <a:pos x="T50" y="T51"/>
                  </a:cxn>
                  <a:cxn ang="T86">
                    <a:pos x="T52" y="T53"/>
                  </a:cxn>
                  <a:cxn ang="T87">
                    <a:pos x="T54" y="T55"/>
                  </a:cxn>
                  <a:cxn ang="T88">
                    <a:pos x="T56" y="T57"/>
                  </a:cxn>
                  <a:cxn ang="T89">
                    <a:pos x="T58" y="T59"/>
                  </a:cxn>
                </a:cxnLst>
                <a:rect l="0" t="0" r="r" b="b"/>
                <a:pathLst>
                  <a:path w="52" h="281">
                    <a:moveTo>
                      <a:pt x="43" y="276"/>
                    </a:moveTo>
                    <a:lnTo>
                      <a:pt x="38" y="271"/>
                    </a:lnTo>
                    <a:lnTo>
                      <a:pt x="33" y="258"/>
                    </a:lnTo>
                    <a:lnTo>
                      <a:pt x="30" y="243"/>
                    </a:lnTo>
                    <a:lnTo>
                      <a:pt x="26" y="227"/>
                    </a:lnTo>
                    <a:lnTo>
                      <a:pt x="23" y="211"/>
                    </a:lnTo>
                    <a:lnTo>
                      <a:pt x="18" y="179"/>
                    </a:lnTo>
                    <a:lnTo>
                      <a:pt x="14" y="145"/>
                    </a:lnTo>
                    <a:lnTo>
                      <a:pt x="11" y="110"/>
                    </a:lnTo>
                    <a:lnTo>
                      <a:pt x="9" y="77"/>
                    </a:lnTo>
                    <a:lnTo>
                      <a:pt x="6" y="42"/>
                    </a:lnTo>
                    <a:lnTo>
                      <a:pt x="0" y="9"/>
                    </a:lnTo>
                    <a:lnTo>
                      <a:pt x="10" y="9"/>
                    </a:lnTo>
                    <a:lnTo>
                      <a:pt x="11" y="8"/>
                    </a:lnTo>
                    <a:lnTo>
                      <a:pt x="10" y="0"/>
                    </a:lnTo>
                    <a:lnTo>
                      <a:pt x="18" y="13"/>
                    </a:lnTo>
                    <a:lnTo>
                      <a:pt x="25" y="29"/>
                    </a:lnTo>
                    <a:lnTo>
                      <a:pt x="31" y="45"/>
                    </a:lnTo>
                    <a:lnTo>
                      <a:pt x="36" y="62"/>
                    </a:lnTo>
                    <a:lnTo>
                      <a:pt x="40" y="79"/>
                    </a:lnTo>
                    <a:lnTo>
                      <a:pt x="45" y="97"/>
                    </a:lnTo>
                    <a:lnTo>
                      <a:pt x="47" y="115"/>
                    </a:lnTo>
                    <a:lnTo>
                      <a:pt x="50" y="132"/>
                    </a:lnTo>
                    <a:lnTo>
                      <a:pt x="51" y="151"/>
                    </a:lnTo>
                    <a:lnTo>
                      <a:pt x="52" y="170"/>
                    </a:lnTo>
                    <a:lnTo>
                      <a:pt x="52" y="189"/>
                    </a:lnTo>
                    <a:lnTo>
                      <a:pt x="52" y="208"/>
                    </a:lnTo>
                    <a:lnTo>
                      <a:pt x="51" y="245"/>
                    </a:lnTo>
                    <a:lnTo>
                      <a:pt x="48" y="281"/>
                    </a:lnTo>
                    <a:lnTo>
                      <a:pt x="43" y="276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91" name="Ringkøbing-Skjern"/>
              <p:cNvSpPr>
                <a:spLocks/>
              </p:cNvSpPr>
              <p:nvPr/>
            </p:nvSpPr>
            <p:spPr bwMode="auto">
              <a:xfrm>
                <a:off x="515938" y="4178306"/>
                <a:ext cx="596901" cy="585788"/>
              </a:xfrm>
              <a:custGeom>
                <a:avLst/>
                <a:gdLst>
                  <a:gd name="T0" fmla="*/ 74 w 1128"/>
                  <a:gd name="T1" fmla="*/ 329 h 1106"/>
                  <a:gd name="T2" fmla="*/ 77 w 1128"/>
                  <a:gd name="T3" fmla="*/ 324 h 1106"/>
                  <a:gd name="T4" fmla="*/ 120 w 1128"/>
                  <a:gd name="T5" fmla="*/ 300 h 1106"/>
                  <a:gd name="T6" fmla="*/ 136 w 1128"/>
                  <a:gd name="T7" fmla="*/ 280 h 1106"/>
                  <a:gd name="T8" fmla="*/ 140 w 1128"/>
                  <a:gd name="T9" fmla="*/ 253 h 1106"/>
                  <a:gd name="T10" fmla="*/ 117 w 1128"/>
                  <a:gd name="T11" fmla="*/ 221 h 1106"/>
                  <a:gd name="T12" fmla="*/ 103 w 1128"/>
                  <a:gd name="T13" fmla="*/ 177 h 1106"/>
                  <a:gd name="T14" fmla="*/ 92 w 1128"/>
                  <a:gd name="T15" fmla="*/ 141 h 1106"/>
                  <a:gd name="T16" fmla="*/ 30 w 1128"/>
                  <a:gd name="T17" fmla="*/ 117 h 1106"/>
                  <a:gd name="T18" fmla="*/ 15 w 1128"/>
                  <a:gd name="T19" fmla="*/ 153 h 1106"/>
                  <a:gd name="T20" fmla="*/ 12 w 1128"/>
                  <a:gd name="T21" fmla="*/ 194 h 1106"/>
                  <a:gd name="T22" fmla="*/ 4 w 1128"/>
                  <a:gd name="T23" fmla="*/ 188 h 1106"/>
                  <a:gd name="T24" fmla="*/ 2 w 1128"/>
                  <a:gd name="T25" fmla="*/ 151 h 1106"/>
                  <a:gd name="T26" fmla="*/ 14 w 1128"/>
                  <a:gd name="T27" fmla="*/ 58 h 1106"/>
                  <a:gd name="T28" fmla="*/ 28 w 1128"/>
                  <a:gd name="T29" fmla="*/ 0 h 1106"/>
                  <a:gd name="T30" fmla="*/ 52 w 1128"/>
                  <a:gd name="T31" fmla="*/ 2 h 1106"/>
                  <a:gd name="T32" fmla="*/ 65 w 1128"/>
                  <a:gd name="T33" fmla="*/ 13 h 1106"/>
                  <a:gd name="T34" fmla="*/ 81 w 1128"/>
                  <a:gd name="T35" fmla="*/ 23 h 1106"/>
                  <a:gd name="T36" fmla="*/ 120 w 1128"/>
                  <a:gd name="T37" fmla="*/ 19 h 1106"/>
                  <a:gd name="T38" fmla="*/ 160 w 1128"/>
                  <a:gd name="T39" fmla="*/ 10 h 1106"/>
                  <a:gd name="T40" fmla="*/ 187 w 1128"/>
                  <a:gd name="T41" fmla="*/ 32 h 1106"/>
                  <a:gd name="T42" fmla="*/ 203 w 1128"/>
                  <a:gd name="T43" fmla="*/ 55 h 1106"/>
                  <a:gd name="T44" fmla="*/ 229 w 1128"/>
                  <a:gd name="T45" fmla="*/ 61 h 1106"/>
                  <a:gd name="T46" fmla="*/ 241 w 1128"/>
                  <a:gd name="T47" fmla="*/ 80 h 1106"/>
                  <a:gd name="T48" fmla="*/ 244 w 1128"/>
                  <a:gd name="T49" fmla="*/ 88 h 1106"/>
                  <a:gd name="T50" fmla="*/ 263 w 1128"/>
                  <a:gd name="T51" fmla="*/ 96 h 1106"/>
                  <a:gd name="T52" fmla="*/ 290 w 1128"/>
                  <a:gd name="T53" fmla="*/ 92 h 1106"/>
                  <a:gd name="T54" fmla="*/ 319 w 1128"/>
                  <a:gd name="T55" fmla="*/ 95 h 1106"/>
                  <a:gd name="T56" fmla="*/ 331 w 1128"/>
                  <a:gd name="T57" fmla="*/ 120 h 1106"/>
                  <a:gd name="T58" fmla="*/ 348 w 1128"/>
                  <a:gd name="T59" fmla="*/ 128 h 1106"/>
                  <a:gd name="T60" fmla="*/ 363 w 1128"/>
                  <a:gd name="T61" fmla="*/ 142 h 1106"/>
                  <a:gd name="T62" fmla="*/ 376 w 1128"/>
                  <a:gd name="T63" fmla="*/ 152 h 1106"/>
                  <a:gd name="T64" fmla="*/ 366 w 1128"/>
                  <a:gd name="T65" fmla="*/ 158 h 1106"/>
                  <a:gd name="T66" fmla="*/ 341 w 1128"/>
                  <a:gd name="T67" fmla="*/ 163 h 1106"/>
                  <a:gd name="T68" fmla="*/ 346 w 1128"/>
                  <a:gd name="T69" fmla="*/ 175 h 1106"/>
                  <a:gd name="T70" fmla="*/ 343 w 1128"/>
                  <a:gd name="T71" fmla="*/ 185 h 1106"/>
                  <a:gd name="T72" fmla="*/ 332 w 1128"/>
                  <a:gd name="T73" fmla="*/ 196 h 1106"/>
                  <a:gd name="T74" fmla="*/ 323 w 1128"/>
                  <a:gd name="T75" fmla="*/ 202 h 1106"/>
                  <a:gd name="T76" fmla="*/ 323 w 1128"/>
                  <a:gd name="T77" fmla="*/ 216 h 1106"/>
                  <a:gd name="T78" fmla="*/ 312 w 1128"/>
                  <a:gd name="T79" fmla="*/ 238 h 1106"/>
                  <a:gd name="T80" fmla="*/ 314 w 1128"/>
                  <a:gd name="T81" fmla="*/ 261 h 1106"/>
                  <a:gd name="T82" fmla="*/ 328 w 1128"/>
                  <a:gd name="T83" fmla="*/ 280 h 1106"/>
                  <a:gd name="T84" fmla="*/ 350 w 1128"/>
                  <a:gd name="T85" fmla="*/ 290 h 1106"/>
                  <a:gd name="T86" fmla="*/ 357 w 1128"/>
                  <a:gd name="T87" fmla="*/ 311 h 1106"/>
                  <a:gd name="T88" fmla="*/ 346 w 1128"/>
                  <a:gd name="T89" fmla="*/ 324 h 1106"/>
                  <a:gd name="T90" fmla="*/ 347 w 1128"/>
                  <a:gd name="T91" fmla="*/ 335 h 1106"/>
                  <a:gd name="T92" fmla="*/ 347 w 1128"/>
                  <a:gd name="T93" fmla="*/ 346 h 1106"/>
                  <a:gd name="T94" fmla="*/ 317 w 1128"/>
                  <a:gd name="T95" fmla="*/ 347 h 1106"/>
                  <a:gd name="T96" fmla="*/ 301 w 1128"/>
                  <a:gd name="T97" fmla="*/ 333 h 1106"/>
                  <a:gd name="T98" fmla="*/ 288 w 1128"/>
                  <a:gd name="T99" fmla="*/ 320 h 1106"/>
                  <a:gd name="T100" fmla="*/ 255 w 1128"/>
                  <a:gd name="T101" fmla="*/ 324 h 1106"/>
                  <a:gd name="T102" fmla="*/ 235 w 1128"/>
                  <a:gd name="T103" fmla="*/ 322 h 1106"/>
                  <a:gd name="T104" fmla="*/ 219 w 1128"/>
                  <a:gd name="T105" fmla="*/ 315 h 1106"/>
                  <a:gd name="T106" fmla="*/ 215 w 1128"/>
                  <a:gd name="T107" fmla="*/ 328 h 1106"/>
                  <a:gd name="T108" fmla="*/ 208 w 1128"/>
                  <a:gd name="T109" fmla="*/ 340 h 1106"/>
                  <a:gd name="T110" fmla="*/ 200 w 1128"/>
                  <a:gd name="T111" fmla="*/ 355 h 1106"/>
                  <a:gd name="T112" fmla="*/ 191 w 1128"/>
                  <a:gd name="T113" fmla="*/ 367 h 1106"/>
                  <a:gd name="T114" fmla="*/ 169 w 1128"/>
                  <a:gd name="T115" fmla="*/ 367 h 1106"/>
                  <a:gd name="T116" fmla="*/ 154 w 1128"/>
                  <a:gd name="T117" fmla="*/ 350 h 1106"/>
                  <a:gd name="T118" fmla="*/ 131 w 1128"/>
                  <a:gd name="T119" fmla="*/ 342 h 1106"/>
                  <a:gd name="T120" fmla="*/ 116 w 1128"/>
                  <a:gd name="T121" fmla="*/ 340 h 1106"/>
                  <a:gd name="T122" fmla="*/ 78 w 1128"/>
                  <a:gd name="T123" fmla="*/ 349 h 1106"/>
                  <a:gd name="T124" fmla="*/ 62 w 1128"/>
                  <a:gd name="T125" fmla="*/ 335 h 110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128" h="1106">
                    <a:moveTo>
                      <a:pt x="181" y="993"/>
                    </a:moveTo>
                    <a:lnTo>
                      <a:pt x="189" y="995"/>
                    </a:lnTo>
                    <a:lnTo>
                      <a:pt x="199" y="995"/>
                    </a:lnTo>
                    <a:lnTo>
                      <a:pt x="208" y="993"/>
                    </a:lnTo>
                    <a:lnTo>
                      <a:pt x="216" y="990"/>
                    </a:lnTo>
                    <a:lnTo>
                      <a:pt x="221" y="988"/>
                    </a:lnTo>
                    <a:lnTo>
                      <a:pt x="223" y="987"/>
                    </a:lnTo>
                    <a:lnTo>
                      <a:pt x="225" y="985"/>
                    </a:lnTo>
                    <a:lnTo>
                      <a:pt x="226" y="983"/>
                    </a:lnTo>
                    <a:lnTo>
                      <a:pt x="226" y="981"/>
                    </a:lnTo>
                    <a:lnTo>
                      <a:pt x="225" y="979"/>
                    </a:lnTo>
                    <a:lnTo>
                      <a:pt x="222" y="976"/>
                    </a:lnTo>
                    <a:lnTo>
                      <a:pt x="219" y="975"/>
                    </a:lnTo>
                    <a:lnTo>
                      <a:pt x="232" y="970"/>
                    </a:lnTo>
                    <a:lnTo>
                      <a:pt x="248" y="964"/>
                    </a:lnTo>
                    <a:lnTo>
                      <a:pt x="266" y="956"/>
                    </a:lnTo>
                    <a:lnTo>
                      <a:pt x="285" y="948"/>
                    </a:lnTo>
                    <a:lnTo>
                      <a:pt x="303" y="937"/>
                    </a:lnTo>
                    <a:lnTo>
                      <a:pt x="322" y="927"/>
                    </a:lnTo>
                    <a:lnTo>
                      <a:pt x="341" y="914"/>
                    </a:lnTo>
                    <a:lnTo>
                      <a:pt x="359" y="900"/>
                    </a:lnTo>
                    <a:lnTo>
                      <a:pt x="367" y="892"/>
                    </a:lnTo>
                    <a:lnTo>
                      <a:pt x="374" y="884"/>
                    </a:lnTo>
                    <a:lnTo>
                      <a:pt x="382" y="876"/>
                    </a:lnTo>
                    <a:lnTo>
                      <a:pt x="389" y="867"/>
                    </a:lnTo>
                    <a:lnTo>
                      <a:pt x="395" y="859"/>
                    </a:lnTo>
                    <a:lnTo>
                      <a:pt x="402" y="849"/>
                    </a:lnTo>
                    <a:lnTo>
                      <a:pt x="407" y="839"/>
                    </a:lnTo>
                    <a:lnTo>
                      <a:pt x="411" y="828"/>
                    </a:lnTo>
                    <a:lnTo>
                      <a:pt x="415" y="817"/>
                    </a:lnTo>
                    <a:lnTo>
                      <a:pt x="418" y="807"/>
                    </a:lnTo>
                    <a:lnTo>
                      <a:pt x="420" y="795"/>
                    </a:lnTo>
                    <a:lnTo>
                      <a:pt x="421" y="784"/>
                    </a:lnTo>
                    <a:lnTo>
                      <a:pt x="421" y="771"/>
                    </a:lnTo>
                    <a:lnTo>
                      <a:pt x="420" y="758"/>
                    </a:lnTo>
                    <a:lnTo>
                      <a:pt x="418" y="745"/>
                    </a:lnTo>
                    <a:lnTo>
                      <a:pt x="414" y="731"/>
                    </a:lnTo>
                    <a:lnTo>
                      <a:pt x="400" y="718"/>
                    </a:lnTo>
                    <a:lnTo>
                      <a:pt x="385" y="706"/>
                    </a:lnTo>
                    <a:lnTo>
                      <a:pt x="372" y="691"/>
                    </a:lnTo>
                    <a:lnTo>
                      <a:pt x="362" y="677"/>
                    </a:lnTo>
                    <a:lnTo>
                      <a:pt x="351" y="662"/>
                    </a:lnTo>
                    <a:lnTo>
                      <a:pt x="343" y="645"/>
                    </a:lnTo>
                    <a:lnTo>
                      <a:pt x="335" y="628"/>
                    </a:lnTo>
                    <a:lnTo>
                      <a:pt x="328" y="611"/>
                    </a:lnTo>
                    <a:lnTo>
                      <a:pt x="323" y="592"/>
                    </a:lnTo>
                    <a:lnTo>
                      <a:pt x="318" y="573"/>
                    </a:lnTo>
                    <a:lnTo>
                      <a:pt x="313" y="553"/>
                    </a:lnTo>
                    <a:lnTo>
                      <a:pt x="310" y="532"/>
                    </a:lnTo>
                    <a:lnTo>
                      <a:pt x="307" y="511"/>
                    </a:lnTo>
                    <a:lnTo>
                      <a:pt x="305" y="488"/>
                    </a:lnTo>
                    <a:lnTo>
                      <a:pt x="304" y="465"/>
                    </a:lnTo>
                    <a:lnTo>
                      <a:pt x="303" y="442"/>
                    </a:lnTo>
                    <a:lnTo>
                      <a:pt x="303" y="440"/>
                    </a:lnTo>
                    <a:lnTo>
                      <a:pt x="290" y="431"/>
                    </a:lnTo>
                    <a:lnTo>
                      <a:pt x="276" y="423"/>
                    </a:lnTo>
                    <a:lnTo>
                      <a:pt x="263" y="414"/>
                    </a:lnTo>
                    <a:lnTo>
                      <a:pt x="249" y="407"/>
                    </a:lnTo>
                    <a:lnTo>
                      <a:pt x="220" y="393"/>
                    </a:lnTo>
                    <a:lnTo>
                      <a:pt x="188" y="382"/>
                    </a:lnTo>
                    <a:lnTo>
                      <a:pt x="156" y="371"/>
                    </a:lnTo>
                    <a:lnTo>
                      <a:pt x="124" y="360"/>
                    </a:lnTo>
                    <a:lnTo>
                      <a:pt x="91" y="350"/>
                    </a:lnTo>
                    <a:lnTo>
                      <a:pt x="58" y="338"/>
                    </a:lnTo>
                    <a:lnTo>
                      <a:pt x="61" y="352"/>
                    </a:lnTo>
                    <a:lnTo>
                      <a:pt x="61" y="366"/>
                    </a:lnTo>
                    <a:lnTo>
                      <a:pt x="60" y="380"/>
                    </a:lnTo>
                    <a:lnTo>
                      <a:pt x="57" y="395"/>
                    </a:lnTo>
                    <a:lnTo>
                      <a:pt x="52" y="427"/>
                    </a:lnTo>
                    <a:lnTo>
                      <a:pt x="46" y="458"/>
                    </a:lnTo>
                    <a:lnTo>
                      <a:pt x="42" y="475"/>
                    </a:lnTo>
                    <a:lnTo>
                      <a:pt x="40" y="492"/>
                    </a:lnTo>
                    <a:lnTo>
                      <a:pt x="36" y="510"/>
                    </a:lnTo>
                    <a:lnTo>
                      <a:pt x="35" y="527"/>
                    </a:lnTo>
                    <a:lnTo>
                      <a:pt x="34" y="545"/>
                    </a:lnTo>
                    <a:lnTo>
                      <a:pt x="35" y="564"/>
                    </a:lnTo>
                    <a:lnTo>
                      <a:pt x="36" y="582"/>
                    </a:lnTo>
                    <a:lnTo>
                      <a:pt x="41" y="601"/>
                    </a:lnTo>
                    <a:lnTo>
                      <a:pt x="34" y="595"/>
                    </a:lnTo>
                    <a:lnTo>
                      <a:pt x="28" y="589"/>
                    </a:lnTo>
                    <a:lnTo>
                      <a:pt x="23" y="583"/>
                    </a:lnTo>
                    <a:lnTo>
                      <a:pt x="18" y="576"/>
                    </a:lnTo>
                    <a:lnTo>
                      <a:pt x="14" y="570"/>
                    </a:lnTo>
                    <a:lnTo>
                      <a:pt x="11" y="564"/>
                    </a:lnTo>
                    <a:lnTo>
                      <a:pt x="8" y="556"/>
                    </a:lnTo>
                    <a:lnTo>
                      <a:pt x="6" y="550"/>
                    </a:lnTo>
                    <a:lnTo>
                      <a:pt x="3" y="535"/>
                    </a:lnTo>
                    <a:lnTo>
                      <a:pt x="1" y="519"/>
                    </a:lnTo>
                    <a:lnTo>
                      <a:pt x="0" y="504"/>
                    </a:lnTo>
                    <a:lnTo>
                      <a:pt x="1" y="487"/>
                    </a:lnTo>
                    <a:lnTo>
                      <a:pt x="5" y="454"/>
                    </a:lnTo>
                    <a:lnTo>
                      <a:pt x="10" y="420"/>
                    </a:lnTo>
                    <a:lnTo>
                      <a:pt x="16" y="388"/>
                    </a:lnTo>
                    <a:lnTo>
                      <a:pt x="22" y="357"/>
                    </a:lnTo>
                    <a:lnTo>
                      <a:pt x="27" y="312"/>
                    </a:lnTo>
                    <a:lnTo>
                      <a:pt x="32" y="267"/>
                    </a:lnTo>
                    <a:lnTo>
                      <a:pt x="36" y="221"/>
                    </a:lnTo>
                    <a:lnTo>
                      <a:pt x="42" y="175"/>
                    </a:lnTo>
                    <a:lnTo>
                      <a:pt x="46" y="131"/>
                    </a:lnTo>
                    <a:lnTo>
                      <a:pt x="50" y="87"/>
                    </a:lnTo>
                    <a:lnTo>
                      <a:pt x="54" y="43"/>
                    </a:lnTo>
                    <a:lnTo>
                      <a:pt x="58" y="1"/>
                    </a:lnTo>
                    <a:lnTo>
                      <a:pt x="68" y="0"/>
                    </a:lnTo>
                    <a:lnTo>
                      <a:pt x="76" y="0"/>
                    </a:lnTo>
                    <a:lnTo>
                      <a:pt x="84" y="0"/>
                    </a:lnTo>
                    <a:lnTo>
                      <a:pt x="92" y="1"/>
                    </a:lnTo>
                    <a:lnTo>
                      <a:pt x="106" y="3"/>
                    </a:lnTo>
                    <a:lnTo>
                      <a:pt x="120" y="7"/>
                    </a:lnTo>
                    <a:lnTo>
                      <a:pt x="132" y="9"/>
                    </a:lnTo>
                    <a:lnTo>
                      <a:pt x="145" y="9"/>
                    </a:lnTo>
                    <a:lnTo>
                      <a:pt x="151" y="9"/>
                    </a:lnTo>
                    <a:lnTo>
                      <a:pt x="157" y="7"/>
                    </a:lnTo>
                    <a:lnTo>
                      <a:pt x="165" y="5"/>
                    </a:lnTo>
                    <a:lnTo>
                      <a:pt x="171" y="1"/>
                    </a:lnTo>
                    <a:lnTo>
                      <a:pt x="174" y="10"/>
                    </a:lnTo>
                    <a:lnTo>
                      <a:pt x="179" y="18"/>
                    </a:lnTo>
                    <a:lnTo>
                      <a:pt x="184" y="26"/>
                    </a:lnTo>
                    <a:lnTo>
                      <a:pt x="189" y="33"/>
                    </a:lnTo>
                    <a:lnTo>
                      <a:pt x="194" y="39"/>
                    </a:lnTo>
                    <a:lnTo>
                      <a:pt x="201" y="46"/>
                    </a:lnTo>
                    <a:lnTo>
                      <a:pt x="207" y="51"/>
                    </a:lnTo>
                    <a:lnTo>
                      <a:pt x="213" y="56"/>
                    </a:lnTo>
                    <a:lnTo>
                      <a:pt x="221" y="60"/>
                    </a:lnTo>
                    <a:lnTo>
                      <a:pt x="228" y="64"/>
                    </a:lnTo>
                    <a:lnTo>
                      <a:pt x="236" y="67"/>
                    </a:lnTo>
                    <a:lnTo>
                      <a:pt x="244" y="70"/>
                    </a:lnTo>
                    <a:lnTo>
                      <a:pt x="260" y="73"/>
                    </a:lnTo>
                    <a:lnTo>
                      <a:pt x="276" y="75"/>
                    </a:lnTo>
                    <a:lnTo>
                      <a:pt x="294" y="75"/>
                    </a:lnTo>
                    <a:lnTo>
                      <a:pt x="311" y="73"/>
                    </a:lnTo>
                    <a:lnTo>
                      <a:pt x="327" y="70"/>
                    </a:lnTo>
                    <a:lnTo>
                      <a:pt x="344" y="65"/>
                    </a:lnTo>
                    <a:lnTo>
                      <a:pt x="359" y="58"/>
                    </a:lnTo>
                    <a:lnTo>
                      <a:pt x="372" y="50"/>
                    </a:lnTo>
                    <a:lnTo>
                      <a:pt x="385" y="40"/>
                    </a:lnTo>
                    <a:lnTo>
                      <a:pt x="396" y="29"/>
                    </a:lnTo>
                    <a:lnTo>
                      <a:pt x="420" y="27"/>
                    </a:lnTo>
                    <a:lnTo>
                      <a:pt x="441" y="27"/>
                    </a:lnTo>
                    <a:lnTo>
                      <a:pt x="461" y="28"/>
                    </a:lnTo>
                    <a:lnTo>
                      <a:pt x="479" y="31"/>
                    </a:lnTo>
                    <a:lnTo>
                      <a:pt x="494" y="36"/>
                    </a:lnTo>
                    <a:lnTo>
                      <a:pt x="508" y="43"/>
                    </a:lnTo>
                    <a:lnTo>
                      <a:pt x="522" y="51"/>
                    </a:lnTo>
                    <a:lnTo>
                      <a:pt x="532" y="61"/>
                    </a:lnTo>
                    <a:lnTo>
                      <a:pt x="543" y="72"/>
                    </a:lnTo>
                    <a:lnTo>
                      <a:pt x="552" y="84"/>
                    </a:lnTo>
                    <a:lnTo>
                      <a:pt x="561" y="96"/>
                    </a:lnTo>
                    <a:lnTo>
                      <a:pt x="568" y="110"/>
                    </a:lnTo>
                    <a:lnTo>
                      <a:pt x="574" y="125"/>
                    </a:lnTo>
                    <a:lnTo>
                      <a:pt x="581" y="139"/>
                    </a:lnTo>
                    <a:lnTo>
                      <a:pt x="587" y="154"/>
                    </a:lnTo>
                    <a:lnTo>
                      <a:pt x="592" y="170"/>
                    </a:lnTo>
                    <a:lnTo>
                      <a:pt x="601" y="167"/>
                    </a:lnTo>
                    <a:lnTo>
                      <a:pt x="608" y="165"/>
                    </a:lnTo>
                    <a:lnTo>
                      <a:pt x="617" y="164"/>
                    </a:lnTo>
                    <a:lnTo>
                      <a:pt x="624" y="164"/>
                    </a:lnTo>
                    <a:lnTo>
                      <a:pt x="632" y="165"/>
                    </a:lnTo>
                    <a:lnTo>
                      <a:pt x="641" y="166"/>
                    </a:lnTo>
                    <a:lnTo>
                      <a:pt x="648" y="168"/>
                    </a:lnTo>
                    <a:lnTo>
                      <a:pt x="657" y="171"/>
                    </a:lnTo>
                    <a:lnTo>
                      <a:pt x="686" y="184"/>
                    </a:lnTo>
                    <a:lnTo>
                      <a:pt x="714" y="197"/>
                    </a:lnTo>
                    <a:lnTo>
                      <a:pt x="713" y="208"/>
                    </a:lnTo>
                    <a:lnTo>
                      <a:pt x="716" y="216"/>
                    </a:lnTo>
                    <a:lnTo>
                      <a:pt x="718" y="224"/>
                    </a:lnTo>
                    <a:lnTo>
                      <a:pt x="720" y="230"/>
                    </a:lnTo>
                    <a:lnTo>
                      <a:pt x="722" y="235"/>
                    </a:lnTo>
                    <a:lnTo>
                      <a:pt x="722" y="241"/>
                    </a:lnTo>
                    <a:lnTo>
                      <a:pt x="722" y="244"/>
                    </a:lnTo>
                    <a:lnTo>
                      <a:pt x="720" y="247"/>
                    </a:lnTo>
                    <a:lnTo>
                      <a:pt x="718" y="250"/>
                    </a:lnTo>
                    <a:lnTo>
                      <a:pt x="714" y="254"/>
                    </a:lnTo>
                    <a:lnTo>
                      <a:pt x="720" y="258"/>
                    </a:lnTo>
                    <a:lnTo>
                      <a:pt x="726" y="260"/>
                    </a:lnTo>
                    <a:lnTo>
                      <a:pt x="733" y="263"/>
                    </a:lnTo>
                    <a:lnTo>
                      <a:pt x="742" y="264"/>
                    </a:lnTo>
                    <a:lnTo>
                      <a:pt x="761" y="264"/>
                    </a:lnTo>
                    <a:lnTo>
                      <a:pt x="780" y="264"/>
                    </a:lnTo>
                    <a:lnTo>
                      <a:pt x="783" y="268"/>
                    </a:lnTo>
                    <a:lnTo>
                      <a:pt x="786" y="273"/>
                    </a:lnTo>
                    <a:lnTo>
                      <a:pt x="788" y="279"/>
                    </a:lnTo>
                    <a:lnTo>
                      <a:pt x="789" y="287"/>
                    </a:lnTo>
                    <a:lnTo>
                      <a:pt x="790" y="303"/>
                    </a:lnTo>
                    <a:lnTo>
                      <a:pt x="789" y="319"/>
                    </a:lnTo>
                    <a:lnTo>
                      <a:pt x="811" y="304"/>
                    </a:lnTo>
                    <a:lnTo>
                      <a:pt x="835" y="291"/>
                    </a:lnTo>
                    <a:lnTo>
                      <a:pt x="846" y="286"/>
                    </a:lnTo>
                    <a:lnTo>
                      <a:pt x="858" y="280"/>
                    </a:lnTo>
                    <a:lnTo>
                      <a:pt x="869" y="277"/>
                    </a:lnTo>
                    <a:lnTo>
                      <a:pt x="881" y="274"/>
                    </a:lnTo>
                    <a:lnTo>
                      <a:pt x="894" y="272"/>
                    </a:lnTo>
                    <a:lnTo>
                      <a:pt x="906" y="272"/>
                    </a:lnTo>
                    <a:lnTo>
                      <a:pt x="919" y="273"/>
                    </a:lnTo>
                    <a:lnTo>
                      <a:pt x="931" y="275"/>
                    </a:lnTo>
                    <a:lnTo>
                      <a:pt x="944" y="279"/>
                    </a:lnTo>
                    <a:lnTo>
                      <a:pt x="958" y="285"/>
                    </a:lnTo>
                    <a:lnTo>
                      <a:pt x="971" y="292"/>
                    </a:lnTo>
                    <a:lnTo>
                      <a:pt x="986" y="300"/>
                    </a:lnTo>
                    <a:lnTo>
                      <a:pt x="985" y="316"/>
                    </a:lnTo>
                    <a:lnTo>
                      <a:pt x="985" y="330"/>
                    </a:lnTo>
                    <a:lnTo>
                      <a:pt x="987" y="341"/>
                    </a:lnTo>
                    <a:lnTo>
                      <a:pt x="989" y="351"/>
                    </a:lnTo>
                    <a:lnTo>
                      <a:pt x="994" y="359"/>
                    </a:lnTo>
                    <a:lnTo>
                      <a:pt x="998" y="366"/>
                    </a:lnTo>
                    <a:lnTo>
                      <a:pt x="1004" y="371"/>
                    </a:lnTo>
                    <a:lnTo>
                      <a:pt x="1010" y="375"/>
                    </a:lnTo>
                    <a:lnTo>
                      <a:pt x="1018" y="378"/>
                    </a:lnTo>
                    <a:lnTo>
                      <a:pt x="1026" y="380"/>
                    </a:lnTo>
                    <a:lnTo>
                      <a:pt x="1036" y="382"/>
                    </a:lnTo>
                    <a:lnTo>
                      <a:pt x="1045" y="383"/>
                    </a:lnTo>
                    <a:lnTo>
                      <a:pt x="1066" y="384"/>
                    </a:lnTo>
                    <a:lnTo>
                      <a:pt x="1089" y="385"/>
                    </a:lnTo>
                    <a:lnTo>
                      <a:pt x="1085" y="395"/>
                    </a:lnTo>
                    <a:lnTo>
                      <a:pt x="1083" y="405"/>
                    </a:lnTo>
                    <a:lnTo>
                      <a:pt x="1083" y="413"/>
                    </a:lnTo>
                    <a:lnTo>
                      <a:pt x="1085" y="419"/>
                    </a:lnTo>
                    <a:lnTo>
                      <a:pt x="1088" y="426"/>
                    </a:lnTo>
                    <a:lnTo>
                      <a:pt x="1093" y="431"/>
                    </a:lnTo>
                    <a:lnTo>
                      <a:pt x="1098" y="435"/>
                    </a:lnTo>
                    <a:lnTo>
                      <a:pt x="1103" y="439"/>
                    </a:lnTo>
                    <a:lnTo>
                      <a:pt x="1114" y="445"/>
                    </a:lnTo>
                    <a:lnTo>
                      <a:pt x="1123" y="450"/>
                    </a:lnTo>
                    <a:lnTo>
                      <a:pt x="1126" y="452"/>
                    </a:lnTo>
                    <a:lnTo>
                      <a:pt x="1128" y="455"/>
                    </a:lnTo>
                    <a:lnTo>
                      <a:pt x="1128" y="457"/>
                    </a:lnTo>
                    <a:lnTo>
                      <a:pt x="1126" y="459"/>
                    </a:lnTo>
                    <a:lnTo>
                      <a:pt x="1124" y="466"/>
                    </a:lnTo>
                    <a:lnTo>
                      <a:pt x="1121" y="469"/>
                    </a:lnTo>
                    <a:lnTo>
                      <a:pt x="1117" y="472"/>
                    </a:lnTo>
                    <a:lnTo>
                      <a:pt x="1111" y="474"/>
                    </a:lnTo>
                    <a:lnTo>
                      <a:pt x="1099" y="475"/>
                    </a:lnTo>
                    <a:lnTo>
                      <a:pt x="1084" y="475"/>
                    </a:lnTo>
                    <a:lnTo>
                      <a:pt x="1067" y="475"/>
                    </a:lnTo>
                    <a:lnTo>
                      <a:pt x="1051" y="476"/>
                    </a:lnTo>
                    <a:lnTo>
                      <a:pt x="1043" y="477"/>
                    </a:lnTo>
                    <a:lnTo>
                      <a:pt x="1037" y="480"/>
                    </a:lnTo>
                    <a:lnTo>
                      <a:pt x="1029" y="484"/>
                    </a:lnTo>
                    <a:lnTo>
                      <a:pt x="1023" y="488"/>
                    </a:lnTo>
                    <a:lnTo>
                      <a:pt x="1022" y="494"/>
                    </a:lnTo>
                    <a:lnTo>
                      <a:pt x="1022" y="500"/>
                    </a:lnTo>
                    <a:lnTo>
                      <a:pt x="1022" y="505"/>
                    </a:lnTo>
                    <a:lnTo>
                      <a:pt x="1024" y="509"/>
                    </a:lnTo>
                    <a:lnTo>
                      <a:pt x="1027" y="515"/>
                    </a:lnTo>
                    <a:lnTo>
                      <a:pt x="1033" y="521"/>
                    </a:lnTo>
                    <a:lnTo>
                      <a:pt x="1038" y="526"/>
                    </a:lnTo>
                    <a:lnTo>
                      <a:pt x="1042" y="533"/>
                    </a:lnTo>
                    <a:lnTo>
                      <a:pt x="1043" y="537"/>
                    </a:lnTo>
                    <a:lnTo>
                      <a:pt x="1044" y="542"/>
                    </a:lnTo>
                    <a:lnTo>
                      <a:pt x="1043" y="547"/>
                    </a:lnTo>
                    <a:lnTo>
                      <a:pt x="1042" y="553"/>
                    </a:lnTo>
                    <a:lnTo>
                      <a:pt x="1036" y="554"/>
                    </a:lnTo>
                    <a:lnTo>
                      <a:pt x="1029" y="555"/>
                    </a:lnTo>
                    <a:lnTo>
                      <a:pt x="1024" y="557"/>
                    </a:lnTo>
                    <a:lnTo>
                      <a:pt x="1020" y="559"/>
                    </a:lnTo>
                    <a:lnTo>
                      <a:pt x="1014" y="567"/>
                    </a:lnTo>
                    <a:lnTo>
                      <a:pt x="1007" y="575"/>
                    </a:lnTo>
                    <a:lnTo>
                      <a:pt x="1004" y="578"/>
                    </a:lnTo>
                    <a:lnTo>
                      <a:pt x="1001" y="583"/>
                    </a:lnTo>
                    <a:lnTo>
                      <a:pt x="997" y="586"/>
                    </a:lnTo>
                    <a:lnTo>
                      <a:pt x="992" y="589"/>
                    </a:lnTo>
                    <a:lnTo>
                      <a:pt x="988" y="591"/>
                    </a:lnTo>
                    <a:lnTo>
                      <a:pt x="982" y="592"/>
                    </a:lnTo>
                    <a:lnTo>
                      <a:pt x="976" y="592"/>
                    </a:lnTo>
                    <a:lnTo>
                      <a:pt x="967" y="591"/>
                    </a:lnTo>
                    <a:lnTo>
                      <a:pt x="967" y="598"/>
                    </a:lnTo>
                    <a:lnTo>
                      <a:pt x="968" y="604"/>
                    </a:lnTo>
                    <a:lnTo>
                      <a:pt x="970" y="609"/>
                    </a:lnTo>
                    <a:lnTo>
                      <a:pt x="974" y="613"/>
                    </a:lnTo>
                    <a:lnTo>
                      <a:pt x="976" y="617"/>
                    </a:lnTo>
                    <a:lnTo>
                      <a:pt x="978" y="623"/>
                    </a:lnTo>
                    <a:lnTo>
                      <a:pt x="978" y="629"/>
                    </a:lnTo>
                    <a:lnTo>
                      <a:pt x="977" y="637"/>
                    </a:lnTo>
                    <a:lnTo>
                      <a:pt x="968" y="647"/>
                    </a:lnTo>
                    <a:lnTo>
                      <a:pt x="961" y="655"/>
                    </a:lnTo>
                    <a:lnTo>
                      <a:pt x="955" y="665"/>
                    </a:lnTo>
                    <a:lnTo>
                      <a:pt x="949" y="674"/>
                    </a:lnTo>
                    <a:lnTo>
                      <a:pt x="945" y="684"/>
                    </a:lnTo>
                    <a:lnTo>
                      <a:pt x="941" y="693"/>
                    </a:lnTo>
                    <a:lnTo>
                      <a:pt x="938" y="703"/>
                    </a:lnTo>
                    <a:lnTo>
                      <a:pt x="936" y="713"/>
                    </a:lnTo>
                    <a:lnTo>
                      <a:pt x="935" y="724"/>
                    </a:lnTo>
                    <a:lnTo>
                      <a:pt x="935" y="733"/>
                    </a:lnTo>
                    <a:lnTo>
                      <a:pt x="935" y="744"/>
                    </a:lnTo>
                    <a:lnTo>
                      <a:pt x="936" y="753"/>
                    </a:lnTo>
                    <a:lnTo>
                      <a:pt x="937" y="763"/>
                    </a:lnTo>
                    <a:lnTo>
                      <a:pt x="939" y="773"/>
                    </a:lnTo>
                    <a:lnTo>
                      <a:pt x="942" y="783"/>
                    </a:lnTo>
                    <a:lnTo>
                      <a:pt x="946" y="791"/>
                    </a:lnTo>
                    <a:lnTo>
                      <a:pt x="950" y="801"/>
                    </a:lnTo>
                    <a:lnTo>
                      <a:pt x="956" y="809"/>
                    </a:lnTo>
                    <a:lnTo>
                      <a:pt x="962" y="817"/>
                    </a:lnTo>
                    <a:lnTo>
                      <a:pt x="968" y="825"/>
                    </a:lnTo>
                    <a:lnTo>
                      <a:pt x="975" y="832"/>
                    </a:lnTo>
                    <a:lnTo>
                      <a:pt x="983" y="840"/>
                    </a:lnTo>
                    <a:lnTo>
                      <a:pt x="990" y="846"/>
                    </a:lnTo>
                    <a:lnTo>
                      <a:pt x="1000" y="852"/>
                    </a:lnTo>
                    <a:lnTo>
                      <a:pt x="1009" y="856"/>
                    </a:lnTo>
                    <a:lnTo>
                      <a:pt x="1019" y="862"/>
                    </a:lnTo>
                    <a:lnTo>
                      <a:pt x="1029" y="865"/>
                    </a:lnTo>
                    <a:lnTo>
                      <a:pt x="1040" y="868"/>
                    </a:lnTo>
                    <a:lnTo>
                      <a:pt x="1051" y="870"/>
                    </a:lnTo>
                    <a:lnTo>
                      <a:pt x="1064" y="872"/>
                    </a:lnTo>
                    <a:lnTo>
                      <a:pt x="1076" y="872"/>
                    </a:lnTo>
                    <a:lnTo>
                      <a:pt x="1089" y="872"/>
                    </a:lnTo>
                    <a:lnTo>
                      <a:pt x="1085" y="888"/>
                    </a:lnTo>
                    <a:lnTo>
                      <a:pt x="1081" y="904"/>
                    </a:lnTo>
                    <a:lnTo>
                      <a:pt x="1077" y="920"/>
                    </a:lnTo>
                    <a:lnTo>
                      <a:pt x="1070" y="933"/>
                    </a:lnTo>
                    <a:lnTo>
                      <a:pt x="1067" y="941"/>
                    </a:lnTo>
                    <a:lnTo>
                      <a:pt x="1064" y="947"/>
                    </a:lnTo>
                    <a:lnTo>
                      <a:pt x="1060" y="952"/>
                    </a:lnTo>
                    <a:lnTo>
                      <a:pt x="1056" y="957"/>
                    </a:lnTo>
                    <a:lnTo>
                      <a:pt x="1050" y="963"/>
                    </a:lnTo>
                    <a:lnTo>
                      <a:pt x="1045" y="968"/>
                    </a:lnTo>
                    <a:lnTo>
                      <a:pt x="1039" y="971"/>
                    </a:lnTo>
                    <a:lnTo>
                      <a:pt x="1033" y="975"/>
                    </a:lnTo>
                    <a:lnTo>
                      <a:pt x="1031" y="981"/>
                    </a:lnTo>
                    <a:lnTo>
                      <a:pt x="1030" y="986"/>
                    </a:lnTo>
                    <a:lnTo>
                      <a:pt x="1031" y="990"/>
                    </a:lnTo>
                    <a:lnTo>
                      <a:pt x="1033" y="994"/>
                    </a:lnTo>
                    <a:lnTo>
                      <a:pt x="1036" y="1001"/>
                    </a:lnTo>
                    <a:lnTo>
                      <a:pt x="1040" y="1005"/>
                    </a:lnTo>
                    <a:lnTo>
                      <a:pt x="1045" y="1010"/>
                    </a:lnTo>
                    <a:lnTo>
                      <a:pt x="1049" y="1014"/>
                    </a:lnTo>
                    <a:lnTo>
                      <a:pt x="1050" y="1018"/>
                    </a:lnTo>
                    <a:lnTo>
                      <a:pt x="1051" y="1022"/>
                    </a:lnTo>
                    <a:lnTo>
                      <a:pt x="1051" y="1026"/>
                    </a:lnTo>
                    <a:lnTo>
                      <a:pt x="1051" y="1031"/>
                    </a:lnTo>
                    <a:lnTo>
                      <a:pt x="1040" y="1038"/>
                    </a:lnTo>
                    <a:lnTo>
                      <a:pt x="1027" y="1042"/>
                    </a:lnTo>
                    <a:lnTo>
                      <a:pt x="1015" y="1045"/>
                    </a:lnTo>
                    <a:lnTo>
                      <a:pt x="1002" y="1046"/>
                    </a:lnTo>
                    <a:lnTo>
                      <a:pt x="988" y="1047"/>
                    </a:lnTo>
                    <a:lnTo>
                      <a:pt x="976" y="1045"/>
                    </a:lnTo>
                    <a:lnTo>
                      <a:pt x="963" y="1043"/>
                    </a:lnTo>
                    <a:lnTo>
                      <a:pt x="951" y="1040"/>
                    </a:lnTo>
                    <a:lnTo>
                      <a:pt x="941" y="1035"/>
                    </a:lnTo>
                    <a:lnTo>
                      <a:pt x="930" y="1030"/>
                    </a:lnTo>
                    <a:lnTo>
                      <a:pt x="922" y="1024"/>
                    </a:lnTo>
                    <a:lnTo>
                      <a:pt x="915" y="1016"/>
                    </a:lnTo>
                    <a:lnTo>
                      <a:pt x="908" y="1009"/>
                    </a:lnTo>
                    <a:lnTo>
                      <a:pt x="904" y="1002"/>
                    </a:lnTo>
                    <a:lnTo>
                      <a:pt x="903" y="998"/>
                    </a:lnTo>
                    <a:lnTo>
                      <a:pt x="902" y="993"/>
                    </a:lnTo>
                    <a:lnTo>
                      <a:pt x="902" y="989"/>
                    </a:lnTo>
                    <a:lnTo>
                      <a:pt x="902" y="984"/>
                    </a:lnTo>
                    <a:lnTo>
                      <a:pt x="892" y="975"/>
                    </a:lnTo>
                    <a:lnTo>
                      <a:pt x="883" y="968"/>
                    </a:lnTo>
                    <a:lnTo>
                      <a:pt x="874" y="963"/>
                    </a:lnTo>
                    <a:lnTo>
                      <a:pt x="863" y="960"/>
                    </a:lnTo>
                    <a:lnTo>
                      <a:pt x="852" y="959"/>
                    </a:lnTo>
                    <a:lnTo>
                      <a:pt x="842" y="957"/>
                    </a:lnTo>
                    <a:lnTo>
                      <a:pt x="830" y="959"/>
                    </a:lnTo>
                    <a:lnTo>
                      <a:pt x="819" y="960"/>
                    </a:lnTo>
                    <a:lnTo>
                      <a:pt x="797" y="965"/>
                    </a:lnTo>
                    <a:lnTo>
                      <a:pt x="775" y="970"/>
                    </a:lnTo>
                    <a:lnTo>
                      <a:pt x="764" y="972"/>
                    </a:lnTo>
                    <a:lnTo>
                      <a:pt x="753" y="974"/>
                    </a:lnTo>
                    <a:lnTo>
                      <a:pt x="743" y="975"/>
                    </a:lnTo>
                    <a:lnTo>
                      <a:pt x="733" y="975"/>
                    </a:lnTo>
                    <a:lnTo>
                      <a:pt x="725" y="973"/>
                    </a:lnTo>
                    <a:lnTo>
                      <a:pt x="718" y="971"/>
                    </a:lnTo>
                    <a:lnTo>
                      <a:pt x="711" y="969"/>
                    </a:lnTo>
                    <a:lnTo>
                      <a:pt x="705" y="965"/>
                    </a:lnTo>
                    <a:lnTo>
                      <a:pt x="693" y="957"/>
                    </a:lnTo>
                    <a:lnTo>
                      <a:pt x="683" y="950"/>
                    </a:lnTo>
                    <a:lnTo>
                      <a:pt x="678" y="947"/>
                    </a:lnTo>
                    <a:lnTo>
                      <a:pt x="673" y="945"/>
                    </a:lnTo>
                    <a:lnTo>
                      <a:pt x="668" y="943"/>
                    </a:lnTo>
                    <a:lnTo>
                      <a:pt x="663" y="943"/>
                    </a:lnTo>
                    <a:lnTo>
                      <a:pt x="658" y="944"/>
                    </a:lnTo>
                    <a:lnTo>
                      <a:pt x="652" y="946"/>
                    </a:lnTo>
                    <a:lnTo>
                      <a:pt x="646" y="950"/>
                    </a:lnTo>
                    <a:lnTo>
                      <a:pt x="640" y="956"/>
                    </a:lnTo>
                    <a:lnTo>
                      <a:pt x="640" y="964"/>
                    </a:lnTo>
                    <a:lnTo>
                      <a:pt x="642" y="970"/>
                    </a:lnTo>
                    <a:lnTo>
                      <a:pt x="644" y="976"/>
                    </a:lnTo>
                    <a:lnTo>
                      <a:pt x="646" y="982"/>
                    </a:lnTo>
                    <a:lnTo>
                      <a:pt x="649" y="988"/>
                    </a:lnTo>
                    <a:lnTo>
                      <a:pt x="650" y="994"/>
                    </a:lnTo>
                    <a:lnTo>
                      <a:pt x="650" y="1003"/>
                    </a:lnTo>
                    <a:lnTo>
                      <a:pt x="649" y="1012"/>
                    </a:lnTo>
                    <a:lnTo>
                      <a:pt x="639" y="1013"/>
                    </a:lnTo>
                    <a:lnTo>
                      <a:pt x="630" y="1015"/>
                    </a:lnTo>
                    <a:lnTo>
                      <a:pt x="624" y="1019"/>
                    </a:lnTo>
                    <a:lnTo>
                      <a:pt x="618" y="1023"/>
                    </a:lnTo>
                    <a:lnTo>
                      <a:pt x="606" y="1032"/>
                    </a:lnTo>
                    <a:lnTo>
                      <a:pt x="592" y="1041"/>
                    </a:lnTo>
                    <a:lnTo>
                      <a:pt x="592" y="1048"/>
                    </a:lnTo>
                    <a:lnTo>
                      <a:pt x="593" y="1053"/>
                    </a:lnTo>
                    <a:lnTo>
                      <a:pt x="596" y="1059"/>
                    </a:lnTo>
                    <a:lnTo>
                      <a:pt x="599" y="1063"/>
                    </a:lnTo>
                    <a:lnTo>
                      <a:pt x="602" y="1067"/>
                    </a:lnTo>
                    <a:lnTo>
                      <a:pt x="603" y="1072"/>
                    </a:lnTo>
                    <a:lnTo>
                      <a:pt x="604" y="1079"/>
                    </a:lnTo>
                    <a:lnTo>
                      <a:pt x="602" y="1087"/>
                    </a:lnTo>
                    <a:lnTo>
                      <a:pt x="593" y="1092"/>
                    </a:lnTo>
                    <a:lnTo>
                      <a:pt x="584" y="1098"/>
                    </a:lnTo>
                    <a:lnTo>
                      <a:pt x="574" y="1101"/>
                    </a:lnTo>
                    <a:lnTo>
                      <a:pt x="565" y="1103"/>
                    </a:lnTo>
                    <a:lnTo>
                      <a:pt x="554" y="1105"/>
                    </a:lnTo>
                    <a:lnTo>
                      <a:pt x="545" y="1106"/>
                    </a:lnTo>
                    <a:lnTo>
                      <a:pt x="535" y="1106"/>
                    </a:lnTo>
                    <a:lnTo>
                      <a:pt x="526" y="1104"/>
                    </a:lnTo>
                    <a:lnTo>
                      <a:pt x="517" y="1102"/>
                    </a:lnTo>
                    <a:lnTo>
                      <a:pt x="508" y="1099"/>
                    </a:lnTo>
                    <a:lnTo>
                      <a:pt x="501" y="1093"/>
                    </a:lnTo>
                    <a:lnTo>
                      <a:pt x="494" y="1087"/>
                    </a:lnTo>
                    <a:lnTo>
                      <a:pt x="489" y="1080"/>
                    </a:lnTo>
                    <a:lnTo>
                      <a:pt x="485" y="1071"/>
                    </a:lnTo>
                    <a:lnTo>
                      <a:pt x="482" y="1062"/>
                    </a:lnTo>
                    <a:lnTo>
                      <a:pt x="481" y="1050"/>
                    </a:lnTo>
                    <a:lnTo>
                      <a:pt x="463" y="1049"/>
                    </a:lnTo>
                    <a:lnTo>
                      <a:pt x="446" y="1047"/>
                    </a:lnTo>
                    <a:lnTo>
                      <a:pt x="430" y="1044"/>
                    </a:lnTo>
                    <a:lnTo>
                      <a:pt x="417" y="1039"/>
                    </a:lnTo>
                    <a:lnTo>
                      <a:pt x="410" y="1036"/>
                    </a:lnTo>
                    <a:lnTo>
                      <a:pt x="404" y="1033"/>
                    </a:lnTo>
                    <a:lnTo>
                      <a:pt x="398" y="1029"/>
                    </a:lnTo>
                    <a:lnTo>
                      <a:pt x="392" y="1025"/>
                    </a:lnTo>
                    <a:lnTo>
                      <a:pt x="388" y="1021"/>
                    </a:lnTo>
                    <a:lnTo>
                      <a:pt x="384" y="1015"/>
                    </a:lnTo>
                    <a:lnTo>
                      <a:pt x="381" y="1009"/>
                    </a:lnTo>
                    <a:lnTo>
                      <a:pt x="378" y="1003"/>
                    </a:lnTo>
                    <a:lnTo>
                      <a:pt x="366" y="1007"/>
                    </a:lnTo>
                    <a:lnTo>
                      <a:pt x="355" y="1012"/>
                    </a:lnTo>
                    <a:lnTo>
                      <a:pt x="347" y="1019"/>
                    </a:lnTo>
                    <a:lnTo>
                      <a:pt x="339" y="1026"/>
                    </a:lnTo>
                    <a:lnTo>
                      <a:pt x="325" y="1042"/>
                    </a:lnTo>
                    <a:lnTo>
                      <a:pt x="311" y="1060"/>
                    </a:lnTo>
                    <a:lnTo>
                      <a:pt x="290" y="1056"/>
                    </a:lnTo>
                    <a:lnTo>
                      <a:pt x="270" y="1053"/>
                    </a:lnTo>
                    <a:lnTo>
                      <a:pt x="251" y="1050"/>
                    </a:lnTo>
                    <a:lnTo>
                      <a:pt x="233" y="1046"/>
                    </a:lnTo>
                    <a:lnTo>
                      <a:pt x="225" y="1042"/>
                    </a:lnTo>
                    <a:lnTo>
                      <a:pt x="216" y="1039"/>
                    </a:lnTo>
                    <a:lnTo>
                      <a:pt x="210" y="1033"/>
                    </a:lnTo>
                    <a:lnTo>
                      <a:pt x="203" y="1028"/>
                    </a:lnTo>
                    <a:lnTo>
                      <a:pt x="196" y="1021"/>
                    </a:lnTo>
                    <a:lnTo>
                      <a:pt x="190" y="1013"/>
                    </a:lnTo>
                    <a:lnTo>
                      <a:pt x="185" y="1004"/>
                    </a:lnTo>
                    <a:lnTo>
                      <a:pt x="181" y="993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92" name="Ringkøbing-Skjern kant"/>
              <p:cNvSpPr>
                <a:spLocks/>
              </p:cNvSpPr>
              <p:nvPr/>
            </p:nvSpPr>
            <p:spPr bwMode="auto">
              <a:xfrm>
                <a:off x="515938" y="4178306"/>
                <a:ext cx="596901" cy="585788"/>
              </a:xfrm>
              <a:custGeom>
                <a:avLst/>
                <a:gdLst>
                  <a:gd name="T0" fmla="*/ 74 w 1128"/>
                  <a:gd name="T1" fmla="*/ 329 h 1106"/>
                  <a:gd name="T2" fmla="*/ 77 w 1128"/>
                  <a:gd name="T3" fmla="*/ 324 h 1106"/>
                  <a:gd name="T4" fmla="*/ 120 w 1128"/>
                  <a:gd name="T5" fmla="*/ 300 h 1106"/>
                  <a:gd name="T6" fmla="*/ 136 w 1128"/>
                  <a:gd name="T7" fmla="*/ 280 h 1106"/>
                  <a:gd name="T8" fmla="*/ 140 w 1128"/>
                  <a:gd name="T9" fmla="*/ 253 h 1106"/>
                  <a:gd name="T10" fmla="*/ 117 w 1128"/>
                  <a:gd name="T11" fmla="*/ 221 h 1106"/>
                  <a:gd name="T12" fmla="*/ 103 w 1128"/>
                  <a:gd name="T13" fmla="*/ 177 h 1106"/>
                  <a:gd name="T14" fmla="*/ 92 w 1128"/>
                  <a:gd name="T15" fmla="*/ 141 h 1106"/>
                  <a:gd name="T16" fmla="*/ 30 w 1128"/>
                  <a:gd name="T17" fmla="*/ 117 h 1106"/>
                  <a:gd name="T18" fmla="*/ 15 w 1128"/>
                  <a:gd name="T19" fmla="*/ 153 h 1106"/>
                  <a:gd name="T20" fmla="*/ 12 w 1128"/>
                  <a:gd name="T21" fmla="*/ 194 h 1106"/>
                  <a:gd name="T22" fmla="*/ 4 w 1128"/>
                  <a:gd name="T23" fmla="*/ 188 h 1106"/>
                  <a:gd name="T24" fmla="*/ 2 w 1128"/>
                  <a:gd name="T25" fmla="*/ 151 h 1106"/>
                  <a:gd name="T26" fmla="*/ 14 w 1128"/>
                  <a:gd name="T27" fmla="*/ 58 h 1106"/>
                  <a:gd name="T28" fmla="*/ 28 w 1128"/>
                  <a:gd name="T29" fmla="*/ 0 h 1106"/>
                  <a:gd name="T30" fmla="*/ 52 w 1128"/>
                  <a:gd name="T31" fmla="*/ 2 h 1106"/>
                  <a:gd name="T32" fmla="*/ 65 w 1128"/>
                  <a:gd name="T33" fmla="*/ 13 h 1106"/>
                  <a:gd name="T34" fmla="*/ 81 w 1128"/>
                  <a:gd name="T35" fmla="*/ 23 h 1106"/>
                  <a:gd name="T36" fmla="*/ 120 w 1128"/>
                  <a:gd name="T37" fmla="*/ 19 h 1106"/>
                  <a:gd name="T38" fmla="*/ 160 w 1128"/>
                  <a:gd name="T39" fmla="*/ 10 h 1106"/>
                  <a:gd name="T40" fmla="*/ 187 w 1128"/>
                  <a:gd name="T41" fmla="*/ 32 h 1106"/>
                  <a:gd name="T42" fmla="*/ 203 w 1128"/>
                  <a:gd name="T43" fmla="*/ 55 h 1106"/>
                  <a:gd name="T44" fmla="*/ 229 w 1128"/>
                  <a:gd name="T45" fmla="*/ 61 h 1106"/>
                  <a:gd name="T46" fmla="*/ 241 w 1128"/>
                  <a:gd name="T47" fmla="*/ 80 h 1106"/>
                  <a:gd name="T48" fmla="*/ 244 w 1128"/>
                  <a:gd name="T49" fmla="*/ 88 h 1106"/>
                  <a:gd name="T50" fmla="*/ 263 w 1128"/>
                  <a:gd name="T51" fmla="*/ 96 h 1106"/>
                  <a:gd name="T52" fmla="*/ 290 w 1128"/>
                  <a:gd name="T53" fmla="*/ 92 h 1106"/>
                  <a:gd name="T54" fmla="*/ 319 w 1128"/>
                  <a:gd name="T55" fmla="*/ 95 h 1106"/>
                  <a:gd name="T56" fmla="*/ 331 w 1128"/>
                  <a:gd name="T57" fmla="*/ 120 h 1106"/>
                  <a:gd name="T58" fmla="*/ 348 w 1128"/>
                  <a:gd name="T59" fmla="*/ 128 h 1106"/>
                  <a:gd name="T60" fmla="*/ 363 w 1128"/>
                  <a:gd name="T61" fmla="*/ 142 h 1106"/>
                  <a:gd name="T62" fmla="*/ 376 w 1128"/>
                  <a:gd name="T63" fmla="*/ 152 h 1106"/>
                  <a:gd name="T64" fmla="*/ 366 w 1128"/>
                  <a:gd name="T65" fmla="*/ 158 h 1106"/>
                  <a:gd name="T66" fmla="*/ 341 w 1128"/>
                  <a:gd name="T67" fmla="*/ 163 h 1106"/>
                  <a:gd name="T68" fmla="*/ 346 w 1128"/>
                  <a:gd name="T69" fmla="*/ 175 h 1106"/>
                  <a:gd name="T70" fmla="*/ 343 w 1128"/>
                  <a:gd name="T71" fmla="*/ 185 h 1106"/>
                  <a:gd name="T72" fmla="*/ 332 w 1128"/>
                  <a:gd name="T73" fmla="*/ 196 h 1106"/>
                  <a:gd name="T74" fmla="*/ 323 w 1128"/>
                  <a:gd name="T75" fmla="*/ 202 h 1106"/>
                  <a:gd name="T76" fmla="*/ 323 w 1128"/>
                  <a:gd name="T77" fmla="*/ 216 h 1106"/>
                  <a:gd name="T78" fmla="*/ 312 w 1128"/>
                  <a:gd name="T79" fmla="*/ 238 h 1106"/>
                  <a:gd name="T80" fmla="*/ 314 w 1128"/>
                  <a:gd name="T81" fmla="*/ 261 h 1106"/>
                  <a:gd name="T82" fmla="*/ 328 w 1128"/>
                  <a:gd name="T83" fmla="*/ 280 h 1106"/>
                  <a:gd name="T84" fmla="*/ 350 w 1128"/>
                  <a:gd name="T85" fmla="*/ 290 h 1106"/>
                  <a:gd name="T86" fmla="*/ 357 w 1128"/>
                  <a:gd name="T87" fmla="*/ 311 h 1106"/>
                  <a:gd name="T88" fmla="*/ 346 w 1128"/>
                  <a:gd name="T89" fmla="*/ 324 h 1106"/>
                  <a:gd name="T90" fmla="*/ 347 w 1128"/>
                  <a:gd name="T91" fmla="*/ 335 h 1106"/>
                  <a:gd name="T92" fmla="*/ 347 w 1128"/>
                  <a:gd name="T93" fmla="*/ 346 h 1106"/>
                  <a:gd name="T94" fmla="*/ 317 w 1128"/>
                  <a:gd name="T95" fmla="*/ 347 h 1106"/>
                  <a:gd name="T96" fmla="*/ 301 w 1128"/>
                  <a:gd name="T97" fmla="*/ 333 h 1106"/>
                  <a:gd name="T98" fmla="*/ 288 w 1128"/>
                  <a:gd name="T99" fmla="*/ 320 h 1106"/>
                  <a:gd name="T100" fmla="*/ 255 w 1128"/>
                  <a:gd name="T101" fmla="*/ 324 h 1106"/>
                  <a:gd name="T102" fmla="*/ 235 w 1128"/>
                  <a:gd name="T103" fmla="*/ 322 h 1106"/>
                  <a:gd name="T104" fmla="*/ 219 w 1128"/>
                  <a:gd name="T105" fmla="*/ 315 h 1106"/>
                  <a:gd name="T106" fmla="*/ 215 w 1128"/>
                  <a:gd name="T107" fmla="*/ 328 h 1106"/>
                  <a:gd name="T108" fmla="*/ 208 w 1128"/>
                  <a:gd name="T109" fmla="*/ 340 h 1106"/>
                  <a:gd name="T110" fmla="*/ 200 w 1128"/>
                  <a:gd name="T111" fmla="*/ 355 h 1106"/>
                  <a:gd name="T112" fmla="*/ 191 w 1128"/>
                  <a:gd name="T113" fmla="*/ 367 h 1106"/>
                  <a:gd name="T114" fmla="*/ 169 w 1128"/>
                  <a:gd name="T115" fmla="*/ 367 h 1106"/>
                  <a:gd name="T116" fmla="*/ 154 w 1128"/>
                  <a:gd name="T117" fmla="*/ 350 h 1106"/>
                  <a:gd name="T118" fmla="*/ 131 w 1128"/>
                  <a:gd name="T119" fmla="*/ 342 h 1106"/>
                  <a:gd name="T120" fmla="*/ 116 w 1128"/>
                  <a:gd name="T121" fmla="*/ 340 h 1106"/>
                  <a:gd name="T122" fmla="*/ 78 w 1128"/>
                  <a:gd name="T123" fmla="*/ 349 h 1106"/>
                  <a:gd name="T124" fmla="*/ 62 w 1128"/>
                  <a:gd name="T125" fmla="*/ 335 h 110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128" h="1106">
                    <a:moveTo>
                      <a:pt x="181" y="993"/>
                    </a:moveTo>
                    <a:lnTo>
                      <a:pt x="189" y="995"/>
                    </a:lnTo>
                    <a:lnTo>
                      <a:pt x="199" y="995"/>
                    </a:lnTo>
                    <a:lnTo>
                      <a:pt x="208" y="993"/>
                    </a:lnTo>
                    <a:lnTo>
                      <a:pt x="216" y="990"/>
                    </a:lnTo>
                    <a:lnTo>
                      <a:pt x="221" y="988"/>
                    </a:lnTo>
                    <a:lnTo>
                      <a:pt x="223" y="987"/>
                    </a:lnTo>
                    <a:lnTo>
                      <a:pt x="225" y="985"/>
                    </a:lnTo>
                    <a:lnTo>
                      <a:pt x="226" y="983"/>
                    </a:lnTo>
                    <a:lnTo>
                      <a:pt x="226" y="981"/>
                    </a:lnTo>
                    <a:lnTo>
                      <a:pt x="225" y="979"/>
                    </a:lnTo>
                    <a:lnTo>
                      <a:pt x="222" y="976"/>
                    </a:lnTo>
                    <a:lnTo>
                      <a:pt x="219" y="975"/>
                    </a:lnTo>
                    <a:lnTo>
                      <a:pt x="232" y="970"/>
                    </a:lnTo>
                    <a:lnTo>
                      <a:pt x="248" y="964"/>
                    </a:lnTo>
                    <a:lnTo>
                      <a:pt x="266" y="956"/>
                    </a:lnTo>
                    <a:lnTo>
                      <a:pt x="285" y="948"/>
                    </a:lnTo>
                    <a:lnTo>
                      <a:pt x="303" y="937"/>
                    </a:lnTo>
                    <a:lnTo>
                      <a:pt x="322" y="927"/>
                    </a:lnTo>
                    <a:lnTo>
                      <a:pt x="341" y="914"/>
                    </a:lnTo>
                    <a:lnTo>
                      <a:pt x="359" y="900"/>
                    </a:lnTo>
                    <a:lnTo>
                      <a:pt x="367" y="892"/>
                    </a:lnTo>
                    <a:lnTo>
                      <a:pt x="374" y="884"/>
                    </a:lnTo>
                    <a:lnTo>
                      <a:pt x="382" y="876"/>
                    </a:lnTo>
                    <a:lnTo>
                      <a:pt x="389" y="867"/>
                    </a:lnTo>
                    <a:lnTo>
                      <a:pt x="395" y="859"/>
                    </a:lnTo>
                    <a:lnTo>
                      <a:pt x="402" y="849"/>
                    </a:lnTo>
                    <a:lnTo>
                      <a:pt x="407" y="839"/>
                    </a:lnTo>
                    <a:lnTo>
                      <a:pt x="411" y="828"/>
                    </a:lnTo>
                    <a:lnTo>
                      <a:pt x="415" y="817"/>
                    </a:lnTo>
                    <a:lnTo>
                      <a:pt x="418" y="807"/>
                    </a:lnTo>
                    <a:lnTo>
                      <a:pt x="420" y="795"/>
                    </a:lnTo>
                    <a:lnTo>
                      <a:pt x="421" y="784"/>
                    </a:lnTo>
                    <a:lnTo>
                      <a:pt x="421" y="771"/>
                    </a:lnTo>
                    <a:lnTo>
                      <a:pt x="420" y="758"/>
                    </a:lnTo>
                    <a:lnTo>
                      <a:pt x="418" y="745"/>
                    </a:lnTo>
                    <a:lnTo>
                      <a:pt x="414" y="731"/>
                    </a:lnTo>
                    <a:lnTo>
                      <a:pt x="400" y="718"/>
                    </a:lnTo>
                    <a:lnTo>
                      <a:pt x="385" y="706"/>
                    </a:lnTo>
                    <a:lnTo>
                      <a:pt x="372" y="691"/>
                    </a:lnTo>
                    <a:lnTo>
                      <a:pt x="362" y="677"/>
                    </a:lnTo>
                    <a:lnTo>
                      <a:pt x="351" y="662"/>
                    </a:lnTo>
                    <a:lnTo>
                      <a:pt x="343" y="645"/>
                    </a:lnTo>
                    <a:lnTo>
                      <a:pt x="335" y="628"/>
                    </a:lnTo>
                    <a:lnTo>
                      <a:pt x="328" y="611"/>
                    </a:lnTo>
                    <a:lnTo>
                      <a:pt x="323" y="592"/>
                    </a:lnTo>
                    <a:lnTo>
                      <a:pt x="318" y="573"/>
                    </a:lnTo>
                    <a:lnTo>
                      <a:pt x="313" y="553"/>
                    </a:lnTo>
                    <a:lnTo>
                      <a:pt x="310" y="532"/>
                    </a:lnTo>
                    <a:lnTo>
                      <a:pt x="307" y="511"/>
                    </a:lnTo>
                    <a:lnTo>
                      <a:pt x="305" y="488"/>
                    </a:lnTo>
                    <a:lnTo>
                      <a:pt x="304" y="465"/>
                    </a:lnTo>
                    <a:lnTo>
                      <a:pt x="303" y="442"/>
                    </a:lnTo>
                    <a:lnTo>
                      <a:pt x="303" y="440"/>
                    </a:lnTo>
                    <a:lnTo>
                      <a:pt x="290" y="431"/>
                    </a:lnTo>
                    <a:lnTo>
                      <a:pt x="276" y="423"/>
                    </a:lnTo>
                    <a:lnTo>
                      <a:pt x="263" y="414"/>
                    </a:lnTo>
                    <a:lnTo>
                      <a:pt x="249" y="407"/>
                    </a:lnTo>
                    <a:lnTo>
                      <a:pt x="220" y="393"/>
                    </a:lnTo>
                    <a:lnTo>
                      <a:pt x="188" y="382"/>
                    </a:lnTo>
                    <a:lnTo>
                      <a:pt x="156" y="371"/>
                    </a:lnTo>
                    <a:lnTo>
                      <a:pt x="124" y="360"/>
                    </a:lnTo>
                    <a:lnTo>
                      <a:pt x="91" y="350"/>
                    </a:lnTo>
                    <a:lnTo>
                      <a:pt x="58" y="338"/>
                    </a:lnTo>
                    <a:lnTo>
                      <a:pt x="61" y="352"/>
                    </a:lnTo>
                    <a:lnTo>
                      <a:pt x="61" y="366"/>
                    </a:lnTo>
                    <a:lnTo>
                      <a:pt x="60" y="380"/>
                    </a:lnTo>
                    <a:lnTo>
                      <a:pt x="57" y="395"/>
                    </a:lnTo>
                    <a:lnTo>
                      <a:pt x="52" y="427"/>
                    </a:lnTo>
                    <a:lnTo>
                      <a:pt x="46" y="458"/>
                    </a:lnTo>
                    <a:lnTo>
                      <a:pt x="42" y="475"/>
                    </a:lnTo>
                    <a:lnTo>
                      <a:pt x="40" y="492"/>
                    </a:lnTo>
                    <a:lnTo>
                      <a:pt x="36" y="510"/>
                    </a:lnTo>
                    <a:lnTo>
                      <a:pt x="35" y="527"/>
                    </a:lnTo>
                    <a:lnTo>
                      <a:pt x="34" y="545"/>
                    </a:lnTo>
                    <a:lnTo>
                      <a:pt x="35" y="564"/>
                    </a:lnTo>
                    <a:lnTo>
                      <a:pt x="36" y="582"/>
                    </a:lnTo>
                    <a:lnTo>
                      <a:pt x="41" y="601"/>
                    </a:lnTo>
                    <a:lnTo>
                      <a:pt x="34" y="595"/>
                    </a:lnTo>
                    <a:lnTo>
                      <a:pt x="28" y="589"/>
                    </a:lnTo>
                    <a:lnTo>
                      <a:pt x="23" y="583"/>
                    </a:lnTo>
                    <a:lnTo>
                      <a:pt x="18" y="576"/>
                    </a:lnTo>
                    <a:lnTo>
                      <a:pt x="14" y="570"/>
                    </a:lnTo>
                    <a:lnTo>
                      <a:pt x="11" y="564"/>
                    </a:lnTo>
                    <a:lnTo>
                      <a:pt x="8" y="556"/>
                    </a:lnTo>
                    <a:lnTo>
                      <a:pt x="6" y="550"/>
                    </a:lnTo>
                    <a:lnTo>
                      <a:pt x="3" y="535"/>
                    </a:lnTo>
                    <a:lnTo>
                      <a:pt x="1" y="519"/>
                    </a:lnTo>
                    <a:lnTo>
                      <a:pt x="0" y="504"/>
                    </a:lnTo>
                    <a:lnTo>
                      <a:pt x="1" y="487"/>
                    </a:lnTo>
                    <a:lnTo>
                      <a:pt x="5" y="454"/>
                    </a:lnTo>
                    <a:lnTo>
                      <a:pt x="10" y="420"/>
                    </a:lnTo>
                    <a:lnTo>
                      <a:pt x="16" y="388"/>
                    </a:lnTo>
                    <a:lnTo>
                      <a:pt x="22" y="357"/>
                    </a:lnTo>
                    <a:lnTo>
                      <a:pt x="27" y="312"/>
                    </a:lnTo>
                    <a:lnTo>
                      <a:pt x="32" y="267"/>
                    </a:lnTo>
                    <a:lnTo>
                      <a:pt x="36" y="221"/>
                    </a:lnTo>
                    <a:lnTo>
                      <a:pt x="42" y="175"/>
                    </a:lnTo>
                    <a:lnTo>
                      <a:pt x="46" y="131"/>
                    </a:lnTo>
                    <a:lnTo>
                      <a:pt x="50" y="87"/>
                    </a:lnTo>
                    <a:lnTo>
                      <a:pt x="54" y="43"/>
                    </a:lnTo>
                    <a:lnTo>
                      <a:pt x="58" y="1"/>
                    </a:lnTo>
                    <a:lnTo>
                      <a:pt x="68" y="0"/>
                    </a:lnTo>
                    <a:lnTo>
                      <a:pt x="76" y="0"/>
                    </a:lnTo>
                    <a:lnTo>
                      <a:pt x="84" y="0"/>
                    </a:lnTo>
                    <a:lnTo>
                      <a:pt x="92" y="1"/>
                    </a:lnTo>
                    <a:lnTo>
                      <a:pt x="106" y="3"/>
                    </a:lnTo>
                    <a:lnTo>
                      <a:pt x="120" y="7"/>
                    </a:lnTo>
                    <a:lnTo>
                      <a:pt x="132" y="9"/>
                    </a:lnTo>
                    <a:lnTo>
                      <a:pt x="145" y="9"/>
                    </a:lnTo>
                    <a:lnTo>
                      <a:pt x="151" y="9"/>
                    </a:lnTo>
                    <a:lnTo>
                      <a:pt x="157" y="7"/>
                    </a:lnTo>
                    <a:lnTo>
                      <a:pt x="165" y="5"/>
                    </a:lnTo>
                    <a:lnTo>
                      <a:pt x="171" y="1"/>
                    </a:lnTo>
                    <a:lnTo>
                      <a:pt x="174" y="10"/>
                    </a:lnTo>
                    <a:lnTo>
                      <a:pt x="179" y="18"/>
                    </a:lnTo>
                    <a:lnTo>
                      <a:pt x="184" y="26"/>
                    </a:lnTo>
                    <a:lnTo>
                      <a:pt x="189" y="33"/>
                    </a:lnTo>
                    <a:lnTo>
                      <a:pt x="194" y="39"/>
                    </a:lnTo>
                    <a:lnTo>
                      <a:pt x="201" y="46"/>
                    </a:lnTo>
                    <a:lnTo>
                      <a:pt x="207" y="51"/>
                    </a:lnTo>
                    <a:lnTo>
                      <a:pt x="213" y="56"/>
                    </a:lnTo>
                    <a:lnTo>
                      <a:pt x="221" y="60"/>
                    </a:lnTo>
                    <a:lnTo>
                      <a:pt x="228" y="64"/>
                    </a:lnTo>
                    <a:lnTo>
                      <a:pt x="236" y="67"/>
                    </a:lnTo>
                    <a:lnTo>
                      <a:pt x="244" y="70"/>
                    </a:lnTo>
                    <a:lnTo>
                      <a:pt x="260" y="73"/>
                    </a:lnTo>
                    <a:lnTo>
                      <a:pt x="276" y="75"/>
                    </a:lnTo>
                    <a:lnTo>
                      <a:pt x="294" y="75"/>
                    </a:lnTo>
                    <a:lnTo>
                      <a:pt x="311" y="73"/>
                    </a:lnTo>
                    <a:lnTo>
                      <a:pt x="327" y="70"/>
                    </a:lnTo>
                    <a:lnTo>
                      <a:pt x="344" y="65"/>
                    </a:lnTo>
                    <a:lnTo>
                      <a:pt x="359" y="58"/>
                    </a:lnTo>
                    <a:lnTo>
                      <a:pt x="372" y="50"/>
                    </a:lnTo>
                    <a:lnTo>
                      <a:pt x="385" y="40"/>
                    </a:lnTo>
                    <a:lnTo>
                      <a:pt x="396" y="29"/>
                    </a:lnTo>
                    <a:lnTo>
                      <a:pt x="420" y="27"/>
                    </a:lnTo>
                    <a:lnTo>
                      <a:pt x="441" y="27"/>
                    </a:lnTo>
                    <a:lnTo>
                      <a:pt x="461" y="28"/>
                    </a:lnTo>
                    <a:lnTo>
                      <a:pt x="479" y="31"/>
                    </a:lnTo>
                    <a:lnTo>
                      <a:pt x="494" y="36"/>
                    </a:lnTo>
                    <a:lnTo>
                      <a:pt x="508" y="43"/>
                    </a:lnTo>
                    <a:lnTo>
                      <a:pt x="522" y="51"/>
                    </a:lnTo>
                    <a:lnTo>
                      <a:pt x="532" y="61"/>
                    </a:lnTo>
                    <a:lnTo>
                      <a:pt x="543" y="72"/>
                    </a:lnTo>
                    <a:lnTo>
                      <a:pt x="552" y="84"/>
                    </a:lnTo>
                    <a:lnTo>
                      <a:pt x="561" y="96"/>
                    </a:lnTo>
                    <a:lnTo>
                      <a:pt x="568" y="110"/>
                    </a:lnTo>
                    <a:lnTo>
                      <a:pt x="574" y="125"/>
                    </a:lnTo>
                    <a:lnTo>
                      <a:pt x="581" y="139"/>
                    </a:lnTo>
                    <a:lnTo>
                      <a:pt x="587" y="154"/>
                    </a:lnTo>
                    <a:lnTo>
                      <a:pt x="592" y="170"/>
                    </a:lnTo>
                    <a:lnTo>
                      <a:pt x="601" y="167"/>
                    </a:lnTo>
                    <a:lnTo>
                      <a:pt x="608" y="165"/>
                    </a:lnTo>
                    <a:lnTo>
                      <a:pt x="617" y="164"/>
                    </a:lnTo>
                    <a:lnTo>
                      <a:pt x="624" y="164"/>
                    </a:lnTo>
                    <a:lnTo>
                      <a:pt x="632" y="165"/>
                    </a:lnTo>
                    <a:lnTo>
                      <a:pt x="641" y="166"/>
                    </a:lnTo>
                    <a:lnTo>
                      <a:pt x="648" y="168"/>
                    </a:lnTo>
                    <a:lnTo>
                      <a:pt x="657" y="171"/>
                    </a:lnTo>
                    <a:lnTo>
                      <a:pt x="686" y="184"/>
                    </a:lnTo>
                    <a:lnTo>
                      <a:pt x="714" y="197"/>
                    </a:lnTo>
                    <a:lnTo>
                      <a:pt x="713" y="208"/>
                    </a:lnTo>
                    <a:lnTo>
                      <a:pt x="716" y="216"/>
                    </a:lnTo>
                    <a:lnTo>
                      <a:pt x="718" y="224"/>
                    </a:lnTo>
                    <a:lnTo>
                      <a:pt x="720" y="230"/>
                    </a:lnTo>
                    <a:lnTo>
                      <a:pt x="722" y="235"/>
                    </a:lnTo>
                    <a:lnTo>
                      <a:pt x="722" y="241"/>
                    </a:lnTo>
                    <a:lnTo>
                      <a:pt x="722" y="244"/>
                    </a:lnTo>
                    <a:lnTo>
                      <a:pt x="720" y="247"/>
                    </a:lnTo>
                    <a:lnTo>
                      <a:pt x="718" y="250"/>
                    </a:lnTo>
                    <a:lnTo>
                      <a:pt x="714" y="254"/>
                    </a:lnTo>
                    <a:lnTo>
                      <a:pt x="720" y="258"/>
                    </a:lnTo>
                    <a:lnTo>
                      <a:pt x="726" y="260"/>
                    </a:lnTo>
                    <a:lnTo>
                      <a:pt x="733" y="263"/>
                    </a:lnTo>
                    <a:lnTo>
                      <a:pt x="742" y="264"/>
                    </a:lnTo>
                    <a:lnTo>
                      <a:pt x="761" y="264"/>
                    </a:lnTo>
                    <a:lnTo>
                      <a:pt x="780" y="264"/>
                    </a:lnTo>
                    <a:lnTo>
                      <a:pt x="783" y="268"/>
                    </a:lnTo>
                    <a:lnTo>
                      <a:pt x="786" y="273"/>
                    </a:lnTo>
                    <a:lnTo>
                      <a:pt x="788" y="279"/>
                    </a:lnTo>
                    <a:lnTo>
                      <a:pt x="789" y="287"/>
                    </a:lnTo>
                    <a:lnTo>
                      <a:pt x="790" y="303"/>
                    </a:lnTo>
                    <a:lnTo>
                      <a:pt x="789" y="319"/>
                    </a:lnTo>
                    <a:lnTo>
                      <a:pt x="811" y="304"/>
                    </a:lnTo>
                    <a:lnTo>
                      <a:pt x="835" y="291"/>
                    </a:lnTo>
                    <a:lnTo>
                      <a:pt x="846" y="286"/>
                    </a:lnTo>
                    <a:lnTo>
                      <a:pt x="858" y="280"/>
                    </a:lnTo>
                    <a:lnTo>
                      <a:pt x="869" y="277"/>
                    </a:lnTo>
                    <a:lnTo>
                      <a:pt x="881" y="274"/>
                    </a:lnTo>
                    <a:lnTo>
                      <a:pt x="894" y="272"/>
                    </a:lnTo>
                    <a:lnTo>
                      <a:pt x="906" y="272"/>
                    </a:lnTo>
                    <a:lnTo>
                      <a:pt x="919" y="273"/>
                    </a:lnTo>
                    <a:lnTo>
                      <a:pt x="931" y="275"/>
                    </a:lnTo>
                    <a:lnTo>
                      <a:pt x="944" y="279"/>
                    </a:lnTo>
                    <a:lnTo>
                      <a:pt x="958" y="285"/>
                    </a:lnTo>
                    <a:lnTo>
                      <a:pt x="971" y="292"/>
                    </a:lnTo>
                    <a:lnTo>
                      <a:pt x="986" y="300"/>
                    </a:lnTo>
                    <a:lnTo>
                      <a:pt x="985" y="316"/>
                    </a:lnTo>
                    <a:lnTo>
                      <a:pt x="985" y="330"/>
                    </a:lnTo>
                    <a:lnTo>
                      <a:pt x="987" y="341"/>
                    </a:lnTo>
                    <a:lnTo>
                      <a:pt x="989" y="351"/>
                    </a:lnTo>
                    <a:lnTo>
                      <a:pt x="994" y="359"/>
                    </a:lnTo>
                    <a:lnTo>
                      <a:pt x="998" y="366"/>
                    </a:lnTo>
                    <a:lnTo>
                      <a:pt x="1004" y="371"/>
                    </a:lnTo>
                    <a:lnTo>
                      <a:pt x="1010" y="375"/>
                    </a:lnTo>
                    <a:lnTo>
                      <a:pt x="1018" y="378"/>
                    </a:lnTo>
                    <a:lnTo>
                      <a:pt x="1026" y="380"/>
                    </a:lnTo>
                    <a:lnTo>
                      <a:pt x="1036" y="382"/>
                    </a:lnTo>
                    <a:lnTo>
                      <a:pt x="1045" y="383"/>
                    </a:lnTo>
                    <a:lnTo>
                      <a:pt x="1066" y="384"/>
                    </a:lnTo>
                    <a:lnTo>
                      <a:pt x="1089" y="385"/>
                    </a:lnTo>
                    <a:lnTo>
                      <a:pt x="1085" y="395"/>
                    </a:lnTo>
                    <a:lnTo>
                      <a:pt x="1083" y="405"/>
                    </a:lnTo>
                    <a:lnTo>
                      <a:pt x="1083" y="413"/>
                    </a:lnTo>
                    <a:lnTo>
                      <a:pt x="1085" y="419"/>
                    </a:lnTo>
                    <a:lnTo>
                      <a:pt x="1088" y="426"/>
                    </a:lnTo>
                    <a:lnTo>
                      <a:pt x="1093" y="431"/>
                    </a:lnTo>
                    <a:lnTo>
                      <a:pt x="1098" y="435"/>
                    </a:lnTo>
                    <a:lnTo>
                      <a:pt x="1103" y="439"/>
                    </a:lnTo>
                    <a:lnTo>
                      <a:pt x="1114" y="445"/>
                    </a:lnTo>
                    <a:lnTo>
                      <a:pt x="1123" y="450"/>
                    </a:lnTo>
                    <a:lnTo>
                      <a:pt x="1126" y="452"/>
                    </a:lnTo>
                    <a:lnTo>
                      <a:pt x="1128" y="455"/>
                    </a:lnTo>
                    <a:lnTo>
                      <a:pt x="1128" y="457"/>
                    </a:lnTo>
                    <a:lnTo>
                      <a:pt x="1126" y="459"/>
                    </a:lnTo>
                    <a:lnTo>
                      <a:pt x="1124" y="466"/>
                    </a:lnTo>
                    <a:lnTo>
                      <a:pt x="1121" y="469"/>
                    </a:lnTo>
                    <a:lnTo>
                      <a:pt x="1117" y="472"/>
                    </a:lnTo>
                    <a:lnTo>
                      <a:pt x="1111" y="474"/>
                    </a:lnTo>
                    <a:lnTo>
                      <a:pt x="1099" y="475"/>
                    </a:lnTo>
                    <a:lnTo>
                      <a:pt x="1084" y="475"/>
                    </a:lnTo>
                    <a:lnTo>
                      <a:pt x="1067" y="475"/>
                    </a:lnTo>
                    <a:lnTo>
                      <a:pt x="1051" y="476"/>
                    </a:lnTo>
                    <a:lnTo>
                      <a:pt x="1043" y="477"/>
                    </a:lnTo>
                    <a:lnTo>
                      <a:pt x="1037" y="480"/>
                    </a:lnTo>
                    <a:lnTo>
                      <a:pt x="1029" y="484"/>
                    </a:lnTo>
                    <a:lnTo>
                      <a:pt x="1023" y="488"/>
                    </a:lnTo>
                    <a:lnTo>
                      <a:pt x="1022" y="494"/>
                    </a:lnTo>
                    <a:lnTo>
                      <a:pt x="1022" y="500"/>
                    </a:lnTo>
                    <a:lnTo>
                      <a:pt x="1022" y="505"/>
                    </a:lnTo>
                    <a:lnTo>
                      <a:pt x="1024" y="509"/>
                    </a:lnTo>
                    <a:lnTo>
                      <a:pt x="1027" y="515"/>
                    </a:lnTo>
                    <a:lnTo>
                      <a:pt x="1033" y="521"/>
                    </a:lnTo>
                    <a:lnTo>
                      <a:pt x="1038" y="526"/>
                    </a:lnTo>
                    <a:lnTo>
                      <a:pt x="1042" y="533"/>
                    </a:lnTo>
                    <a:lnTo>
                      <a:pt x="1043" y="537"/>
                    </a:lnTo>
                    <a:lnTo>
                      <a:pt x="1044" y="542"/>
                    </a:lnTo>
                    <a:lnTo>
                      <a:pt x="1043" y="547"/>
                    </a:lnTo>
                    <a:lnTo>
                      <a:pt x="1042" y="553"/>
                    </a:lnTo>
                    <a:lnTo>
                      <a:pt x="1036" y="554"/>
                    </a:lnTo>
                    <a:lnTo>
                      <a:pt x="1029" y="555"/>
                    </a:lnTo>
                    <a:lnTo>
                      <a:pt x="1024" y="557"/>
                    </a:lnTo>
                    <a:lnTo>
                      <a:pt x="1020" y="559"/>
                    </a:lnTo>
                    <a:lnTo>
                      <a:pt x="1014" y="567"/>
                    </a:lnTo>
                    <a:lnTo>
                      <a:pt x="1007" y="575"/>
                    </a:lnTo>
                    <a:lnTo>
                      <a:pt x="1004" y="578"/>
                    </a:lnTo>
                    <a:lnTo>
                      <a:pt x="1001" y="583"/>
                    </a:lnTo>
                    <a:lnTo>
                      <a:pt x="997" y="586"/>
                    </a:lnTo>
                    <a:lnTo>
                      <a:pt x="992" y="589"/>
                    </a:lnTo>
                    <a:lnTo>
                      <a:pt x="988" y="591"/>
                    </a:lnTo>
                    <a:lnTo>
                      <a:pt x="982" y="592"/>
                    </a:lnTo>
                    <a:lnTo>
                      <a:pt x="976" y="592"/>
                    </a:lnTo>
                    <a:lnTo>
                      <a:pt x="967" y="591"/>
                    </a:lnTo>
                    <a:lnTo>
                      <a:pt x="967" y="598"/>
                    </a:lnTo>
                    <a:lnTo>
                      <a:pt x="968" y="604"/>
                    </a:lnTo>
                    <a:lnTo>
                      <a:pt x="970" y="609"/>
                    </a:lnTo>
                    <a:lnTo>
                      <a:pt x="974" y="613"/>
                    </a:lnTo>
                    <a:lnTo>
                      <a:pt x="976" y="617"/>
                    </a:lnTo>
                    <a:lnTo>
                      <a:pt x="978" y="623"/>
                    </a:lnTo>
                    <a:lnTo>
                      <a:pt x="978" y="629"/>
                    </a:lnTo>
                    <a:lnTo>
                      <a:pt x="977" y="637"/>
                    </a:lnTo>
                    <a:lnTo>
                      <a:pt x="968" y="647"/>
                    </a:lnTo>
                    <a:lnTo>
                      <a:pt x="961" y="655"/>
                    </a:lnTo>
                    <a:lnTo>
                      <a:pt x="955" y="665"/>
                    </a:lnTo>
                    <a:lnTo>
                      <a:pt x="949" y="674"/>
                    </a:lnTo>
                    <a:lnTo>
                      <a:pt x="945" y="684"/>
                    </a:lnTo>
                    <a:lnTo>
                      <a:pt x="941" y="693"/>
                    </a:lnTo>
                    <a:lnTo>
                      <a:pt x="938" y="703"/>
                    </a:lnTo>
                    <a:lnTo>
                      <a:pt x="936" y="713"/>
                    </a:lnTo>
                    <a:lnTo>
                      <a:pt x="935" y="724"/>
                    </a:lnTo>
                    <a:lnTo>
                      <a:pt x="935" y="733"/>
                    </a:lnTo>
                    <a:lnTo>
                      <a:pt x="935" y="744"/>
                    </a:lnTo>
                    <a:lnTo>
                      <a:pt x="936" y="753"/>
                    </a:lnTo>
                    <a:lnTo>
                      <a:pt x="937" y="763"/>
                    </a:lnTo>
                    <a:lnTo>
                      <a:pt x="939" y="773"/>
                    </a:lnTo>
                    <a:lnTo>
                      <a:pt x="942" y="783"/>
                    </a:lnTo>
                    <a:lnTo>
                      <a:pt x="946" y="791"/>
                    </a:lnTo>
                    <a:lnTo>
                      <a:pt x="950" y="801"/>
                    </a:lnTo>
                    <a:lnTo>
                      <a:pt x="956" y="809"/>
                    </a:lnTo>
                    <a:lnTo>
                      <a:pt x="962" y="817"/>
                    </a:lnTo>
                    <a:lnTo>
                      <a:pt x="968" y="825"/>
                    </a:lnTo>
                    <a:lnTo>
                      <a:pt x="975" y="832"/>
                    </a:lnTo>
                    <a:lnTo>
                      <a:pt x="983" y="840"/>
                    </a:lnTo>
                    <a:lnTo>
                      <a:pt x="990" y="846"/>
                    </a:lnTo>
                    <a:lnTo>
                      <a:pt x="1000" y="852"/>
                    </a:lnTo>
                    <a:lnTo>
                      <a:pt x="1009" y="856"/>
                    </a:lnTo>
                    <a:lnTo>
                      <a:pt x="1019" y="862"/>
                    </a:lnTo>
                    <a:lnTo>
                      <a:pt x="1029" y="865"/>
                    </a:lnTo>
                    <a:lnTo>
                      <a:pt x="1040" y="868"/>
                    </a:lnTo>
                    <a:lnTo>
                      <a:pt x="1051" y="870"/>
                    </a:lnTo>
                    <a:lnTo>
                      <a:pt x="1064" y="872"/>
                    </a:lnTo>
                    <a:lnTo>
                      <a:pt x="1076" y="872"/>
                    </a:lnTo>
                    <a:lnTo>
                      <a:pt x="1089" y="872"/>
                    </a:lnTo>
                    <a:lnTo>
                      <a:pt x="1085" y="888"/>
                    </a:lnTo>
                    <a:lnTo>
                      <a:pt x="1081" y="904"/>
                    </a:lnTo>
                    <a:lnTo>
                      <a:pt x="1077" y="920"/>
                    </a:lnTo>
                    <a:lnTo>
                      <a:pt x="1070" y="933"/>
                    </a:lnTo>
                    <a:lnTo>
                      <a:pt x="1067" y="941"/>
                    </a:lnTo>
                    <a:lnTo>
                      <a:pt x="1064" y="947"/>
                    </a:lnTo>
                    <a:lnTo>
                      <a:pt x="1060" y="952"/>
                    </a:lnTo>
                    <a:lnTo>
                      <a:pt x="1056" y="957"/>
                    </a:lnTo>
                    <a:lnTo>
                      <a:pt x="1050" y="963"/>
                    </a:lnTo>
                    <a:lnTo>
                      <a:pt x="1045" y="968"/>
                    </a:lnTo>
                    <a:lnTo>
                      <a:pt x="1039" y="971"/>
                    </a:lnTo>
                    <a:lnTo>
                      <a:pt x="1033" y="975"/>
                    </a:lnTo>
                    <a:lnTo>
                      <a:pt x="1031" y="981"/>
                    </a:lnTo>
                    <a:lnTo>
                      <a:pt x="1030" y="986"/>
                    </a:lnTo>
                    <a:lnTo>
                      <a:pt x="1031" y="990"/>
                    </a:lnTo>
                    <a:lnTo>
                      <a:pt x="1033" y="994"/>
                    </a:lnTo>
                    <a:lnTo>
                      <a:pt x="1036" y="1001"/>
                    </a:lnTo>
                    <a:lnTo>
                      <a:pt x="1040" y="1005"/>
                    </a:lnTo>
                    <a:lnTo>
                      <a:pt x="1045" y="1010"/>
                    </a:lnTo>
                    <a:lnTo>
                      <a:pt x="1049" y="1014"/>
                    </a:lnTo>
                    <a:lnTo>
                      <a:pt x="1050" y="1018"/>
                    </a:lnTo>
                    <a:lnTo>
                      <a:pt x="1051" y="1022"/>
                    </a:lnTo>
                    <a:lnTo>
                      <a:pt x="1051" y="1026"/>
                    </a:lnTo>
                    <a:lnTo>
                      <a:pt x="1051" y="1031"/>
                    </a:lnTo>
                    <a:lnTo>
                      <a:pt x="1040" y="1038"/>
                    </a:lnTo>
                    <a:lnTo>
                      <a:pt x="1027" y="1042"/>
                    </a:lnTo>
                    <a:lnTo>
                      <a:pt x="1015" y="1045"/>
                    </a:lnTo>
                    <a:lnTo>
                      <a:pt x="1002" y="1046"/>
                    </a:lnTo>
                    <a:lnTo>
                      <a:pt x="988" y="1047"/>
                    </a:lnTo>
                    <a:lnTo>
                      <a:pt x="976" y="1045"/>
                    </a:lnTo>
                    <a:lnTo>
                      <a:pt x="963" y="1043"/>
                    </a:lnTo>
                    <a:lnTo>
                      <a:pt x="951" y="1040"/>
                    </a:lnTo>
                    <a:lnTo>
                      <a:pt x="941" y="1035"/>
                    </a:lnTo>
                    <a:lnTo>
                      <a:pt x="930" y="1030"/>
                    </a:lnTo>
                    <a:lnTo>
                      <a:pt x="922" y="1024"/>
                    </a:lnTo>
                    <a:lnTo>
                      <a:pt x="915" y="1016"/>
                    </a:lnTo>
                    <a:lnTo>
                      <a:pt x="908" y="1009"/>
                    </a:lnTo>
                    <a:lnTo>
                      <a:pt x="904" y="1002"/>
                    </a:lnTo>
                    <a:lnTo>
                      <a:pt x="903" y="998"/>
                    </a:lnTo>
                    <a:lnTo>
                      <a:pt x="902" y="993"/>
                    </a:lnTo>
                    <a:lnTo>
                      <a:pt x="902" y="989"/>
                    </a:lnTo>
                    <a:lnTo>
                      <a:pt x="902" y="984"/>
                    </a:lnTo>
                    <a:lnTo>
                      <a:pt x="892" y="975"/>
                    </a:lnTo>
                    <a:lnTo>
                      <a:pt x="883" y="968"/>
                    </a:lnTo>
                    <a:lnTo>
                      <a:pt x="874" y="963"/>
                    </a:lnTo>
                    <a:lnTo>
                      <a:pt x="863" y="960"/>
                    </a:lnTo>
                    <a:lnTo>
                      <a:pt x="852" y="959"/>
                    </a:lnTo>
                    <a:lnTo>
                      <a:pt x="842" y="957"/>
                    </a:lnTo>
                    <a:lnTo>
                      <a:pt x="830" y="959"/>
                    </a:lnTo>
                    <a:lnTo>
                      <a:pt x="819" y="960"/>
                    </a:lnTo>
                    <a:lnTo>
                      <a:pt x="797" y="965"/>
                    </a:lnTo>
                    <a:lnTo>
                      <a:pt x="775" y="970"/>
                    </a:lnTo>
                    <a:lnTo>
                      <a:pt x="764" y="972"/>
                    </a:lnTo>
                    <a:lnTo>
                      <a:pt x="753" y="974"/>
                    </a:lnTo>
                    <a:lnTo>
                      <a:pt x="743" y="975"/>
                    </a:lnTo>
                    <a:lnTo>
                      <a:pt x="733" y="975"/>
                    </a:lnTo>
                    <a:lnTo>
                      <a:pt x="725" y="973"/>
                    </a:lnTo>
                    <a:lnTo>
                      <a:pt x="718" y="971"/>
                    </a:lnTo>
                    <a:lnTo>
                      <a:pt x="711" y="969"/>
                    </a:lnTo>
                    <a:lnTo>
                      <a:pt x="705" y="965"/>
                    </a:lnTo>
                    <a:lnTo>
                      <a:pt x="693" y="957"/>
                    </a:lnTo>
                    <a:lnTo>
                      <a:pt x="683" y="950"/>
                    </a:lnTo>
                    <a:lnTo>
                      <a:pt x="678" y="947"/>
                    </a:lnTo>
                    <a:lnTo>
                      <a:pt x="673" y="945"/>
                    </a:lnTo>
                    <a:lnTo>
                      <a:pt x="668" y="943"/>
                    </a:lnTo>
                    <a:lnTo>
                      <a:pt x="663" y="943"/>
                    </a:lnTo>
                    <a:lnTo>
                      <a:pt x="658" y="944"/>
                    </a:lnTo>
                    <a:lnTo>
                      <a:pt x="652" y="946"/>
                    </a:lnTo>
                    <a:lnTo>
                      <a:pt x="646" y="950"/>
                    </a:lnTo>
                    <a:lnTo>
                      <a:pt x="640" y="956"/>
                    </a:lnTo>
                    <a:lnTo>
                      <a:pt x="640" y="964"/>
                    </a:lnTo>
                    <a:lnTo>
                      <a:pt x="642" y="970"/>
                    </a:lnTo>
                    <a:lnTo>
                      <a:pt x="644" y="976"/>
                    </a:lnTo>
                    <a:lnTo>
                      <a:pt x="646" y="982"/>
                    </a:lnTo>
                    <a:lnTo>
                      <a:pt x="649" y="988"/>
                    </a:lnTo>
                    <a:lnTo>
                      <a:pt x="650" y="994"/>
                    </a:lnTo>
                    <a:lnTo>
                      <a:pt x="650" y="1003"/>
                    </a:lnTo>
                    <a:lnTo>
                      <a:pt x="649" y="1012"/>
                    </a:lnTo>
                    <a:lnTo>
                      <a:pt x="639" y="1013"/>
                    </a:lnTo>
                    <a:lnTo>
                      <a:pt x="630" y="1015"/>
                    </a:lnTo>
                    <a:lnTo>
                      <a:pt x="624" y="1019"/>
                    </a:lnTo>
                    <a:lnTo>
                      <a:pt x="618" y="1023"/>
                    </a:lnTo>
                    <a:lnTo>
                      <a:pt x="606" y="1032"/>
                    </a:lnTo>
                    <a:lnTo>
                      <a:pt x="592" y="1041"/>
                    </a:lnTo>
                    <a:lnTo>
                      <a:pt x="592" y="1048"/>
                    </a:lnTo>
                    <a:lnTo>
                      <a:pt x="593" y="1053"/>
                    </a:lnTo>
                    <a:lnTo>
                      <a:pt x="596" y="1059"/>
                    </a:lnTo>
                    <a:lnTo>
                      <a:pt x="599" y="1063"/>
                    </a:lnTo>
                    <a:lnTo>
                      <a:pt x="602" y="1067"/>
                    </a:lnTo>
                    <a:lnTo>
                      <a:pt x="603" y="1072"/>
                    </a:lnTo>
                    <a:lnTo>
                      <a:pt x="604" y="1079"/>
                    </a:lnTo>
                    <a:lnTo>
                      <a:pt x="602" y="1087"/>
                    </a:lnTo>
                    <a:lnTo>
                      <a:pt x="593" y="1092"/>
                    </a:lnTo>
                    <a:lnTo>
                      <a:pt x="584" y="1098"/>
                    </a:lnTo>
                    <a:lnTo>
                      <a:pt x="574" y="1101"/>
                    </a:lnTo>
                    <a:lnTo>
                      <a:pt x="565" y="1103"/>
                    </a:lnTo>
                    <a:lnTo>
                      <a:pt x="554" y="1105"/>
                    </a:lnTo>
                    <a:lnTo>
                      <a:pt x="545" y="1106"/>
                    </a:lnTo>
                    <a:lnTo>
                      <a:pt x="535" y="1106"/>
                    </a:lnTo>
                    <a:lnTo>
                      <a:pt x="526" y="1104"/>
                    </a:lnTo>
                    <a:lnTo>
                      <a:pt x="517" y="1102"/>
                    </a:lnTo>
                    <a:lnTo>
                      <a:pt x="508" y="1099"/>
                    </a:lnTo>
                    <a:lnTo>
                      <a:pt x="501" y="1093"/>
                    </a:lnTo>
                    <a:lnTo>
                      <a:pt x="494" y="1087"/>
                    </a:lnTo>
                    <a:lnTo>
                      <a:pt x="489" y="1080"/>
                    </a:lnTo>
                    <a:lnTo>
                      <a:pt x="485" y="1071"/>
                    </a:lnTo>
                    <a:lnTo>
                      <a:pt x="482" y="1062"/>
                    </a:lnTo>
                    <a:lnTo>
                      <a:pt x="481" y="1050"/>
                    </a:lnTo>
                    <a:lnTo>
                      <a:pt x="463" y="1049"/>
                    </a:lnTo>
                    <a:lnTo>
                      <a:pt x="446" y="1047"/>
                    </a:lnTo>
                    <a:lnTo>
                      <a:pt x="430" y="1044"/>
                    </a:lnTo>
                    <a:lnTo>
                      <a:pt x="417" y="1039"/>
                    </a:lnTo>
                    <a:lnTo>
                      <a:pt x="410" y="1036"/>
                    </a:lnTo>
                    <a:lnTo>
                      <a:pt x="404" y="1033"/>
                    </a:lnTo>
                    <a:lnTo>
                      <a:pt x="398" y="1029"/>
                    </a:lnTo>
                    <a:lnTo>
                      <a:pt x="392" y="1025"/>
                    </a:lnTo>
                    <a:lnTo>
                      <a:pt x="388" y="1021"/>
                    </a:lnTo>
                    <a:lnTo>
                      <a:pt x="384" y="1015"/>
                    </a:lnTo>
                    <a:lnTo>
                      <a:pt x="381" y="1009"/>
                    </a:lnTo>
                    <a:lnTo>
                      <a:pt x="378" y="1003"/>
                    </a:lnTo>
                    <a:lnTo>
                      <a:pt x="366" y="1007"/>
                    </a:lnTo>
                    <a:lnTo>
                      <a:pt x="355" y="1012"/>
                    </a:lnTo>
                    <a:lnTo>
                      <a:pt x="347" y="1019"/>
                    </a:lnTo>
                    <a:lnTo>
                      <a:pt x="339" y="1026"/>
                    </a:lnTo>
                    <a:lnTo>
                      <a:pt x="325" y="1042"/>
                    </a:lnTo>
                    <a:lnTo>
                      <a:pt x="311" y="1060"/>
                    </a:lnTo>
                    <a:lnTo>
                      <a:pt x="290" y="1056"/>
                    </a:lnTo>
                    <a:lnTo>
                      <a:pt x="270" y="1053"/>
                    </a:lnTo>
                    <a:lnTo>
                      <a:pt x="251" y="1050"/>
                    </a:lnTo>
                    <a:lnTo>
                      <a:pt x="233" y="1046"/>
                    </a:lnTo>
                    <a:lnTo>
                      <a:pt x="225" y="1042"/>
                    </a:lnTo>
                    <a:lnTo>
                      <a:pt x="216" y="1039"/>
                    </a:lnTo>
                    <a:lnTo>
                      <a:pt x="210" y="1033"/>
                    </a:lnTo>
                    <a:lnTo>
                      <a:pt x="203" y="1028"/>
                    </a:lnTo>
                    <a:lnTo>
                      <a:pt x="196" y="1021"/>
                    </a:lnTo>
                    <a:lnTo>
                      <a:pt x="190" y="1013"/>
                    </a:lnTo>
                    <a:lnTo>
                      <a:pt x="185" y="1004"/>
                    </a:lnTo>
                    <a:lnTo>
                      <a:pt x="181" y="993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93" name="Ringkøbing-Skjern"/>
              <p:cNvSpPr>
                <a:spLocks/>
              </p:cNvSpPr>
              <p:nvPr/>
            </p:nvSpPr>
            <p:spPr bwMode="auto">
              <a:xfrm>
                <a:off x="581025" y="4630744"/>
                <a:ext cx="69850" cy="68263"/>
              </a:xfrm>
              <a:custGeom>
                <a:avLst/>
                <a:gdLst>
                  <a:gd name="T0" fmla="*/ 16 w 130"/>
                  <a:gd name="T1" fmla="*/ 43 h 131"/>
                  <a:gd name="T2" fmla="*/ 12 w 130"/>
                  <a:gd name="T3" fmla="*/ 43 h 131"/>
                  <a:gd name="T4" fmla="*/ 8 w 130"/>
                  <a:gd name="T5" fmla="*/ 43 h 131"/>
                  <a:gd name="T6" fmla="*/ 4 w 130"/>
                  <a:gd name="T7" fmla="*/ 43 h 131"/>
                  <a:gd name="T8" fmla="*/ 0 w 130"/>
                  <a:gd name="T9" fmla="*/ 43 h 131"/>
                  <a:gd name="T10" fmla="*/ 2 w 130"/>
                  <a:gd name="T11" fmla="*/ 40 h 131"/>
                  <a:gd name="T12" fmla="*/ 4 w 130"/>
                  <a:gd name="T13" fmla="*/ 37 h 131"/>
                  <a:gd name="T14" fmla="*/ 5 w 130"/>
                  <a:gd name="T15" fmla="*/ 34 h 131"/>
                  <a:gd name="T16" fmla="*/ 7 w 130"/>
                  <a:gd name="T17" fmla="*/ 32 h 131"/>
                  <a:gd name="T18" fmla="*/ 9 w 130"/>
                  <a:gd name="T19" fmla="*/ 26 h 131"/>
                  <a:gd name="T20" fmla="*/ 10 w 130"/>
                  <a:gd name="T21" fmla="*/ 21 h 131"/>
                  <a:gd name="T22" fmla="*/ 13 w 130"/>
                  <a:gd name="T23" fmla="*/ 11 h 131"/>
                  <a:gd name="T24" fmla="*/ 16 w 130"/>
                  <a:gd name="T25" fmla="*/ 0 h 131"/>
                  <a:gd name="T26" fmla="*/ 17 w 130"/>
                  <a:gd name="T27" fmla="*/ 0 h 131"/>
                  <a:gd name="T28" fmla="*/ 19 w 130"/>
                  <a:gd name="T29" fmla="*/ 0 h 131"/>
                  <a:gd name="T30" fmla="*/ 20 w 130"/>
                  <a:gd name="T31" fmla="*/ 1 h 131"/>
                  <a:gd name="T32" fmla="*/ 20 w 130"/>
                  <a:gd name="T33" fmla="*/ 1 h 131"/>
                  <a:gd name="T34" fmla="*/ 21 w 130"/>
                  <a:gd name="T35" fmla="*/ 3 h 131"/>
                  <a:gd name="T36" fmla="*/ 21 w 130"/>
                  <a:gd name="T37" fmla="*/ 5 h 131"/>
                  <a:gd name="T38" fmla="*/ 21 w 130"/>
                  <a:gd name="T39" fmla="*/ 8 h 131"/>
                  <a:gd name="T40" fmla="*/ 22 w 130"/>
                  <a:gd name="T41" fmla="*/ 11 h 131"/>
                  <a:gd name="T42" fmla="*/ 22 w 130"/>
                  <a:gd name="T43" fmla="*/ 11 h 131"/>
                  <a:gd name="T44" fmla="*/ 23 w 130"/>
                  <a:gd name="T45" fmla="*/ 13 h 131"/>
                  <a:gd name="T46" fmla="*/ 24 w 130"/>
                  <a:gd name="T47" fmla="*/ 14 h 131"/>
                  <a:gd name="T48" fmla="*/ 25 w 130"/>
                  <a:gd name="T49" fmla="*/ 15 h 131"/>
                  <a:gd name="T50" fmla="*/ 28 w 130"/>
                  <a:gd name="T51" fmla="*/ 15 h 131"/>
                  <a:gd name="T52" fmla="*/ 30 w 130"/>
                  <a:gd name="T53" fmla="*/ 14 h 131"/>
                  <a:gd name="T54" fmla="*/ 32 w 130"/>
                  <a:gd name="T55" fmla="*/ 14 h 131"/>
                  <a:gd name="T56" fmla="*/ 34 w 130"/>
                  <a:gd name="T57" fmla="*/ 13 h 131"/>
                  <a:gd name="T58" fmla="*/ 36 w 130"/>
                  <a:gd name="T59" fmla="*/ 12 h 131"/>
                  <a:gd name="T60" fmla="*/ 38 w 130"/>
                  <a:gd name="T61" fmla="*/ 12 h 131"/>
                  <a:gd name="T62" fmla="*/ 41 w 130"/>
                  <a:gd name="T63" fmla="*/ 12 h 131"/>
                  <a:gd name="T64" fmla="*/ 44 w 130"/>
                  <a:gd name="T65" fmla="*/ 12 h 131"/>
                  <a:gd name="T66" fmla="*/ 40 w 130"/>
                  <a:gd name="T67" fmla="*/ 18 h 131"/>
                  <a:gd name="T68" fmla="*/ 36 w 130"/>
                  <a:gd name="T69" fmla="*/ 24 h 131"/>
                  <a:gd name="T70" fmla="*/ 35 w 130"/>
                  <a:gd name="T71" fmla="*/ 26 h 131"/>
                  <a:gd name="T72" fmla="*/ 33 w 130"/>
                  <a:gd name="T73" fmla="*/ 27 h 131"/>
                  <a:gd name="T74" fmla="*/ 31 w 130"/>
                  <a:gd name="T75" fmla="*/ 27 h 131"/>
                  <a:gd name="T76" fmla="*/ 29 w 130"/>
                  <a:gd name="T77" fmla="*/ 28 h 131"/>
                  <a:gd name="T78" fmla="*/ 27 w 130"/>
                  <a:gd name="T79" fmla="*/ 29 h 131"/>
                  <a:gd name="T80" fmla="*/ 25 w 130"/>
                  <a:gd name="T81" fmla="*/ 29 h 131"/>
                  <a:gd name="T82" fmla="*/ 22 w 130"/>
                  <a:gd name="T83" fmla="*/ 29 h 131"/>
                  <a:gd name="T84" fmla="*/ 19 w 130"/>
                  <a:gd name="T85" fmla="*/ 28 h 131"/>
                  <a:gd name="T86" fmla="*/ 20 w 130"/>
                  <a:gd name="T87" fmla="*/ 33 h 131"/>
                  <a:gd name="T88" fmla="*/ 21 w 130"/>
                  <a:gd name="T89" fmla="*/ 35 h 131"/>
                  <a:gd name="T90" fmla="*/ 20 w 130"/>
                  <a:gd name="T91" fmla="*/ 38 h 131"/>
                  <a:gd name="T92" fmla="*/ 19 w 130"/>
                  <a:gd name="T93" fmla="*/ 43 h 131"/>
                  <a:gd name="T94" fmla="*/ 16 w 130"/>
                  <a:gd name="T95" fmla="*/ 43 h 131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0" t="0" r="r" b="b"/>
                <a:pathLst>
                  <a:path w="130" h="131">
                    <a:moveTo>
                      <a:pt x="46" y="131"/>
                    </a:moveTo>
                    <a:lnTo>
                      <a:pt x="35" y="131"/>
                    </a:lnTo>
                    <a:lnTo>
                      <a:pt x="23" y="131"/>
                    </a:lnTo>
                    <a:lnTo>
                      <a:pt x="11" y="131"/>
                    </a:lnTo>
                    <a:lnTo>
                      <a:pt x="0" y="131"/>
                    </a:lnTo>
                    <a:lnTo>
                      <a:pt x="6" y="122"/>
                    </a:lnTo>
                    <a:lnTo>
                      <a:pt x="11" y="113"/>
                    </a:lnTo>
                    <a:lnTo>
                      <a:pt x="16" y="104"/>
                    </a:lnTo>
                    <a:lnTo>
                      <a:pt x="20" y="96"/>
                    </a:lnTo>
                    <a:lnTo>
                      <a:pt x="26" y="79"/>
                    </a:lnTo>
                    <a:lnTo>
                      <a:pt x="31" y="63"/>
                    </a:lnTo>
                    <a:lnTo>
                      <a:pt x="38" y="32"/>
                    </a:lnTo>
                    <a:lnTo>
                      <a:pt x="46" y="0"/>
                    </a:lnTo>
                    <a:lnTo>
                      <a:pt x="51" y="0"/>
                    </a:lnTo>
                    <a:lnTo>
                      <a:pt x="56" y="1"/>
                    </a:lnTo>
                    <a:lnTo>
                      <a:pt x="58" y="2"/>
                    </a:lnTo>
                    <a:lnTo>
                      <a:pt x="60" y="4"/>
                    </a:lnTo>
                    <a:lnTo>
                      <a:pt x="62" y="10"/>
                    </a:lnTo>
                    <a:lnTo>
                      <a:pt x="63" y="16"/>
                    </a:lnTo>
                    <a:lnTo>
                      <a:pt x="63" y="23"/>
                    </a:lnTo>
                    <a:lnTo>
                      <a:pt x="64" y="32"/>
                    </a:lnTo>
                    <a:lnTo>
                      <a:pt x="65" y="35"/>
                    </a:lnTo>
                    <a:lnTo>
                      <a:pt x="67" y="39"/>
                    </a:lnTo>
                    <a:lnTo>
                      <a:pt x="70" y="43"/>
                    </a:lnTo>
                    <a:lnTo>
                      <a:pt x="75" y="47"/>
                    </a:lnTo>
                    <a:lnTo>
                      <a:pt x="82" y="47"/>
                    </a:lnTo>
                    <a:lnTo>
                      <a:pt x="88" y="44"/>
                    </a:lnTo>
                    <a:lnTo>
                      <a:pt x="95" y="42"/>
                    </a:lnTo>
                    <a:lnTo>
                      <a:pt x="100" y="40"/>
                    </a:lnTo>
                    <a:lnTo>
                      <a:pt x="106" y="38"/>
                    </a:lnTo>
                    <a:lnTo>
                      <a:pt x="112" y="36"/>
                    </a:lnTo>
                    <a:lnTo>
                      <a:pt x="121" y="36"/>
                    </a:lnTo>
                    <a:lnTo>
                      <a:pt x="130" y="38"/>
                    </a:lnTo>
                    <a:lnTo>
                      <a:pt x="119" y="56"/>
                    </a:lnTo>
                    <a:lnTo>
                      <a:pt x="106" y="74"/>
                    </a:lnTo>
                    <a:lnTo>
                      <a:pt x="102" y="78"/>
                    </a:lnTo>
                    <a:lnTo>
                      <a:pt x="98" y="81"/>
                    </a:lnTo>
                    <a:lnTo>
                      <a:pt x="92" y="83"/>
                    </a:lnTo>
                    <a:lnTo>
                      <a:pt x="87" y="86"/>
                    </a:lnTo>
                    <a:lnTo>
                      <a:pt x="81" y="87"/>
                    </a:lnTo>
                    <a:lnTo>
                      <a:pt x="74" y="87"/>
                    </a:lnTo>
                    <a:lnTo>
                      <a:pt x="65" y="87"/>
                    </a:lnTo>
                    <a:lnTo>
                      <a:pt x="56" y="84"/>
                    </a:lnTo>
                    <a:lnTo>
                      <a:pt x="59" y="100"/>
                    </a:lnTo>
                    <a:lnTo>
                      <a:pt x="61" y="108"/>
                    </a:lnTo>
                    <a:lnTo>
                      <a:pt x="59" y="116"/>
                    </a:lnTo>
                    <a:lnTo>
                      <a:pt x="56" y="131"/>
                    </a:lnTo>
                    <a:lnTo>
                      <a:pt x="46" y="131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94" name="Ringkøbing-Skjern kant"/>
              <p:cNvSpPr>
                <a:spLocks/>
              </p:cNvSpPr>
              <p:nvPr/>
            </p:nvSpPr>
            <p:spPr bwMode="auto">
              <a:xfrm>
                <a:off x="581025" y="4630744"/>
                <a:ext cx="69850" cy="68263"/>
              </a:xfrm>
              <a:custGeom>
                <a:avLst/>
                <a:gdLst>
                  <a:gd name="T0" fmla="*/ 16 w 130"/>
                  <a:gd name="T1" fmla="*/ 43 h 131"/>
                  <a:gd name="T2" fmla="*/ 12 w 130"/>
                  <a:gd name="T3" fmla="*/ 43 h 131"/>
                  <a:gd name="T4" fmla="*/ 8 w 130"/>
                  <a:gd name="T5" fmla="*/ 43 h 131"/>
                  <a:gd name="T6" fmla="*/ 4 w 130"/>
                  <a:gd name="T7" fmla="*/ 43 h 131"/>
                  <a:gd name="T8" fmla="*/ 0 w 130"/>
                  <a:gd name="T9" fmla="*/ 43 h 131"/>
                  <a:gd name="T10" fmla="*/ 2 w 130"/>
                  <a:gd name="T11" fmla="*/ 40 h 131"/>
                  <a:gd name="T12" fmla="*/ 4 w 130"/>
                  <a:gd name="T13" fmla="*/ 37 h 131"/>
                  <a:gd name="T14" fmla="*/ 5 w 130"/>
                  <a:gd name="T15" fmla="*/ 34 h 131"/>
                  <a:gd name="T16" fmla="*/ 7 w 130"/>
                  <a:gd name="T17" fmla="*/ 32 h 131"/>
                  <a:gd name="T18" fmla="*/ 9 w 130"/>
                  <a:gd name="T19" fmla="*/ 26 h 131"/>
                  <a:gd name="T20" fmla="*/ 10 w 130"/>
                  <a:gd name="T21" fmla="*/ 21 h 131"/>
                  <a:gd name="T22" fmla="*/ 13 w 130"/>
                  <a:gd name="T23" fmla="*/ 11 h 131"/>
                  <a:gd name="T24" fmla="*/ 16 w 130"/>
                  <a:gd name="T25" fmla="*/ 0 h 131"/>
                  <a:gd name="T26" fmla="*/ 17 w 130"/>
                  <a:gd name="T27" fmla="*/ 0 h 131"/>
                  <a:gd name="T28" fmla="*/ 19 w 130"/>
                  <a:gd name="T29" fmla="*/ 0 h 131"/>
                  <a:gd name="T30" fmla="*/ 20 w 130"/>
                  <a:gd name="T31" fmla="*/ 1 h 131"/>
                  <a:gd name="T32" fmla="*/ 20 w 130"/>
                  <a:gd name="T33" fmla="*/ 1 h 131"/>
                  <a:gd name="T34" fmla="*/ 21 w 130"/>
                  <a:gd name="T35" fmla="*/ 3 h 131"/>
                  <a:gd name="T36" fmla="*/ 21 w 130"/>
                  <a:gd name="T37" fmla="*/ 5 h 131"/>
                  <a:gd name="T38" fmla="*/ 21 w 130"/>
                  <a:gd name="T39" fmla="*/ 8 h 131"/>
                  <a:gd name="T40" fmla="*/ 22 w 130"/>
                  <a:gd name="T41" fmla="*/ 11 h 131"/>
                  <a:gd name="T42" fmla="*/ 22 w 130"/>
                  <a:gd name="T43" fmla="*/ 11 h 131"/>
                  <a:gd name="T44" fmla="*/ 23 w 130"/>
                  <a:gd name="T45" fmla="*/ 13 h 131"/>
                  <a:gd name="T46" fmla="*/ 24 w 130"/>
                  <a:gd name="T47" fmla="*/ 14 h 131"/>
                  <a:gd name="T48" fmla="*/ 25 w 130"/>
                  <a:gd name="T49" fmla="*/ 15 h 131"/>
                  <a:gd name="T50" fmla="*/ 28 w 130"/>
                  <a:gd name="T51" fmla="*/ 15 h 131"/>
                  <a:gd name="T52" fmla="*/ 30 w 130"/>
                  <a:gd name="T53" fmla="*/ 14 h 131"/>
                  <a:gd name="T54" fmla="*/ 32 w 130"/>
                  <a:gd name="T55" fmla="*/ 14 h 131"/>
                  <a:gd name="T56" fmla="*/ 34 w 130"/>
                  <a:gd name="T57" fmla="*/ 13 h 131"/>
                  <a:gd name="T58" fmla="*/ 36 w 130"/>
                  <a:gd name="T59" fmla="*/ 12 h 131"/>
                  <a:gd name="T60" fmla="*/ 38 w 130"/>
                  <a:gd name="T61" fmla="*/ 12 h 131"/>
                  <a:gd name="T62" fmla="*/ 41 w 130"/>
                  <a:gd name="T63" fmla="*/ 12 h 131"/>
                  <a:gd name="T64" fmla="*/ 44 w 130"/>
                  <a:gd name="T65" fmla="*/ 12 h 131"/>
                  <a:gd name="T66" fmla="*/ 40 w 130"/>
                  <a:gd name="T67" fmla="*/ 18 h 131"/>
                  <a:gd name="T68" fmla="*/ 36 w 130"/>
                  <a:gd name="T69" fmla="*/ 24 h 131"/>
                  <a:gd name="T70" fmla="*/ 35 w 130"/>
                  <a:gd name="T71" fmla="*/ 26 h 131"/>
                  <a:gd name="T72" fmla="*/ 33 w 130"/>
                  <a:gd name="T73" fmla="*/ 27 h 131"/>
                  <a:gd name="T74" fmla="*/ 31 w 130"/>
                  <a:gd name="T75" fmla="*/ 27 h 131"/>
                  <a:gd name="T76" fmla="*/ 29 w 130"/>
                  <a:gd name="T77" fmla="*/ 28 h 131"/>
                  <a:gd name="T78" fmla="*/ 27 w 130"/>
                  <a:gd name="T79" fmla="*/ 29 h 131"/>
                  <a:gd name="T80" fmla="*/ 25 w 130"/>
                  <a:gd name="T81" fmla="*/ 29 h 131"/>
                  <a:gd name="T82" fmla="*/ 22 w 130"/>
                  <a:gd name="T83" fmla="*/ 29 h 131"/>
                  <a:gd name="T84" fmla="*/ 19 w 130"/>
                  <a:gd name="T85" fmla="*/ 28 h 131"/>
                  <a:gd name="T86" fmla="*/ 20 w 130"/>
                  <a:gd name="T87" fmla="*/ 33 h 131"/>
                  <a:gd name="T88" fmla="*/ 21 w 130"/>
                  <a:gd name="T89" fmla="*/ 35 h 131"/>
                  <a:gd name="T90" fmla="*/ 20 w 130"/>
                  <a:gd name="T91" fmla="*/ 38 h 131"/>
                  <a:gd name="T92" fmla="*/ 19 w 130"/>
                  <a:gd name="T93" fmla="*/ 43 h 131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</a:gdLst>
                <a:ahLst/>
                <a:cxnLst>
                  <a:cxn ang="T94">
                    <a:pos x="T0" y="T1"/>
                  </a:cxn>
                  <a:cxn ang="T95">
                    <a:pos x="T2" y="T3"/>
                  </a:cxn>
                  <a:cxn ang="T96">
                    <a:pos x="T4" y="T5"/>
                  </a:cxn>
                  <a:cxn ang="T97">
                    <a:pos x="T6" y="T7"/>
                  </a:cxn>
                  <a:cxn ang="T98">
                    <a:pos x="T8" y="T9"/>
                  </a:cxn>
                  <a:cxn ang="T99">
                    <a:pos x="T10" y="T11"/>
                  </a:cxn>
                  <a:cxn ang="T100">
                    <a:pos x="T12" y="T13"/>
                  </a:cxn>
                  <a:cxn ang="T101">
                    <a:pos x="T14" y="T15"/>
                  </a:cxn>
                  <a:cxn ang="T102">
                    <a:pos x="T16" y="T17"/>
                  </a:cxn>
                  <a:cxn ang="T103">
                    <a:pos x="T18" y="T19"/>
                  </a:cxn>
                  <a:cxn ang="T104">
                    <a:pos x="T20" y="T21"/>
                  </a:cxn>
                  <a:cxn ang="T105">
                    <a:pos x="T22" y="T23"/>
                  </a:cxn>
                  <a:cxn ang="T106">
                    <a:pos x="T24" y="T25"/>
                  </a:cxn>
                  <a:cxn ang="T107">
                    <a:pos x="T26" y="T27"/>
                  </a:cxn>
                  <a:cxn ang="T108">
                    <a:pos x="T28" y="T29"/>
                  </a:cxn>
                  <a:cxn ang="T109">
                    <a:pos x="T30" y="T31"/>
                  </a:cxn>
                  <a:cxn ang="T110">
                    <a:pos x="T32" y="T33"/>
                  </a:cxn>
                  <a:cxn ang="T111">
                    <a:pos x="T34" y="T35"/>
                  </a:cxn>
                  <a:cxn ang="T112">
                    <a:pos x="T36" y="T37"/>
                  </a:cxn>
                  <a:cxn ang="T113">
                    <a:pos x="T38" y="T39"/>
                  </a:cxn>
                  <a:cxn ang="T114">
                    <a:pos x="T40" y="T41"/>
                  </a:cxn>
                  <a:cxn ang="T115">
                    <a:pos x="T42" y="T43"/>
                  </a:cxn>
                  <a:cxn ang="T116">
                    <a:pos x="T44" y="T45"/>
                  </a:cxn>
                  <a:cxn ang="T117">
                    <a:pos x="T46" y="T47"/>
                  </a:cxn>
                  <a:cxn ang="T118">
                    <a:pos x="T48" y="T49"/>
                  </a:cxn>
                  <a:cxn ang="T119">
                    <a:pos x="T50" y="T51"/>
                  </a:cxn>
                  <a:cxn ang="T120">
                    <a:pos x="T52" y="T53"/>
                  </a:cxn>
                  <a:cxn ang="T121">
                    <a:pos x="T54" y="T55"/>
                  </a:cxn>
                  <a:cxn ang="T122">
                    <a:pos x="T56" y="T57"/>
                  </a:cxn>
                  <a:cxn ang="T123">
                    <a:pos x="T58" y="T59"/>
                  </a:cxn>
                  <a:cxn ang="T124">
                    <a:pos x="T60" y="T61"/>
                  </a:cxn>
                  <a:cxn ang="T125">
                    <a:pos x="T62" y="T63"/>
                  </a:cxn>
                  <a:cxn ang="T126">
                    <a:pos x="T64" y="T65"/>
                  </a:cxn>
                  <a:cxn ang="T127">
                    <a:pos x="T66" y="T67"/>
                  </a:cxn>
                  <a:cxn ang="T128">
                    <a:pos x="T68" y="T69"/>
                  </a:cxn>
                  <a:cxn ang="T129">
                    <a:pos x="T70" y="T71"/>
                  </a:cxn>
                  <a:cxn ang="T130">
                    <a:pos x="T72" y="T73"/>
                  </a:cxn>
                  <a:cxn ang="T131">
                    <a:pos x="T74" y="T75"/>
                  </a:cxn>
                  <a:cxn ang="T132">
                    <a:pos x="T76" y="T77"/>
                  </a:cxn>
                  <a:cxn ang="T133">
                    <a:pos x="T78" y="T79"/>
                  </a:cxn>
                  <a:cxn ang="T134">
                    <a:pos x="T80" y="T81"/>
                  </a:cxn>
                  <a:cxn ang="T135">
                    <a:pos x="T82" y="T83"/>
                  </a:cxn>
                  <a:cxn ang="T136">
                    <a:pos x="T84" y="T85"/>
                  </a:cxn>
                  <a:cxn ang="T137">
                    <a:pos x="T86" y="T87"/>
                  </a:cxn>
                  <a:cxn ang="T138">
                    <a:pos x="T88" y="T89"/>
                  </a:cxn>
                  <a:cxn ang="T139">
                    <a:pos x="T90" y="T91"/>
                  </a:cxn>
                  <a:cxn ang="T140">
                    <a:pos x="T92" y="T93"/>
                  </a:cxn>
                </a:cxnLst>
                <a:rect l="0" t="0" r="r" b="b"/>
                <a:pathLst>
                  <a:path w="130" h="131">
                    <a:moveTo>
                      <a:pt x="46" y="131"/>
                    </a:moveTo>
                    <a:lnTo>
                      <a:pt x="35" y="131"/>
                    </a:lnTo>
                    <a:lnTo>
                      <a:pt x="23" y="131"/>
                    </a:lnTo>
                    <a:lnTo>
                      <a:pt x="11" y="131"/>
                    </a:lnTo>
                    <a:lnTo>
                      <a:pt x="0" y="131"/>
                    </a:lnTo>
                    <a:lnTo>
                      <a:pt x="6" y="122"/>
                    </a:lnTo>
                    <a:lnTo>
                      <a:pt x="11" y="113"/>
                    </a:lnTo>
                    <a:lnTo>
                      <a:pt x="16" y="104"/>
                    </a:lnTo>
                    <a:lnTo>
                      <a:pt x="20" y="96"/>
                    </a:lnTo>
                    <a:lnTo>
                      <a:pt x="26" y="79"/>
                    </a:lnTo>
                    <a:lnTo>
                      <a:pt x="31" y="63"/>
                    </a:lnTo>
                    <a:lnTo>
                      <a:pt x="38" y="32"/>
                    </a:lnTo>
                    <a:lnTo>
                      <a:pt x="46" y="0"/>
                    </a:lnTo>
                    <a:lnTo>
                      <a:pt x="51" y="0"/>
                    </a:lnTo>
                    <a:lnTo>
                      <a:pt x="56" y="1"/>
                    </a:lnTo>
                    <a:lnTo>
                      <a:pt x="58" y="2"/>
                    </a:lnTo>
                    <a:lnTo>
                      <a:pt x="60" y="4"/>
                    </a:lnTo>
                    <a:lnTo>
                      <a:pt x="62" y="10"/>
                    </a:lnTo>
                    <a:lnTo>
                      <a:pt x="63" y="16"/>
                    </a:lnTo>
                    <a:lnTo>
                      <a:pt x="63" y="23"/>
                    </a:lnTo>
                    <a:lnTo>
                      <a:pt x="64" y="32"/>
                    </a:lnTo>
                    <a:lnTo>
                      <a:pt x="65" y="35"/>
                    </a:lnTo>
                    <a:lnTo>
                      <a:pt x="67" y="39"/>
                    </a:lnTo>
                    <a:lnTo>
                      <a:pt x="70" y="43"/>
                    </a:lnTo>
                    <a:lnTo>
                      <a:pt x="75" y="47"/>
                    </a:lnTo>
                    <a:lnTo>
                      <a:pt x="82" y="47"/>
                    </a:lnTo>
                    <a:lnTo>
                      <a:pt x="88" y="44"/>
                    </a:lnTo>
                    <a:lnTo>
                      <a:pt x="95" y="42"/>
                    </a:lnTo>
                    <a:lnTo>
                      <a:pt x="100" y="40"/>
                    </a:lnTo>
                    <a:lnTo>
                      <a:pt x="106" y="38"/>
                    </a:lnTo>
                    <a:lnTo>
                      <a:pt x="112" y="36"/>
                    </a:lnTo>
                    <a:lnTo>
                      <a:pt x="121" y="36"/>
                    </a:lnTo>
                    <a:lnTo>
                      <a:pt x="130" y="38"/>
                    </a:lnTo>
                    <a:lnTo>
                      <a:pt x="119" y="56"/>
                    </a:lnTo>
                    <a:lnTo>
                      <a:pt x="106" y="74"/>
                    </a:lnTo>
                    <a:lnTo>
                      <a:pt x="102" y="78"/>
                    </a:lnTo>
                    <a:lnTo>
                      <a:pt x="98" y="81"/>
                    </a:lnTo>
                    <a:lnTo>
                      <a:pt x="92" y="83"/>
                    </a:lnTo>
                    <a:lnTo>
                      <a:pt x="87" y="86"/>
                    </a:lnTo>
                    <a:lnTo>
                      <a:pt x="81" y="87"/>
                    </a:lnTo>
                    <a:lnTo>
                      <a:pt x="74" y="87"/>
                    </a:lnTo>
                    <a:lnTo>
                      <a:pt x="65" y="87"/>
                    </a:lnTo>
                    <a:lnTo>
                      <a:pt x="56" y="84"/>
                    </a:lnTo>
                    <a:lnTo>
                      <a:pt x="59" y="100"/>
                    </a:lnTo>
                    <a:lnTo>
                      <a:pt x="61" y="108"/>
                    </a:lnTo>
                    <a:lnTo>
                      <a:pt x="59" y="116"/>
                    </a:lnTo>
                    <a:lnTo>
                      <a:pt x="56" y="131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95" name="Line 93"/>
              <p:cNvSpPr>
                <a:spLocks noChangeShapeType="1"/>
              </p:cNvSpPr>
              <p:nvPr/>
            </p:nvSpPr>
            <p:spPr bwMode="auto">
              <a:xfrm flipH="1" flipV="1">
                <a:off x="608013" y="4697419"/>
                <a:ext cx="3175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96" name="Line 97"/>
              <p:cNvSpPr>
                <a:spLocks noChangeShapeType="1"/>
              </p:cNvSpPr>
              <p:nvPr/>
            </p:nvSpPr>
            <p:spPr bwMode="auto">
              <a:xfrm flipV="1">
                <a:off x="608013" y="4699007"/>
                <a:ext cx="3175" cy="3175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97" name="Line 101"/>
              <p:cNvSpPr>
                <a:spLocks noChangeShapeType="1"/>
              </p:cNvSpPr>
              <p:nvPr/>
            </p:nvSpPr>
            <p:spPr bwMode="auto">
              <a:xfrm flipH="1" flipV="1">
                <a:off x="608013" y="4702182"/>
                <a:ext cx="3175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98" name="Line 105"/>
              <p:cNvSpPr>
                <a:spLocks noChangeShapeType="1"/>
              </p:cNvSpPr>
              <p:nvPr/>
            </p:nvSpPr>
            <p:spPr bwMode="auto">
              <a:xfrm flipH="1" flipV="1">
                <a:off x="611188" y="4703769"/>
                <a:ext cx="1588" cy="3175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115" name="Horsens"/>
            <p:cNvGrpSpPr/>
            <p:nvPr/>
          </p:nvGrpSpPr>
          <p:grpSpPr>
            <a:xfrm>
              <a:off x="1606552" y="4418019"/>
              <a:ext cx="501651" cy="331788"/>
              <a:chOff x="1606552" y="4418019"/>
              <a:chExt cx="501651" cy="331788"/>
            </a:xfrm>
            <a:grpFill/>
          </p:grpSpPr>
          <p:sp>
            <p:nvSpPr>
              <p:cNvPr id="1173" name="Horsens 3"/>
              <p:cNvSpPr>
                <a:spLocks/>
              </p:cNvSpPr>
              <p:nvPr/>
            </p:nvSpPr>
            <p:spPr bwMode="auto">
              <a:xfrm>
                <a:off x="2052640" y="4667257"/>
                <a:ext cx="55563" cy="26988"/>
              </a:xfrm>
              <a:custGeom>
                <a:avLst/>
                <a:gdLst>
                  <a:gd name="T0" fmla="*/ 35 w 103"/>
                  <a:gd name="T1" fmla="*/ 1 h 51"/>
                  <a:gd name="T2" fmla="*/ 32 w 103"/>
                  <a:gd name="T3" fmla="*/ 4 h 51"/>
                  <a:gd name="T4" fmla="*/ 28 w 103"/>
                  <a:gd name="T5" fmla="*/ 7 h 51"/>
                  <a:gd name="T6" fmla="*/ 24 w 103"/>
                  <a:gd name="T7" fmla="*/ 9 h 51"/>
                  <a:gd name="T8" fmla="*/ 20 w 103"/>
                  <a:gd name="T9" fmla="*/ 11 h 51"/>
                  <a:gd name="T10" fmla="*/ 10 w 103"/>
                  <a:gd name="T11" fmla="*/ 14 h 51"/>
                  <a:gd name="T12" fmla="*/ 0 w 103"/>
                  <a:gd name="T13" fmla="*/ 17 h 51"/>
                  <a:gd name="T14" fmla="*/ 0 w 103"/>
                  <a:gd name="T15" fmla="*/ 13 h 51"/>
                  <a:gd name="T16" fmla="*/ 1 w 103"/>
                  <a:gd name="T17" fmla="*/ 10 h 51"/>
                  <a:gd name="T18" fmla="*/ 2 w 103"/>
                  <a:gd name="T19" fmla="*/ 7 h 51"/>
                  <a:gd name="T20" fmla="*/ 3 w 103"/>
                  <a:gd name="T21" fmla="*/ 5 h 51"/>
                  <a:gd name="T22" fmla="*/ 4 w 103"/>
                  <a:gd name="T23" fmla="*/ 3 h 51"/>
                  <a:gd name="T24" fmla="*/ 6 w 103"/>
                  <a:gd name="T25" fmla="*/ 2 h 51"/>
                  <a:gd name="T26" fmla="*/ 8 w 103"/>
                  <a:gd name="T27" fmla="*/ 1 h 51"/>
                  <a:gd name="T28" fmla="*/ 10 w 103"/>
                  <a:gd name="T29" fmla="*/ 1 h 51"/>
                  <a:gd name="T30" fmla="*/ 13 w 103"/>
                  <a:gd name="T31" fmla="*/ 0 h 51"/>
                  <a:gd name="T32" fmla="*/ 15 w 103"/>
                  <a:gd name="T33" fmla="*/ 0 h 51"/>
                  <a:gd name="T34" fmla="*/ 18 w 103"/>
                  <a:gd name="T35" fmla="*/ 0 h 51"/>
                  <a:gd name="T36" fmla="*/ 21 w 103"/>
                  <a:gd name="T37" fmla="*/ 0 h 51"/>
                  <a:gd name="T38" fmla="*/ 28 w 103"/>
                  <a:gd name="T39" fmla="*/ 1 h 51"/>
                  <a:gd name="T40" fmla="*/ 35 w 103"/>
                  <a:gd name="T41" fmla="*/ 1 h 51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103" h="51">
                    <a:moveTo>
                      <a:pt x="103" y="4"/>
                    </a:moveTo>
                    <a:lnTo>
                      <a:pt x="94" y="13"/>
                    </a:lnTo>
                    <a:lnTo>
                      <a:pt x="82" y="22"/>
                    </a:lnTo>
                    <a:lnTo>
                      <a:pt x="70" y="28"/>
                    </a:lnTo>
                    <a:lnTo>
                      <a:pt x="58" y="33"/>
                    </a:lnTo>
                    <a:lnTo>
                      <a:pt x="29" y="43"/>
                    </a:lnTo>
                    <a:lnTo>
                      <a:pt x="0" y="51"/>
                    </a:lnTo>
                    <a:lnTo>
                      <a:pt x="1" y="40"/>
                    </a:lnTo>
                    <a:lnTo>
                      <a:pt x="3" y="29"/>
                    </a:lnTo>
                    <a:lnTo>
                      <a:pt x="5" y="22"/>
                    </a:lnTo>
                    <a:lnTo>
                      <a:pt x="8" y="16"/>
                    </a:lnTo>
                    <a:lnTo>
                      <a:pt x="12" y="10"/>
                    </a:lnTo>
                    <a:lnTo>
                      <a:pt x="18" y="6"/>
                    </a:lnTo>
                    <a:lnTo>
                      <a:pt x="24" y="3"/>
                    </a:lnTo>
                    <a:lnTo>
                      <a:pt x="30" y="2"/>
                    </a:lnTo>
                    <a:lnTo>
                      <a:pt x="37" y="1"/>
                    </a:lnTo>
                    <a:lnTo>
                      <a:pt x="45" y="0"/>
                    </a:lnTo>
                    <a:lnTo>
                      <a:pt x="52" y="0"/>
                    </a:lnTo>
                    <a:lnTo>
                      <a:pt x="62" y="1"/>
                    </a:lnTo>
                    <a:lnTo>
                      <a:pt x="81" y="3"/>
                    </a:lnTo>
                    <a:lnTo>
                      <a:pt x="103" y="4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74" name="Horsens 3"/>
              <p:cNvSpPr>
                <a:spLocks/>
              </p:cNvSpPr>
              <p:nvPr/>
            </p:nvSpPr>
            <p:spPr bwMode="auto">
              <a:xfrm>
                <a:off x="2052640" y="4667257"/>
                <a:ext cx="55563" cy="26988"/>
              </a:xfrm>
              <a:custGeom>
                <a:avLst/>
                <a:gdLst>
                  <a:gd name="T0" fmla="*/ 35 w 103"/>
                  <a:gd name="T1" fmla="*/ 1 h 51"/>
                  <a:gd name="T2" fmla="*/ 32 w 103"/>
                  <a:gd name="T3" fmla="*/ 4 h 51"/>
                  <a:gd name="T4" fmla="*/ 28 w 103"/>
                  <a:gd name="T5" fmla="*/ 7 h 51"/>
                  <a:gd name="T6" fmla="*/ 24 w 103"/>
                  <a:gd name="T7" fmla="*/ 9 h 51"/>
                  <a:gd name="T8" fmla="*/ 20 w 103"/>
                  <a:gd name="T9" fmla="*/ 11 h 51"/>
                  <a:gd name="T10" fmla="*/ 10 w 103"/>
                  <a:gd name="T11" fmla="*/ 14 h 51"/>
                  <a:gd name="T12" fmla="*/ 0 w 103"/>
                  <a:gd name="T13" fmla="*/ 17 h 51"/>
                  <a:gd name="T14" fmla="*/ 0 w 103"/>
                  <a:gd name="T15" fmla="*/ 13 h 51"/>
                  <a:gd name="T16" fmla="*/ 1 w 103"/>
                  <a:gd name="T17" fmla="*/ 10 h 51"/>
                  <a:gd name="T18" fmla="*/ 2 w 103"/>
                  <a:gd name="T19" fmla="*/ 7 h 51"/>
                  <a:gd name="T20" fmla="*/ 3 w 103"/>
                  <a:gd name="T21" fmla="*/ 5 h 51"/>
                  <a:gd name="T22" fmla="*/ 4 w 103"/>
                  <a:gd name="T23" fmla="*/ 3 h 51"/>
                  <a:gd name="T24" fmla="*/ 6 w 103"/>
                  <a:gd name="T25" fmla="*/ 2 h 51"/>
                  <a:gd name="T26" fmla="*/ 8 w 103"/>
                  <a:gd name="T27" fmla="*/ 1 h 51"/>
                  <a:gd name="T28" fmla="*/ 10 w 103"/>
                  <a:gd name="T29" fmla="*/ 1 h 51"/>
                  <a:gd name="T30" fmla="*/ 13 w 103"/>
                  <a:gd name="T31" fmla="*/ 0 h 51"/>
                  <a:gd name="T32" fmla="*/ 15 w 103"/>
                  <a:gd name="T33" fmla="*/ 0 h 51"/>
                  <a:gd name="T34" fmla="*/ 18 w 103"/>
                  <a:gd name="T35" fmla="*/ 0 h 51"/>
                  <a:gd name="T36" fmla="*/ 21 w 103"/>
                  <a:gd name="T37" fmla="*/ 0 h 51"/>
                  <a:gd name="T38" fmla="*/ 28 w 103"/>
                  <a:gd name="T39" fmla="*/ 1 h 51"/>
                  <a:gd name="T40" fmla="*/ 35 w 103"/>
                  <a:gd name="T41" fmla="*/ 1 h 51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103" h="51">
                    <a:moveTo>
                      <a:pt x="103" y="4"/>
                    </a:moveTo>
                    <a:lnTo>
                      <a:pt x="94" y="13"/>
                    </a:lnTo>
                    <a:lnTo>
                      <a:pt x="82" y="22"/>
                    </a:lnTo>
                    <a:lnTo>
                      <a:pt x="70" y="28"/>
                    </a:lnTo>
                    <a:lnTo>
                      <a:pt x="58" y="33"/>
                    </a:lnTo>
                    <a:lnTo>
                      <a:pt x="29" y="43"/>
                    </a:lnTo>
                    <a:lnTo>
                      <a:pt x="0" y="51"/>
                    </a:lnTo>
                    <a:lnTo>
                      <a:pt x="1" y="40"/>
                    </a:lnTo>
                    <a:lnTo>
                      <a:pt x="3" y="29"/>
                    </a:lnTo>
                    <a:lnTo>
                      <a:pt x="5" y="22"/>
                    </a:lnTo>
                    <a:lnTo>
                      <a:pt x="8" y="16"/>
                    </a:lnTo>
                    <a:lnTo>
                      <a:pt x="12" y="10"/>
                    </a:lnTo>
                    <a:lnTo>
                      <a:pt x="18" y="6"/>
                    </a:lnTo>
                    <a:lnTo>
                      <a:pt x="24" y="3"/>
                    </a:lnTo>
                    <a:lnTo>
                      <a:pt x="30" y="2"/>
                    </a:lnTo>
                    <a:lnTo>
                      <a:pt x="37" y="1"/>
                    </a:lnTo>
                    <a:lnTo>
                      <a:pt x="45" y="0"/>
                    </a:lnTo>
                    <a:lnTo>
                      <a:pt x="52" y="0"/>
                    </a:lnTo>
                    <a:lnTo>
                      <a:pt x="62" y="1"/>
                    </a:lnTo>
                    <a:lnTo>
                      <a:pt x="81" y="3"/>
                    </a:lnTo>
                    <a:lnTo>
                      <a:pt x="103" y="4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75" name="Horsens 3"/>
              <p:cNvSpPr>
                <a:spLocks/>
              </p:cNvSpPr>
              <p:nvPr/>
            </p:nvSpPr>
            <p:spPr bwMode="auto">
              <a:xfrm>
                <a:off x="2073278" y="4705357"/>
                <a:ext cx="30163" cy="9525"/>
              </a:xfrm>
              <a:custGeom>
                <a:avLst/>
                <a:gdLst>
                  <a:gd name="T0" fmla="*/ 19 w 57"/>
                  <a:gd name="T1" fmla="*/ 3 h 19"/>
                  <a:gd name="T2" fmla="*/ 18 w 57"/>
                  <a:gd name="T3" fmla="*/ 4 h 19"/>
                  <a:gd name="T4" fmla="*/ 18 w 57"/>
                  <a:gd name="T5" fmla="*/ 5 h 19"/>
                  <a:gd name="T6" fmla="*/ 17 w 57"/>
                  <a:gd name="T7" fmla="*/ 5 h 19"/>
                  <a:gd name="T8" fmla="*/ 16 w 57"/>
                  <a:gd name="T9" fmla="*/ 6 h 19"/>
                  <a:gd name="T10" fmla="*/ 14 w 57"/>
                  <a:gd name="T11" fmla="*/ 6 h 19"/>
                  <a:gd name="T12" fmla="*/ 11 w 57"/>
                  <a:gd name="T13" fmla="*/ 6 h 19"/>
                  <a:gd name="T14" fmla="*/ 8 w 57"/>
                  <a:gd name="T15" fmla="*/ 6 h 19"/>
                  <a:gd name="T16" fmla="*/ 5 w 57"/>
                  <a:gd name="T17" fmla="*/ 5 h 19"/>
                  <a:gd name="T18" fmla="*/ 2 w 57"/>
                  <a:gd name="T19" fmla="*/ 5 h 19"/>
                  <a:gd name="T20" fmla="*/ 0 w 57"/>
                  <a:gd name="T21" fmla="*/ 6 h 19"/>
                  <a:gd name="T22" fmla="*/ 1 w 57"/>
                  <a:gd name="T23" fmla="*/ 4 h 19"/>
                  <a:gd name="T24" fmla="*/ 1 w 57"/>
                  <a:gd name="T25" fmla="*/ 3 h 19"/>
                  <a:gd name="T26" fmla="*/ 2 w 57"/>
                  <a:gd name="T27" fmla="*/ 2 h 19"/>
                  <a:gd name="T28" fmla="*/ 3 w 57"/>
                  <a:gd name="T29" fmla="*/ 1 h 19"/>
                  <a:gd name="T30" fmla="*/ 4 w 57"/>
                  <a:gd name="T31" fmla="*/ 0 h 19"/>
                  <a:gd name="T32" fmla="*/ 5 w 57"/>
                  <a:gd name="T33" fmla="*/ 0 h 19"/>
                  <a:gd name="T34" fmla="*/ 6 w 57"/>
                  <a:gd name="T35" fmla="*/ 0 h 19"/>
                  <a:gd name="T36" fmla="*/ 8 w 57"/>
                  <a:gd name="T37" fmla="*/ 0 h 19"/>
                  <a:gd name="T38" fmla="*/ 13 w 57"/>
                  <a:gd name="T39" fmla="*/ 2 h 19"/>
                  <a:gd name="T40" fmla="*/ 19 w 57"/>
                  <a:gd name="T41" fmla="*/ 3 h 1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57" h="19">
                    <a:moveTo>
                      <a:pt x="57" y="9"/>
                    </a:moveTo>
                    <a:lnTo>
                      <a:pt x="55" y="13"/>
                    </a:lnTo>
                    <a:lnTo>
                      <a:pt x="54" y="15"/>
                    </a:lnTo>
                    <a:lnTo>
                      <a:pt x="52" y="17"/>
                    </a:lnTo>
                    <a:lnTo>
                      <a:pt x="49" y="18"/>
                    </a:lnTo>
                    <a:lnTo>
                      <a:pt x="42" y="19"/>
                    </a:lnTo>
                    <a:lnTo>
                      <a:pt x="34" y="19"/>
                    </a:lnTo>
                    <a:lnTo>
                      <a:pt x="25" y="18"/>
                    </a:lnTo>
                    <a:lnTo>
                      <a:pt x="15" y="17"/>
                    </a:lnTo>
                    <a:lnTo>
                      <a:pt x="7" y="17"/>
                    </a:lnTo>
                    <a:lnTo>
                      <a:pt x="0" y="18"/>
                    </a:lnTo>
                    <a:lnTo>
                      <a:pt x="2" y="13"/>
                    </a:lnTo>
                    <a:lnTo>
                      <a:pt x="3" y="9"/>
                    </a:lnTo>
                    <a:lnTo>
                      <a:pt x="6" y="6"/>
                    </a:lnTo>
                    <a:lnTo>
                      <a:pt x="8" y="4"/>
                    </a:lnTo>
                    <a:lnTo>
                      <a:pt x="11" y="1"/>
                    </a:lnTo>
                    <a:lnTo>
                      <a:pt x="14" y="0"/>
                    </a:lnTo>
                    <a:lnTo>
                      <a:pt x="19" y="0"/>
                    </a:lnTo>
                    <a:lnTo>
                      <a:pt x="23" y="0"/>
                    </a:lnTo>
                    <a:lnTo>
                      <a:pt x="40" y="5"/>
                    </a:lnTo>
                    <a:lnTo>
                      <a:pt x="57" y="9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76" name="Freeform 73"/>
              <p:cNvSpPr>
                <a:spLocks/>
              </p:cNvSpPr>
              <p:nvPr/>
            </p:nvSpPr>
            <p:spPr bwMode="auto">
              <a:xfrm>
                <a:off x="2073278" y="4705357"/>
                <a:ext cx="30163" cy="9525"/>
              </a:xfrm>
              <a:custGeom>
                <a:avLst/>
                <a:gdLst>
                  <a:gd name="T0" fmla="*/ 19 w 57"/>
                  <a:gd name="T1" fmla="*/ 3 h 19"/>
                  <a:gd name="T2" fmla="*/ 18 w 57"/>
                  <a:gd name="T3" fmla="*/ 4 h 19"/>
                  <a:gd name="T4" fmla="*/ 18 w 57"/>
                  <a:gd name="T5" fmla="*/ 5 h 19"/>
                  <a:gd name="T6" fmla="*/ 17 w 57"/>
                  <a:gd name="T7" fmla="*/ 5 h 19"/>
                  <a:gd name="T8" fmla="*/ 16 w 57"/>
                  <a:gd name="T9" fmla="*/ 6 h 19"/>
                  <a:gd name="T10" fmla="*/ 14 w 57"/>
                  <a:gd name="T11" fmla="*/ 6 h 19"/>
                  <a:gd name="T12" fmla="*/ 11 w 57"/>
                  <a:gd name="T13" fmla="*/ 6 h 19"/>
                  <a:gd name="T14" fmla="*/ 8 w 57"/>
                  <a:gd name="T15" fmla="*/ 6 h 19"/>
                  <a:gd name="T16" fmla="*/ 5 w 57"/>
                  <a:gd name="T17" fmla="*/ 5 h 19"/>
                  <a:gd name="T18" fmla="*/ 2 w 57"/>
                  <a:gd name="T19" fmla="*/ 5 h 19"/>
                  <a:gd name="T20" fmla="*/ 0 w 57"/>
                  <a:gd name="T21" fmla="*/ 6 h 19"/>
                  <a:gd name="T22" fmla="*/ 1 w 57"/>
                  <a:gd name="T23" fmla="*/ 4 h 19"/>
                  <a:gd name="T24" fmla="*/ 1 w 57"/>
                  <a:gd name="T25" fmla="*/ 3 h 19"/>
                  <a:gd name="T26" fmla="*/ 2 w 57"/>
                  <a:gd name="T27" fmla="*/ 2 h 19"/>
                  <a:gd name="T28" fmla="*/ 3 w 57"/>
                  <a:gd name="T29" fmla="*/ 1 h 19"/>
                  <a:gd name="T30" fmla="*/ 4 w 57"/>
                  <a:gd name="T31" fmla="*/ 0 h 19"/>
                  <a:gd name="T32" fmla="*/ 5 w 57"/>
                  <a:gd name="T33" fmla="*/ 0 h 19"/>
                  <a:gd name="T34" fmla="*/ 6 w 57"/>
                  <a:gd name="T35" fmla="*/ 0 h 19"/>
                  <a:gd name="T36" fmla="*/ 8 w 57"/>
                  <a:gd name="T37" fmla="*/ 0 h 19"/>
                  <a:gd name="T38" fmla="*/ 13 w 57"/>
                  <a:gd name="T39" fmla="*/ 2 h 19"/>
                  <a:gd name="T40" fmla="*/ 19 w 57"/>
                  <a:gd name="T41" fmla="*/ 3 h 1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57" h="19">
                    <a:moveTo>
                      <a:pt x="57" y="9"/>
                    </a:moveTo>
                    <a:lnTo>
                      <a:pt x="55" y="13"/>
                    </a:lnTo>
                    <a:lnTo>
                      <a:pt x="54" y="15"/>
                    </a:lnTo>
                    <a:lnTo>
                      <a:pt x="52" y="17"/>
                    </a:lnTo>
                    <a:lnTo>
                      <a:pt x="49" y="18"/>
                    </a:lnTo>
                    <a:lnTo>
                      <a:pt x="42" y="19"/>
                    </a:lnTo>
                    <a:lnTo>
                      <a:pt x="34" y="19"/>
                    </a:lnTo>
                    <a:lnTo>
                      <a:pt x="25" y="18"/>
                    </a:lnTo>
                    <a:lnTo>
                      <a:pt x="15" y="17"/>
                    </a:lnTo>
                    <a:lnTo>
                      <a:pt x="7" y="17"/>
                    </a:lnTo>
                    <a:lnTo>
                      <a:pt x="0" y="18"/>
                    </a:lnTo>
                    <a:lnTo>
                      <a:pt x="2" y="13"/>
                    </a:lnTo>
                    <a:lnTo>
                      <a:pt x="3" y="9"/>
                    </a:lnTo>
                    <a:lnTo>
                      <a:pt x="6" y="6"/>
                    </a:lnTo>
                    <a:lnTo>
                      <a:pt x="8" y="4"/>
                    </a:lnTo>
                    <a:lnTo>
                      <a:pt x="11" y="1"/>
                    </a:lnTo>
                    <a:lnTo>
                      <a:pt x="14" y="0"/>
                    </a:lnTo>
                    <a:lnTo>
                      <a:pt x="19" y="0"/>
                    </a:lnTo>
                    <a:lnTo>
                      <a:pt x="23" y="0"/>
                    </a:lnTo>
                    <a:lnTo>
                      <a:pt x="40" y="5"/>
                    </a:lnTo>
                    <a:lnTo>
                      <a:pt x="57" y="9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77" name="Line 107"/>
              <p:cNvSpPr>
                <a:spLocks noChangeShapeType="1"/>
              </p:cNvSpPr>
              <p:nvPr/>
            </p:nvSpPr>
            <p:spPr bwMode="auto">
              <a:xfrm flipH="1">
                <a:off x="1866903" y="4733932"/>
                <a:ext cx="3175" cy="3175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78" name="Line 111"/>
              <p:cNvSpPr>
                <a:spLocks noChangeShapeType="1"/>
              </p:cNvSpPr>
              <p:nvPr/>
            </p:nvSpPr>
            <p:spPr bwMode="auto">
              <a:xfrm flipH="1" flipV="1">
                <a:off x="1870078" y="4729169"/>
                <a:ext cx="1588" cy="3175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79" name="Horsens 2"/>
              <p:cNvSpPr>
                <a:spLocks/>
              </p:cNvSpPr>
              <p:nvPr/>
            </p:nvSpPr>
            <p:spPr bwMode="auto">
              <a:xfrm>
                <a:off x="1755777" y="4605344"/>
                <a:ext cx="114300" cy="123825"/>
              </a:xfrm>
              <a:custGeom>
                <a:avLst/>
                <a:gdLst>
                  <a:gd name="T0" fmla="*/ 72 w 216"/>
                  <a:gd name="T1" fmla="*/ 78 h 234"/>
                  <a:gd name="T2" fmla="*/ 68 w 216"/>
                  <a:gd name="T3" fmla="*/ 77 h 234"/>
                  <a:gd name="T4" fmla="*/ 64 w 216"/>
                  <a:gd name="T5" fmla="*/ 76 h 234"/>
                  <a:gd name="T6" fmla="*/ 61 w 216"/>
                  <a:gd name="T7" fmla="*/ 75 h 234"/>
                  <a:gd name="T8" fmla="*/ 58 w 216"/>
                  <a:gd name="T9" fmla="*/ 73 h 234"/>
                  <a:gd name="T10" fmla="*/ 55 w 216"/>
                  <a:gd name="T11" fmla="*/ 71 h 234"/>
                  <a:gd name="T12" fmla="*/ 53 w 216"/>
                  <a:gd name="T13" fmla="*/ 69 h 234"/>
                  <a:gd name="T14" fmla="*/ 51 w 216"/>
                  <a:gd name="T15" fmla="*/ 66 h 234"/>
                  <a:gd name="T16" fmla="*/ 49 w 216"/>
                  <a:gd name="T17" fmla="*/ 64 h 234"/>
                  <a:gd name="T18" fmla="*/ 47 w 216"/>
                  <a:gd name="T19" fmla="*/ 61 h 234"/>
                  <a:gd name="T20" fmla="*/ 45 w 216"/>
                  <a:gd name="T21" fmla="*/ 58 h 234"/>
                  <a:gd name="T22" fmla="*/ 44 w 216"/>
                  <a:gd name="T23" fmla="*/ 55 h 234"/>
                  <a:gd name="T24" fmla="*/ 42 w 216"/>
                  <a:gd name="T25" fmla="*/ 52 h 234"/>
                  <a:gd name="T26" fmla="*/ 40 w 216"/>
                  <a:gd name="T27" fmla="*/ 45 h 234"/>
                  <a:gd name="T28" fmla="*/ 38 w 216"/>
                  <a:gd name="T29" fmla="*/ 37 h 234"/>
                  <a:gd name="T30" fmla="*/ 34 w 216"/>
                  <a:gd name="T31" fmla="*/ 37 h 234"/>
                  <a:gd name="T32" fmla="*/ 32 w 216"/>
                  <a:gd name="T33" fmla="*/ 38 h 234"/>
                  <a:gd name="T34" fmla="*/ 29 w 216"/>
                  <a:gd name="T35" fmla="*/ 38 h 234"/>
                  <a:gd name="T36" fmla="*/ 27 w 216"/>
                  <a:gd name="T37" fmla="*/ 39 h 234"/>
                  <a:gd name="T38" fmla="*/ 25 w 216"/>
                  <a:gd name="T39" fmla="*/ 40 h 234"/>
                  <a:gd name="T40" fmla="*/ 22 w 216"/>
                  <a:gd name="T41" fmla="*/ 41 h 234"/>
                  <a:gd name="T42" fmla="*/ 19 w 216"/>
                  <a:gd name="T43" fmla="*/ 41 h 234"/>
                  <a:gd name="T44" fmla="*/ 16 w 216"/>
                  <a:gd name="T45" fmla="*/ 40 h 234"/>
                  <a:gd name="T46" fmla="*/ 15 w 216"/>
                  <a:gd name="T47" fmla="*/ 36 h 234"/>
                  <a:gd name="T48" fmla="*/ 16 w 216"/>
                  <a:gd name="T49" fmla="*/ 32 h 234"/>
                  <a:gd name="T50" fmla="*/ 16 w 216"/>
                  <a:gd name="T51" fmla="*/ 29 h 234"/>
                  <a:gd name="T52" fmla="*/ 17 w 216"/>
                  <a:gd name="T53" fmla="*/ 26 h 234"/>
                  <a:gd name="T54" fmla="*/ 18 w 216"/>
                  <a:gd name="T55" fmla="*/ 23 h 234"/>
                  <a:gd name="T56" fmla="*/ 19 w 216"/>
                  <a:gd name="T57" fmla="*/ 20 h 234"/>
                  <a:gd name="T58" fmla="*/ 19 w 216"/>
                  <a:gd name="T59" fmla="*/ 16 h 234"/>
                  <a:gd name="T60" fmla="*/ 19 w 216"/>
                  <a:gd name="T61" fmla="*/ 12 h 234"/>
                  <a:gd name="T62" fmla="*/ 17 w 216"/>
                  <a:gd name="T63" fmla="*/ 11 h 234"/>
                  <a:gd name="T64" fmla="*/ 14 w 216"/>
                  <a:gd name="T65" fmla="*/ 9 h 234"/>
                  <a:gd name="T66" fmla="*/ 12 w 216"/>
                  <a:gd name="T67" fmla="*/ 8 h 234"/>
                  <a:gd name="T68" fmla="*/ 9 w 216"/>
                  <a:gd name="T69" fmla="*/ 7 h 234"/>
                  <a:gd name="T70" fmla="*/ 6 w 216"/>
                  <a:gd name="T71" fmla="*/ 5 h 234"/>
                  <a:gd name="T72" fmla="*/ 4 w 216"/>
                  <a:gd name="T73" fmla="*/ 4 h 234"/>
                  <a:gd name="T74" fmla="*/ 2 w 216"/>
                  <a:gd name="T75" fmla="*/ 2 h 234"/>
                  <a:gd name="T76" fmla="*/ 0 w 216"/>
                  <a:gd name="T77" fmla="*/ 0 h 234"/>
                  <a:gd name="T78" fmla="*/ 72 w 216"/>
                  <a:gd name="T79" fmla="*/ 78 h 234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0" t="0" r="r" b="b"/>
                <a:pathLst>
                  <a:path w="216" h="234">
                    <a:moveTo>
                      <a:pt x="216" y="234"/>
                    </a:moveTo>
                    <a:lnTo>
                      <a:pt x="205" y="232"/>
                    </a:lnTo>
                    <a:lnTo>
                      <a:pt x="193" y="228"/>
                    </a:lnTo>
                    <a:lnTo>
                      <a:pt x="184" y="224"/>
                    </a:lnTo>
                    <a:lnTo>
                      <a:pt x="174" y="219"/>
                    </a:lnTo>
                    <a:lnTo>
                      <a:pt x="166" y="213"/>
                    </a:lnTo>
                    <a:lnTo>
                      <a:pt x="158" y="206"/>
                    </a:lnTo>
                    <a:lnTo>
                      <a:pt x="152" y="199"/>
                    </a:lnTo>
                    <a:lnTo>
                      <a:pt x="146" y="192"/>
                    </a:lnTo>
                    <a:lnTo>
                      <a:pt x="141" y="183"/>
                    </a:lnTo>
                    <a:lnTo>
                      <a:pt x="135" y="174"/>
                    </a:lnTo>
                    <a:lnTo>
                      <a:pt x="131" y="164"/>
                    </a:lnTo>
                    <a:lnTo>
                      <a:pt x="127" y="155"/>
                    </a:lnTo>
                    <a:lnTo>
                      <a:pt x="119" y="134"/>
                    </a:lnTo>
                    <a:lnTo>
                      <a:pt x="113" y="112"/>
                    </a:lnTo>
                    <a:lnTo>
                      <a:pt x="103" y="112"/>
                    </a:lnTo>
                    <a:lnTo>
                      <a:pt x="95" y="113"/>
                    </a:lnTo>
                    <a:lnTo>
                      <a:pt x="88" y="115"/>
                    </a:lnTo>
                    <a:lnTo>
                      <a:pt x="82" y="118"/>
                    </a:lnTo>
                    <a:lnTo>
                      <a:pt x="75" y="120"/>
                    </a:lnTo>
                    <a:lnTo>
                      <a:pt x="67" y="122"/>
                    </a:lnTo>
                    <a:lnTo>
                      <a:pt x="58" y="123"/>
                    </a:lnTo>
                    <a:lnTo>
                      <a:pt x="48" y="121"/>
                    </a:lnTo>
                    <a:lnTo>
                      <a:pt x="46" y="108"/>
                    </a:lnTo>
                    <a:lnTo>
                      <a:pt x="47" y="97"/>
                    </a:lnTo>
                    <a:lnTo>
                      <a:pt x="49" y="87"/>
                    </a:lnTo>
                    <a:lnTo>
                      <a:pt x="51" y="78"/>
                    </a:lnTo>
                    <a:lnTo>
                      <a:pt x="54" y="69"/>
                    </a:lnTo>
                    <a:lnTo>
                      <a:pt x="56" y="60"/>
                    </a:lnTo>
                    <a:lnTo>
                      <a:pt x="57" y="49"/>
                    </a:lnTo>
                    <a:lnTo>
                      <a:pt x="57" y="37"/>
                    </a:lnTo>
                    <a:lnTo>
                      <a:pt x="50" y="32"/>
                    </a:lnTo>
                    <a:lnTo>
                      <a:pt x="43" y="27"/>
                    </a:lnTo>
                    <a:lnTo>
                      <a:pt x="35" y="23"/>
                    </a:lnTo>
                    <a:lnTo>
                      <a:pt x="27" y="20"/>
                    </a:lnTo>
                    <a:lnTo>
                      <a:pt x="19" y="16"/>
                    </a:lnTo>
                    <a:lnTo>
                      <a:pt x="12" y="12"/>
                    </a:lnTo>
                    <a:lnTo>
                      <a:pt x="6" y="6"/>
                    </a:lnTo>
                    <a:lnTo>
                      <a:pt x="0" y="0"/>
                    </a:lnTo>
                    <a:lnTo>
                      <a:pt x="216" y="234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80" name="Horsens kant 2"/>
              <p:cNvSpPr>
                <a:spLocks/>
              </p:cNvSpPr>
              <p:nvPr/>
            </p:nvSpPr>
            <p:spPr bwMode="auto">
              <a:xfrm>
                <a:off x="1755777" y="4605344"/>
                <a:ext cx="114300" cy="123825"/>
              </a:xfrm>
              <a:custGeom>
                <a:avLst/>
                <a:gdLst>
                  <a:gd name="T0" fmla="*/ 72 w 216"/>
                  <a:gd name="T1" fmla="*/ 78 h 234"/>
                  <a:gd name="T2" fmla="*/ 68 w 216"/>
                  <a:gd name="T3" fmla="*/ 77 h 234"/>
                  <a:gd name="T4" fmla="*/ 64 w 216"/>
                  <a:gd name="T5" fmla="*/ 76 h 234"/>
                  <a:gd name="T6" fmla="*/ 61 w 216"/>
                  <a:gd name="T7" fmla="*/ 75 h 234"/>
                  <a:gd name="T8" fmla="*/ 58 w 216"/>
                  <a:gd name="T9" fmla="*/ 73 h 234"/>
                  <a:gd name="T10" fmla="*/ 55 w 216"/>
                  <a:gd name="T11" fmla="*/ 71 h 234"/>
                  <a:gd name="T12" fmla="*/ 53 w 216"/>
                  <a:gd name="T13" fmla="*/ 69 h 234"/>
                  <a:gd name="T14" fmla="*/ 51 w 216"/>
                  <a:gd name="T15" fmla="*/ 66 h 234"/>
                  <a:gd name="T16" fmla="*/ 49 w 216"/>
                  <a:gd name="T17" fmla="*/ 64 h 234"/>
                  <a:gd name="T18" fmla="*/ 47 w 216"/>
                  <a:gd name="T19" fmla="*/ 61 h 234"/>
                  <a:gd name="T20" fmla="*/ 45 w 216"/>
                  <a:gd name="T21" fmla="*/ 58 h 234"/>
                  <a:gd name="T22" fmla="*/ 44 w 216"/>
                  <a:gd name="T23" fmla="*/ 55 h 234"/>
                  <a:gd name="T24" fmla="*/ 42 w 216"/>
                  <a:gd name="T25" fmla="*/ 52 h 234"/>
                  <a:gd name="T26" fmla="*/ 40 w 216"/>
                  <a:gd name="T27" fmla="*/ 45 h 234"/>
                  <a:gd name="T28" fmla="*/ 38 w 216"/>
                  <a:gd name="T29" fmla="*/ 37 h 234"/>
                  <a:gd name="T30" fmla="*/ 34 w 216"/>
                  <a:gd name="T31" fmla="*/ 37 h 234"/>
                  <a:gd name="T32" fmla="*/ 32 w 216"/>
                  <a:gd name="T33" fmla="*/ 38 h 234"/>
                  <a:gd name="T34" fmla="*/ 29 w 216"/>
                  <a:gd name="T35" fmla="*/ 38 h 234"/>
                  <a:gd name="T36" fmla="*/ 27 w 216"/>
                  <a:gd name="T37" fmla="*/ 39 h 234"/>
                  <a:gd name="T38" fmla="*/ 25 w 216"/>
                  <a:gd name="T39" fmla="*/ 40 h 234"/>
                  <a:gd name="T40" fmla="*/ 22 w 216"/>
                  <a:gd name="T41" fmla="*/ 41 h 234"/>
                  <a:gd name="T42" fmla="*/ 19 w 216"/>
                  <a:gd name="T43" fmla="*/ 41 h 234"/>
                  <a:gd name="T44" fmla="*/ 16 w 216"/>
                  <a:gd name="T45" fmla="*/ 40 h 234"/>
                  <a:gd name="T46" fmla="*/ 15 w 216"/>
                  <a:gd name="T47" fmla="*/ 36 h 234"/>
                  <a:gd name="T48" fmla="*/ 16 w 216"/>
                  <a:gd name="T49" fmla="*/ 32 h 234"/>
                  <a:gd name="T50" fmla="*/ 16 w 216"/>
                  <a:gd name="T51" fmla="*/ 29 h 234"/>
                  <a:gd name="T52" fmla="*/ 17 w 216"/>
                  <a:gd name="T53" fmla="*/ 26 h 234"/>
                  <a:gd name="T54" fmla="*/ 18 w 216"/>
                  <a:gd name="T55" fmla="*/ 23 h 234"/>
                  <a:gd name="T56" fmla="*/ 19 w 216"/>
                  <a:gd name="T57" fmla="*/ 20 h 234"/>
                  <a:gd name="T58" fmla="*/ 19 w 216"/>
                  <a:gd name="T59" fmla="*/ 16 h 234"/>
                  <a:gd name="T60" fmla="*/ 19 w 216"/>
                  <a:gd name="T61" fmla="*/ 12 h 234"/>
                  <a:gd name="T62" fmla="*/ 17 w 216"/>
                  <a:gd name="T63" fmla="*/ 11 h 234"/>
                  <a:gd name="T64" fmla="*/ 14 w 216"/>
                  <a:gd name="T65" fmla="*/ 9 h 234"/>
                  <a:gd name="T66" fmla="*/ 12 w 216"/>
                  <a:gd name="T67" fmla="*/ 8 h 234"/>
                  <a:gd name="T68" fmla="*/ 9 w 216"/>
                  <a:gd name="T69" fmla="*/ 7 h 234"/>
                  <a:gd name="T70" fmla="*/ 6 w 216"/>
                  <a:gd name="T71" fmla="*/ 5 h 234"/>
                  <a:gd name="T72" fmla="*/ 4 w 216"/>
                  <a:gd name="T73" fmla="*/ 4 h 234"/>
                  <a:gd name="T74" fmla="*/ 2 w 216"/>
                  <a:gd name="T75" fmla="*/ 2 h 234"/>
                  <a:gd name="T76" fmla="*/ 0 w 216"/>
                  <a:gd name="T77" fmla="*/ 0 h 234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</a:gdLst>
                <a:ahLst/>
                <a:cxnLst>
                  <a:cxn ang="T78">
                    <a:pos x="T0" y="T1"/>
                  </a:cxn>
                  <a:cxn ang="T79">
                    <a:pos x="T2" y="T3"/>
                  </a:cxn>
                  <a:cxn ang="T80">
                    <a:pos x="T4" y="T5"/>
                  </a:cxn>
                  <a:cxn ang="T81">
                    <a:pos x="T6" y="T7"/>
                  </a:cxn>
                  <a:cxn ang="T82">
                    <a:pos x="T8" y="T9"/>
                  </a:cxn>
                  <a:cxn ang="T83">
                    <a:pos x="T10" y="T11"/>
                  </a:cxn>
                  <a:cxn ang="T84">
                    <a:pos x="T12" y="T13"/>
                  </a:cxn>
                  <a:cxn ang="T85">
                    <a:pos x="T14" y="T15"/>
                  </a:cxn>
                  <a:cxn ang="T86">
                    <a:pos x="T16" y="T17"/>
                  </a:cxn>
                  <a:cxn ang="T87">
                    <a:pos x="T18" y="T19"/>
                  </a:cxn>
                  <a:cxn ang="T88">
                    <a:pos x="T20" y="T21"/>
                  </a:cxn>
                  <a:cxn ang="T89">
                    <a:pos x="T22" y="T23"/>
                  </a:cxn>
                  <a:cxn ang="T90">
                    <a:pos x="T24" y="T25"/>
                  </a:cxn>
                  <a:cxn ang="T91">
                    <a:pos x="T26" y="T27"/>
                  </a:cxn>
                  <a:cxn ang="T92">
                    <a:pos x="T28" y="T29"/>
                  </a:cxn>
                  <a:cxn ang="T93">
                    <a:pos x="T30" y="T31"/>
                  </a:cxn>
                  <a:cxn ang="T94">
                    <a:pos x="T32" y="T33"/>
                  </a:cxn>
                  <a:cxn ang="T95">
                    <a:pos x="T34" y="T35"/>
                  </a:cxn>
                  <a:cxn ang="T96">
                    <a:pos x="T36" y="T37"/>
                  </a:cxn>
                  <a:cxn ang="T97">
                    <a:pos x="T38" y="T39"/>
                  </a:cxn>
                  <a:cxn ang="T98">
                    <a:pos x="T40" y="T41"/>
                  </a:cxn>
                  <a:cxn ang="T99">
                    <a:pos x="T42" y="T43"/>
                  </a:cxn>
                  <a:cxn ang="T100">
                    <a:pos x="T44" y="T45"/>
                  </a:cxn>
                  <a:cxn ang="T101">
                    <a:pos x="T46" y="T47"/>
                  </a:cxn>
                  <a:cxn ang="T102">
                    <a:pos x="T48" y="T49"/>
                  </a:cxn>
                  <a:cxn ang="T103">
                    <a:pos x="T50" y="T51"/>
                  </a:cxn>
                  <a:cxn ang="T104">
                    <a:pos x="T52" y="T53"/>
                  </a:cxn>
                  <a:cxn ang="T105">
                    <a:pos x="T54" y="T55"/>
                  </a:cxn>
                  <a:cxn ang="T106">
                    <a:pos x="T56" y="T57"/>
                  </a:cxn>
                  <a:cxn ang="T107">
                    <a:pos x="T58" y="T59"/>
                  </a:cxn>
                  <a:cxn ang="T108">
                    <a:pos x="T60" y="T61"/>
                  </a:cxn>
                  <a:cxn ang="T109">
                    <a:pos x="T62" y="T63"/>
                  </a:cxn>
                  <a:cxn ang="T110">
                    <a:pos x="T64" y="T65"/>
                  </a:cxn>
                  <a:cxn ang="T111">
                    <a:pos x="T66" y="T67"/>
                  </a:cxn>
                  <a:cxn ang="T112">
                    <a:pos x="T68" y="T69"/>
                  </a:cxn>
                  <a:cxn ang="T113">
                    <a:pos x="T70" y="T71"/>
                  </a:cxn>
                  <a:cxn ang="T114">
                    <a:pos x="T72" y="T73"/>
                  </a:cxn>
                  <a:cxn ang="T115">
                    <a:pos x="T74" y="T75"/>
                  </a:cxn>
                  <a:cxn ang="T116">
                    <a:pos x="T76" y="T77"/>
                  </a:cxn>
                </a:cxnLst>
                <a:rect l="0" t="0" r="r" b="b"/>
                <a:pathLst>
                  <a:path w="216" h="234">
                    <a:moveTo>
                      <a:pt x="216" y="234"/>
                    </a:moveTo>
                    <a:lnTo>
                      <a:pt x="205" y="232"/>
                    </a:lnTo>
                    <a:lnTo>
                      <a:pt x="193" y="228"/>
                    </a:lnTo>
                    <a:lnTo>
                      <a:pt x="184" y="224"/>
                    </a:lnTo>
                    <a:lnTo>
                      <a:pt x="174" y="219"/>
                    </a:lnTo>
                    <a:lnTo>
                      <a:pt x="166" y="213"/>
                    </a:lnTo>
                    <a:lnTo>
                      <a:pt x="158" y="206"/>
                    </a:lnTo>
                    <a:lnTo>
                      <a:pt x="152" y="199"/>
                    </a:lnTo>
                    <a:lnTo>
                      <a:pt x="146" y="192"/>
                    </a:lnTo>
                    <a:lnTo>
                      <a:pt x="141" y="183"/>
                    </a:lnTo>
                    <a:lnTo>
                      <a:pt x="135" y="174"/>
                    </a:lnTo>
                    <a:lnTo>
                      <a:pt x="131" y="164"/>
                    </a:lnTo>
                    <a:lnTo>
                      <a:pt x="127" y="155"/>
                    </a:lnTo>
                    <a:lnTo>
                      <a:pt x="119" y="134"/>
                    </a:lnTo>
                    <a:lnTo>
                      <a:pt x="113" y="112"/>
                    </a:lnTo>
                    <a:lnTo>
                      <a:pt x="103" y="112"/>
                    </a:lnTo>
                    <a:lnTo>
                      <a:pt x="95" y="113"/>
                    </a:lnTo>
                    <a:lnTo>
                      <a:pt x="88" y="115"/>
                    </a:lnTo>
                    <a:lnTo>
                      <a:pt x="82" y="118"/>
                    </a:lnTo>
                    <a:lnTo>
                      <a:pt x="75" y="120"/>
                    </a:lnTo>
                    <a:lnTo>
                      <a:pt x="67" y="122"/>
                    </a:lnTo>
                    <a:lnTo>
                      <a:pt x="58" y="123"/>
                    </a:lnTo>
                    <a:lnTo>
                      <a:pt x="48" y="121"/>
                    </a:lnTo>
                    <a:lnTo>
                      <a:pt x="46" y="108"/>
                    </a:lnTo>
                    <a:lnTo>
                      <a:pt x="47" y="97"/>
                    </a:lnTo>
                    <a:lnTo>
                      <a:pt x="49" y="87"/>
                    </a:lnTo>
                    <a:lnTo>
                      <a:pt x="51" y="78"/>
                    </a:lnTo>
                    <a:lnTo>
                      <a:pt x="54" y="69"/>
                    </a:lnTo>
                    <a:lnTo>
                      <a:pt x="56" y="60"/>
                    </a:lnTo>
                    <a:lnTo>
                      <a:pt x="57" y="49"/>
                    </a:lnTo>
                    <a:lnTo>
                      <a:pt x="57" y="37"/>
                    </a:lnTo>
                    <a:lnTo>
                      <a:pt x="50" y="32"/>
                    </a:lnTo>
                    <a:lnTo>
                      <a:pt x="43" y="27"/>
                    </a:lnTo>
                    <a:lnTo>
                      <a:pt x="35" y="23"/>
                    </a:lnTo>
                    <a:lnTo>
                      <a:pt x="27" y="20"/>
                    </a:lnTo>
                    <a:lnTo>
                      <a:pt x="19" y="16"/>
                    </a:lnTo>
                    <a:lnTo>
                      <a:pt x="12" y="12"/>
                    </a:lnTo>
                    <a:lnTo>
                      <a:pt x="6" y="6"/>
                    </a:lnTo>
                    <a:lnTo>
                      <a:pt x="0" y="0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81" name="Line 115"/>
              <p:cNvSpPr>
                <a:spLocks noChangeShapeType="1"/>
              </p:cNvSpPr>
              <p:nvPr/>
            </p:nvSpPr>
            <p:spPr bwMode="auto">
              <a:xfrm>
                <a:off x="1755777" y="4605344"/>
                <a:ext cx="4763" cy="0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82" name="Line 117"/>
              <p:cNvSpPr>
                <a:spLocks noChangeShapeType="1"/>
              </p:cNvSpPr>
              <p:nvPr/>
            </p:nvSpPr>
            <p:spPr bwMode="auto">
              <a:xfrm>
                <a:off x="1752602" y="4603757"/>
                <a:ext cx="3175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83" name="Horsens"/>
              <p:cNvSpPr>
                <a:spLocks/>
              </p:cNvSpPr>
              <p:nvPr/>
            </p:nvSpPr>
            <p:spPr bwMode="auto">
              <a:xfrm>
                <a:off x="1606552" y="4418019"/>
                <a:ext cx="450851" cy="331788"/>
              </a:xfrm>
              <a:custGeom>
                <a:avLst/>
                <a:gdLst>
                  <a:gd name="T0" fmla="*/ 71 w 853"/>
                  <a:gd name="T1" fmla="*/ 120 h 625"/>
                  <a:gd name="T2" fmla="*/ 53 w 853"/>
                  <a:gd name="T3" fmla="*/ 120 h 625"/>
                  <a:gd name="T4" fmla="*/ 36 w 853"/>
                  <a:gd name="T5" fmla="*/ 117 h 625"/>
                  <a:gd name="T6" fmla="*/ 23 w 853"/>
                  <a:gd name="T7" fmla="*/ 92 h 625"/>
                  <a:gd name="T8" fmla="*/ 15 w 853"/>
                  <a:gd name="T9" fmla="*/ 74 h 625"/>
                  <a:gd name="T10" fmla="*/ 4 w 853"/>
                  <a:gd name="T11" fmla="*/ 64 h 625"/>
                  <a:gd name="T12" fmla="*/ 22 w 853"/>
                  <a:gd name="T13" fmla="*/ 54 h 625"/>
                  <a:gd name="T14" fmla="*/ 40 w 853"/>
                  <a:gd name="T15" fmla="*/ 51 h 625"/>
                  <a:gd name="T16" fmla="*/ 53 w 853"/>
                  <a:gd name="T17" fmla="*/ 54 h 625"/>
                  <a:gd name="T18" fmla="*/ 60 w 853"/>
                  <a:gd name="T19" fmla="*/ 52 h 625"/>
                  <a:gd name="T20" fmla="*/ 65 w 853"/>
                  <a:gd name="T21" fmla="*/ 48 h 625"/>
                  <a:gd name="T22" fmla="*/ 69 w 853"/>
                  <a:gd name="T23" fmla="*/ 46 h 625"/>
                  <a:gd name="T24" fmla="*/ 71 w 853"/>
                  <a:gd name="T25" fmla="*/ 32 h 625"/>
                  <a:gd name="T26" fmla="*/ 69 w 853"/>
                  <a:gd name="T27" fmla="*/ 23 h 625"/>
                  <a:gd name="T28" fmla="*/ 58 w 853"/>
                  <a:gd name="T29" fmla="*/ 17 h 625"/>
                  <a:gd name="T30" fmla="*/ 51 w 853"/>
                  <a:gd name="T31" fmla="*/ 10 h 625"/>
                  <a:gd name="T32" fmla="*/ 55 w 853"/>
                  <a:gd name="T33" fmla="*/ 4 h 625"/>
                  <a:gd name="T34" fmla="*/ 66 w 853"/>
                  <a:gd name="T35" fmla="*/ 0 h 625"/>
                  <a:gd name="T36" fmla="*/ 85 w 853"/>
                  <a:gd name="T37" fmla="*/ 4 h 625"/>
                  <a:gd name="T38" fmla="*/ 108 w 853"/>
                  <a:gd name="T39" fmla="*/ 8 h 625"/>
                  <a:gd name="T40" fmla="*/ 111 w 853"/>
                  <a:gd name="T41" fmla="*/ 12 h 625"/>
                  <a:gd name="T42" fmla="*/ 118 w 853"/>
                  <a:gd name="T43" fmla="*/ 19 h 625"/>
                  <a:gd name="T44" fmla="*/ 156 w 853"/>
                  <a:gd name="T45" fmla="*/ 14 h 625"/>
                  <a:gd name="T46" fmla="*/ 181 w 853"/>
                  <a:gd name="T47" fmla="*/ 18 h 625"/>
                  <a:gd name="T48" fmla="*/ 176 w 853"/>
                  <a:gd name="T49" fmla="*/ 34 h 625"/>
                  <a:gd name="T50" fmla="*/ 169 w 853"/>
                  <a:gd name="T51" fmla="*/ 43 h 625"/>
                  <a:gd name="T52" fmla="*/ 162 w 853"/>
                  <a:gd name="T53" fmla="*/ 51 h 625"/>
                  <a:gd name="T54" fmla="*/ 165 w 853"/>
                  <a:gd name="T55" fmla="*/ 66 h 625"/>
                  <a:gd name="T56" fmla="*/ 180 w 853"/>
                  <a:gd name="T57" fmla="*/ 83 h 625"/>
                  <a:gd name="T58" fmla="*/ 197 w 853"/>
                  <a:gd name="T59" fmla="*/ 89 h 625"/>
                  <a:gd name="T60" fmla="*/ 214 w 853"/>
                  <a:gd name="T61" fmla="*/ 80 h 625"/>
                  <a:gd name="T62" fmla="*/ 235 w 853"/>
                  <a:gd name="T63" fmla="*/ 74 h 625"/>
                  <a:gd name="T64" fmla="*/ 246 w 853"/>
                  <a:gd name="T65" fmla="*/ 67 h 625"/>
                  <a:gd name="T66" fmla="*/ 252 w 853"/>
                  <a:gd name="T67" fmla="*/ 64 h 625"/>
                  <a:gd name="T68" fmla="*/ 263 w 853"/>
                  <a:gd name="T69" fmla="*/ 70 h 625"/>
                  <a:gd name="T70" fmla="*/ 273 w 853"/>
                  <a:gd name="T71" fmla="*/ 75 h 625"/>
                  <a:gd name="T72" fmla="*/ 280 w 853"/>
                  <a:gd name="T73" fmla="*/ 84 h 625"/>
                  <a:gd name="T74" fmla="*/ 275 w 853"/>
                  <a:gd name="T75" fmla="*/ 100 h 625"/>
                  <a:gd name="T76" fmla="*/ 274 w 853"/>
                  <a:gd name="T77" fmla="*/ 118 h 625"/>
                  <a:gd name="T78" fmla="*/ 282 w 853"/>
                  <a:gd name="T79" fmla="*/ 144 h 625"/>
                  <a:gd name="T80" fmla="*/ 267 w 853"/>
                  <a:gd name="T81" fmla="*/ 148 h 625"/>
                  <a:gd name="T82" fmla="*/ 256 w 853"/>
                  <a:gd name="T83" fmla="*/ 148 h 625"/>
                  <a:gd name="T84" fmla="*/ 255 w 853"/>
                  <a:gd name="T85" fmla="*/ 145 h 625"/>
                  <a:gd name="T86" fmla="*/ 248 w 853"/>
                  <a:gd name="T87" fmla="*/ 145 h 625"/>
                  <a:gd name="T88" fmla="*/ 244 w 853"/>
                  <a:gd name="T89" fmla="*/ 151 h 625"/>
                  <a:gd name="T90" fmla="*/ 234 w 853"/>
                  <a:gd name="T91" fmla="*/ 162 h 625"/>
                  <a:gd name="T92" fmla="*/ 218 w 853"/>
                  <a:gd name="T93" fmla="*/ 162 h 625"/>
                  <a:gd name="T94" fmla="*/ 213 w 853"/>
                  <a:gd name="T95" fmla="*/ 158 h 625"/>
                  <a:gd name="T96" fmla="*/ 204 w 853"/>
                  <a:gd name="T97" fmla="*/ 161 h 625"/>
                  <a:gd name="T98" fmla="*/ 194 w 853"/>
                  <a:gd name="T99" fmla="*/ 168 h 625"/>
                  <a:gd name="T100" fmla="*/ 198 w 853"/>
                  <a:gd name="T101" fmla="*/ 173 h 625"/>
                  <a:gd name="T102" fmla="*/ 227 w 853"/>
                  <a:gd name="T103" fmla="*/ 181 h 625"/>
                  <a:gd name="T104" fmla="*/ 238 w 853"/>
                  <a:gd name="T105" fmla="*/ 192 h 625"/>
                  <a:gd name="T106" fmla="*/ 233 w 853"/>
                  <a:gd name="T107" fmla="*/ 198 h 625"/>
                  <a:gd name="T108" fmla="*/ 225 w 853"/>
                  <a:gd name="T109" fmla="*/ 202 h 625"/>
                  <a:gd name="T110" fmla="*/ 201 w 853"/>
                  <a:gd name="T111" fmla="*/ 204 h 625"/>
                  <a:gd name="T112" fmla="*/ 179 w 853"/>
                  <a:gd name="T113" fmla="*/ 206 h 625"/>
                  <a:gd name="T114" fmla="*/ 174 w 853"/>
                  <a:gd name="T115" fmla="*/ 208 h 625"/>
                  <a:gd name="T116" fmla="*/ 172 w 853"/>
                  <a:gd name="T117" fmla="*/ 200 h 625"/>
                  <a:gd name="T118" fmla="*/ 170 w 853"/>
                  <a:gd name="T119" fmla="*/ 197 h 625"/>
                  <a:gd name="T120" fmla="*/ 94 w 853"/>
                  <a:gd name="T121" fmla="*/ 118 h 625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853" h="625">
                    <a:moveTo>
                      <a:pt x="281" y="354"/>
                    </a:moveTo>
                    <a:lnTo>
                      <a:pt x="256" y="354"/>
                    </a:lnTo>
                    <a:lnTo>
                      <a:pt x="233" y="356"/>
                    </a:lnTo>
                    <a:lnTo>
                      <a:pt x="212" y="358"/>
                    </a:lnTo>
                    <a:lnTo>
                      <a:pt x="192" y="360"/>
                    </a:lnTo>
                    <a:lnTo>
                      <a:pt x="181" y="360"/>
                    </a:lnTo>
                    <a:lnTo>
                      <a:pt x="171" y="360"/>
                    </a:lnTo>
                    <a:lnTo>
                      <a:pt x="159" y="359"/>
                    </a:lnTo>
                    <a:lnTo>
                      <a:pt x="148" y="358"/>
                    </a:lnTo>
                    <a:lnTo>
                      <a:pt x="136" y="356"/>
                    </a:lnTo>
                    <a:lnTo>
                      <a:pt x="124" y="353"/>
                    </a:lnTo>
                    <a:lnTo>
                      <a:pt x="109" y="349"/>
                    </a:lnTo>
                    <a:lnTo>
                      <a:pt x="94" y="344"/>
                    </a:lnTo>
                    <a:lnTo>
                      <a:pt x="85" y="322"/>
                    </a:lnTo>
                    <a:lnTo>
                      <a:pt x="76" y="299"/>
                    </a:lnTo>
                    <a:lnTo>
                      <a:pt x="68" y="276"/>
                    </a:lnTo>
                    <a:lnTo>
                      <a:pt x="59" y="253"/>
                    </a:lnTo>
                    <a:lnTo>
                      <a:pt x="54" y="242"/>
                    </a:lnTo>
                    <a:lnTo>
                      <a:pt x="49" y="232"/>
                    </a:lnTo>
                    <a:lnTo>
                      <a:pt x="44" y="221"/>
                    </a:lnTo>
                    <a:lnTo>
                      <a:pt x="36" y="213"/>
                    </a:lnTo>
                    <a:lnTo>
                      <a:pt x="29" y="204"/>
                    </a:lnTo>
                    <a:lnTo>
                      <a:pt x="20" y="197"/>
                    </a:lnTo>
                    <a:lnTo>
                      <a:pt x="11" y="190"/>
                    </a:lnTo>
                    <a:lnTo>
                      <a:pt x="0" y="184"/>
                    </a:lnTo>
                    <a:lnTo>
                      <a:pt x="21" y="176"/>
                    </a:lnTo>
                    <a:lnTo>
                      <a:pt x="44" y="169"/>
                    </a:lnTo>
                    <a:lnTo>
                      <a:pt x="65" y="161"/>
                    </a:lnTo>
                    <a:lnTo>
                      <a:pt x="87" y="156"/>
                    </a:lnTo>
                    <a:lnTo>
                      <a:pt x="98" y="155"/>
                    </a:lnTo>
                    <a:lnTo>
                      <a:pt x="109" y="154"/>
                    </a:lnTo>
                    <a:lnTo>
                      <a:pt x="119" y="153"/>
                    </a:lnTo>
                    <a:lnTo>
                      <a:pt x="130" y="154"/>
                    </a:lnTo>
                    <a:lnTo>
                      <a:pt x="140" y="155"/>
                    </a:lnTo>
                    <a:lnTo>
                      <a:pt x="151" y="158"/>
                    </a:lnTo>
                    <a:lnTo>
                      <a:pt x="160" y="161"/>
                    </a:lnTo>
                    <a:lnTo>
                      <a:pt x="170" y="166"/>
                    </a:lnTo>
                    <a:lnTo>
                      <a:pt x="174" y="163"/>
                    </a:lnTo>
                    <a:lnTo>
                      <a:pt x="177" y="160"/>
                    </a:lnTo>
                    <a:lnTo>
                      <a:pt x="180" y="156"/>
                    </a:lnTo>
                    <a:lnTo>
                      <a:pt x="183" y="152"/>
                    </a:lnTo>
                    <a:lnTo>
                      <a:pt x="186" y="148"/>
                    </a:lnTo>
                    <a:lnTo>
                      <a:pt x="191" y="145"/>
                    </a:lnTo>
                    <a:lnTo>
                      <a:pt x="194" y="144"/>
                    </a:lnTo>
                    <a:lnTo>
                      <a:pt x="197" y="145"/>
                    </a:lnTo>
                    <a:lnTo>
                      <a:pt x="201" y="145"/>
                    </a:lnTo>
                    <a:lnTo>
                      <a:pt x="207" y="148"/>
                    </a:lnTo>
                    <a:lnTo>
                      <a:pt x="206" y="137"/>
                    </a:lnTo>
                    <a:lnTo>
                      <a:pt x="206" y="128"/>
                    </a:lnTo>
                    <a:lnTo>
                      <a:pt x="207" y="119"/>
                    </a:lnTo>
                    <a:lnTo>
                      <a:pt x="209" y="112"/>
                    </a:lnTo>
                    <a:lnTo>
                      <a:pt x="213" y="97"/>
                    </a:lnTo>
                    <a:lnTo>
                      <a:pt x="216" y="82"/>
                    </a:lnTo>
                    <a:lnTo>
                      <a:pt x="213" y="77"/>
                    </a:lnTo>
                    <a:lnTo>
                      <a:pt x="210" y="73"/>
                    </a:lnTo>
                    <a:lnTo>
                      <a:pt x="206" y="70"/>
                    </a:lnTo>
                    <a:lnTo>
                      <a:pt x="201" y="65"/>
                    </a:lnTo>
                    <a:lnTo>
                      <a:pt x="192" y="60"/>
                    </a:lnTo>
                    <a:lnTo>
                      <a:pt x="183" y="55"/>
                    </a:lnTo>
                    <a:lnTo>
                      <a:pt x="173" y="50"/>
                    </a:lnTo>
                    <a:lnTo>
                      <a:pt x="164" y="43"/>
                    </a:lnTo>
                    <a:lnTo>
                      <a:pt x="159" y="39"/>
                    </a:lnTo>
                    <a:lnTo>
                      <a:pt x="156" y="36"/>
                    </a:lnTo>
                    <a:lnTo>
                      <a:pt x="153" y="31"/>
                    </a:lnTo>
                    <a:lnTo>
                      <a:pt x="151" y="25"/>
                    </a:lnTo>
                    <a:lnTo>
                      <a:pt x="155" y="20"/>
                    </a:lnTo>
                    <a:lnTo>
                      <a:pt x="159" y="16"/>
                    </a:lnTo>
                    <a:lnTo>
                      <a:pt x="165" y="12"/>
                    </a:lnTo>
                    <a:lnTo>
                      <a:pt x="169" y="9"/>
                    </a:lnTo>
                    <a:lnTo>
                      <a:pt x="178" y="4"/>
                    </a:lnTo>
                    <a:lnTo>
                      <a:pt x="189" y="1"/>
                    </a:lnTo>
                    <a:lnTo>
                      <a:pt x="199" y="0"/>
                    </a:lnTo>
                    <a:lnTo>
                      <a:pt x="210" y="0"/>
                    </a:lnTo>
                    <a:lnTo>
                      <a:pt x="220" y="1"/>
                    </a:lnTo>
                    <a:lnTo>
                      <a:pt x="232" y="4"/>
                    </a:lnTo>
                    <a:lnTo>
                      <a:pt x="256" y="11"/>
                    </a:lnTo>
                    <a:lnTo>
                      <a:pt x="283" y="18"/>
                    </a:lnTo>
                    <a:lnTo>
                      <a:pt x="295" y="21"/>
                    </a:lnTo>
                    <a:lnTo>
                      <a:pt x="309" y="23"/>
                    </a:lnTo>
                    <a:lnTo>
                      <a:pt x="324" y="25"/>
                    </a:lnTo>
                    <a:lnTo>
                      <a:pt x="338" y="25"/>
                    </a:lnTo>
                    <a:lnTo>
                      <a:pt x="335" y="29"/>
                    </a:lnTo>
                    <a:lnTo>
                      <a:pt x="333" y="33"/>
                    </a:lnTo>
                    <a:lnTo>
                      <a:pt x="332" y="37"/>
                    </a:lnTo>
                    <a:lnTo>
                      <a:pt x="330" y="41"/>
                    </a:lnTo>
                    <a:lnTo>
                      <a:pt x="329" y="52"/>
                    </a:lnTo>
                    <a:lnTo>
                      <a:pt x="329" y="63"/>
                    </a:lnTo>
                    <a:lnTo>
                      <a:pt x="354" y="58"/>
                    </a:lnTo>
                    <a:lnTo>
                      <a:pt x="382" y="53"/>
                    </a:lnTo>
                    <a:lnTo>
                      <a:pt x="411" y="49"/>
                    </a:lnTo>
                    <a:lnTo>
                      <a:pt x="439" y="45"/>
                    </a:lnTo>
                    <a:lnTo>
                      <a:pt x="469" y="43"/>
                    </a:lnTo>
                    <a:lnTo>
                      <a:pt x="496" y="42"/>
                    </a:lnTo>
                    <a:lnTo>
                      <a:pt x="522" y="42"/>
                    </a:lnTo>
                    <a:lnTo>
                      <a:pt x="544" y="44"/>
                    </a:lnTo>
                    <a:lnTo>
                      <a:pt x="544" y="53"/>
                    </a:lnTo>
                    <a:lnTo>
                      <a:pt x="542" y="65"/>
                    </a:lnTo>
                    <a:lnTo>
                      <a:pt x="537" y="80"/>
                    </a:lnTo>
                    <a:lnTo>
                      <a:pt x="531" y="95"/>
                    </a:lnTo>
                    <a:lnTo>
                      <a:pt x="528" y="103"/>
                    </a:lnTo>
                    <a:lnTo>
                      <a:pt x="524" y="110"/>
                    </a:lnTo>
                    <a:lnTo>
                      <a:pt x="518" y="117"/>
                    </a:lnTo>
                    <a:lnTo>
                      <a:pt x="513" y="123"/>
                    </a:lnTo>
                    <a:lnTo>
                      <a:pt x="508" y="129"/>
                    </a:lnTo>
                    <a:lnTo>
                      <a:pt x="502" y="133"/>
                    </a:lnTo>
                    <a:lnTo>
                      <a:pt x="495" y="136"/>
                    </a:lnTo>
                    <a:lnTo>
                      <a:pt x="488" y="138"/>
                    </a:lnTo>
                    <a:lnTo>
                      <a:pt x="487" y="153"/>
                    </a:lnTo>
                    <a:lnTo>
                      <a:pt x="488" y="166"/>
                    </a:lnTo>
                    <a:lnTo>
                      <a:pt x="489" y="178"/>
                    </a:lnTo>
                    <a:lnTo>
                      <a:pt x="491" y="189"/>
                    </a:lnTo>
                    <a:lnTo>
                      <a:pt x="495" y="198"/>
                    </a:lnTo>
                    <a:lnTo>
                      <a:pt x="499" y="206"/>
                    </a:lnTo>
                    <a:lnTo>
                      <a:pt x="505" y="214"/>
                    </a:lnTo>
                    <a:lnTo>
                      <a:pt x="510" y="221"/>
                    </a:lnTo>
                    <a:lnTo>
                      <a:pt x="542" y="248"/>
                    </a:lnTo>
                    <a:lnTo>
                      <a:pt x="582" y="278"/>
                    </a:lnTo>
                    <a:lnTo>
                      <a:pt x="585" y="274"/>
                    </a:lnTo>
                    <a:lnTo>
                      <a:pt x="588" y="269"/>
                    </a:lnTo>
                    <a:lnTo>
                      <a:pt x="592" y="265"/>
                    </a:lnTo>
                    <a:lnTo>
                      <a:pt x="596" y="261"/>
                    </a:lnTo>
                    <a:lnTo>
                      <a:pt x="607" y="255"/>
                    </a:lnTo>
                    <a:lnTo>
                      <a:pt x="617" y="249"/>
                    </a:lnTo>
                    <a:lnTo>
                      <a:pt x="642" y="240"/>
                    </a:lnTo>
                    <a:lnTo>
                      <a:pt x="667" y="233"/>
                    </a:lnTo>
                    <a:lnTo>
                      <a:pt x="680" y="230"/>
                    </a:lnTo>
                    <a:lnTo>
                      <a:pt x="692" y="225"/>
                    </a:lnTo>
                    <a:lnTo>
                      <a:pt x="705" y="221"/>
                    </a:lnTo>
                    <a:lnTo>
                      <a:pt x="715" y="216"/>
                    </a:lnTo>
                    <a:lnTo>
                      <a:pt x="726" y="211"/>
                    </a:lnTo>
                    <a:lnTo>
                      <a:pt x="735" y="203"/>
                    </a:lnTo>
                    <a:lnTo>
                      <a:pt x="740" y="199"/>
                    </a:lnTo>
                    <a:lnTo>
                      <a:pt x="744" y="195"/>
                    </a:lnTo>
                    <a:lnTo>
                      <a:pt x="747" y="190"/>
                    </a:lnTo>
                    <a:lnTo>
                      <a:pt x="750" y="184"/>
                    </a:lnTo>
                    <a:lnTo>
                      <a:pt x="756" y="191"/>
                    </a:lnTo>
                    <a:lnTo>
                      <a:pt x="763" y="196"/>
                    </a:lnTo>
                    <a:lnTo>
                      <a:pt x="769" y="200"/>
                    </a:lnTo>
                    <a:lnTo>
                      <a:pt x="776" y="203"/>
                    </a:lnTo>
                    <a:lnTo>
                      <a:pt x="789" y="209"/>
                    </a:lnTo>
                    <a:lnTo>
                      <a:pt x="803" y="214"/>
                    </a:lnTo>
                    <a:lnTo>
                      <a:pt x="809" y="217"/>
                    </a:lnTo>
                    <a:lnTo>
                      <a:pt x="815" y="220"/>
                    </a:lnTo>
                    <a:lnTo>
                      <a:pt x="821" y="223"/>
                    </a:lnTo>
                    <a:lnTo>
                      <a:pt x="826" y="229"/>
                    </a:lnTo>
                    <a:lnTo>
                      <a:pt x="831" y="234"/>
                    </a:lnTo>
                    <a:lnTo>
                      <a:pt x="835" y="241"/>
                    </a:lnTo>
                    <a:lnTo>
                      <a:pt x="840" y="250"/>
                    </a:lnTo>
                    <a:lnTo>
                      <a:pt x="844" y="260"/>
                    </a:lnTo>
                    <a:lnTo>
                      <a:pt x="835" y="273"/>
                    </a:lnTo>
                    <a:lnTo>
                      <a:pt x="830" y="287"/>
                    </a:lnTo>
                    <a:lnTo>
                      <a:pt x="826" y="300"/>
                    </a:lnTo>
                    <a:lnTo>
                      <a:pt x="823" y="313"/>
                    </a:lnTo>
                    <a:lnTo>
                      <a:pt x="822" y="325"/>
                    </a:lnTo>
                    <a:lnTo>
                      <a:pt x="823" y="339"/>
                    </a:lnTo>
                    <a:lnTo>
                      <a:pt x="824" y="352"/>
                    </a:lnTo>
                    <a:lnTo>
                      <a:pt x="826" y="363"/>
                    </a:lnTo>
                    <a:lnTo>
                      <a:pt x="832" y="388"/>
                    </a:lnTo>
                    <a:lnTo>
                      <a:pt x="840" y="410"/>
                    </a:lnTo>
                    <a:lnTo>
                      <a:pt x="847" y="430"/>
                    </a:lnTo>
                    <a:lnTo>
                      <a:pt x="853" y="447"/>
                    </a:lnTo>
                    <a:lnTo>
                      <a:pt x="836" y="446"/>
                    </a:lnTo>
                    <a:lnTo>
                      <a:pt x="820" y="444"/>
                    </a:lnTo>
                    <a:lnTo>
                      <a:pt x="803" y="444"/>
                    </a:lnTo>
                    <a:lnTo>
                      <a:pt x="787" y="444"/>
                    </a:lnTo>
                    <a:lnTo>
                      <a:pt x="780" y="443"/>
                    </a:lnTo>
                    <a:lnTo>
                      <a:pt x="774" y="443"/>
                    </a:lnTo>
                    <a:lnTo>
                      <a:pt x="770" y="442"/>
                    </a:lnTo>
                    <a:lnTo>
                      <a:pt x="766" y="440"/>
                    </a:lnTo>
                    <a:lnTo>
                      <a:pt x="764" y="438"/>
                    </a:lnTo>
                    <a:lnTo>
                      <a:pt x="764" y="436"/>
                    </a:lnTo>
                    <a:lnTo>
                      <a:pt x="765" y="433"/>
                    </a:lnTo>
                    <a:lnTo>
                      <a:pt x="769" y="429"/>
                    </a:lnTo>
                    <a:lnTo>
                      <a:pt x="758" y="430"/>
                    </a:lnTo>
                    <a:lnTo>
                      <a:pt x="750" y="433"/>
                    </a:lnTo>
                    <a:lnTo>
                      <a:pt x="746" y="435"/>
                    </a:lnTo>
                    <a:lnTo>
                      <a:pt x="743" y="437"/>
                    </a:lnTo>
                    <a:lnTo>
                      <a:pt x="740" y="440"/>
                    </a:lnTo>
                    <a:lnTo>
                      <a:pt x="737" y="443"/>
                    </a:lnTo>
                    <a:lnTo>
                      <a:pt x="733" y="452"/>
                    </a:lnTo>
                    <a:lnTo>
                      <a:pt x="731" y="461"/>
                    </a:lnTo>
                    <a:lnTo>
                      <a:pt x="730" y="472"/>
                    </a:lnTo>
                    <a:lnTo>
                      <a:pt x="731" y="484"/>
                    </a:lnTo>
                    <a:lnTo>
                      <a:pt x="704" y="484"/>
                    </a:lnTo>
                    <a:lnTo>
                      <a:pt x="674" y="486"/>
                    </a:lnTo>
                    <a:lnTo>
                      <a:pt x="667" y="486"/>
                    </a:lnTo>
                    <a:lnTo>
                      <a:pt x="661" y="484"/>
                    </a:lnTo>
                    <a:lnTo>
                      <a:pt x="655" y="483"/>
                    </a:lnTo>
                    <a:lnTo>
                      <a:pt x="650" y="481"/>
                    </a:lnTo>
                    <a:lnTo>
                      <a:pt x="645" y="479"/>
                    </a:lnTo>
                    <a:lnTo>
                      <a:pt x="642" y="476"/>
                    </a:lnTo>
                    <a:lnTo>
                      <a:pt x="640" y="471"/>
                    </a:lnTo>
                    <a:lnTo>
                      <a:pt x="637" y="466"/>
                    </a:lnTo>
                    <a:lnTo>
                      <a:pt x="629" y="470"/>
                    </a:lnTo>
                    <a:lnTo>
                      <a:pt x="622" y="475"/>
                    </a:lnTo>
                    <a:lnTo>
                      <a:pt x="614" y="481"/>
                    </a:lnTo>
                    <a:lnTo>
                      <a:pt x="607" y="487"/>
                    </a:lnTo>
                    <a:lnTo>
                      <a:pt x="599" y="493"/>
                    </a:lnTo>
                    <a:lnTo>
                      <a:pt x="592" y="497"/>
                    </a:lnTo>
                    <a:lnTo>
                      <a:pt x="583" y="501"/>
                    </a:lnTo>
                    <a:lnTo>
                      <a:pt x="572" y="503"/>
                    </a:lnTo>
                    <a:lnTo>
                      <a:pt x="578" y="509"/>
                    </a:lnTo>
                    <a:lnTo>
                      <a:pt x="586" y="514"/>
                    </a:lnTo>
                    <a:lnTo>
                      <a:pt x="594" y="518"/>
                    </a:lnTo>
                    <a:lnTo>
                      <a:pt x="603" y="522"/>
                    </a:lnTo>
                    <a:lnTo>
                      <a:pt x="621" y="529"/>
                    </a:lnTo>
                    <a:lnTo>
                      <a:pt x="640" y="534"/>
                    </a:lnTo>
                    <a:lnTo>
                      <a:pt x="681" y="542"/>
                    </a:lnTo>
                    <a:lnTo>
                      <a:pt x="722" y="550"/>
                    </a:lnTo>
                    <a:lnTo>
                      <a:pt x="721" y="558"/>
                    </a:lnTo>
                    <a:lnTo>
                      <a:pt x="720" y="566"/>
                    </a:lnTo>
                    <a:lnTo>
                      <a:pt x="716" y="573"/>
                    </a:lnTo>
                    <a:lnTo>
                      <a:pt x="713" y="578"/>
                    </a:lnTo>
                    <a:lnTo>
                      <a:pt x="709" y="583"/>
                    </a:lnTo>
                    <a:lnTo>
                      <a:pt x="705" y="589"/>
                    </a:lnTo>
                    <a:lnTo>
                      <a:pt x="700" y="593"/>
                    </a:lnTo>
                    <a:lnTo>
                      <a:pt x="694" y="596"/>
                    </a:lnTo>
                    <a:lnTo>
                      <a:pt x="688" y="599"/>
                    </a:lnTo>
                    <a:lnTo>
                      <a:pt x="682" y="601"/>
                    </a:lnTo>
                    <a:lnTo>
                      <a:pt x="675" y="603"/>
                    </a:lnTo>
                    <a:lnTo>
                      <a:pt x="668" y="606"/>
                    </a:lnTo>
                    <a:lnTo>
                      <a:pt x="652" y="608"/>
                    </a:lnTo>
                    <a:lnTo>
                      <a:pt x="636" y="610"/>
                    </a:lnTo>
                    <a:lnTo>
                      <a:pt x="604" y="611"/>
                    </a:lnTo>
                    <a:lnTo>
                      <a:pt x="572" y="612"/>
                    </a:lnTo>
                    <a:lnTo>
                      <a:pt x="558" y="613"/>
                    </a:lnTo>
                    <a:lnTo>
                      <a:pt x="545" y="616"/>
                    </a:lnTo>
                    <a:lnTo>
                      <a:pt x="539" y="617"/>
                    </a:lnTo>
                    <a:lnTo>
                      <a:pt x="534" y="619"/>
                    </a:lnTo>
                    <a:lnTo>
                      <a:pt x="529" y="622"/>
                    </a:lnTo>
                    <a:lnTo>
                      <a:pt x="525" y="625"/>
                    </a:lnTo>
                    <a:lnTo>
                      <a:pt x="522" y="623"/>
                    </a:lnTo>
                    <a:lnTo>
                      <a:pt x="518" y="620"/>
                    </a:lnTo>
                    <a:lnTo>
                      <a:pt x="517" y="615"/>
                    </a:lnTo>
                    <a:lnTo>
                      <a:pt x="516" y="611"/>
                    </a:lnTo>
                    <a:lnTo>
                      <a:pt x="516" y="599"/>
                    </a:lnTo>
                    <a:lnTo>
                      <a:pt x="516" y="588"/>
                    </a:lnTo>
                    <a:lnTo>
                      <a:pt x="513" y="588"/>
                    </a:lnTo>
                    <a:lnTo>
                      <a:pt x="511" y="588"/>
                    </a:lnTo>
                    <a:lnTo>
                      <a:pt x="510" y="589"/>
                    </a:lnTo>
                    <a:lnTo>
                      <a:pt x="508" y="590"/>
                    </a:lnTo>
                    <a:lnTo>
                      <a:pt x="507" y="593"/>
                    </a:lnTo>
                    <a:lnTo>
                      <a:pt x="507" y="597"/>
                    </a:lnTo>
                    <a:lnTo>
                      <a:pt x="281" y="354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84" name="Horsens kant"/>
              <p:cNvSpPr>
                <a:spLocks/>
              </p:cNvSpPr>
              <p:nvPr/>
            </p:nvSpPr>
            <p:spPr bwMode="auto">
              <a:xfrm>
                <a:off x="1606552" y="4418019"/>
                <a:ext cx="450851" cy="331788"/>
              </a:xfrm>
              <a:custGeom>
                <a:avLst/>
                <a:gdLst>
                  <a:gd name="T0" fmla="*/ 71 w 853"/>
                  <a:gd name="T1" fmla="*/ 120 h 625"/>
                  <a:gd name="T2" fmla="*/ 53 w 853"/>
                  <a:gd name="T3" fmla="*/ 120 h 625"/>
                  <a:gd name="T4" fmla="*/ 36 w 853"/>
                  <a:gd name="T5" fmla="*/ 117 h 625"/>
                  <a:gd name="T6" fmla="*/ 23 w 853"/>
                  <a:gd name="T7" fmla="*/ 92 h 625"/>
                  <a:gd name="T8" fmla="*/ 15 w 853"/>
                  <a:gd name="T9" fmla="*/ 74 h 625"/>
                  <a:gd name="T10" fmla="*/ 4 w 853"/>
                  <a:gd name="T11" fmla="*/ 64 h 625"/>
                  <a:gd name="T12" fmla="*/ 22 w 853"/>
                  <a:gd name="T13" fmla="*/ 54 h 625"/>
                  <a:gd name="T14" fmla="*/ 40 w 853"/>
                  <a:gd name="T15" fmla="*/ 51 h 625"/>
                  <a:gd name="T16" fmla="*/ 53 w 853"/>
                  <a:gd name="T17" fmla="*/ 54 h 625"/>
                  <a:gd name="T18" fmla="*/ 60 w 853"/>
                  <a:gd name="T19" fmla="*/ 52 h 625"/>
                  <a:gd name="T20" fmla="*/ 65 w 853"/>
                  <a:gd name="T21" fmla="*/ 48 h 625"/>
                  <a:gd name="T22" fmla="*/ 69 w 853"/>
                  <a:gd name="T23" fmla="*/ 46 h 625"/>
                  <a:gd name="T24" fmla="*/ 71 w 853"/>
                  <a:gd name="T25" fmla="*/ 32 h 625"/>
                  <a:gd name="T26" fmla="*/ 69 w 853"/>
                  <a:gd name="T27" fmla="*/ 23 h 625"/>
                  <a:gd name="T28" fmla="*/ 58 w 853"/>
                  <a:gd name="T29" fmla="*/ 17 h 625"/>
                  <a:gd name="T30" fmla="*/ 51 w 853"/>
                  <a:gd name="T31" fmla="*/ 10 h 625"/>
                  <a:gd name="T32" fmla="*/ 55 w 853"/>
                  <a:gd name="T33" fmla="*/ 4 h 625"/>
                  <a:gd name="T34" fmla="*/ 66 w 853"/>
                  <a:gd name="T35" fmla="*/ 0 h 625"/>
                  <a:gd name="T36" fmla="*/ 85 w 853"/>
                  <a:gd name="T37" fmla="*/ 4 h 625"/>
                  <a:gd name="T38" fmla="*/ 108 w 853"/>
                  <a:gd name="T39" fmla="*/ 8 h 625"/>
                  <a:gd name="T40" fmla="*/ 111 w 853"/>
                  <a:gd name="T41" fmla="*/ 12 h 625"/>
                  <a:gd name="T42" fmla="*/ 118 w 853"/>
                  <a:gd name="T43" fmla="*/ 19 h 625"/>
                  <a:gd name="T44" fmla="*/ 156 w 853"/>
                  <a:gd name="T45" fmla="*/ 14 h 625"/>
                  <a:gd name="T46" fmla="*/ 181 w 853"/>
                  <a:gd name="T47" fmla="*/ 18 h 625"/>
                  <a:gd name="T48" fmla="*/ 176 w 853"/>
                  <a:gd name="T49" fmla="*/ 34 h 625"/>
                  <a:gd name="T50" fmla="*/ 169 w 853"/>
                  <a:gd name="T51" fmla="*/ 43 h 625"/>
                  <a:gd name="T52" fmla="*/ 162 w 853"/>
                  <a:gd name="T53" fmla="*/ 51 h 625"/>
                  <a:gd name="T54" fmla="*/ 165 w 853"/>
                  <a:gd name="T55" fmla="*/ 66 h 625"/>
                  <a:gd name="T56" fmla="*/ 180 w 853"/>
                  <a:gd name="T57" fmla="*/ 83 h 625"/>
                  <a:gd name="T58" fmla="*/ 197 w 853"/>
                  <a:gd name="T59" fmla="*/ 89 h 625"/>
                  <a:gd name="T60" fmla="*/ 214 w 853"/>
                  <a:gd name="T61" fmla="*/ 80 h 625"/>
                  <a:gd name="T62" fmla="*/ 235 w 853"/>
                  <a:gd name="T63" fmla="*/ 74 h 625"/>
                  <a:gd name="T64" fmla="*/ 246 w 853"/>
                  <a:gd name="T65" fmla="*/ 67 h 625"/>
                  <a:gd name="T66" fmla="*/ 252 w 853"/>
                  <a:gd name="T67" fmla="*/ 64 h 625"/>
                  <a:gd name="T68" fmla="*/ 263 w 853"/>
                  <a:gd name="T69" fmla="*/ 70 h 625"/>
                  <a:gd name="T70" fmla="*/ 273 w 853"/>
                  <a:gd name="T71" fmla="*/ 75 h 625"/>
                  <a:gd name="T72" fmla="*/ 280 w 853"/>
                  <a:gd name="T73" fmla="*/ 84 h 625"/>
                  <a:gd name="T74" fmla="*/ 275 w 853"/>
                  <a:gd name="T75" fmla="*/ 100 h 625"/>
                  <a:gd name="T76" fmla="*/ 274 w 853"/>
                  <a:gd name="T77" fmla="*/ 118 h 625"/>
                  <a:gd name="T78" fmla="*/ 282 w 853"/>
                  <a:gd name="T79" fmla="*/ 144 h 625"/>
                  <a:gd name="T80" fmla="*/ 267 w 853"/>
                  <a:gd name="T81" fmla="*/ 148 h 625"/>
                  <a:gd name="T82" fmla="*/ 256 w 853"/>
                  <a:gd name="T83" fmla="*/ 148 h 625"/>
                  <a:gd name="T84" fmla="*/ 255 w 853"/>
                  <a:gd name="T85" fmla="*/ 145 h 625"/>
                  <a:gd name="T86" fmla="*/ 248 w 853"/>
                  <a:gd name="T87" fmla="*/ 145 h 625"/>
                  <a:gd name="T88" fmla="*/ 244 w 853"/>
                  <a:gd name="T89" fmla="*/ 151 h 625"/>
                  <a:gd name="T90" fmla="*/ 234 w 853"/>
                  <a:gd name="T91" fmla="*/ 162 h 625"/>
                  <a:gd name="T92" fmla="*/ 218 w 853"/>
                  <a:gd name="T93" fmla="*/ 162 h 625"/>
                  <a:gd name="T94" fmla="*/ 213 w 853"/>
                  <a:gd name="T95" fmla="*/ 158 h 625"/>
                  <a:gd name="T96" fmla="*/ 204 w 853"/>
                  <a:gd name="T97" fmla="*/ 161 h 625"/>
                  <a:gd name="T98" fmla="*/ 194 w 853"/>
                  <a:gd name="T99" fmla="*/ 168 h 625"/>
                  <a:gd name="T100" fmla="*/ 198 w 853"/>
                  <a:gd name="T101" fmla="*/ 173 h 625"/>
                  <a:gd name="T102" fmla="*/ 227 w 853"/>
                  <a:gd name="T103" fmla="*/ 181 h 625"/>
                  <a:gd name="T104" fmla="*/ 238 w 853"/>
                  <a:gd name="T105" fmla="*/ 192 h 625"/>
                  <a:gd name="T106" fmla="*/ 233 w 853"/>
                  <a:gd name="T107" fmla="*/ 198 h 625"/>
                  <a:gd name="T108" fmla="*/ 225 w 853"/>
                  <a:gd name="T109" fmla="*/ 202 h 625"/>
                  <a:gd name="T110" fmla="*/ 201 w 853"/>
                  <a:gd name="T111" fmla="*/ 204 h 625"/>
                  <a:gd name="T112" fmla="*/ 179 w 853"/>
                  <a:gd name="T113" fmla="*/ 206 h 625"/>
                  <a:gd name="T114" fmla="*/ 174 w 853"/>
                  <a:gd name="T115" fmla="*/ 208 h 625"/>
                  <a:gd name="T116" fmla="*/ 172 w 853"/>
                  <a:gd name="T117" fmla="*/ 200 h 625"/>
                  <a:gd name="T118" fmla="*/ 170 w 853"/>
                  <a:gd name="T119" fmla="*/ 197 h 625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853" h="625">
                    <a:moveTo>
                      <a:pt x="281" y="354"/>
                    </a:moveTo>
                    <a:lnTo>
                      <a:pt x="256" y="354"/>
                    </a:lnTo>
                    <a:lnTo>
                      <a:pt x="233" y="356"/>
                    </a:lnTo>
                    <a:lnTo>
                      <a:pt x="212" y="358"/>
                    </a:lnTo>
                    <a:lnTo>
                      <a:pt x="192" y="360"/>
                    </a:lnTo>
                    <a:lnTo>
                      <a:pt x="181" y="360"/>
                    </a:lnTo>
                    <a:lnTo>
                      <a:pt x="171" y="360"/>
                    </a:lnTo>
                    <a:lnTo>
                      <a:pt x="159" y="359"/>
                    </a:lnTo>
                    <a:lnTo>
                      <a:pt x="148" y="358"/>
                    </a:lnTo>
                    <a:lnTo>
                      <a:pt x="136" y="356"/>
                    </a:lnTo>
                    <a:lnTo>
                      <a:pt x="124" y="353"/>
                    </a:lnTo>
                    <a:lnTo>
                      <a:pt x="109" y="349"/>
                    </a:lnTo>
                    <a:lnTo>
                      <a:pt x="94" y="344"/>
                    </a:lnTo>
                    <a:lnTo>
                      <a:pt x="85" y="322"/>
                    </a:lnTo>
                    <a:lnTo>
                      <a:pt x="76" y="299"/>
                    </a:lnTo>
                    <a:lnTo>
                      <a:pt x="68" y="276"/>
                    </a:lnTo>
                    <a:lnTo>
                      <a:pt x="59" y="253"/>
                    </a:lnTo>
                    <a:lnTo>
                      <a:pt x="54" y="242"/>
                    </a:lnTo>
                    <a:lnTo>
                      <a:pt x="49" y="232"/>
                    </a:lnTo>
                    <a:lnTo>
                      <a:pt x="44" y="221"/>
                    </a:lnTo>
                    <a:lnTo>
                      <a:pt x="36" y="213"/>
                    </a:lnTo>
                    <a:lnTo>
                      <a:pt x="29" y="204"/>
                    </a:lnTo>
                    <a:lnTo>
                      <a:pt x="20" y="197"/>
                    </a:lnTo>
                    <a:lnTo>
                      <a:pt x="11" y="190"/>
                    </a:lnTo>
                    <a:lnTo>
                      <a:pt x="0" y="184"/>
                    </a:lnTo>
                    <a:lnTo>
                      <a:pt x="21" y="176"/>
                    </a:lnTo>
                    <a:lnTo>
                      <a:pt x="44" y="169"/>
                    </a:lnTo>
                    <a:lnTo>
                      <a:pt x="65" y="161"/>
                    </a:lnTo>
                    <a:lnTo>
                      <a:pt x="87" y="156"/>
                    </a:lnTo>
                    <a:lnTo>
                      <a:pt x="98" y="155"/>
                    </a:lnTo>
                    <a:lnTo>
                      <a:pt x="109" y="154"/>
                    </a:lnTo>
                    <a:lnTo>
                      <a:pt x="119" y="153"/>
                    </a:lnTo>
                    <a:lnTo>
                      <a:pt x="130" y="154"/>
                    </a:lnTo>
                    <a:lnTo>
                      <a:pt x="140" y="155"/>
                    </a:lnTo>
                    <a:lnTo>
                      <a:pt x="151" y="158"/>
                    </a:lnTo>
                    <a:lnTo>
                      <a:pt x="160" y="161"/>
                    </a:lnTo>
                    <a:lnTo>
                      <a:pt x="170" y="166"/>
                    </a:lnTo>
                    <a:lnTo>
                      <a:pt x="174" y="163"/>
                    </a:lnTo>
                    <a:lnTo>
                      <a:pt x="177" y="160"/>
                    </a:lnTo>
                    <a:lnTo>
                      <a:pt x="180" y="156"/>
                    </a:lnTo>
                    <a:lnTo>
                      <a:pt x="183" y="152"/>
                    </a:lnTo>
                    <a:lnTo>
                      <a:pt x="186" y="148"/>
                    </a:lnTo>
                    <a:lnTo>
                      <a:pt x="191" y="145"/>
                    </a:lnTo>
                    <a:lnTo>
                      <a:pt x="194" y="144"/>
                    </a:lnTo>
                    <a:lnTo>
                      <a:pt x="197" y="145"/>
                    </a:lnTo>
                    <a:lnTo>
                      <a:pt x="201" y="145"/>
                    </a:lnTo>
                    <a:lnTo>
                      <a:pt x="207" y="148"/>
                    </a:lnTo>
                    <a:lnTo>
                      <a:pt x="206" y="137"/>
                    </a:lnTo>
                    <a:lnTo>
                      <a:pt x="206" y="128"/>
                    </a:lnTo>
                    <a:lnTo>
                      <a:pt x="207" y="119"/>
                    </a:lnTo>
                    <a:lnTo>
                      <a:pt x="209" y="112"/>
                    </a:lnTo>
                    <a:lnTo>
                      <a:pt x="213" y="97"/>
                    </a:lnTo>
                    <a:lnTo>
                      <a:pt x="216" y="82"/>
                    </a:lnTo>
                    <a:lnTo>
                      <a:pt x="213" y="77"/>
                    </a:lnTo>
                    <a:lnTo>
                      <a:pt x="210" y="73"/>
                    </a:lnTo>
                    <a:lnTo>
                      <a:pt x="206" y="70"/>
                    </a:lnTo>
                    <a:lnTo>
                      <a:pt x="201" y="65"/>
                    </a:lnTo>
                    <a:lnTo>
                      <a:pt x="192" y="60"/>
                    </a:lnTo>
                    <a:lnTo>
                      <a:pt x="183" y="55"/>
                    </a:lnTo>
                    <a:lnTo>
                      <a:pt x="173" y="50"/>
                    </a:lnTo>
                    <a:lnTo>
                      <a:pt x="164" y="43"/>
                    </a:lnTo>
                    <a:lnTo>
                      <a:pt x="159" y="39"/>
                    </a:lnTo>
                    <a:lnTo>
                      <a:pt x="156" y="36"/>
                    </a:lnTo>
                    <a:lnTo>
                      <a:pt x="153" y="31"/>
                    </a:lnTo>
                    <a:lnTo>
                      <a:pt x="151" y="25"/>
                    </a:lnTo>
                    <a:lnTo>
                      <a:pt x="155" y="20"/>
                    </a:lnTo>
                    <a:lnTo>
                      <a:pt x="159" y="16"/>
                    </a:lnTo>
                    <a:lnTo>
                      <a:pt x="165" y="12"/>
                    </a:lnTo>
                    <a:lnTo>
                      <a:pt x="169" y="9"/>
                    </a:lnTo>
                    <a:lnTo>
                      <a:pt x="178" y="4"/>
                    </a:lnTo>
                    <a:lnTo>
                      <a:pt x="189" y="1"/>
                    </a:lnTo>
                    <a:lnTo>
                      <a:pt x="199" y="0"/>
                    </a:lnTo>
                    <a:lnTo>
                      <a:pt x="210" y="0"/>
                    </a:lnTo>
                    <a:lnTo>
                      <a:pt x="220" y="1"/>
                    </a:lnTo>
                    <a:lnTo>
                      <a:pt x="232" y="4"/>
                    </a:lnTo>
                    <a:lnTo>
                      <a:pt x="256" y="11"/>
                    </a:lnTo>
                    <a:lnTo>
                      <a:pt x="283" y="18"/>
                    </a:lnTo>
                    <a:lnTo>
                      <a:pt x="295" y="21"/>
                    </a:lnTo>
                    <a:lnTo>
                      <a:pt x="309" y="23"/>
                    </a:lnTo>
                    <a:lnTo>
                      <a:pt x="324" y="25"/>
                    </a:lnTo>
                    <a:lnTo>
                      <a:pt x="338" y="25"/>
                    </a:lnTo>
                    <a:lnTo>
                      <a:pt x="335" y="29"/>
                    </a:lnTo>
                    <a:lnTo>
                      <a:pt x="333" y="33"/>
                    </a:lnTo>
                    <a:lnTo>
                      <a:pt x="332" y="37"/>
                    </a:lnTo>
                    <a:lnTo>
                      <a:pt x="330" y="41"/>
                    </a:lnTo>
                    <a:lnTo>
                      <a:pt x="329" y="52"/>
                    </a:lnTo>
                    <a:lnTo>
                      <a:pt x="329" y="63"/>
                    </a:lnTo>
                    <a:lnTo>
                      <a:pt x="354" y="58"/>
                    </a:lnTo>
                    <a:lnTo>
                      <a:pt x="382" y="53"/>
                    </a:lnTo>
                    <a:lnTo>
                      <a:pt x="411" y="49"/>
                    </a:lnTo>
                    <a:lnTo>
                      <a:pt x="439" y="45"/>
                    </a:lnTo>
                    <a:lnTo>
                      <a:pt x="469" y="43"/>
                    </a:lnTo>
                    <a:lnTo>
                      <a:pt x="496" y="42"/>
                    </a:lnTo>
                    <a:lnTo>
                      <a:pt x="522" y="42"/>
                    </a:lnTo>
                    <a:lnTo>
                      <a:pt x="544" y="44"/>
                    </a:lnTo>
                    <a:lnTo>
                      <a:pt x="544" y="53"/>
                    </a:lnTo>
                    <a:lnTo>
                      <a:pt x="542" y="65"/>
                    </a:lnTo>
                    <a:lnTo>
                      <a:pt x="537" y="80"/>
                    </a:lnTo>
                    <a:lnTo>
                      <a:pt x="531" y="95"/>
                    </a:lnTo>
                    <a:lnTo>
                      <a:pt x="528" y="103"/>
                    </a:lnTo>
                    <a:lnTo>
                      <a:pt x="524" y="110"/>
                    </a:lnTo>
                    <a:lnTo>
                      <a:pt x="518" y="117"/>
                    </a:lnTo>
                    <a:lnTo>
                      <a:pt x="513" y="123"/>
                    </a:lnTo>
                    <a:lnTo>
                      <a:pt x="508" y="129"/>
                    </a:lnTo>
                    <a:lnTo>
                      <a:pt x="502" y="133"/>
                    </a:lnTo>
                    <a:lnTo>
                      <a:pt x="495" y="136"/>
                    </a:lnTo>
                    <a:lnTo>
                      <a:pt x="488" y="138"/>
                    </a:lnTo>
                    <a:lnTo>
                      <a:pt x="487" y="153"/>
                    </a:lnTo>
                    <a:lnTo>
                      <a:pt x="488" y="166"/>
                    </a:lnTo>
                    <a:lnTo>
                      <a:pt x="489" y="178"/>
                    </a:lnTo>
                    <a:lnTo>
                      <a:pt x="491" y="189"/>
                    </a:lnTo>
                    <a:lnTo>
                      <a:pt x="495" y="198"/>
                    </a:lnTo>
                    <a:lnTo>
                      <a:pt x="499" y="206"/>
                    </a:lnTo>
                    <a:lnTo>
                      <a:pt x="505" y="214"/>
                    </a:lnTo>
                    <a:lnTo>
                      <a:pt x="510" y="221"/>
                    </a:lnTo>
                    <a:lnTo>
                      <a:pt x="542" y="248"/>
                    </a:lnTo>
                    <a:lnTo>
                      <a:pt x="582" y="278"/>
                    </a:lnTo>
                    <a:lnTo>
                      <a:pt x="585" y="274"/>
                    </a:lnTo>
                    <a:lnTo>
                      <a:pt x="588" y="269"/>
                    </a:lnTo>
                    <a:lnTo>
                      <a:pt x="592" y="265"/>
                    </a:lnTo>
                    <a:lnTo>
                      <a:pt x="596" y="261"/>
                    </a:lnTo>
                    <a:lnTo>
                      <a:pt x="607" y="255"/>
                    </a:lnTo>
                    <a:lnTo>
                      <a:pt x="617" y="249"/>
                    </a:lnTo>
                    <a:lnTo>
                      <a:pt x="642" y="240"/>
                    </a:lnTo>
                    <a:lnTo>
                      <a:pt x="667" y="233"/>
                    </a:lnTo>
                    <a:lnTo>
                      <a:pt x="680" y="230"/>
                    </a:lnTo>
                    <a:lnTo>
                      <a:pt x="692" y="225"/>
                    </a:lnTo>
                    <a:lnTo>
                      <a:pt x="705" y="221"/>
                    </a:lnTo>
                    <a:lnTo>
                      <a:pt x="715" y="216"/>
                    </a:lnTo>
                    <a:lnTo>
                      <a:pt x="726" y="211"/>
                    </a:lnTo>
                    <a:lnTo>
                      <a:pt x="735" y="203"/>
                    </a:lnTo>
                    <a:lnTo>
                      <a:pt x="740" y="199"/>
                    </a:lnTo>
                    <a:lnTo>
                      <a:pt x="744" y="195"/>
                    </a:lnTo>
                    <a:lnTo>
                      <a:pt x="747" y="190"/>
                    </a:lnTo>
                    <a:lnTo>
                      <a:pt x="750" y="184"/>
                    </a:lnTo>
                    <a:lnTo>
                      <a:pt x="756" y="191"/>
                    </a:lnTo>
                    <a:lnTo>
                      <a:pt x="763" y="196"/>
                    </a:lnTo>
                    <a:lnTo>
                      <a:pt x="769" y="200"/>
                    </a:lnTo>
                    <a:lnTo>
                      <a:pt x="776" y="203"/>
                    </a:lnTo>
                    <a:lnTo>
                      <a:pt x="789" y="209"/>
                    </a:lnTo>
                    <a:lnTo>
                      <a:pt x="803" y="214"/>
                    </a:lnTo>
                    <a:lnTo>
                      <a:pt x="809" y="217"/>
                    </a:lnTo>
                    <a:lnTo>
                      <a:pt x="815" y="220"/>
                    </a:lnTo>
                    <a:lnTo>
                      <a:pt x="821" y="223"/>
                    </a:lnTo>
                    <a:lnTo>
                      <a:pt x="826" y="229"/>
                    </a:lnTo>
                    <a:lnTo>
                      <a:pt x="831" y="234"/>
                    </a:lnTo>
                    <a:lnTo>
                      <a:pt x="835" y="241"/>
                    </a:lnTo>
                    <a:lnTo>
                      <a:pt x="840" y="250"/>
                    </a:lnTo>
                    <a:lnTo>
                      <a:pt x="844" y="260"/>
                    </a:lnTo>
                    <a:lnTo>
                      <a:pt x="835" y="273"/>
                    </a:lnTo>
                    <a:lnTo>
                      <a:pt x="830" y="287"/>
                    </a:lnTo>
                    <a:lnTo>
                      <a:pt x="826" y="300"/>
                    </a:lnTo>
                    <a:lnTo>
                      <a:pt x="823" y="313"/>
                    </a:lnTo>
                    <a:lnTo>
                      <a:pt x="822" y="325"/>
                    </a:lnTo>
                    <a:lnTo>
                      <a:pt x="823" y="339"/>
                    </a:lnTo>
                    <a:lnTo>
                      <a:pt x="824" y="352"/>
                    </a:lnTo>
                    <a:lnTo>
                      <a:pt x="826" y="363"/>
                    </a:lnTo>
                    <a:lnTo>
                      <a:pt x="832" y="388"/>
                    </a:lnTo>
                    <a:lnTo>
                      <a:pt x="840" y="410"/>
                    </a:lnTo>
                    <a:lnTo>
                      <a:pt x="847" y="430"/>
                    </a:lnTo>
                    <a:lnTo>
                      <a:pt x="853" y="447"/>
                    </a:lnTo>
                    <a:lnTo>
                      <a:pt x="836" y="446"/>
                    </a:lnTo>
                    <a:lnTo>
                      <a:pt x="820" y="444"/>
                    </a:lnTo>
                    <a:lnTo>
                      <a:pt x="803" y="444"/>
                    </a:lnTo>
                    <a:lnTo>
                      <a:pt x="787" y="444"/>
                    </a:lnTo>
                    <a:lnTo>
                      <a:pt x="780" y="443"/>
                    </a:lnTo>
                    <a:lnTo>
                      <a:pt x="774" y="443"/>
                    </a:lnTo>
                    <a:lnTo>
                      <a:pt x="770" y="442"/>
                    </a:lnTo>
                    <a:lnTo>
                      <a:pt x="766" y="440"/>
                    </a:lnTo>
                    <a:lnTo>
                      <a:pt x="764" y="438"/>
                    </a:lnTo>
                    <a:lnTo>
                      <a:pt x="764" y="436"/>
                    </a:lnTo>
                    <a:lnTo>
                      <a:pt x="765" y="433"/>
                    </a:lnTo>
                    <a:lnTo>
                      <a:pt x="769" y="429"/>
                    </a:lnTo>
                    <a:lnTo>
                      <a:pt x="758" y="430"/>
                    </a:lnTo>
                    <a:lnTo>
                      <a:pt x="750" y="433"/>
                    </a:lnTo>
                    <a:lnTo>
                      <a:pt x="746" y="435"/>
                    </a:lnTo>
                    <a:lnTo>
                      <a:pt x="743" y="437"/>
                    </a:lnTo>
                    <a:lnTo>
                      <a:pt x="740" y="440"/>
                    </a:lnTo>
                    <a:lnTo>
                      <a:pt x="737" y="443"/>
                    </a:lnTo>
                    <a:lnTo>
                      <a:pt x="733" y="452"/>
                    </a:lnTo>
                    <a:lnTo>
                      <a:pt x="731" y="461"/>
                    </a:lnTo>
                    <a:lnTo>
                      <a:pt x="730" y="472"/>
                    </a:lnTo>
                    <a:lnTo>
                      <a:pt x="731" y="484"/>
                    </a:lnTo>
                    <a:lnTo>
                      <a:pt x="704" y="484"/>
                    </a:lnTo>
                    <a:lnTo>
                      <a:pt x="674" y="486"/>
                    </a:lnTo>
                    <a:lnTo>
                      <a:pt x="667" y="486"/>
                    </a:lnTo>
                    <a:lnTo>
                      <a:pt x="661" y="484"/>
                    </a:lnTo>
                    <a:lnTo>
                      <a:pt x="655" y="483"/>
                    </a:lnTo>
                    <a:lnTo>
                      <a:pt x="650" y="481"/>
                    </a:lnTo>
                    <a:lnTo>
                      <a:pt x="645" y="479"/>
                    </a:lnTo>
                    <a:lnTo>
                      <a:pt x="642" y="476"/>
                    </a:lnTo>
                    <a:lnTo>
                      <a:pt x="640" y="471"/>
                    </a:lnTo>
                    <a:lnTo>
                      <a:pt x="637" y="466"/>
                    </a:lnTo>
                    <a:lnTo>
                      <a:pt x="629" y="470"/>
                    </a:lnTo>
                    <a:lnTo>
                      <a:pt x="622" y="475"/>
                    </a:lnTo>
                    <a:lnTo>
                      <a:pt x="614" y="481"/>
                    </a:lnTo>
                    <a:lnTo>
                      <a:pt x="607" y="487"/>
                    </a:lnTo>
                    <a:lnTo>
                      <a:pt x="599" y="493"/>
                    </a:lnTo>
                    <a:lnTo>
                      <a:pt x="592" y="497"/>
                    </a:lnTo>
                    <a:lnTo>
                      <a:pt x="583" y="501"/>
                    </a:lnTo>
                    <a:lnTo>
                      <a:pt x="572" y="503"/>
                    </a:lnTo>
                    <a:lnTo>
                      <a:pt x="578" y="509"/>
                    </a:lnTo>
                    <a:lnTo>
                      <a:pt x="586" y="514"/>
                    </a:lnTo>
                    <a:lnTo>
                      <a:pt x="594" y="518"/>
                    </a:lnTo>
                    <a:lnTo>
                      <a:pt x="603" y="522"/>
                    </a:lnTo>
                    <a:lnTo>
                      <a:pt x="621" y="529"/>
                    </a:lnTo>
                    <a:lnTo>
                      <a:pt x="640" y="534"/>
                    </a:lnTo>
                    <a:lnTo>
                      <a:pt x="681" y="542"/>
                    </a:lnTo>
                    <a:lnTo>
                      <a:pt x="722" y="550"/>
                    </a:lnTo>
                    <a:lnTo>
                      <a:pt x="721" y="558"/>
                    </a:lnTo>
                    <a:lnTo>
                      <a:pt x="720" y="566"/>
                    </a:lnTo>
                    <a:lnTo>
                      <a:pt x="716" y="573"/>
                    </a:lnTo>
                    <a:lnTo>
                      <a:pt x="713" y="578"/>
                    </a:lnTo>
                    <a:lnTo>
                      <a:pt x="709" y="583"/>
                    </a:lnTo>
                    <a:lnTo>
                      <a:pt x="705" y="589"/>
                    </a:lnTo>
                    <a:lnTo>
                      <a:pt x="700" y="593"/>
                    </a:lnTo>
                    <a:lnTo>
                      <a:pt x="694" y="596"/>
                    </a:lnTo>
                    <a:lnTo>
                      <a:pt x="688" y="599"/>
                    </a:lnTo>
                    <a:lnTo>
                      <a:pt x="682" y="601"/>
                    </a:lnTo>
                    <a:lnTo>
                      <a:pt x="675" y="603"/>
                    </a:lnTo>
                    <a:lnTo>
                      <a:pt x="668" y="606"/>
                    </a:lnTo>
                    <a:lnTo>
                      <a:pt x="652" y="608"/>
                    </a:lnTo>
                    <a:lnTo>
                      <a:pt x="636" y="610"/>
                    </a:lnTo>
                    <a:lnTo>
                      <a:pt x="604" y="611"/>
                    </a:lnTo>
                    <a:lnTo>
                      <a:pt x="572" y="612"/>
                    </a:lnTo>
                    <a:lnTo>
                      <a:pt x="558" y="613"/>
                    </a:lnTo>
                    <a:lnTo>
                      <a:pt x="545" y="616"/>
                    </a:lnTo>
                    <a:lnTo>
                      <a:pt x="539" y="617"/>
                    </a:lnTo>
                    <a:lnTo>
                      <a:pt x="534" y="619"/>
                    </a:lnTo>
                    <a:lnTo>
                      <a:pt x="529" y="622"/>
                    </a:lnTo>
                    <a:lnTo>
                      <a:pt x="525" y="625"/>
                    </a:lnTo>
                    <a:lnTo>
                      <a:pt x="522" y="623"/>
                    </a:lnTo>
                    <a:lnTo>
                      <a:pt x="518" y="620"/>
                    </a:lnTo>
                    <a:lnTo>
                      <a:pt x="517" y="615"/>
                    </a:lnTo>
                    <a:lnTo>
                      <a:pt x="516" y="611"/>
                    </a:lnTo>
                    <a:lnTo>
                      <a:pt x="516" y="599"/>
                    </a:lnTo>
                    <a:lnTo>
                      <a:pt x="516" y="588"/>
                    </a:lnTo>
                    <a:lnTo>
                      <a:pt x="513" y="588"/>
                    </a:lnTo>
                    <a:lnTo>
                      <a:pt x="511" y="588"/>
                    </a:lnTo>
                    <a:lnTo>
                      <a:pt x="510" y="589"/>
                    </a:lnTo>
                    <a:lnTo>
                      <a:pt x="508" y="590"/>
                    </a:lnTo>
                    <a:lnTo>
                      <a:pt x="507" y="593"/>
                    </a:lnTo>
                    <a:lnTo>
                      <a:pt x="507" y="597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85" name="Line 121"/>
              <p:cNvSpPr>
                <a:spLocks noChangeShapeType="1"/>
              </p:cNvSpPr>
              <p:nvPr/>
            </p:nvSpPr>
            <p:spPr bwMode="auto">
              <a:xfrm flipH="1" flipV="1">
                <a:off x="1871665" y="4732344"/>
                <a:ext cx="3175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86" name="Line 123"/>
              <p:cNvSpPr>
                <a:spLocks noChangeShapeType="1"/>
              </p:cNvSpPr>
              <p:nvPr/>
            </p:nvSpPr>
            <p:spPr bwMode="auto">
              <a:xfrm>
                <a:off x="1866903" y="4737107"/>
                <a:ext cx="3175" cy="3175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116" name="Hedensted"/>
            <p:cNvSpPr>
              <a:spLocks/>
            </p:cNvSpPr>
            <p:nvPr/>
          </p:nvSpPr>
          <p:spPr bwMode="auto">
            <a:xfrm>
              <a:off x="1543052" y="4605344"/>
              <a:ext cx="544513" cy="303213"/>
            </a:xfrm>
            <a:custGeom>
              <a:avLst/>
              <a:gdLst>
                <a:gd name="T0" fmla="*/ 211 w 1030"/>
                <a:gd name="T1" fmla="*/ 88 h 571"/>
                <a:gd name="T2" fmla="*/ 237 w 1030"/>
                <a:gd name="T3" fmla="*/ 92 h 571"/>
                <a:gd name="T4" fmla="*/ 261 w 1030"/>
                <a:gd name="T5" fmla="*/ 88 h 571"/>
                <a:gd name="T6" fmla="*/ 274 w 1030"/>
                <a:gd name="T7" fmla="*/ 80 h 571"/>
                <a:gd name="T8" fmla="*/ 281 w 1030"/>
                <a:gd name="T9" fmla="*/ 69 h 571"/>
                <a:gd name="T10" fmla="*/ 293 w 1030"/>
                <a:gd name="T11" fmla="*/ 71 h 571"/>
                <a:gd name="T12" fmla="*/ 305 w 1030"/>
                <a:gd name="T13" fmla="*/ 72 h 571"/>
                <a:gd name="T14" fmla="*/ 310 w 1030"/>
                <a:gd name="T15" fmla="*/ 66 h 571"/>
                <a:gd name="T16" fmla="*/ 312 w 1030"/>
                <a:gd name="T17" fmla="*/ 72 h 571"/>
                <a:gd name="T18" fmla="*/ 316 w 1030"/>
                <a:gd name="T19" fmla="*/ 76 h 571"/>
                <a:gd name="T20" fmla="*/ 328 w 1030"/>
                <a:gd name="T21" fmla="*/ 72 h 571"/>
                <a:gd name="T22" fmla="*/ 332 w 1030"/>
                <a:gd name="T23" fmla="*/ 81 h 571"/>
                <a:gd name="T24" fmla="*/ 330 w 1030"/>
                <a:gd name="T25" fmla="*/ 89 h 571"/>
                <a:gd name="T26" fmla="*/ 318 w 1030"/>
                <a:gd name="T27" fmla="*/ 102 h 571"/>
                <a:gd name="T28" fmla="*/ 309 w 1030"/>
                <a:gd name="T29" fmla="*/ 109 h 571"/>
                <a:gd name="T30" fmla="*/ 314 w 1030"/>
                <a:gd name="T31" fmla="*/ 121 h 571"/>
                <a:gd name="T32" fmla="*/ 332 w 1030"/>
                <a:gd name="T33" fmla="*/ 126 h 571"/>
                <a:gd name="T34" fmla="*/ 338 w 1030"/>
                <a:gd name="T35" fmla="*/ 130 h 571"/>
                <a:gd name="T36" fmla="*/ 314 w 1030"/>
                <a:gd name="T37" fmla="*/ 141 h 571"/>
                <a:gd name="T38" fmla="*/ 302 w 1030"/>
                <a:gd name="T39" fmla="*/ 147 h 571"/>
                <a:gd name="T40" fmla="*/ 306 w 1030"/>
                <a:gd name="T41" fmla="*/ 155 h 571"/>
                <a:gd name="T42" fmla="*/ 315 w 1030"/>
                <a:gd name="T43" fmla="*/ 162 h 571"/>
                <a:gd name="T44" fmla="*/ 296 w 1030"/>
                <a:gd name="T45" fmla="*/ 169 h 571"/>
                <a:gd name="T46" fmla="*/ 250 w 1030"/>
                <a:gd name="T47" fmla="*/ 177 h 571"/>
                <a:gd name="T48" fmla="*/ 221 w 1030"/>
                <a:gd name="T49" fmla="*/ 191 h 571"/>
                <a:gd name="T50" fmla="*/ 169 w 1030"/>
                <a:gd name="T51" fmla="*/ 173 h 571"/>
                <a:gd name="T52" fmla="*/ 144 w 1030"/>
                <a:gd name="T53" fmla="*/ 155 h 571"/>
                <a:gd name="T54" fmla="*/ 148 w 1030"/>
                <a:gd name="T55" fmla="*/ 144 h 571"/>
                <a:gd name="T56" fmla="*/ 146 w 1030"/>
                <a:gd name="T57" fmla="*/ 135 h 571"/>
                <a:gd name="T58" fmla="*/ 137 w 1030"/>
                <a:gd name="T59" fmla="*/ 127 h 571"/>
                <a:gd name="T60" fmla="*/ 113 w 1030"/>
                <a:gd name="T61" fmla="*/ 124 h 571"/>
                <a:gd name="T62" fmla="*/ 103 w 1030"/>
                <a:gd name="T63" fmla="*/ 124 h 571"/>
                <a:gd name="T64" fmla="*/ 102 w 1030"/>
                <a:gd name="T65" fmla="*/ 116 h 571"/>
                <a:gd name="T66" fmla="*/ 93 w 1030"/>
                <a:gd name="T67" fmla="*/ 113 h 571"/>
                <a:gd name="T68" fmla="*/ 71 w 1030"/>
                <a:gd name="T69" fmla="*/ 120 h 571"/>
                <a:gd name="T70" fmla="*/ 58 w 1030"/>
                <a:gd name="T71" fmla="*/ 120 h 571"/>
                <a:gd name="T72" fmla="*/ 64 w 1030"/>
                <a:gd name="T73" fmla="*/ 106 h 571"/>
                <a:gd name="T74" fmla="*/ 61 w 1030"/>
                <a:gd name="T75" fmla="*/ 80 h 571"/>
                <a:gd name="T76" fmla="*/ 52 w 1030"/>
                <a:gd name="T77" fmla="*/ 68 h 571"/>
                <a:gd name="T78" fmla="*/ 42 w 1030"/>
                <a:gd name="T79" fmla="*/ 63 h 571"/>
                <a:gd name="T80" fmla="*/ 34 w 1030"/>
                <a:gd name="T81" fmla="*/ 54 h 571"/>
                <a:gd name="T82" fmla="*/ 27 w 1030"/>
                <a:gd name="T83" fmla="*/ 35 h 571"/>
                <a:gd name="T84" fmla="*/ 0 w 1030"/>
                <a:gd name="T85" fmla="*/ 3 h 571"/>
                <a:gd name="T86" fmla="*/ 37 w 1030"/>
                <a:gd name="T87" fmla="*/ 9 h 571"/>
                <a:gd name="T88" fmla="*/ 78 w 1030"/>
                <a:gd name="T89" fmla="*/ 9 h 571"/>
                <a:gd name="T90" fmla="*/ 118 w 1030"/>
                <a:gd name="T91" fmla="*/ 2 h 571"/>
                <a:gd name="T92" fmla="*/ 143 w 1030"/>
                <a:gd name="T93" fmla="*/ 10 h 571"/>
                <a:gd name="T94" fmla="*/ 147 w 1030"/>
                <a:gd name="T95" fmla="*/ 31 h 571"/>
                <a:gd name="T96" fmla="*/ 153 w 1030"/>
                <a:gd name="T97" fmla="*/ 44 h 571"/>
                <a:gd name="T98" fmla="*/ 170 w 1030"/>
                <a:gd name="T99" fmla="*/ 44 h 571"/>
                <a:gd name="T100" fmla="*/ 178 w 1030"/>
                <a:gd name="T101" fmla="*/ 63 h 571"/>
                <a:gd name="T102" fmla="*/ 190 w 1030"/>
                <a:gd name="T103" fmla="*/ 76 h 571"/>
                <a:gd name="T104" fmla="*/ 206 w 1030"/>
                <a:gd name="T105" fmla="*/ 81 h 57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1030" h="571">
                  <a:moveTo>
                    <a:pt x="618" y="253"/>
                  </a:moveTo>
                  <a:lnTo>
                    <a:pt x="622" y="256"/>
                  </a:lnTo>
                  <a:lnTo>
                    <a:pt x="625" y="258"/>
                  </a:lnTo>
                  <a:lnTo>
                    <a:pt x="630" y="261"/>
                  </a:lnTo>
                  <a:lnTo>
                    <a:pt x="635" y="263"/>
                  </a:lnTo>
                  <a:lnTo>
                    <a:pt x="647" y="268"/>
                  </a:lnTo>
                  <a:lnTo>
                    <a:pt x="662" y="272"/>
                  </a:lnTo>
                  <a:lnTo>
                    <a:pt x="677" y="275"/>
                  </a:lnTo>
                  <a:lnTo>
                    <a:pt x="695" y="276"/>
                  </a:lnTo>
                  <a:lnTo>
                    <a:pt x="713" y="276"/>
                  </a:lnTo>
                  <a:lnTo>
                    <a:pt x="731" y="275"/>
                  </a:lnTo>
                  <a:lnTo>
                    <a:pt x="750" y="273"/>
                  </a:lnTo>
                  <a:lnTo>
                    <a:pt x="768" y="268"/>
                  </a:lnTo>
                  <a:lnTo>
                    <a:pt x="776" y="265"/>
                  </a:lnTo>
                  <a:lnTo>
                    <a:pt x="785" y="262"/>
                  </a:lnTo>
                  <a:lnTo>
                    <a:pt x="793" y="259"/>
                  </a:lnTo>
                  <a:lnTo>
                    <a:pt x="801" y="255"/>
                  </a:lnTo>
                  <a:lnTo>
                    <a:pt x="808" y="251"/>
                  </a:lnTo>
                  <a:lnTo>
                    <a:pt x="815" y="245"/>
                  </a:lnTo>
                  <a:lnTo>
                    <a:pt x="822" y="240"/>
                  </a:lnTo>
                  <a:lnTo>
                    <a:pt x="827" y="235"/>
                  </a:lnTo>
                  <a:lnTo>
                    <a:pt x="832" y="228"/>
                  </a:lnTo>
                  <a:lnTo>
                    <a:pt x="836" y="221"/>
                  </a:lnTo>
                  <a:lnTo>
                    <a:pt x="841" y="214"/>
                  </a:lnTo>
                  <a:lnTo>
                    <a:pt x="843" y="205"/>
                  </a:lnTo>
                  <a:lnTo>
                    <a:pt x="848" y="205"/>
                  </a:lnTo>
                  <a:lnTo>
                    <a:pt x="853" y="205"/>
                  </a:lnTo>
                  <a:lnTo>
                    <a:pt x="859" y="206"/>
                  </a:lnTo>
                  <a:lnTo>
                    <a:pt x="866" y="208"/>
                  </a:lnTo>
                  <a:lnTo>
                    <a:pt x="879" y="212"/>
                  </a:lnTo>
                  <a:lnTo>
                    <a:pt x="893" y="216"/>
                  </a:lnTo>
                  <a:lnTo>
                    <a:pt x="900" y="217"/>
                  </a:lnTo>
                  <a:lnTo>
                    <a:pt x="906" y="217"/>
                  </a:lnTo>
                  <a:lnTo>
                    <a:pt x="911" y="217"/>
                  </a:lnTo>
                  <a:lnTo>
                    <a:pt x="916" y="215"/>
                  </a:lnTo>
                  <a:lnTo>
                    <a:pt x="921" y="213"/>
                  </a:lnTo>
                  <a:lnTo>
                    <a:pt x="924" y="208"/>
                  </a:lnTo>
                  <a:lnTo>
                    <a:pt x="926" y="203"/>
                  </a:lnTo>
                  <a:lnTo>
                    <a:pt x="927" y="196"/>
                  </a:lnTo>
                  <a:lnTo>
                    <a:pt x="931" y="197"/>
                  </a:lnTo>
                  <a:lnTo>
                    <a:pt x="934" y="198"/>
                  </a:lnTo>
                  <a:lnTo>
                    <a:pt x="936" y="200"/>
                  </a:lnTo>
                  <a:lnTo>
                    <a:pt x="937" y="202"/>
                  </a:lnTo>
                  <a:lnTo>
                    <a:pt x="938" y="207"/>
                  </a:lnTo>
                  <a:lnTo>
                    <a:pt x="937" y="214"/>
                  </a:lnTo>
                  <a:lnTo>
                    <a:pt x="931" y="225"/>
                  </a:lnTo>
                  <a:lnTo>
                    <a:pt x="927" y="234"/>
                  </a:lnTo>
                  <a:lnTo>
                    <a:pt x="936" y="234"/>
                  </a:lnTo>
                  <a:lnTo>
                    <a:pt x="944" y="232"/>
                  </a:lnTo>
                  <a:lnTo>
                    <a:pt x="950" y="228"/>
                  </a:lnTo>
                  <a:lnTo>
                    <a:pt x="955" y="224"/>
                  </a:lnTo>
                  <a:lnTo>
                    <a:pt x="961" y="220"/>
                  </a:lnTo>
                  <a:lnTo>
                    <a:pt x="967" y="217"/>
                  </a:lnTo>
                  <a:lnTo>
                    <a:pt x="974" y="215"/>
                  </a:lnTo>
                  <a:lnTo>
                    <a:pt x="984" y="215"/>
                  </a:lnTo>
                  <a:lnTo>
                    <a:pt x="986" y="221"/>
                  </a:lnTo>
                  <a:lnTo>
                    <a:pt x="988" y="226"/>
                  </a:lnTo>
                  <a:lnTo>
                    <a:pt x="991" y="232"/>
                  </a:lnTo>
                  <a:lnTo>
                    <a:pt x="994" y="236"/>
                  </a:lnTo>
                  <a:lnTo>
                    <a:pt x="997" y="241"/>
                  </a:lnTo>
                  <a:lnTo>
                    <a:pt x="1001" y="247"/>
                  </a:lnTo>
                  <a:lnTo>
                    <a:pt x="1002" y="254"/>
                  </a:lnTo>
                  <a:lnTo>
                    <a:pt x="1002" y="262"/>
                  </a:lnTo>
                  <a:lnTo>
                    <a:pt x="995" y="264"/>
                  </a:lnTo>
                  <a:lnTo>
                    <a:pt x="990" y="267"/>
                  </a:lnTo>
                  <a:lnTo>
                    <a:pt x="985" y="271"/>
                  </a:lnTo>
                  <a:lnTo>
                    <a:pt x="981" y="275"/>
                  </a:lnTo>
                  <a:lnTo>
                    <a:pt x="972" y="284"/>
                  </a:lnTo>
                  <a:lnTo>
                    <a:pt x="964" y="294"/>
                  </a:lnTo>
                  <a:lnTo>
                    <a:pt x="956" y="304"/>
                  </a:lnTo>
                  <a:lnTo>
                    <a:pt x="948" y="313"/>
                  </a:lnTo>
                  <a:lnTo>
                    <a:pt x="944" y="317"/>
                  </a:lnTo>
                  <a:lnTo>
                    <a:pt x="938" y="321"/>
                  </a:lnTo>
                  <a:lnTo>
                    <a:pt x="933" y="324"/>
                  </a:lnTo>
                  <a:lnTo>
                    <a:pt x="927" y="327"/>
                  </a:lnTo>
                  <a:lnTo>
                    <a:pt x="927" y="337"/>
                  </a:lnTo>
                  <a:lnTo>
                    <a:pt x="929" y="345"/>
                  </a:lnTo>
                  <a:lnTo>
                    <a:pt x="931" y="353"/>
                  </a:lnTo>
                  <a:lnTo>
                    <a:pt x="935" y="358"/>
                  </a:lnTo>
                  <a:lnTo>
                    <a:pt x="942" y="363"/>
                  </a:lnTo>
                  <a:lnTo>
                    <a:pt x="948" y="366"/>
                  </a:lnTo>
                  <a:lnTo>
                    <a:pt x="955" y="370"/>
                  </a:lnTo>
                  <a:lnTo>
                    <a:pt x="963" y="371"/>
                  </a:lnTo>
                  <a:lnTo>
                    <a:pt x="980" y="374"/>
                  </a:lnTo>
                  <a:lnTo>
                    <a:pt x="997" y="376"/>
                  </a:lnTo>
                  <a:lnTo>
                    <a:pt x="1007" y="377"/>
                  </a:lnTo>
                  <a:lnTo>
                    <a:pt x="1015" y="379"/>
                  </a:lnTo>
                  <a:lnTo>
                    <a:pt x="1023" y="381"/>
                  </a:lnTo>
                  <a:lnTo>
                    <a:pt x="1030" y="383"/>
                  </a:lnTo>
                  <a:lnTo>
                    <a:pt x="1014" y="388"/>
                  </a:lnTo>
                  <a:lnTo>
                    <a:pt x="1000" y="395"/>
                  </a:lnTo>
                  <a:lnTo>
                    <a:pt x="985" y="401"/>
                  </a:lnTo>
                  <a:lnTo>
                    <a:pt x="971" y="408"/>
                  </a:lnTo>
                  <a:lnTo>
                    <a:pt x="957" y="416"/>
                  </a:lnTo>
                  <a:lnTo>
                    <a:pt x="943" y="422"/>
                  </a:lnTo>
                  <a:lnTo>
                    <a:pt x="934" y="424"/>
                  </a:lnTo>
                  <a:lnTo>
                    <a:pt x="926" y="427"/>
                  </a:lnTo>
                  <a:lnTo>
                    <a:pt x="917" y="428"/>
                  </a:lnTo>
                  <a:lnTo>
                    <a:pt x="908" y="431"/>
                  </a:lnTo>
                  <a:lnTo>
                    <a:pt x="908" y="438"/>
                  </a:lnTo>
                  <a:lnTo>
                    <a:pt x="908" y="444"/>
                  </a:lnTo>
                  <a:lnTo>
                    <a:pt x="910" y="451"/>
                  </a:lnTo>
                  <a:lnTo>
                    <a:pt x="912" y="455"/>
                  </a:lnTo>
                  <a:lnTo>
                    <a:pt x="914" y="459"/>
                  </a:lnTo>
                  <a:lnTo>
                    <a:pt x="918" y="463"/>
                  </a:lnTo>
                  <a:lnTo>
                    <a:pt x="922" y="466"/>
                  </a:lnTo>
                  <a:lnTo>
                    <a:pt x="926" y="469"/>
                  </a:lnTo>
                  <a:lnTo>
                    <a:pt x="934" y="474"/>
                  </a:lnTo>
                  <a:lnTo>
                    <a:pt x="944" y="480"/>
                  </a:lnTo>
                  <a:lnTo>
                    <a:pt x="947" y="483"/>
                  </a:lnTo>
                  <a:lnTo>
                    <a:pt x="950" y="486"/>
                  </a:lnTo>
                  <a:lnTo>
                    <a:pt x="953" y="491"/>
                  </a:lnTo>
                  <a:lnTo>
                    <a:pt x="955" y="496"/>
                  </a:lnTo>
                  <a:lnTo>
                    <a:pt x="925" y="501"/>
                  </a:lnTo>
                  <a:lnTo>
                    <a:pt x="890" y="505"/>
                  </a:lnTo>
                  <a:lnTo>
                    <a:pt x="851" y="511"/>
                  </a:lnTo>
                  <a:lnTo>
                    <a:pt x="811" y="517"/>
                  </a:lnTo>
                  <a:lnTo>
                    <a:pt x="791" y="520"/>
                  </a:lnTo>
                  <a:lnTo>
                    <a:pt x="771" y="525"/>
                  </a:lnTo>
                  <a:lnTo>
                    <a:pt x="751" y="530"/>
                  </a:lnTo>
                  <a:lnTo>
                    <a:pt x="732" y="536"/>
                  </a:lnTo>
                  <a:lnTo>
                    <a:pt x="714" y="543"/>
                  </a:lnTo>
                  <a:lnTo>
                    <a:pt x="696" y="551"/>
                  </a:lnTo>
                  <a:lnTo>
                    <a:pt x="679" y="560"/>
                  </a:lnTo>
                  <a:lnTo>
                    <a:pt x="665" y="571"/>
                  </a:lnTo>
                  <a:lnTo>
                    <a:pt x="631" y="563"/>
                  </a:lnTo>
                  <a:lnTo>
                    <a:pt x="598" y="554"/>
                  </a:lnTo>
                  <a:lnTo>
                    <a:pt x="567" y="542"/>
                  </a:lnTo>
                  <a:lnTo>
                    <a:pt x="536" y="531"/>
                  </a:lnTo>
                  <a:lnTo>
                    <a:pt x="507" y="518"/>
                  </a:lnTo>
                  <a:lnTo>
                    <a:pt x="478" y="504"/>
                  </a:lnTo>
                  <a:lnTo>
                    <a:pt x="450" y="491"/>
                  </a:lnTo>
                  <a:lnTo>
                    <a:pt x="421" y="477"/>
                  </a:lnTo>
                  <a:lnTo>
                    <a:pt x="428" y="470"/>
                  </a:lnTo>
                  <a:lnTo>
                    <a:pt x="433" y="463"/>
                  </a:lnTo>
                  <a:lnTo>
                    <a:pt x="437" y="456"/>
                  </a:lnTo>
                  <a:lnTo>
                    <a:pt x="440" y="450"/>
                  </a:lnTo>
                  <a:lnTo>
                    <a:pt x="443" y="443"/>
                  </a:lnTo>
                  <a:lnTo>
                    <a:pt x="444" y="437"/>
                  </a:lnTo>
                  <a:lnTo>
                    <a:pt x="445" y="431"/>
                  </a:lnTo>
                  <a:lnTo>
                    <a:pt x="445" y="424"/>
                  </a:lnTo>
                  <a:lnTo>
                    <a:pt x="444" y="419"/>
                  </a:lnTo>
                  <a:lnTo>
                    <a:pt x="443" y="413"/>
                  </a:lnTo>
                  <a:lnTo>
                    <a:pt x="440" y="407"/>
                  </a:lnTo>
                  <a:lnTo>
                    <a:pt x="437" y="403"/>
                  </a:lnTo>
                  <a:lnTo>
                    <a:pt x="434" y="398"/>
                  </a:lnTo>
                  <a:lnTo>
                    <a:pt x="431" y="394"/>
                  </a:lnTo>
                  <a:lnTo>
                    <a:pt x="427" y="390"/>
                  </a:lnTo>
                  <a:lnTo>
                    <a:pt x="421" y="385"/>
                  </a:lnTo>
                  <a:lnTo>
                    <a:pt x="411" y="379"/>
                  </a:lnTo>
                  <a:lnTo>
                    <a:pt x="398" y="374"/>
                  </a:lnTo>
                  <a:lnTo>
                    <a:pt x="385" y="371"/>
                  </a:lnTo>
                  <a:lnTo>
                    <a:pt x="370" y="370"/>
                  </a:lnTo>
                  <a:lnTo>
                    <a:pt x="355" y="370"/>
                  </a:lnTo>
                  <a:lnTo>
                    <a:pt x="339" y="372"/>
                  </a:lnTo>
                  <a:lnTo>
                    <a:pt x="332" y="374"/>
                  </a:lnTo>
                  <a:lnTo>
                    <a:pt x="325" y="377"/>
                  </a:lnTo>
                  <a:lnTo>
                    <a:pt x="316" y="380"/>
                  </a:lnTo>
                  <a:lnTo>
                    <a:pt x="309" y="383"/>
                  </a:lnTo>
                  <a:lnTo>
                    <a:pt x="310" y="370"/>
                  </a:lnTo>
                  <a:lnTo>
                    <a:pt x="310" y="362"/>
                  </a:lnTo>
                  <a:lnTo>
                    <a:pt x="310" y="358"/>
                  </a:lnTo>
                  <a:lnTo>
                    <a:pt x="309" y="355"/>
                  </a:lnTo>
                  <a:lnTo>
                    <a:pt x="307" y="351"/>
                  </a:lnTo>
                  <a:lnTo>
                    <a:pt x="305" y="347"/>
                  </a:lnTo>
                  <a:lnTo>
                    <a:pt x="302" y="344"/>
                  </a:lnTo>
                  <a:lnTo>
                    <a:pt x="299" y="342"/>
                  </a:lnTo>
                  <a:lnTo>
                    <a:pt x="294" y="339"/>
                  </a:lnTo>
                  <a:lnTo>
                    <a:pt x="287" y="337"/>
                  </a:lnTo>
                  <a:lnTo>
                    <a:pt x="279" y="337"/>
                  </a:lnTo>
                  <a:lnTo>
                    <a:pt x="271" y="339"/>
                  </a:lnTo>
                  <a:lnTo>
                    <a:pt x="262" y="341"/>
                  </a:lnTo>
                  <a:lnTo>
                    <a:pt x="253" y="344"/>
                  </a:lnTo>
                  <a:lnTo>
                    <a:pt x="233" y="353"/>
                  </a:lnTo>
                  <a:lnTo>
                    <a:pt x="212" y="360"/>
                  </a:lnTo>
                  <a:lnTo>
                    <a:pt x="201" y="362"/>
                  </a:lnTo>
                  <a:lnTo>
                    <a:pt x="190" y="364"/>
                  </a:lnTo>
                  <a:lnTo>
                    <a:pt x="179" y="365"/>
                  </a:lnTo>
                  <a:lnTo>
                    <a:pt x="169" y="364"/>
                  </a:lnTo>
                  <a:lnTo>
                    <a:pt x="173" y="360"/>
                  </a:lnTo>
                  <a:lnTo>
                    <a:pt x="177" y="356"/>
                  </a:lnTo>
                  <a:lnTo>
                    <a:pt x="180" y="351"/>
                  </a:lnTo>
                  <a:lnTo>
                    <a:pt x="183" y="345"/>
                  </a:lnTo>
                  <a:lnTo>
                    <a:pt x="189" y="332"/>
                  </a:lnTo>
                  <a:lnTo>
                    <a:pt x="192" y="318"/>
                  </a:lnTo>
                  <a:lnTo>
                    <a:pt x="193" y="303"/>
                  </a:lnTo>
                  <a:lnTo>
                    <a:pt x="193" y="287"/>
                  </a:lnTo>
                  <a:lnTo>
                    <a:pt x="191" y="272"/>
                  </a:lnTo>
                  <a:lnTo>
                    <a:pt x="188" y="256"/>
                  </a:lnTo>
                  <a:lnTo>
                    <a:pt x="182" y="240"/>
                  </a:lnTo>
                  <a:lnTo>
                    <a:pt x="176" y="226"/>
                  </a:lnTo>
                  <a:lnTo>
                    <a:pt x="172" y="220"/>
                  </a:lnTo>
                  <a:lnTo>
                    <a:pt x="168" y="214"/>
                  </a:lnTo>
                  <a:lnTo>
                    <a:pt x="162" y="208"/>
                  </a:lnTo>
                  <a:lnTo>
                    <a:pt x="157" y="203"/>
                  </a:lnTo>
                  <a:lnTo>
                    <a:pt x="152" y="199"/>
                  </a:lnTo>
                  <a:lnTo>
                    <a:pt x="147" y="195"/>
                  </a:lnTo>
                  <a:lnTo>
                    <a:pt x="140" y="192"/>
                  </a:lnTo>
                  <a:lnTo>
                    <a:pt x="133" y="188"/>
                  </a:lnTo>
                  <a:lnTo>
                    <a:pt x="127" y="187"/>
                  </a:lnTo>
                  <a:lnTo>
                    <a:pt x="119" y="186"/>
                  </a:lnTo>
                  <a:lnTo>
                    <a:pt x="111" y="186"/>
                  </a:lnTo>
                  <a:lnTo>
                    <a:pt x="103" y="186"/>
                  </a:lnTo>
                  <a:lnTo>
                    <a:pt x="104" y="174"/>
                  </a:lnTo>
                  <a:lnTo>
                    <a:pt x="103" y="161"/>
                  </a:lnTo>
                  <a:lnTo>
                    <a:pt x="101" y="148"/>
                  </a:lnTo>
                  <a:lnTo>
                    <a:pt x="98" y="137"/>
                  </a:lnTo>
                  <a:lnTo>
                    <a:pt x="94" y="126"/>
                  </a:lnTo>
                  <a:lnTo>
                    <a:pt x="88" y="115"/>
                  </a:lnTo>
                  <a:lnTo>
                    <a:pt x="80" y="104"/>
                  </a:lnTo>
                  <a:lnTo>
                    <a:pt x="73" y="94"/>
                  </a:lnTo>
                  <a:lnTo>
                    <a:pt x="56" y="74"/>
                  </a:lnTo>
                  <a:lnTo>
                    <a:pt x="37" y="53"/>
                  </a:lnTo>
                  <a:lnTo>
                    <a:pt x="18" y="32"/>
                  </a:lnTo>
                  <a:lnTo>
                    <a:pt x="0" y="8"/>
                  </a:lnTo>
                  <a:lnTo>
                    <a:pt x="20" y="14"/>
                  </a:lnTo>
                  <a:lnTo>
                    <a:pt x="41" y="19"/>
                  </a:lnTo>
                  <a:lnTo>
                    <a:pt x="63" y="22"/>
                  </a:lnTo>
                  <a:lnTo>
                    <a:pt x="86" y="25"/>
                  </a:lnTo>
                  <a:lnTo>
                    <a:pt x="110" y="27"/>
                  </a:lnTo>
                  <a:lnTo>
                    <a:pt x="134" y="28"/>
                  </a:lnTo>
                  <a:lnTo>
                    <a:pt x="158" y="29"/>
                  </a:lnTo>
                  <a:lnTo>
                    <a:pt x="183" y="29"/>
                  </a:lnTo>
                  <a:lnTo>
                    <a:pt x="209" y="28"/>
                  </a:lnTo>
                  <a:lnTo>
                    <a:pt x="234" y="26"/>
                  </a:lnTo>
                  <a:lnTo>
                    <a:pt x="258" y="24"/>
                  </a:lnTo>
                  <a:lnTo>
                    <a:pt x="282" y="20"/>
                  </a:lnTo>
                  <a:lnTo>
                    <a:pt x="307" y="17"/>
                  </a:lnTo>
                  <a:lnTo>
                    <a:pt x="330" y="12"/>
                  </a:lnTo>
                  <a:lnTo>
                    <a:pt x="353" y="6"/>
                  </a:lnTo>
                  <a:lnTo>
                    <a:pt x="375" y="0"/>
                  </a:lnTo>
                  <a:lnTo>
                    <a:pt x="392" y="9"/>
                  </a:lnTo>
                  <a:lnTo>
                    <a:pt x="410" y="21"/>
                  </a:lnTo>
                  <a:lnTo>
                    <a:pt x="418" y="26"/>
                  </a:lnTo>
                  <a:lnTo>
                    <a:pt x="428" y="30"/>
                  </a:lnTo>
                  <a:lnTo>
                    <a:pt x="438" y="35"/>
                  </a:lnTo>
                  <a:lnTo>
                    <a:pt x="450" y="37"/>
                  </a:lnTo>
                  <a:lnTo>
                    <a:pt x="447" y="59"/>
                  </a:lnTo>
                  <a:lnTo>
                    <a:pt x="441" y="81"/>
                  </a:lnTo>
                  <a:lnTo>
                    <a:pt x="440" y="92"/>
                  </a:lnTo>
                  <a:lnTo>
                    <a:pt x="439" y="103"/>
                  </a:lnTo>
                  <a:lnTo>
                    <a:pt x="439" y="117"/>
                  </a:lnTo>
                  <a:lnTo>
                    <a:pt x="440" y="130"/>
                  </a:lnTo>
                  <a:lnTo>
                    <a:pt x="451" y="132"/>
                  </a:lnTo>
                  <a:lnTo>
                    <a:pt x="460" y="132"/>
                  </a:lnTo>
                  <a:lnTo>
                    <a:pt x="469" y="130"/>
                  </a:lnTo>
                  <a:lnTo>
                    <a:pt x="476" y="129"/>
                  </a:lnTo>
                  <a:lnTo>
                    <a:pt x="491" y="124"/>
                  </a:lnTo>
                  <a:lnTo>
                    <a:pt x="506" y="121"/>
                  </a:lnTo>
                  <a:lnTo>
                    <a:pt x="510" y="133"/>
                  </a:lnTo>
                  <a:lnTo>
                    <a:pt x="513" y="145"/>
                  </a:lnTo>
                  <a:lnTo>
                    <a:pt x="518" y="156"/>
                  </a:lnTo>
                  <a:lnTo>
                    <a:pt x="524" y="167"/>
                  </a:lnTo>
                  <a:lnTo>
                    <a:pt x="529" y="178"/>
                  </a:lnTo>
                  <a:lnTo>
                    <a:pt x="535" y="187"/>
                  </a:lnTo>
                  <a:lnTo>
                    <a:pt x="541" y="197"/>
                  </a:lnTo>
                  <a:lnTo>
                    <a:pt x="548" y="206"/>
                  </a:lnTo>
                  <a:lnTo>
                    <a:pt x="555" y="214"/>
                  </a:lnTo>
                  <a:lnTo>
                    <a:pt x="564" y="221"/>
                  </a:lnTo>
                  <a:lnTo>
                    <a:pt x="571" y="227"/>
                  </a:lnTo>
                  <a:lnTo>
                    <a:pt x="579" y="233"/>
                  </a:lnTo>
                  <a:lnTo>
                    <a:pt x="589" y="237"/>
                  </a:lnTo>
                  <a:lnTo>
                    <a:pt x="598" y="240"/>
                  </a:lnTo>
                  <a:lnTo>
                    <a:pt x="608" y="242"/>
                  </a:lnTo>
                  <a:lnTo>
                    <a:pt x="618" y="243"/>
                  </a:lnTo>
                  <a:lnTo>
                    <a:pt x="618" y="253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117" name="Hedensted kant"/>
            <p:cNvSpPr>
              <a:spLocks/>
            </p:cNvSpPr>
            <p:nvPr/>
          </p:nvSpPr>
          <p:spPr bwMode="auto">
            <a:xfrm>
              <a:off x="1543052" y="4605344"/>
              <a:ext cx="544513" cy="303213"/>
            </a:xfrm>
            <a:custGeom>
              <a:avLst/>
              <a:gdLst>
                <a:gd name="T0" fmla="*/ 211 w 1030"/>
                <a:gd name="T1" fmla="*/ 88 h 571"/>
                <a:gd name="T2" fmla="*/ 237 w 1030"/>
                <a:gd name="T3" fmla="*/ 92 h 571"/>
                <a:gd name="T4" fmla="*/ 261 w 1030"/>
                <a:gd name="T5" fmla="*/ 88 h 571"/>
                <a:gd name="T6" fmla="*/ 274 w 1030"/>
                <a:gd name="T7" fmla="*/ 80 h 571"/>
                <a:gd name="T8" fmla="*/ 281 w 1030"/>
                <a:gd name="T9" fmla="*/ 69 h 571"/>
                <a:gd name="T10" fmla="*/ 293 w 1030"/>
                <a:gd name="T11" fmla="*/ 71 h 571"/>
                <a:gd name="T12" fmla="*/ 305 w 1030"/>
                <a:gd name="T13" fmla="*/ 72 h 571"/>
                <a:gd name="T14" fmla="*/ 310 w 1030"/>
                <a:gd name="T15" fmla="*/ 66 h 571"/>
                <a:gd name="T16" fmla="*/ 312 w 1030"/>
                <a:gd name="T17" fmla="*/ 72 h 571"/>
                <a:gd name="T18" fmla="*/ 316 w 1030"/>
                <a:gd name="T19" fmla="*/ 76 h 571"/>
                <a:gd name="T20" fmla="*/ 328 w 1030"/>
                <a:gd name="T21" fmla="*/ 72 h 571"/>
                <a:gd name="T22" fmla="*/ 332 w 1030"/>
                <a:gd name="T23" fmla="*/ 81 h 571"/>
                <a:gd name="T24" fmla="*/ 330 w 1030"/>
                <a:gd name="T25" fmla="*/ 89 h 571"/>
                <a:gd name="T26" fmla="*/ 318 w 1030"/>
                <a:gd name="T27" fmla="*/ 102 h 571"/>
                <a:gd name="T28" fmla="*/ 309 w 1030"/>
                <a:gd name="T29" fmla="*/ 109 h 571"/>
                <a:gd name="T30" fmla="*/ 314 w 1030"/>
                <a:gd name="T31" fmla="*/ 121 h 571"/>
                <a:gd name="T32" fmla="*/ 332 w 1030"/>
                <a:gd name="T33" fmla="*/ 126 h 571"/>
                <a:gd name="T34" fmla="*/ 338 w 1030"/>
                <a:gd name="T35" fmla="*/ 130 h 571"/>
                <a:gd name="T36" fmla="*/ 314 w 1030"/>
                <a:gd name="T37" fmla="*/ 141 h 571"/>
                <a:gd name="T38" fmla="*/ 302 w 1030"/>
                <a:gd name="T39" fmla="*/ 147 h 571"/>
                <a:gd name="T40" fmla="*/ 306 w 1030"/>
                <a:gd name="T41" fmla="*/ 155 h 571"/>
                <a:gd name="T42" fmla="*/ 315 w 1030"/>
                <a:gd name="T43" fmla="*/ 162 h 571"/>
                <a:gd name="T44" fmla="*/ 296 w 1030"/>
                <a:gd name="T45" fmla="*/ 169 h 571"/>
                <a:gd name="T46" fmla="*/ 250 w 1030"/>
                <a:gd name="T47" fmla="*/ 177 h 571"/>
                <a:gd name="T48" fmla="*/ 221 w 1030"/>
                <a:gd name="T49" fmla="*/ 191 h 571"/>
                <a:gd name="T50" fmla="*/ 169 w 1030"/>
                <a:gd name="T51" fmla="*/ 173 h 571"/>
                <a:gd name="T52" fmla="*/ 144 w 1030"/>
                <a:gd name="T53" fmla="*/ 155 h 571"/>
                <a:gd name="T54" fmla="*/ 148 w 1030"/>
                <a:gd name="T55" fmla="*/ 144 h 571"/>
                <a:gd name="T56" fmla="*/ 146 w 1030"/>
                <a:gd name="T57" fmla="*/ 135 h 571"/>
                <a:gd name="T58" fmla="*/ 137 w 1030"/>
                <a:gd name="T59" fmla="*/ 127 h 571"/>
                <a:gd name="T60" fmla="*/ 113 w 1030"/>
                <a:gd name="T61" fmla="*/ 124 h 571"/>
                <a:gd name="T62" fmla="*/ 103 w 1030"/>
                <a:gd name="T63" fmla="*/ 124 h 571"/>
                <a:gd name="T64" fmla="*/ 102 w 1030"/>
                <a:gd name="T65" fmla="*/ 116 h 571"/>
                <a:gd name="T66" fmla="*/ 93 w 1030"/>
                <a:gd name="T67" fmla="*/ 113 h 571"/>
                <a:gd name="T68" fmla="*/ 71 w 1030"/>
                <a:gd name="T69" fmla="*/ 120 h 571"/>
                <a:gd name="T70" fmla="*/ 58 w 1030"/>
                <a:gd name="T71" fmla="*/ 120 h 571"/>
                <a:gd name="T72" fmla="*/ 64 w 1030"/>
                <a:gd name="T73" fmla="*/ 106 h 571"/>
                <a:gd name="T74" fmla="*/ 61 w 1030"/>
                <a:gd name="T75" fmla="*/ 80 h 571"/>
                <a:gd name="T76" fmla="*/ 52 w 1030"/>
                <a:gd name="T77" fmla="*/ 68 h 571"/>
                <a:gd name="T78" fmla="*/ 42 w 1030"/>
                <a:gd name="T79" fmla="*/ 63 h 571"/>
                <a:gd name="T80" fmla="*/ 34 w 1030"/>
                <a:gd name="T81" fmla="*/ 54 h 571"/>
                <a:gd name="T82" fmla="*/ 27 w 1030"/>
                <a:gd name="T83" fmla="*/ 35 h 571"/>
                <a:gd name="T84" fmla="*/ 0 w 1030"/>
                <a:gd name="T85" fmla="*/ 3 h 571"/>
                <a:gd name="T86" fmla="*/ 37 w 1030"/>
                <a:gd name="T87" fmla="*/ 9 h 571"/>
                <a:gd name="T88" fmla="*/ 78 w 1030"/>
                <a:gd name="T89" fmla="*/ 9 h 571"/>
                <a:gd name="T90" fmla="*/ 118 w 1030"/>
                <a:gd name="T91" fmla="*/ 2 h 571"/>
                <a:gd name="T92" fmla="*/ 143 w 1030"/>
                <a:gd name="T93" fmla="*/ 10 h 571"/>
                <a:gd name="T94" fmla="*/ 147 w 1030"/>
                <a:gd name="T95" fmla="*/ 31 h 571"/>
                <a:gd name="T96" fmla="*/ 153 w 1030"/>
                <a:gd name="T97" fmla="*/ 44 h 571"/>
                <a:gd name="T98" fmla="*/ 170 w 1030"/>
                <a:gd name="T99" fmla="*/ 44 h 571"/>
                <a:gd name="T100" fmla="*/ 178 w 1030"/>
                <a:gd name="T101" fmla="*/ 63 h 571"/>
                <a:gd name="T102" fmla="*/ 190 w 1030"/>
                <a:gd name="T103" fmla="*/ 76 h 571"/>
                <a:gd name="T104" fmla="*/ 206 w 1030"/>
                <a:gd name="T105" fmla="*/ 81 h 57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0" t="0" r="r" b="b"/>
              <a:pathLst>
                <a:path w="1030" h="571">
                  <a:moveTo>
                    <a:pt x="618" y="253"/>
                  </a:moveTo>
                  <a:lnTo>
                    <a:pt x="622" y="256"/>
                  </a:lnTo>
                  <a:lnTo>
                    <a:pt x="625" y="258"/>
                  </a:lnTo>
                  <a:lnTo>
                    <a:pt x="630" y="261"/>
                  </a:lnTo>
                  <a:lnTo>
                    <a:pt x="635" y="263"/>
                  </a:lnTo>
                  <a:lnTo>
                    <a:pt x="647" y="268"/>
                  </a:lnTo>
                  <a:lnTo>
                    <a:pt x="662" y="272"/>
                  </a:lnTo>
                  <a:lnTo>
                    <a:pt x="677" y="275"/>
                  </a:lnTo>
                  <a:lnTo>
                    <a:pt x="695" y="276"/>
                  </a:lnTo>
                  <a:lnTo>
                    <a:pt x="713" y="276"/>
                  </a:lnTo>
                  <a:lnTo>
                    <a:pt x="731" y="275"/>
                  </a:lnTo>
                  <a:lnTo>
                    <a:pt x="750" y="273"/>
                  </a:lnTo>
                  <a:lnTo>
                    <a:pt x="768" y="268"/>
                  </a:lnTo>
                  <a:lnTo>
                    <a:pt x="776" y="265"/>
                  </a:lnTo>
                  <a:lnTo>
                    <a:pt x="785" y="262"/>
                  </a:lnTo>
                  <a:lnTo>
                    <a:pt x="793" y="259"/>
                  </a:lnTo>
                  <a:lnTo>
                    <a:pt x="801" y="255"/>
                  </a:lnTo>
                  <a:lnTo>
                    <a:pt x="808" y="251"/>
                  </a:lnTo>
                  <a:lnTo>
                    <a:pt x="815" y="245"/>
                  </a:lnTo>
                  <a:lnTo>
                    <a:pt x="822" y="240"/>
                  </a:lnTo>
                  <a:lnTo>
                    <a:pt x="827" y="235"/>
                  </a:lnTo>
                  <a:lnTo>
                    <a:pt x="832" y="228"/>
                  </a:lnTo>
                  <a:lnTo>
                    <a:pt x="836" y="221"/>
                  </a:lnTo>
                  <a:lnTo>
                    <a:pt x="841" y="214"/>
                  </a:lnTo>
                  <a:lnTo>
                    <a:pt x="843" y="205"/>
                  </a:lnTo>
                  <a:lnTo>
                    <a:pt x="848" y="205"/>
                  </a:lnTo>
                  <a:lnTo>
                    <a:pt x="853" y="205"/>
                  </a:lnTo>
                  <a:lnTo>
                    <a:pt x="859" y="206"/>
                  </a:lnTo>
                  <a:lnTo>
                    <a:pt x="866" y="208"/>
                  </a:lnTo>
                  <a:lnTo>
                    <a:pt x="879" y="212"/>
                  </a:lnTo>
                  <a:lnTo>
                    <a:pt x="893" y="216"/>
                  </a:lnTo>
                  <a:lnTo>
                    <a:pt x="900" y="217"/>
                  </a:lnTo>
                  <a:lnTo>
                    <a:pt x="906" y="217"/>
                  </a:lnTo>
                  <a:lnTo>
                    <a:pt x="911" y="217"/>
                  </a:lnTo>
                  <a:lnTo>
                    <a:pt x="916" y="215"/>
                  </a:lnTo>
                  <a:lnTo>
                    <a:pt x="921" y="213"/>
                  </a:lnTo>
                  <a:lnTo>
                    <a:pt x="924" y="208"/>
                  </a:lnTo>
                  <a:lnTo>
                    <a:pt x="926" y="203"/>
                  </a:lnTo>
                  <a:lnTo>
                    <a:pt x="927" y="196"/>
                  </a:lnTo>
                  <a:lnTo>
                    <a:pt x="931" y="197"/>
                  </a:lnTo>
                  <a:lnTo>
                    <a:pt x="934" y="198"/>
                  </a:lnTo>
                  <a:lnTo>
                    <a:pt x="936" y="200"/>
                  </a:lnTo>
                  <a:lnTo>
                    <a:pt x="937" y="202"/>
                  </a:lnTo>
                  <a:lnTo>
                    <a:pt x="938" y="207"/>
                  </a:lnTo>
                  <a:lnTo>
                    <a:pt x="937" y="214"/>
                  </a:lnTo>
                  <a:lnTo>
                    <a:pt x="931" y="225"/>
                  </a:lnTo>
                  <a:lnTo>
                    <a:pt x="927" y="234"/>
                  </a:lnTo>
                  <a:lnTo>
                    <a:pt x="936" y="234"/>
                  </a:lnTo>
                  <a:lnTo>
                    <a:pt x="944" y="232"/>
                  </a:lnTo>
                  <a:lnTo>
                    <a:pt x="950" y="228"/>
                  </a:lnTo>
                  <a:lnTo>
                    <a:pt x="955" y="224"/>
                  </a:lnTo>
                  <a:lnTo>
                    <a:pt x="961" y="220"/>
                  </a:lnTo>
                  <a:lnTo>
                    <a:pt x="967" y="217"/>
                  </a:lnTo>
                  <a:lnTo>
                    <a:pt x="974" y="215"/>
                  </a:lnTo>
                  <a:lnTo>
                    <a:pt x="984" y="215"/>
                  </a:lnTo>
                  <a:lnTo>
                    <a:pt x="986" y="221"/>
                  </a:lnTo>
                  <a:lnTo>
                    <a:pt x="988" y="226"/>
                  </a:lnTo>
                  <a:lnTo>
                    <a:pt x="991" y="232"/>
                  </a:lnTo>
                  <a:lnTo>
                    <a:pt x="994" y="236"/>
                  </a:lnTo>
                  <a:lnTo>
                    <a:pt x="997" y="241"/>
                  </a:lnTo>
                  <a:lnTo>
                    <a:pt x="1001" y="247"/>
                  </a:lnTo>
                  <a:lnTo>
                    <a:pt x="1002" y="254"/>
                  </a:lnTo>
                  <a:lnTo>
                    <a:pt x="1002" y="262"/>
                  </a:lnTo>
                  <a:lnTo>
                    <a:pt x="995" y="264"/>
                  </a:lnTo>
                  <a:lnTo>
                    <a:pt x="990" y="267"/>
                  </a:lnTo>
                  <a:lnTo>
                    <a:pt x="985" y="271"/>
                  </a:lnTo>
                  <a:lnTo>
                    <a:pt x="981" y="275"/>
                  </a:lnTo>
                  <a:lnTo>
                    <a:pt x="972" y="284"/>
                  </a:lnTo>
                  <a:lnTo>
                    <a:pt x="964" y="294"/>
                  </a:lnTo>
                  <a:lnTo>
                    <a:pt x="956" y="304"/>
                  </a:lnTo>
                  <a:lnTo>
                    <a:pt x="948" y="313"/>
                  </a:lnTo>
                  <a:lnTo>
                    <a:pt x="944" y="317"/>
                  </a:lnTo>
                  <a:lnTo>
                    <a:pt x="938" y="321"/>
                  </a:lnTo>
                  <a:lnTo>
                    <a:pt x="933" y="324"/>
                  </a:lnTo>
                  <a:lnTo>
                    <a:pt x="927" y="327"/>
                  </a:lnTo>
                  <a:lnTo>
                    <a:pt x="927" y="337"/>
                  </a:lnTo>
                  <a:lnTo>
                    <a:pt x="929" y="345"/>
                  </a:lnTo>
                  <a:lnTo>
                    <a:pt x="931" y="353"/>
                  </a:lnTo>
                  <a:lnTo>
                    <a:pt x="935" y="358"/>
                  </a:lnTo>
                  <a:lnTo>
                    <a:pt x="942" y="363"/>
                  </a:lnTo>
                  <a:lnTo>
                    <a:pt x="948" y="366"/>
                  </a:lnTo>
                  <a:lnTo>
                    <a:pt x="955" y="370"/>
                  </a:lnTo>
                  <a:lnTo>
                    <a:pt x="963" y="371"/>
                  </a:lnTo>
                  <a:lnTo>
                    <a:pt x="980" y="374"/>
                  </a:lnTo>
                  <a:lnTo>
                    <a:pt x="997" y="376"/>
                  </a:lnTo>
                  <a:lnTo>
                    <a:pt x="1007" y="377"/>
                  </a:lnTo>
                  <a:lnTo>
                    <a:pt x="1015" y="379"/>
                  </a:lnTo>
                  <a:lnTo>
                    <a:pt x="1023" y="381"/>
                  </a:lnTo>
                  <a:lnTo>
                    <a:pt x="1030" y="383"/>
                  </a:lnTo>
                  <a:lnTo>
                    <a:pt x="1014" y="388"/>
                  </a:lnTo>
                  <a:lnTo>
                    <a:pt x="1000" y="395"/>
                  </a:lnTo>
                  <a:lnTo>
                    <a:pt x="985" y="401"/>
                  </a:lnTo>
                  <a:lnTo>
                    <a:pt x="971" y="408"/>
                  </a:lnTo>
                  <a:lnTo>
                    <a:pt x="957" y="416"/>
                  </a:lnTo>
                  <a:lnTo>
                    <a:pt x="943" y="422"/>
                  </a:lnTo>
                  <a:lnTo>
                    <a:pt x="934" y="424"/>
                  </a:lnTo>
                  <a:lnTo>
                    <a:pt x="926" y="427"/>
                  </a:lnTo>
                  <a:lnTo>
                    <a:pt x="917" y="428"/>
                  </a:lnTo>
                  <a:lnTo>
                    <a:pt x="908" y="431"/>
                  </a:lnTo>
                  <a:lnTo>
                    <a:pt x="908" y="438"/>
                  </a:lnTo>
                  <a:lnTo>
                    <a:pt x="908" y="444"/>
                  </a:lnTo>
                  <a:lnTo>
                    <a:pt x="910" y="451"/>
                  </a:lnTo>
                  <a:lnTo>
                    <a:pt x="912" y="455"/>
                  </a:lnTo>
                  <a:lnTo>
                    <a:pt x="914" y="459"/>
                  </a:lnTo>
                  <a:lnTo>
                    <a:pt x="918" y="463"/>
                  </a:lnTo>
                  <a:lnTo>
                    <a:pt x="922" y="466"/>
                  </a:lnTo>
                  <a:lnTo>
                    <a:pt x="926" y="469"/>
                  </a:lnTo>
                  <a:lnTo>
                    <a:pt x="934" y="474"/>
                  </a:lnTo>
                  <a:lnTo>
                    <a:pt x="944" y="480"/>
                  </a:lnTo>
                  <a:lnTo>
                    <a:pt x="947" y="483"/>
                  </a:lnTo>
                  <a:lnTo>
                    <a:pt x="950" y="486"/>
                  </a:lnTo>
                  <a:lnTo>
                    <a:pt x="953" y="491"/>
                  </a:lnTo>
                  <a:lnTo>
                    <a:pt x="955" y="496"/>
                  </a:lnTo>
                  <a:lnTo>
                    <a:pt x="925" y="501"/>
                  </a:lnTo>
                  <a:lnTo>
                    <a:pt x="890" y="505"/>
                  </a:lnTo>
                  <a:lnTo>
                    <a:pt x="851" y="511"/>
                  </a:lnTo>
                  <a:lnTo>
                    <a:pt x="811" y="517"/>
                  </a:lnTo>
                  <a:lnTo>
                    <a:pt x="791" y="520"/>
                  </a:lnTo>
                  <a:lnTo>
                    <a:pt x="771" y="525"/>
                  </a:lnTo>
                  <a:lnTo>
                    <a:pt x="751" y="530"/>
                  </a:lnTo>
                  <a:lnTo>
                    <a:pt x="732" y="536"/>
                  </a:lnTo>
                  <a:lnTo>
                    <a:pt x="714" y="543"/>
                  </a:lnTo>
                  <a:lnTo>
                    <a:pt x="696" y="551"/>
                  </a:lnTo>
                  <a:lnTo>
                    <a:pt x="679" y="560"/>
                  </a:lnTo>
                  <a:lnTo>
                    <a:pt x="665" y="571"/>
                  </a:lnTo>
                  <a:lnTo>
                    <a:pt x="631" y="563"/>
                  </a:lnTo>
                  <a:lnTo>
                    <a:pt x="598" y="554"/>
                  </a:lnTo>
                  <a:lnTo>
                    <a:pt x="567" y="542"/>
                  </a:lnTo>
                  <a:lnTo>
                    <a:pt x="536" y="531"/>
                  </a:lnTo>
                  <a:lnTo>
                    <a:pt x="507" y="518"/>
                  </a:lnTo>
                  <a:lnTo>
                    <a:pt x="478" y="504"/>
                  </a:lnTo>
                  <a:lnTo>
                    <a:pt x="450" y="491"/>
                  </a:lnTo>
                  <a:lnTo>
                    <a:pt x="421" y="477"/>
                  </a:lnTo>
                  <a:lnTo>
                    <a:pt x="428" y="470"/>
                  </a:lnTo>
                  <a:lnTo>
                    <a:pt x="433" y="463"/>
                  </a:lnTo>
                  <a:lnTo>
                    <a:pt x="437" y="456"/>
                  </a:lnTo>
                  <a:lnTo>
                    <a:pt x="440" y="450"/>
                  </a:lnTo>
                  <a:lnTo>
                    <a:pt x="443" y="443"/>
                  </a:lnTo>
                  <a:lnTo>
                    <a:pt x="444" y="437"/>
                  </a:lnTo>
                  <a:lnTo>
                    <a:pt x="445" y="431"/>
                  </a:lnTo>
                  <a:lnTo>
                    <a:pt x="445" y="424"/>
                  </a:lnTo>
                  <a:lnTo>
                    <a:pt x="444" y="419"/>
                  </a:lnTo>
                  <a:lnTo>
                    <a:pt x="443" y="413"/>
                  </a:lnTo>
                  <a:lnTo>
                    <a:pt x="440" y="407"/>
                  </a:lnTo>
                  <a:lnTo>
                    <a:pt x="437" y="403"/>
                  </a:lnTo>
                  <a:lnTo>
                    <a:pt x="434" y="398"/>
                  </a:lnTo>
                  <a:lnTo>
                    <a:pt x="431" y="394"/>
                  </a:lnTo>
                  <a:lnTo>
                    <a:pt x="427" y="390"/>
                  </a:lnTo>
                  <a:lnTo>
                    <a:pt x="421" y="385"/>
                  </a:lnTo>
                  <a:lnTo>
                    <a:pt x="411" y="379"/>
                  </a:lnTo>
                  <a:lnTo>
                    <a:pt x="398" y="374"/>
                  </a:lnTo>
                  <a:lnTo>
                    <a:pt x="385" y="371"/>
                  </a:lnTo>
                  <a:lnTo>
                    <a:pt x="370" y="370"/>
                  </a:lnTo>
                  <a:lnTo>
                    <a:pt x="355" y="370"/>
                  </a:lnTo>
                  <a:lnTo>
                    <a:pt x="339" y="372"/>
                  </a:lnTo>
                  <a:lnTo>
                    <a:pt x="332" y="374"/>
                  </a:lnTo>
                  <a:lnTo>
                    <a:pt x="325" y="377"/>
                  </a:lnTo>
                  <a:lnTo>
                    <a:pt x="316" y="380"/>
                  </a:lnTo>
                  <a:lnTo>
                    <a:pt x="309" y="383"/>
                  </a:lnTo>
                  <a:lnTo>
                    <a:pt x="310" y="370"/>
                  </a:lnTo>
                  <a:lnTo>
                    <a:pt x="310" y="362"/>
                  </a:lnTo>
                  <a:lnTo>
                    <a:pt x="310" y="358"/>
                  </a:lnTo>
                  <a:lnTo>
                    <a:pt x="309" y="355"/>
                  </a:lnTo>
                  <a:lnTo>
                    <a:pt x="307" y="351"/>
                  </a:lnTo>
                  <a:lnTo>
                    <a:pt x="305" y="347"/>
                  </a:lnTo>
                  <a:lnTo>
                    <a:pt x="302" y="344"/>
                  </a:lnTo>
                  <a:lnTo>
                    <a:pt x="299" y="342"/>
                  </a:lnTo>
                  <a:lnTo>
                    <a:pt x="294" y="339"/>
                  </a:lnTo>
                  <a:lnTo>
                    <a:pt x="287" y="337"/>
                  </a:lnTo>
                  <a:lnTo>
                    <a:pt x="279" y="337"/>
                  </a:lnTo>
                  <a:lnTo>
                    <a:pt x="271" y="339"/>
                  </a:lnTo>
                  <a:lnTo>
                    <a:pt x="262" y="341"/>
                  </a:lnTo>
                  <a:lnTo>
                    <a:pt x="253" y="344"/>
                  </a:lnTo>
                  <a:lnTo>
                    <a:pt x="233" y="353"/>
                  </a:lnTo>
                  <a:lnTo>
                    <a:pt x="212" y="360"/>
                  </a:lnTo>
                  <a:lnTo>
                    <a:pt x="201" y="362"/>
                  </a:lnTo>
                  <a:lnTo>
                    <a:pt x="190" y="364"/>
                  </a:lnTo>
                  <a:lnTo>
                    <a:pt x="179" y="365"/>
                  </a:lnTo>
                  <a:lnTo>
                    <a:pt x="169" y="364"/>
                  </a:lnTo>
                  <a:lnTo>
                    <a:pt x="173" y="360"/>
                  </a:lnTo>
                  <a:lnTo>
                    <a:pt x="177" y="356"/>
                  </a:lnTo>
                  <a:lnTo>
                    <a:pt x="180" y="351"/>
                  </a:lnTo>
                  <a:lnTo>
                    <a:pt x="183" y="345"/>
                  </a:lnTo>
                  <a:lnTo>
                    <a:pt x="189" y="332"/>
                  </a:lnTo>
                  <a:lnTo>
                    <a:pt x="192" y="318"/>
                  </a:lnTo>
                  <a:lnTo>
                    <a:pt x="193" y="303"/>
                  </a:lnTo>
                  <a:lnTo>
                    <a:pt x="193" y="287"/>
                  </a:lnTo>
                  <a:lnTo>
                    <a:pt x="191" y="272"/>
                  </a:lnTo>
                  <a:lnTo>
                    <a:pt x="188" y="256"/>
                  </a:lnTo>
                  <a:lnTo>
                    <a:pt x="182" y="240"/>
                  </a:lnTo>
                  <a:lnTo>
                    <a:pt x="176" y="226"/>
                  </a:lnTo>
                  <a:lnTo>
                    <a:pt x="172" y="220"/>
                  </a:lnTo>
                  <a:lnTo>
                    <a:pt x="168" y="214"/>
                  </a:lnTo>
                  <a:lnTo>
                    <a:pt x="162" y="208"/>
                  </a:lnTo>
                  <a:lnTo>
                    <a:pt x="157" y="203"/>
                  </a:lnTo>
                  <a:lnTo>
                    <a:pt x="152" y="199"/>
                  </a:lnTo>
                  <a:lnTo>
                    <a:pt x="147" y="195"/>
                  </a:lnTo>
                  <a:lnTo>
                    <a:pt x="140" y="192"/>
                  </a:lnTo>
                  <a:lnTo>
                    <a:pt x="133" y="188"/>
                  </a:lnTo>
                  <a:lnTo>
                    <a:pt x="127" y="187"/>
                  </a:lnTo>
                  <a:lnTo>
                    <a:pt x="119" y="186"/>
                  </a:lnTo>
                  <a:lnTo>
                    <a:pt x="111" y="186"/>
                  </a:lnTo>
                  <a:lnTo>
                    <a:pt x="103" y="186"/>
                  </a:lnTo>
                  <a:lnTo>
                    <a:pt x="104" y="174"/>
                  </a:lnTo>
                  <a:lnTo>
                    <a:pt x="103" y="161"/>
                  </a:lnTo>
                  <a:lnTo>
                    <a:pt x="101" y="148"/>
                  </a:lnTo>
                  <a:lnTo>
                    <a:pt x="98" y="137"/>
                  </a:lnTo>
                  <a:lnTo>
                    <a:pt x="94" y="126"/>
                  </a:lnTo>
                  <a:lnTo>
                    <a:pt x="88" y="115"/>
                  </a:lnTo>
                  <a:lnTo>
                    <a:pt x="80" y="104"/>
                  </a:lnTo>
                  <a:lnTo>
                    <a:pt x="73" y="94"/>
                  </a:lnTo>
                  <a:lnTo>
                    <a:pt x="56" y="74"/>
                  </a:lnTo>
                  <a:lnTo>
                    <a:pt x="37" y="53"/>
                  </a:lnTo>
                  <a:lnTo>
                    <a:pt x="18" y="32"/>
                  </a:lnTo>
                  <a:lnTo>
                    <a:pt x="0" y="8"/>
                  </a:lnTo>
                  <a:lnTo>
                    <a:pt x="20" y="14"/>
                  </a:lnTo>
                  <a:lnTo>
                    <a:pt x="41" y="19"/>
                  </a:lnTo>
                  <a:lnTo>
                    <a:pt x="63" y="22"/>
                  </a:lnTo>
                  <a:lnTo>
                    <a:pt x="86" y="25"/>
                  </a:lnTo>
                  <a:lnTo>
                    <a:pt x="110" y="27"/>
                  </a:lnTo>
                  <a:lnTo>
                    <a:pt x="134" y="28"/>
                  </a:lnTo>
                  <a:lnTo>
                    <a:pt x="158" y="29"/>
                  </a:lnTo>
                  <a:lnTo>
                    <a:pt x="183" y="29"/>
                  </a:lnTo>
                  <a:lnTo>
                    <a:pt x="209" y="28"/>
                  </a:lnTo>
                  <a:lnTo>
                    <a:pt x="234" y="26"/>
                  </a:lnTo>
                  <a:lnTo>
                    <a:pt x="258" y="24"/>
                  </a:lnTo>
                  <a:lnTo>
                    <a:pt x="282" y="20"/>
                  </a:lnTo>
                  <a:lnTo>
                    <a:pt x="307" y="17"/>
                  </a:lnTo>
                  <a:lnTo>
                    <a:pt x="330" y="12"/>
                  </a:lnTo>
                  <a:lnTo>
                    <a:pt x="353" y="6"/>
                  </a:lnTo>
                  <a:lnTo>
                    <a:pt x="375" y="0"/>
                  </a:lnTo>
                  <a:lnTo>
                    <a:pt x="392" y="9"/>
                  </a:lnTo>
                  <a:lnTo>
                    <a:pt x="410" y="21"/>
                  </a:lnTo>
                  <a:lnTo>
                    <a:pt x="418" y="26"/>
                  </a:lnTo>
                  <a:lnTo>
                    <a:pt x="428" y="30"/>
                  </a:lnTo>
                  <a:lnTo>
                    <a:pt x="438" y="35"/>
                  </a:lnTo>
                  <a:lnTo>
                    <a:pt x="450" y="37"/>
                  </a:lnTo>
                  <a:lnTo>
                    <a:pt x="447" y="59"/>
                  </a:lnTo>
                  <a:lnTo>
                    <a:pt x="441" y="81"/>
                  </a:lnTo>
                  <a:lnTo>
                    <a:pt x="440" y="92"/>
                  </a:lnTo>
                  <a:lnTo>
                    <a:pt x="439" y="103"/>
                  </a:lnTo>
                  <a:lnTo>
                    <a:pt x="439" y="117"/>
                  </a:lnTo>
                  <a:lnTo>
                    <a:pt x="440" y="130"/>
                  </a:lnTo>
                  <a:lnTo>
                    <a:pt x="451" y="132"/>
                  </a:lnTo>
                  <a:lnTo>
                    <a:pt x="460" y="132"/>
                  </a:lnTo>
                  <a:lnTo>
                    <a:pt x="469" y="130"/>
                  </a:lnTo>
                  <a:lnTo>
                    <a:pt x="476" y="129"/>
                  </a:lnTo>
                  <a:lnTo>
                    <a:pt x="491" y="124"/>
                  </a:lnTo>
                  <a:lnTo>
                    <a:pt x="506" y="121"/>
                  </a:lnTo>
                  <a:lnTo>
                    <a:pt x="510" y="133"/>
                  </a:lnTo>
                  <a:lnTo>
                    <a:pt x="513" y="145"/>
                  </a:lnTo>
                  <a:lnTo>
                    <a:pt x="518" y="156"/>
                  </a:lnTo>
                  <a:lnTo>
                    <a:pt x="524" y="167"/>
                  </a:lnTo>
                  <a:lnTo>
                    <a:pt x="529" y="178"/>
                  </a:lnTo>
                  <a:lnTo>
                    <a:pt x="535" y="187"/>
                  </a:lnTo>
                  <a:lnTo>
                    <a:pt x="541" y="197"/>
                  </a:lnTo>
                  <a:lnTo>
                    <a:pt x="548" y="206"/>
                  </a:lnTo>
                  <a:lnTo>
                    <a:pt x="555" y="214"/>
                  </a:lnTo>
                  <a:lnTo>
                    <a:pt x="564" y="221"/>
                  </a:lnTo>
                  <a:lnTo>
                    <a:pt x="571" y="227"/>
                  </a:lnTo>
                  <a:lnTo>
                    <a:pt x="579" y="233"/>
                  </a:lnTo>
                  <a:lnTo>
                    <a:pt x="589" y="237"/>
                  </a:lnTo>
                  <a:lnTo>
                    <a:pt x="598" y="240"/>
                  </a:lnTo>
                  <a:lnTo>
                    <a:pt x="608" y="242"/>
                  </a:lnTo>
                  <a:lnTo>
                    <a:pt x="618" y="243"/>
                  </a:lnTo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118" name="Odder"/>
            <p:cNvSpPr>
              <a:spLocks/>
            </p:cNvSpPr>
            <p:nvPr/>
          </p:nvSpPr>
          <p:spPr bwMode="auto">
            <a:xfrm>
              <a:off x="2043115" y="4470407"/>
              <a:ext cx="188913" cy="223838"/>
            </a:xfrm>
            <a:custGeom>
              <a:avLst/>
              <a:gdLst>
                <a:gd name="T0" fmla="*/ 117 w 356"/>
                <a:gd name="T1" fmla="*/ 4 h 424"/>
                <a:gd name="T2" fmla="*/ 115 w 356"/>
                <a:gd name="T3" fmla="*/ 14 h 424"/>
                <a:gd name="T4" fmla="*/ 115 w 356"/>
                <a:gd name="T5" fmla="*/ 54 h 424"/>
                <a:gd name="T6" fmla="*/ 113 w 356"/>
                <a:gd name="T7" fmla="*/ 76 h 424"/>
                <a:gd name="T8" fmla="*/ 108 w 356"/>
                <a:gd name="T9" fmla="*/ 87 h 424"/>
                <a:gd name="T10" fmla="*/ 101 w 356"/>
                <a:gd name="T11" fmla="*/ 97 h 424"/>
                <a:gd name="T12" fmla="*/ 90 w 356"/>
                <a:gd name="T13" fmla="*/ 104 h 424"/>
                <a:gd name="T14" fmla="*/ 83 w 356"/>
                <a:gd name="T15" fmla="*/ 111 h 424"/>
                <a:gd name="T16" fmla="*/ 86 w 356"/>
                <a:gd name="T17" fmla="*/ 123 h 424"/>
                <a:gd name="T18" fmla="*/ 86 w 356"/>
                <a:gd name="T19" fmla="*/ 136 h 424"/>
                <a:gd name="T20" fmla="*/ 74 w 356"/>
                <a:gd name="T21" fmla="*/ 139 h 424"/>
                <a:gd name="T22" fmla="*/ 67 w 356"/>
                <a:gd name="T23" fmla="*/ 135 h 424"/>
                <a:gd name="T24" fmla="*/ 62 w 356"/>
                <a:gd name="T25" fmla="*/ 130 h 424"/>
                <a:gd name="T26" fmla="*/ 60 w 356"/>
                <a:gd name="T27" fmla="*/ 123 h 424"/>
                <a:gd name="T28" fmla="*/ 60 w 356"/>
                <a:gd name="T29" fmla="*/ 113 h 424"/>
                <a:gd name="T30" fmla="*/ 54 w 356"/>
                <a:gd name="T31" fmla="*/ 113 h 424"/>
                <a:gd name="T32" fmla="*/ 50 w 356"/>
                <a:gd name="T33" fmla="*/ 114 h 424"/>
                <a:gd name="T34" fmla="*/ 48 w 356"/>
                <a:gd name="T35" fmla="*/ 119 h 424"/>
                <a:gd name="T36" fmla="*/ 47 w 356"/>
                <a:gd name="T37" fmla="*/ 128 h 424"/>
                <a:gd name="T38" fmla="*/ 44 w 356"/>
                <a:gd name="T39" fmla="*/ 126 h 424"/>
                <a:gd name="T40" fmla="*/ 43 w 356"/>
                <a:gd name="T41" fmla="*/ 119 h 424"/>
                <a:gd name="T42" fmla="*/ 43 w 356"/>
                <a:gd name="T43" fmla="*/ 112 h 424"/>
                <a:gd name="T44" fmla="*/ 41 w 356"/>
                <a:gd name="T45" fmla="*/ 110 h 424"/>
                <a:gd name="T46" fmla="*/ 31 w 356"/>
                <a:gd name="T47" fmla="*/ 110 h 424"/>
                <a:gd name="T48" fmla="*/ 22 w 356"/>
                <a:gd name="T49" fmla="*/ 110 h 424"/>
                <a:gd name="T50" fmla="*/ 19 w 356"/>
                <a:gd name="T51" fmla="*/ 112 h 424"/>
                <a:gd name="T52" fmla="*/ 13 w 356"/>
                <a:gd name="T53" fmla="*/ 109 h 424"/>
                <a:gd name="T54" fmla="*/ 6 w 356"/>
                <a:gd name="T55" fmla="*/ 99 h 424"/>
                <a:gd name="T56" fmla="*/ 2 w 356"/>
                <a:gd name="T57" fmla="*/ 88 h 424"/>
                <a:gd name="T58" fmla="*/ 2 w 356"/>
                <a:gd name="T59" fmla="*/ 76 h 424"/>
                <a:gd name="T60" fmla="*/ 7 w 356"/>
                <a:gd name="T61" fmla="*/ 66 h 424"/>
                <a:gd name="T62" fmla="*/ 11 w 356"/>
                <a:gd name="T63" fmla="*/ 57 h 424"/>
                <a:gd name="T64" fmla="*/ 6 w 356"/>
                <a:gd name="T65" fmla="*/ 48 h 424"/>
                <a:gd name="T66" fmla="*/ 1 w 356"/>
                <a:gd name="T67" fmla="*/ 39 h 424"/>
                <a:gd name="T68" fmla="*/ 2 w 356"/>
                <a:gd name="T69" fmla="*/ 32 h 424"/>
                <a:gd name="T70" fmla="*/ 10 w 356"/>
                <a:gd name="T71" fmla="*/ 27 h 424"/>
                <a:gd name="T72" fmla="*/ 24 w 356"/>
                <a:gd name="T73" fmla="*/ 23 h 424"/>
                <a:gd name="T74" fmla="*/ 40 w 356"/>
                <a:gd name="T75" fmla="*/ 21 h 424"/>
                <a:gd name="T76" fmla="*/ 55 w 356"/>
                <a:gd name="T77" fmla="*/ 18 h 424"/>
                <a:gd name="T78" fmla="*/ 62 w 356"/>
                <a:gd name="T79" fmla="*/ 15 h 424"/>
                <a:gd name="T80" fmla="*/ 67 w 356"/>
                <a:gd name="T81" fmla="*/ 11 h 424"/>
                <a:gd name="T82" fmla="*/ 72 w 356"/>
                <a:gd name="T83" fmla="*/ 6 h 424"/>
                <a:gd name="T84" fmla="*/ 78 w 356"/>
                <a:gd name="T85" fmla="*/ 7 h 424"/>
                <a:gd name="T86" fmla="*/ 82 w 356"/>
                <a:gd name="T87" fmla="*/ 9 h 424"/>
                <a:gd name="T88" fmla="*/ 87 w 356"/>
                <a:gd name="T89" fmla="*/ 15 h 424"/>
                <a:gd name="T90" fmla="*/ 92 w 356"/>
                <a:gd name="T91" fmla="*/ 17 h 424"/>
                <a:gd name="T92" fmla="*/ 100 w 356"/>
                <a:gd name="T93" fmla="*/ 11 h 424"/>
                <a:gd name="T94" fmla="*/ 109 w 356"/>
                <a:gd name="T95" fmla="*/ 2 h 424"/>
                <a:gd name="T96" fmla="*/ 115 w 356"/>
                <a:gd name="T97" fmla="*/ 0 h 424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356" h="424">
                  <a:moveTo>
                    <a:pt x="356" y="2"/>
                  </a:moveTo>
                  <a:lnTo>
                    <a:pt x="353" y="6"/>
                  </a:lnTo>
                  <a:lnTo>
                    <a:pt x="350" y="12"/>
                  </a:lnTo>
                  <a:lnTo>
                    <a:pt x="348" y="17"/>
                  </a:lnTo>
                  <a:lnTo>
                    <a:pt x="347" y="24"/>
                  </a:lnTo>
                  <a:lnTo>
                    <a:pt x="345" y="42"/>
                  </a:lnTo>
                  <a:lnTo>
                    <a:pt x="345" y="62"/>
                  </a:lnTo>
                  <a:lnTo>
                    <a:pt x="346" y="110"/>
                  </a:lnTo>
                  <a:lnTo>
                    <a:pt x="345" y="163"/>
                  </a:lnTo>
                  <a:lnTo>
                    <a:pt x="343" y="190"/>
                  </a:lnTo>
                  <a:lnTo>
                    <a:pt x="340" y="216"/>
                  </a:lnTo>
                  <a:lnTo>
                    <a:pt x="337" y="229"/>
                  </a:lnTo>
                  <a:lnTo>
                    <a:pt x="333" y="241"/>
                  </a:lnTo>
                  <a:lnTo>
                    <a:pt x="328" y="253"/>
                  </a:lnTo>
                  <a:lnTo>
                    <a:pt x="323" y="263"/>
                  </a:lnTo>
                  <a:lnTo>
                    <a:pt x="317" y="274"/>
                  </a:lnTo>
                  <a:lnTo>
                    <a:pt x="309" y="283"/>
                  </a:lnTo>
                  <a:lnTo>
                    <a:pt x="302" y="293"/>
                  </a:lnTo>
                  <a:lnTo>
                    <a:pt x="293" y="300"/>
                  </a:lnTo>
                  <a:lnTo>
                    <a:pt x="282" y="308"/>
                  </a:lnTo>
                  <a:lnTo>
                    <a:pt x="270" y="313"/>
                  </a:lnTo>
                  <a:lnTo>
                    <a:pt x="258" y="318"/>
                  </a:lnTo>
                  <a:lnTo>
                    <a:pt x="243" y="321"/>
                  </a:lnTo>
                  <a:lnTo>
                    <a:pt x="249" y="334"/>
                  </a:lnTo>
                  <a:lnTo>
                    <a:pt x="254" y="346"/>
                  </a:lnTo>
                  <a:lnTo>
                    <a:pt x="256" y="358"/>
                  </a:lnTo>
                  <a:lnTo>
                    <a:pt x="258" y="369"/>
                  </a:lnTo>
                  <a:lnTo>
                    <a:pt x="258" y="380"/>
                  </a:lnTo>
                  <a:lnTo>
                    <a:pt x="258" y="393"/>
                  </a:lnTo>
                  <a:lnTo>
                    <a:pt x="256" y="408"/>
                  </a:lnTo>
                  <a:lnTo>
                    <a:pt x="253" y="424"/>
                  </a:lnTo>
                  <a:lnTo>
                    <a:pt x="236" y="421"/>
                  </a:lnTo>
                  <a:lnTo>
                    <a:pt x="220" y="417"/>
                  </a:lnTo>
                  <a:lnTo>
                    <a:pt x="213" y="414"/>
                  </a:lnTo>
                  <a:lnTo>
                    <a:pt x="206" y="411"/>
                  </a:lnTo>
                  <a:lnTo>
                    <a:pt x="200" y="406"/>
                  </a:lnTo>
                  <a:lnTo>
                    <a:pt x="195" y="402"/>
                  </a:lnTo>
                  <a:lnTo>
                    <a:pt x="190" y="397"/>
                  </a:lnTo>
                  <a:lnTo>
                    <a:pt x="186" y="391"/>
                  </a:lnTo>
                  <a:lnTo>
                    <a:pt x="183" y="384"/>
                  </a:lnTo>
                  <a:lnTo>
                    <a:pt x="180" y="377"/>
                  </a:lnTo>
                  <a:lnTo>
                    <a:pt x="178" y="369"/>
                  </a:lnTo>
                  <a:lnTo>
                    <a:pt x="177" y="360"/>
                  </a:lnTo>
                  <a:lnTo>
                    <a:pt x="177" y="351"/>
                  </a:lnTo>
                  <a:lnTo>
                    <a:pt x="178" y="340"/>
                  </a:lnTo>
                  <a:lnTo>
                    <a:pt x="171" y="339"/>
                  </a:lnTo>
                  <a:lnTo>
                    <a:pt x="166" y="339"/>
                  </a:lnTo>
                  <a:lnTo>
                    <a:pt x="162" y="339"/>
                  </a:lnTo>
                  <a:lnTo>
                    <a:pt x="158" y="340"/>
                  </a:lnTo>
                  <a:lnTo>
                    <a:pt x="155" y="342"/>
                  </a:lnTo>
                  <a:lnTo>
                    <a:pt x="151" y="344"/>
                  </a:lnTo>
                  <a:lnTo>
                    <a:pt x="148" y="348"/>
                  </a:lnTo>
                  <a:lnTo>
                    <a:pt x="146" y="351"/>
                  </a:lnTo>
                  <a:lnTo>
                    <a:pt x="143" y="358"/>
                  </a:lnTo>
                  <a:lnTo>
                    <a:pt x="142" y="366"/>
                  </a:lnTo>
                  <a:lnTo>
                    <a:pt x="141" y="376"/>
                  </a:lnTo>
                  <a:lnTo>
                    <a:pt x="140" y="386"/>
                  </a:lnTo>
                  <a:lnTo>
                    <a:pt x="137" y="385"/>
                  </a:lnTo>
                  <a:lnTo>
                    <a:pt x="135" y="383"/>
                  </a:lnTo>
                  <a:lnTo>
                    <a:pt x="133" y="380"/>
                  </a:lnTo>
                  <a:lnTo>
                    <a:pt x="131" y="377"/>
                  </a:lnTo>
                  <a:lnTo>
                    <a:pt x="130" y="369"/>
                  </a:lnTo>
                  <a:lnTo>
                    <a:pt x="130" y="359"/>
                  </a:lnTo>
                  <a:lnTo>
                    <a:pt x="130" y="350"/>
                  </a:lnTo>
                  <a:lnTo>
                    <a:pt x="129" y="341"/>
                  </a:lnTo>
                  <a:lnTo>
                    <a:pt x="128" y="338"/>
                  </a:lnTo>
                  <a:lnTo>
                    <a:pt x="127" y="335"/>
                  </a:lnTo>
                  <a:lnTo>
                    <a:pt x="124" y="332"/>
                  </a:lnTo>
                  <a:lnTo>
                    <a:pt x="122" y="331"/>
                  </a:lnTo>
                  <a:lnTo>
                    <a:pt x="114" y="332"/>
                  </a:lnTo>
                  <a:lnTo>
                    <a:pt x="104" y="331"/>
                  </a:lnTo>
                  <a:lnTo>
                    <a:pt x="94" y="331"/>
                  </a:lnTo>
                  <a:lnTo>
                    <a:pt x="83" y="330"/>
                  </a:lnTo>
                  <a:lnTo>
                    <a:pt x="74" y="329"/>
                  </a:lnTo>
                  <a:lnTo>
                    <a:pt x="65" y="331"/>
                  </a:lnTo>
                  <a:lnTo>
                    <a:pt x="62" y="332"/>
                  </a:lnTo>
                  <a:lnTo>
                    <a:pt x="59" y="334"/>
                  </a:lnTo>
                  <a:lnTo>
                    <a:pt x="58" y="336"/>
                  </a:lnTo>
                  <a:lnTo>
                    <a:pt x="56" y="340"/>
                  </a:lnTo>
                  <a:lnTo>
                    <a:pt x="46" y="334"/>
                  </a:lnTo>
                  <a:lnTo>
                    <a:pt x="38" y="328"/>
                  </a:lnTo>
                  <a:lnTo>
                    <a:pt x="29" y="319"/>
                  </a:lnTo>
                  <a:lnTo>
                    <a:pt x="23" y="310"/>
                  </a:lnTo>
                  <a:lnTo>
                    <a:pt x="17" y="299"/>
                  </a:lnTo>
                  <a:lnTo>
                    <a:pt x="11" y="289"/>
                  </a:lnTo>
                  <a:lnTo>
                    <a:pt x="8" y="277"/>
                  </a:lnTo>
                  <a:lnTo>
                    <a:pt x="5" y="265"/>
                  </a:lnTo>
                  <a:lnTo>
                    <a:pt x="4" y="253"/>
                  </a:lnTo>
                  <a:lnTo>
                    <a:pt x="5" y="241"/>
                  </a:lnTo>
                  <a:lnTo>
                    <a:pt x="6" y="230"/>
                  </a:lnTo>
                  <a:lnTo>
                    <a:pt x="9" y="218"/>
                  </a:lnTo>
                  <a:lnTo>
                    <a:pt x="14" y="207"/>
                  </a:lnTo>
                  <a:lnTo>
                    <a:pt x="20" y="197"/>
                  </a:lnTo>
                  <a:lnTo>
                    <a:pt x="28" y="189"/>
                  </a:lnTo>
                  <a:lnTo>
                    <a:pt x="38" y="180"/>
                  </a:lnTo>
                  <a:lnTo>
                    <a:pt x="34" y="171"/>
                  </a:lnTo>
                  <a:lnTo>
                    <a:pt x="29" y="161"/>
                  </a:lnTo>
                  <a:lnTo>
                    <a:pt x="23" y="153"/>
                  </a:lnTo>
                  <a:lnTo>
                    <a:pt x="18" y="144"/>
                  </a:lnTo>
                  <a:lnTo>
                    <a:pt x="12" y="135"/>
                  </a:lnTo>
                  <a:lnTo>
                    <a:pt x="7" y="126"/>
                  </a:lnTo>
                  <a:lnTo>
                    <a:pt x="3" y="117"/>
                  </a:lnTo>
                  <a:lnTo>
                    <a:pt x="0" y="105"/>
                  </a:lnTo>
                  <a:lnTo>
                    <a:pt x="3" y="100"/>
                  </a:lnTo>
                  <a:lnTo>
                    <a:pt x="7" y="95"/>
                  </a:lnTo>
                  <a:lnTo>
                    <a:pt x="12" y="91"/>
                  </a:lnTo>
                  <a:lnTo>
                    <a:pt x="18" y="86"/>
                  </a:lnTo>
                  <a:lnTo>
                    <a:pt x="29" y="80"/>
                  </a:lnTo>
                  <a:lnTo>
                    <a:pt x="42" y="76"/>
                  </a:lnTo>
                  <a:lnTo>
                    <a:pt x="57" y="72"/>
                  </a:lnTo>
                  <a:lnTo>
                    <a:pt x="72" y="68"/>
                  </a:lnTo>
                  <a:lnTo>
                    <a:pt x="88" y="66"/>
                  </a:lnTo>
                  <a:lnTo>
                    <a:pt x="104" y="64"/>
                  </a:lnTo>
                  <a:lnTo>
                    <a:pt x="120" y="63"/>
                  </a:lnTo>
                  <a:lnTo>
                    <a:pt x="136" y="60"/>
                  </a:lnTo>
                  <a:lnTo>
                    <a:pt x="151" y="57"/>
                  </a:lnTo>
                  <a:lnTo>
                    <a:pt x="165" y="54"/>
                  </a:lnTo>
                  <a:lnTo>
                    <a:pt x="171" y="51"/>
                  </a:lnTo>
                  <a:lnTo>
                    <a:pt x="178" y="48"/>
                  </a:lnTo>
                  <a:lnTo>
                    <a:pt x="184" y="45"/>
                  </a:lnTo>
                  <a:lnTo>
                    <a:pt x="189" y="41"/>
                  </a:lnTo>
                  <a:lnTo>
                    <a:pt x="195" y="37"/>
                  </a:lnTo>
                  <a:lnTo>
                    <a:pt x="199" y="33"/>
                  </a:lnTo>
                  <a:lnTo>
                    <a:pt x="203" y="27"/>
                  </a:lnTo>
                  <a:lnTo>
                    <a:pt x="206" y="21"/>
                  </a:lnTo>
                  <a:lnTo>
                    <a:pt x="215" y="19"/>
                  </a:lnTo>
                  <a:lnTo>
                    <a:pt x="222" y="18"/>
                  </a:lnTo>
                  <a:lnTo>
                    <a:pt x="228" y="19"/>
                  </a:lnTo>
                  <a:lnTo>
                    <a:pt x="233" y="20"/>
                  </a:lnTo>
                  <a:lnTo>
                    <a:pt x="237" y="22"/>
                  </a:lnTo>
                  <a:lnTo>
                    <a:pt x="241" y="25"/>
                  </a:lnTo>
                  <a:lnTo>
                    <a:pt x="244" y="28"/>
                  </a:lnTo>
                  <a:lnTo>
                    <a:pt x="246" y="33"/>
                  </a:lnTo>
                  <a:lnTo>
                    <a:pt x="252" y="40"/>
                  </a:lnTo>
                  <a:lnTo>
                    <a:pt x="259" y="46"/>
                  </a:lnTo>
                  <a:lnTo>
                    <a:pt x="262" y="48"/>
                  </a:lnTo>
                  <a:lnTo>
                    <a:pt x="267" y="50"/>
                  </a:lnTo>
                  <a:lnTo>
                    <a:pt x="274" y="51"/>
                  </a:lnTo>
                  <a:lnTo>
                    <a:pt x="281" y="50"/>
                  </a:lnTo>
                  <a:lnTo>
                    <a:pt x="290" y="42"/>
                  </a:lnTo>
                  <a:lnTo>
                    <a:pt x="300" y="34"/>
                  </a:lnTo>
                  <a:lnTo>
                    <a:pt x="309" y="24"/>
                  </a:lnTo>
                  <a:lnTo>
                    <a:pt x="318" y="15"/>
                  </a:lnTo>
                  <a:lnTo>
                    <a:pt x="326" y="7"/>
                  </a:lnTo>
                  <a:lnTo>
                    <a:pt x="336" y="2"/>
                  </a:lnTo>
                  <a:lnTo>
                    <a:pt x="340" y="1"/>
                  </a:lnTo>
                  <a:lnTo>
                    <a:pt x="345" y="0"/>
                  </a:lnTo>
                  <a:lnTo>
                    <a:pt x="350" y="1"/>
                  </a:lnTo>
                  <a:lnTo>
                    <a:pt x="356" y="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119" name="Odder kant"/>
            <p:cNvSpPr>
              <a:spLocks/>
            </p:cNvSpPr>
            <p:nvPr/>
          </p:nvSpPr>
          <p:spPr bwMode="auto">
            <a:xfrm>
              <a:off x="2043115" y="4470407"/>
              <a:ext cx="188913" cy="223838"/>
            </a:xfrm>
            <a:custGeom>
              <a:avLst/>
              <a:gdLst>
                <a:gd name="T0" fmla="*/ 117 w 356"/>
                <a:gd name="T1" fmla="*/ 4 h 424"/>
                <a:gd name="T2" fmla="*/ 115 w 356"/>
                <a:gd name="T3" fmla="*/ 14 h 424"/>
                <a:gd name="T4" fmla="*/ 115 w 356"/>
                <a:gd name="T5" fmla="*/ 54 h 424"/>
                <a:gd name="T6" fmla="*/ 113 w 356"/>
                <a:gd name="T7" fmla="*/ 76 h 424"/>
                <a:gd name="T8" fmla="*/ 108 w 356"/>
                <a:gd name="T9" fmla="*/ 87 h 424"/>
                <a:gd name="T10" fmla="*/ 101 w 356"/>
                <a:gd name="T11" fmla="*/ 97 h 424"/>
                <a:gd name="T12" fmla="*/ 90 w 356"/>
                <a:gd name="T13" fmla="*/ 104 h 424"/>
                <a:gd name="T14" fmla="*/ 83 w 356"/>
                <a:gd name="T15" fmla="*/ 111 h 424"/>
                <a:gd name="T16" fmla="*/ 86 w 356"/>
                <a:gd name="T17" fmla="*/ 123 h 424"/>
                <a:gd name="T18" fmla="*/ 86 w 356"/>
                <a:gd name="T19" fmla="*/ 136 h 424"/>
                <a:gd name="T20" fmla="*/ 74 w 356"/>
                <a:gd name="T21" fmla="*/ 139 h 424"/>
                <a:gd name="T22" fmla="*/ 67 w 356"/>
                <a:gd name="T23" fmla="*/ 135 h 424"/>
                <a:gd name="T24" fmla="*/ 62 w 356"/>
                <a:gd name="T25" fmla="*/ 130 h 424"/>
                <a:gd name="T26" fmla="*/ 60 w 356"/>
                <a:gd name="T27" fmla="*/ 123 h 424"/>
                <a:gd name="T28" fmla="*/ 60 w 356"/>
                <a:gd name="T29" fmla="*/ 113 h 424"/>
                <a:gd name="T30" fmla="*/ 54 w 356"/>
                <a:gd name="T31" fmla="*/ 113 h 424"/>
                <a:gd name="T32" fmla="*/ 50 w 356"/>
                <a:gd name="T33" fmla="*/ 114 h 424"/>
                <a:gd name="T34" fmla="*/ 48 w 356"/>
                <a:gd name="T35" fmla="*/ 119 h 424"/>
                <a:gd name="T36" fmla="*/ 47 w 356"/>
                <a:gd name="T37" fmla="*/ 128 h 424"/>
                <a:gd name="T38" fmla="*/ 44 w 356"/>
                <a:gd name="T39" fmla="*/ 126 h 424"/>
                <a:gd name="T40" fmla="*/ 43 w 356"/>
                <a:gd name="T41" fmla="*/ 119 h 424"/>
                <a:gd name="T42" fmla="*/ 43 w 356"/>
                <a:gd name="T43" fmla="*/ 112 h 424"/>
                <a:gd name="T44" fmla="*/ 41 w 356"/>
                <a:gd name="T45" fmla="*/ 110 h 424"/>
                <a:gd name="T46" fmla="*/ 31 w 356"/>
                <a:gd name="T47" fmla="*/ 110 h 424"/>
                <a:gd name="T48" fmla="*/ 22 w 356"/>
                <a:gd name="T49" fmla="*/ 110 h 424"/>
                <a:gd name="T50" fmla="*/ 19 w 356"/>
                <a:gd name="T51" fmla="*/ 112 h 424"/>
                <a:gd name="T52" fmla="*/ 13 w 356"/>
                <a:gd name="T53" fmla="*/ 109 h 424"/>
                <a:gd name="T54" fmla="*/ 6 w 356"/>
                <a:gd name="T55" fmla="*/ 99 h 424"/>
                <a:gd name="T56" fmla="*/ 2 w 356"/>
                <a:gd name="T57" fmla="*/ 88 h 424"/>
                <a:gd name="T58" fmla="*/ 2 w 356"/>
                <a:gd name="T59" fmla="*/ 76 h 424"/>
                <a:gd name="T60" fmla="*/ 7 w 356"/>
                <a:gd name="T61" fmla="*/ 66 h 424"/>
                <a:gd name="T62" fmla="*/ 11 w 356"/>
                <a:gd name="T63" fmla="*/ 57 h 424"/>
                <a:gd name="T64" fmla="*/ 6 w 356"/>
                <a:gd name="T65" fmla="*/ 48 h 424"/>
                <a:gd name="T66" fmla="*/ 1 w 356"/>
                <a:gd name="T67" fmla="*/ 39 h 424"/>
                <a:gd name="T68" fmla="*/ 2 w 356"/>
                <a:gd name="T69" fmla="*/ 32 h 424"/>
                <a:gd name="T70" fmla="*/ 10 w 356"/>
                <a:gd name="T71" fmla="*/ 27 h 424"/>
                <a:gd name="T72" fmla="*/ 24 w 356"/>
                <a:gd name="T73" fmla="*/ 23 h 424"/>
                <a:gd name="T74" fmla="*/ 40 w 356"/>
                <a:gd name="T75" fmla="*/ 21 h 424"/>
                <a:gd name="T76" fmla="*/ 55 w 356"/>
                <a:gd name="T77" fmla="*/ 18 h 424"/>
                <a:gd name="T78" fmla="*/ 62 w 356"/>
                <a:gd name="T79" fmla="*/ 15 h 424"/>
                <a:gd name="T80" fmla="*/ 67 w 356"/>
                <a:gd name="T81" fmla="*/ 11 h 424"/>
                <a:gd name="T82" fmla="*/ 72 w 356"/>
                <a:gd name="T83" fmla="*/ 6 h 424"/>
                <a:gd name="T84" fmla="*/ 78 w 356"/>
                <a:gd name="T85" fmla="*/ 7 h 424"/>
                <a:gd name="T86" fmla="*/ 82 w 356"/>
                <a:gd name="T87" fmla="*/ 9 h 424"/>
                <a:gd name="T88" fmla="*/ 87 w 356"/>
                <a:gd name="T89" fmla="*/ 15 h 424"/>
                <a:gd name="T90" fmla="*/ 92 w 356"/>
                <a:gd name="T91" fmla="*/ 17 h 424"/>
                <a:gd name="T92" fmla="*/ 100 w 356"/>
                <a:gd name="T93" fmla="*/ 11 h 424"/>
                <a:gd name="T94" fmla="*/ 109 w 356"/>
                <a:gd name="T95" fmla="*/ 2 h 424"/>
                <a:gd name="T96" fmla="*/ 115 w 356"/>
                <a:gd name="T97" fmla="*/ 0 h 424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356" h="424">
                  <a:moveTo>
                    <a:pt x="356" y="2"/>
                  </a:moveTo>
                  <a:lnTo>
                    <a:pt x="353" y="6"/>
                  </a:lnTo>
                  <a:lnTo>
                    <a:pt x="350" y="12"/>
                  </a:lnTo>
                  <a:lnTo>
                    <a:pt x="348" y="17"/>
                  </a:lnTo>
                  <a:lnTo>
                    <a:pt x="347" y="24"/>
                  </a:lnTo>
                  <a:lnTo>
                    <a:pt x="345" y="42"/>
                  </a:lnTo>
                  <a:lnTo>
                    <a:pt x="345" y="62"/>
                  </a:lnTo>
                  <a:lnTo>
                    <a:pt x="346" y="110"/>
                  </a:lnTo>
                  <a:lnTo>
                    <a:pt x="345" y="163"/>
                  </a:lnTo>
                  <a:lnTo>
                    <a:pt x="343" y="190"/>
                  </a:lnTo>
                  <a:lnTo>
                    <a:pt x="340" y="216"/>
                  </a:lnTo>
                  <a:lnTo>
                    <a:pt x="337" y="229"/>
                  </a:lnTo>
                  <a:lnTo>
                    <a:pt x="333" y="241"/>
                  </a:lnTo>
                  <a:lnTo>
                    <a:pt x="328" y="253"/>
                  </a:lnTo>
                  <a:lnTo>
                    <a:pt x="323" y="263"/>
                  </a:lnTo>
                  <a:lnTo>
                    <a:pt x="317" y="274"/>
                  </a:lnTo>
                  <a:lnTo>
                    <a:pt x="309" y="283"/>
                  </a:lnTo>
                  <a:lnTo>
                    <a:pt x="302" y="293"/>
                  </a:lnTo>
                  <a:lnTo>
                    <a:pt x="293" y="300"/>
                  </a:lnTo>
                  <a:lnTo>
                    <a:pt x="282" y="308"/>
                  </a:lnTo>
                  <a:lnTo>
                    <a:pt x="270" y="313"/>
                  </a:lnTo>
                  <a:lnTo>
                    <a:pt x="258" y="318"/>
                  </a:lnTo>
                  <a:lnTo>
                    <a:pt x="243" y="321"/>
                  </a:lnTo>
                  <a:lnTo>
                    <a:pt x="249" y="334"/>
                  </a:lnTo>
                  <a:lnTo>
                    <a:pt x="254" y="346"/>
                  </a:lnTo>
                  <a:lnTo>
                    <a:pt x="256" y="358"/>
                  </a:lnTo>
                  <a:lnTo>
                    <a:pt x="258" y="369"/>
                  </a:lnTo>
                  <a:lnTo>
                    <a:pt x="258" y="380"/>
                  </a:lnTo>
                  <a:lnTo>
                    <a:pt x="258" y="393"/>
                  </a:lnTo>
                  <a:lnTo>
                    <a:pt x="256" y="408"/>
                  </a:lnTo>
                  <a:lnTo>
                    <a:pt x="253" y="424"/>
                  </a:lnTo>
                  <a:lnTo>
                    <a:pt x="236" y="421"/>
                  </a:lnTo>
                  <a:lnTo>
                    <a:pt x="220" y="417"/>
                  </a:lnTo>
                  <a:lnTo>
                    <a:pt x="213" y="414"/>
                  </a:lnTo>
                  <a:lnTo>
                    <a:pt x="206" y="411"/>
                  </a:lnTo>
                  <a:lnTo>
                    <a:pt x="200" y="406"/>
                  </a:lnTo>
                  <a:lnTo>
                    <a:pt x="195" y="402"/>
                  </a:lnTo>
                  <a:lnTo>
                    <a:pt x="190" y="397"/>
                  </a:lnTo>
                  <a:lnTo>
                    <a:pt x="186" y="391"/>
                  </a:lnTo>
                  <a:lnTo>
                    <a:pt x="183" y="384"/>
                  </a:lnTo>
                  <a:lnTo>
                    <a:pt x="180" y="377"/>
                  </a:lnTo>
                  <a:lnTo>
                    <a:pt x="178" y="369"/>
                  </a:lnTo>
                  <a:lnTo>
                    <a:pt x="177" y="360"/>
                  </a:lnTo>
                  <a:lnTo>
                    <a:pt x="177" y="351"/>
                  </a:lnTo>
                  <a:lnTo>
                    <a:pt x="178" y="340"/>
                  </a:lnTo>
                  <a:lnTo>
                    <a:pt x="171" y="339"/>
                  </a:lnTo>
                  <a:lnTo>
                    <a:pt x="166" y="339"/>
                  </a:lnTo>
                  <a:lnTo>
                    <a:pt x="162" y="339"/>
                  </a:lnTo>
                  <a:lnTo>
                    <a:pt x="158" y="340"/>
                  </a:lnTo>
                  <a:lnTo>
                    <a:pt x="155" y="342"/>
                  </a:lnTo>
                  <a:lnTo>
                    <a:pt x="151" y="344"/>
                  </a:lnTo>
                  <a:lnTo>
                    <a:pt x="148" y="348"/>
                  </a:lnTo>
                  <a:lnTo>
                    <a:pt x="146" y="351"/>
                  </a:lnTo>
                  <a:lnTo>
                    <a:pt x="143" y="358"/>
                  </a:lnTo>
                  <a:lnTo>
                    <a:pt x="142" y="366"/>
                  </a:lnTo>
                  <a:lnTo>
                    <a:pt x="141" y="376"/>
                  </a:lnTo>
                  <a:lnTo>
                    <a:pt x="140" y="386"/>
                  </a:lnTo>
                  <a:lnTo>
                    <a:pt x="137" y="385"/>
                  </a:lnTo>
                  <a:lnTo>
                    <a:pt x="135" y="383"/>
                  </a:lnTo>
                  <a:lnTo>
                    <a:pt x="133" y="380"/>
                  </a:lnTo>
                  <a:lnTo>
                    <a:pt x="131" y="377"/>
                  </a:lnTo>
                  <a:lnTo>
                    <a:pt x="130" y="369"/>
                  </a:lnTo>
                  <a:lnTo>
                    <a:pt x="130" y="359"/>
                  </a:lnTo>
                  <a:lnTo>
                    <a:pt x="130" y="350"/>
                  </a:lnTo>
                  <a:lnTo>
                    <a:pt x="129" y="341"/>
                  </a:lnTo>
                  <a:lnTo>
                    <a:pt x="128" y="338"/>
                  </a:lnTo>
                  <a:lnTo>
                    <a:pt x="127" y="335"/>
                  </a:lnTo>
                  <a:lnTo>
                    <a:pt x="124" y="332"/>
                  </a:lnTo>
                  <a:lnTo>
                    <a:pt x="122" y="331"/>
                  </a:lnTo>
                  <a:lnTo>
                    <a:pt x="114" y="332"/>
                  </a:lnTo>
                  <a:lnTo>
                    <a:pt x="104" y="331"/>
                  </a:lnTo>
                  <a:lnTo>
                    <a:pt x="94" y="331"/>
                  </a:lnTo>
                  <a:lnTo>
                    <a:pt x="83" y="330"/>
                  </a:lnTo>
                  <a:lnTo>
                    <a:pt x="74" y="329"/>
                  </a:lnTo>
                  <a:lnTo>
                    <a:pt x="65" y="331"/>
                  </a:lnTo>
                  <a:lnTo>
                    <a:pt x="62" y="332"/>
                  </a:lnTo>
                  <a:lnTo>
                    <a:pt x="59" y="334"/>
                  </a:lnTo>
                  <a:lnTo>
                    <a:pt x="58" y="336"/>
                  </a:lnTo>
                  <a:lnTo>
                    <a:pt x="56" y="340"/>
                  </a:lnTo>
                  <a:lnTo>
                    <a:pt x="46" y="334"/>
                  </a:lnTo>
                  <a:lnTo>
                    <a:pt x="38" y="328"/>
                  </a:lnTo>
                  <a:lnTo>
                    <a:pt x="29" y="319"/>
                  </a:lnTo>
                  <a:lnTo>
                    <a:pt x="23" y="310"/>
                  </a:lnTo>
                  <a:lnTo>
                    <a:pt x="17" y="299"/>
                  </a:lnTo>
                  <a:lnTo>
                    <a:pt x="11" y="289"/>
                  </a:lnTo>
                  <a:lnTo>
                    <a:pt x="8" y="277"/>
                  </a:lnTo>
                  <a:lnTo>
                    <a:pt x="5" y="265"/>
                  </a:lnTo>
                  <a:lnTo>
                    <a:pt x="4" y="253"/>
                  </a:lnTo>
                  <a:lnTo>
                    <a:pt x="5" y="241"/>
                  </a:lnTo>
                  <a:lnTo>
                    <a:pt x="6" y="230"/>
                  </a:lnTo>
                  <a:lnTo>
                    <a:pt x="9" y="218"/>
                  </a:lnTo>
                  <a:lnTo>
                    <a:pt x="14" y="207"/>
                  </a:lnTo>
                  <a:lnTo>
                    <a:pt x="20" y="197"/>
                  </a:lnTo>
                  <a:lnTo>
                    <a:pt x="28" y="189"/>
                  </a:lnTo>
                  <a:lnTo>
                    <a:pt x="38" y="180"/>
                  </a:lnTo>
                  <a:lnTo>
                    <a:pt x="34" y="171"/>
                  </a:lnTo>
                  <a:lnTo>
                    <a:pt x="29" y="161"/>
                  </a:lnTo>
                  <a:lnTo>
                    <a:pt x="23" y="153"/>
                  </a:lnTo>
                  <a:lnTo>
                    <a:pt x="18" y="144"/>
                  </a:lnTo>
                  <a:lnTo>
                    <a:pt x="12" y="135"/>
                  </a:lnTo>
                  <a:lnTo>
                    <a:pt x="7" y="126"/>
                  </a:lnTo>
                  <a:lnTo>
                    <a:pt x="3" y="117"/>
                  </a:lnTo>
                  <a:lnTo>
                    <a:pt x="0" y="105"/>
                  </a:lnTo>
                  <a:lnTo>
                    <a:pt x="3" y="100"/>
                  </a:lnTo>
                  <a:lnTo>
                    <a:pt x="7" y="95"/>
                  </a:lnTo>
                  <a:lnTo>
                    <a:pt x="12" y="91"/>
                  </a:lnTo>
                  <a:lnTo>
                    <a:pt x="18" y="86"/>
                  </a:lnTo>
                  <a:lnTo>
                    <a:pt x="29" y="80"/>
                  </a:lnTo>
                  <a:lnTo>
                    <a:pt x="42" y="76"/>
                  </a:lnTo>
                  <a:lnTo>
                    <a:pt x="57" y="72"/>
                  </a:lnTo>
                  <a:lnTo>
                    <a:pt x="72" y="68"/>
                  </a:lnTo>
                  <a:lnTo>
                    <a:pt x="88" y="66"/>
                  </a:lnTo>
                  <a:lnTo>
                    <a:pt x="104" y="64"/>
                  </a:lnTo>
                  <a:lnTo>
                    <a:pt x="120" y="63"/>
                  </a:lnTo>
                  <a:lnTo>
                    <a:pt x="136" y="60"/>
                  </a:lnTo>
                  <a:lnTo>
                    <a:pt x="151" y="57"/>
                  </a:lnTo>
                  <a:lnTo>
                    <a:pt x="165" y="54"/>
                  </a:lnTo>
                  <a:lnTo>
                    <a:pt x="171" y="51"/>
                  </a:lnTo>
                  <a:lnTo>
                    <a:pt x="178" y="48"/>
                  </a:lnTo>
                  <a:lnTo>
                    <a:pt x="184" y="45"/>
                  </a:lnTo>
                  <a:lnTo>
                    <a:pt x="189" y="41"/>
                  </a:lnTo>
                  <a:lnTo>
                    <a:pt x="195" y="37"/>
                  </a:lnTo>
                  <a:lnTo>
                    <a:pt x="199" y="33"/>
                  </a:lnTo>
                  <a:lnTo>
                    <a:pt x="203" y="27"/>
                  </a:lnTo>
                  <a:lnTo>
                    <a:pt x="206" y="21"/>
                  </a:lnTo>
                  <a:lnTo>
                    <a:pt x="215" y="19"/>
                  </a:lnTo>
                  <a:lnTo>
                    <a:pt x="222" y="18"/>
                  </a:lnTo>
                  <a:lnTo>
                    <a:pt x="228" y="19"/>
                  </a:lnTo>
                  <a:lnTo>
                    <a:pt x="233" y="20"/>
                  </a:lnTo>
                  <a:lnTo>
                    <a:pt x="237" y="22"/>
                  </a:lnTo>
                  <a:lnTo>
                    <a:pt x="241" y="25"/>
                  </a:lnTo>
                  <a:lnTo>
                    <a:pt x="244" y="28"/>
                  </a:lnTo>
                  <a:lnTo>
                    <a:pt x="246" y="33"/>
                  </a:lnTo>
                  <a:lnTo>
                    <a:pt x="252" y="40"/>
                  </a:lnTo>
                  <a:lnTo>
                    <a:pt x="259" y="46"/>
                  </a:lnTo>
                  <a:lnTo>
                    <a:pt x="262" y="48"/>
                  </a:lnTo>
                  <a:lnTo>
                    <a:pt x="267" y="50"/>
                  </a:lnTo>
                  <a:lnTo>
                    <a:pt x="274" y="51"/>
                  </a:lnTo>
                  <a:lnTo>
                    <a:pt x="281" y="50"/>
                  </a:lnTo>
                  <a:lnTo>
                    <a:pt x="290" y="42"/>
                  </a:lnTo>
                  <a:lnTo>
                    <a:pt x="300" y="34"/>
                  </a:lnTo>
                  <a:lnTo>
                    <a:pt x="309" y="24"/>
                  </a:lnTo>
                  <a:lnTo>
                    <a:pt x="318" y="15"/>
                  </a:lnTo>
                  <a:lnTo>
                    <a:pt x="326" y="7"/>
                  </a:lnTo>
                  <a:lnTo>
                    <a:pt x="336" y="2"/>
                  </a:lnTo>
                  <a:lnTo>
                    <a:pt x="340" y="1"/>
                  </a:lnTo>
                  <a:lnTo>
                    <a:pt x="345" y="0"/>
                  </a:lnTo>
                  <a:lnTo>
                    <a:pt x="350" y="1"/>
                  </a:lnTo>
                  <a:lnTo>
                    <a:pt x="356" y="2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120" name="Herning"/>
            <p:cNvSpPr>
              <a:spLocks/>
            </p:cNvSpPr>
            <p:nvPr/>
          </p:nvSpPr>
          <p:spPr bwMode="auto">
            <a:xfrm>
              <a:off x="793751" y="4005268"/>
              <a:ext cx="571501" cy="644526"/>
            </a:xfrm>
            <a:custGeom>
              <a:avLst/>
              <a:gdLst>
                <a:gd name="T0" fmla="*/ 320 w 1078"/>
                <a:gd name="T1" fmla="*/ 95 h 1218"/>
                <a:gd name="T2" fmla="*/ 335 w 1078"/>
                <a:gd name="T3" fmla="*/ 118 h 1218"/>
                <a:gd name="T4" fmla="*/ 350 w 1078"/>
                <a:gd name="T5" fmla="*/ 137 h 1218"/>
                <a:gd name="T6" fmla="*/ 321 w 1078"/>
                <a:gd name="T7" fmla="*/ 150 h 1218"/>
                <a:gd name="T8" fmla="*/ 310 w 1078"/>
                <a:gd name="T9" fmla="*/ 171 h 1218"/>
                <a:gd name="T10" fmla="*/ 320 w 1078"/>
                <a:gd name="T11" fmla="*/ 180 h 1218"/>
                <a:gd name="T12" fmla="*/ 324 w 1078"/>
                <a:gd name="T13" fmla="*/ 200 h 1218"/>
                <a:gd name="T14" fmla="*/ 320 w 1078"/>
                <a:gd name="T15" fmla="*/ 228 h 1218"/>
                <a:gd name="T16" fmla="*/ 343 w 1078"/>
                <a:gd name="T17" fmla="*/ 255 h 1218"/>
                <a:gd name="T18" fmla="*/ 344 w 1078"/>
                <a:gd name="T19" fmla="*/ 267 h 1218"/>
                <a:gd name="T20" fmla="*/ 358 w 1078"/>
                <a:gd name="T21" fmla="*/ 268 h 1218"/>
                <a:gd name="T22" fmla="*/ 355 w 1078"/>
                <a:gd name="T23" fmla="*/ 285 h 1218"/>
                <a:gd name="T24" fmla="*/ 342 w 1078"/>
                <a:gd name="T25" fmla="*/ 291 h 1218"/>
                <a:gd name="T26" fmla="*/ 334 w 1078"/>
                <a:gd name="T27" fmla="*/ 303 h 1218"/>
                <a:gd name="T28" fmla="*/ 332 w 1078"/>
                <a:gd name="T29" fmla="*/ 308 h 1218"/>
                <a:gd name="T30" fmla="*/ 309 w 1078"/>
                <a:gd name="T31" fmla="*/ 322 h 1218"/>
                <a:gd name="T32" fmla="*/ 265 w 1078"/>
                <a:gd name="T33" fmla="*/ 325 h 1218"/>
                <a:gd name="T34" fmla="*/ 277 w 1078"/>
                <a:gd name="T35" fmla="*/ 341 h 1218"/>
                <a:gd name="T36" fmla="*/ 266 w 1078"/>
                <a:gd name="T37" fmla="*/ 383 h 1218"/>
                <a:gd name="T38" fmla="*/ 245 w 1078"/>
                <a:gd name="T39" fmla="*/ 395 h 1218"/>
                <a:gd name="T40" fmla="*/ 206 w 1078"/>
                <a:gd name="T41" fmla="*/ 395 h 1218"/>
                <a:gd name="T42" fmla="*/ 191 w 1078"/>
                <a:gd name="T43" fmla="*/ 401 h 1218"/>
                <a:gd name="T44" fmla="*/ 165 w 1078"/>
                <a:gd name="T45" fmla="*/ 392 h 1218"/>
                <a:gd name="T46" fmla="*/ 145 w 1078"/>
                <a:gd name="T47" fmla="*/ 375 h 1218"/>
                <a:gd name="T48" fmla="*/ 140 w 1078"/>
                <a:gd name="T49" fmla="*/ 351 h 1218"/>
                <a:gd name="T50" fmla="*/ 151 w 1078"/>
                <a:gd name="T51" fmla="*/ 327 h 1218"/>
                <a:gd name="T52" fmla="*/ 157 w 1078"/>
                <a:gd name="T53" fmla="*/ 307 h 1218"/>
                <a:gd name="T54" fmla="*/ 176 w 1078"/>
                <a:gd name="T55" fmla="*/ 289 h 1218"/>
                <a:gd name="T56" fmla="*/ 169 w 1078"/>
                <a:gd name="T57" fmla="*/ 279 h 1218"/>
                <a:gd name="T58" fmla="*/ 177 w 1078"/>
                <a:gd name="T59" fmla="*/ 271 h 1218"/>
                <a:gd name="T60" fmla="*/ 203 w 1078"/>
                <a:gd name="T61" fmla="*/ 269 h 1218"/>
                <a:gd name="T62" fmla="*/ 198 w 1078"/>
                <a:gd name="T63" fmla="*/ 254 h 1218"/>
                <a:gd name="T64" fmla="*/ 176 w 1078"/>
                <a:gd name="T65" fmla="*/ 231 h 1218"/>
                <a:gd name="T66" fmla="*/ 157 w 1078"/>
                <a:gd name="T67" fmla="*/ 225 h 1218"/>
                <a:gd name="T68" fmla="*/ 150 w 1078"/>
                <a:gd name="T69" fmla="*/ 206 h 1218"/>
                <a:gd name="T70" fmla="*/ 143 w 1078"/>
                <a:gd name="T71" fmla="*/ 199 h 1218"/>
                <a:gd name="T72" fmla="*/ 117 w 1078"/>
                <a:gd name="T73" fmla="*/ 194 h 1218"/>
                <a:gd name="T74" fmla="*/ 103 w 1078"/>
                <a:gd name="T75" fmla="*/ 202 h 1218"/>
                <a:gd name="T76" fmla="*/ 80 w 1078"/>
                <a:gd name="T77" fmla="*/ 193 h 1218"/>
                <a:gd name="T78" fmla="*/ 69 w 1078"/>
                <a:gd name="T79" fmla="*/ 189 h 1218"/>
                <a:gd name="T80" fmla="*/ 62 w 1078"/>
                <a:gd name="T81" fmla="*/ 172 h 1218"/>
                <a:gd name="T82" fmla="*/ 33 w 1078"/>
                <a:gd name="T83" fmla="*/ 161 h 1218"/>
                <a:gd name="T84" fmla="*/ 7 w 1078"/>
                <a:gd name="T85" fmla="*/ 129 h 1218"/>
                <a:gd name="T86" fmla="*/ 19 w 1078"/>
                <a:gd name="T87" fmla="*/ 103 h 1218"/>
                <a:gd name="T88" fmla="*/ 15 w 1078"/>
                <a:gd name="T89" fmla="*/ 92 h 1218"/>
                <a:gd name="T90" fmla="*/ 34 w 1078"/>
                <a:gd name="T91" fmla="*/ 87 h 1218"/>
                <a:gd name="T92" fmla="*/ 61 w 1078"/>
                <a:gd name="T93" fmla="*/ 87 h 1218"/>
                <a:gd name="T94" fmla="*/ 99 w 1078"/>
                <a:gd name="T95" fmla="*/ 87 h 1218"/>
                <a:gd name="T96" fmla="*/ 118 w 1078"/>
                <a:gd name="T97" fmla="*/ 95 h 1218"/>
                <a:gd name="T98" fmla="*/ 149 w 1078"/>
                <a:gd name="T99" fmla="*/ 88 h 1218"/>
                <a:gd name="T100" fmla="*/ 181 w 1078"/>
                <a:gd name="T101" fmla="*/ 64 h 1218"/>
                <a:gd name="T102" fmla="*/ 164 w 1078"/>
                <a:gd name="T103" fmla="*/ 56 h 1218"/>
                <a:gd name="T104" fmla="*/ 163 w 1078"/>
                <a:gd name="T105" fmla="*/ 38 h 1218"/>
                <a:gd name="T106" fmla="*/ 178 w 1078"/>
                <a:gd name="T107" fmla="*/ 45 h 1218"/>
                <a:gd name="T108" fmla="*/ 205 w 1078"/>
                <a:gd name="T109" fmla="*/ 50 h 1218"/>
                <a:gd name="T110" fmla="*/ 230 w 1078"/>
                <a:gd name="T111" fmla="*/ 26 h 1218"/>
                <a:gd name="T112" fmla="*/ 253 w 1078"/>
                <a:gd name="T113" fmla="*/ 12 h 1218"/>
                <a:gd name="T114" fmla="*/ 282 w 1078"/>
                <a:gd name="T115" fmla="*/ 6 h 1218"/>
                <a:gd name="T116" fmla="*/ 317 w 1078"/>
                <a:gd name="T117" fmla="*/ 38 h 1218"/>
                <a:gd name="T118" fmla="*/ 316 w 1078"/>
                <a:gd name="T119" fmla="*/ 59 h 1218"/>
                <a:gd name="T120" fmla="*/ 303 w 1078"/>
                <a:gd name="T121" fmla="*/ 54 h 1218"/>
                <a:gd name="T122" fmla="*/ 292 w 1078"/>
                <a:gd name="T123" fmla="*/ 54 h 1218"/>
                <a:gd name="T124" fmla="*/ 300 w 1078"/>
                <a:gd name="T125" fmla="*/ 81 h 121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078" h="1218">
                  <a:moveTo>
                    <a:pt x="899" y="244"/>
                  </a:moveTo>
                  <a:lnTo>
                    <a:pt x="906" y="255"/>
                  </a:lnTo>
                  <a:lnTo>
                    <a:pt x="911" y="262"/>
                  </a:lnTo>
                  <a:lnTo>
                    <a:pt x="918" y="268"/>
                  </a:lnTo>
                  <a:lnTo>
                    <a:pt x="926" y="274"/>
                  </a:lnTo>
                  <a:lnTo>
                    <a:pt x="934" y="278"/>
                  </a:lnTo>
                  <a:lnTo>
                    <a:pt x="945" y="282"/>
                  </a:lnTo>
                  <a:lnTo>
                    <a:pt x="958" y="286"/>
                  </a:lnTo>
                  <a:lnTo>
                    <a:pt x="974" y="290"/>
                  </a:lnTo>
                  <a:lnTo>
                    <a:pt x="974" y="303"/>
                  </a:lnTo>
                  <a:lnTo>
                    <a:pt x="976" y="315"/>
                  </a:lnTo>
                  <a:lnTo>
                    <a:pt x="979" y="324"/>
                  </a:lnTo>
                  <a:lnTo>
                    <a:pt x="984" y="333"/>
                  </a:lnTo>
                  <a:lnTo>
                    <a:pt x="990" y="340"/>
                  </a:lnTo>
                  <a:lnTo>
                    <a:pt x="995" y="346"/>
                  </a:lnTo>
                  <a:lnTo>
                    <a:pt x="1003" y="353"/>
                  </a:lnTo>
                  <a:lnTo>
                    <a:pt x="1009" y="358"/>
                  </a:lnTo>
                  <a:lnTo>
                    <a:pt x="1016" y="364"/>
                  </a:lnTo>
                  <a:lnTo>
                    <a:pt x="1024" y="370"/>
                  </a:lnTo>
                  <a:lnTo>
                    <a:pt x="1030" y="377"/>
                  </a:lnTo>
                  <a:lnTo>
                    <a:pt x="1035" y="383"/>
                  </a:lnTo>
                  <a:lnTo>
                    <a:pt x="1040" y="392"/>
                  </a:lnTo>
                  <a:lnTo>
                    <a:pt x="1045" y="400"/>
                  </a:lnTo>
                  <a:lnTo>
                    <a:pt x="1048" y="411"/>
                  </a:lnTo>
                  <a:lnTo>
                    <a:pt x="1049" y="422"/>
                  </a:lnTo>
                  <a:lnTo>
                    <a:pt x="1026" y="424"/>
                  </a:lnTo>
                  <a:lnTo>
                    <a:pt x="1005" y="429"/>
                  </a:lnTo>
                  <a:lnTo>
                    <a:pt x="995" y="433"/>
                  </a:lnTo>
                  <a:lnTo>
                    <a:pt x="986" y="436"/>
                  </a:lnTo>
                  <a:lnTo>
                    <a:pt x="977" y="440"/>
                  </a:lnTo>
                  <a:lnTo>
                    <a:pt x="969" y="444"/>
                  </a:lnTo>
                  <a:lnTo>
                    <a:pt x="961" y="449"/>
                  </a:lnTo>
                  <a:lnTo>
                    <a:pt x="954" y="456"/>
                  </a:lnTo>
                  <a:lnTo>
                    <a:pt x="948" y="462"/>
                  </a:lnTo>
                  <a:lnTo>
                    <a:pt x="943" y="469"/>
                  </a:lnTo>
                  <a:lnTo>
                    <a:pt x="937" y="478"/>
                  </a:lnTo>
                  <a:lnTo>
                    <a:pt x="933" y="486"/>
                  </a:lnTo>
                  <a:lnTo>
                    <a:pt x="930" y="496"/>
                  </a:lnTo>
                  <a:lnTo>
                    <a:pt x="927" y="506"/>
                  </a:lnTo>
                  <a:lnTo>
                    <a:pt x="928" y="513"/>
                  </a:lnTo>
                  <a:lnTo>
                    <a:pt x="929" y="518"/>
                  </a:lnTo>
                  <a:lnTo>
                    <a:pt x="930" y="522"/>
                  </a:lnTo>
                  <a:lnTo>
                    <a:pt x="933" y="526"/>
                  </a:lnTo>
                  <a:lnTo>
                    <a:pt x="936" y="530"/>
                  </a:lnTo>
                  <a:lnTo>
                    <a:pt x="939" y="533"/>
                  </a:lnTo>
                  <a:lnTo>
                    <a:pt x="944" y="535"/>
                  </a:lnTo>
                  <a:lnTo>
                    <a:pt x="948" y="537"/>
                  </a:lnTo>
                  <a:lnTo>
                    <a:pt x="957" y="540"/>
                  </a:lnTo>
                  <a:lnTo>
                    <a:pt x="967" y="543"/>
                  </a:lnTo>
                  <a:lnTo>
                    <a:pt x="976" y="547"/>
                  </a:lnTo>
                  <a:lnTo>
                    <a:pt x="984" y="553"/>
                  </a:lnTo>
                  <a:lnTo>
                    <a:pt x="979" y="561"/>
                  </a:lnTo>
                  <a:lnTo>
                    <a:pt x="976" y="570"/>
                  </a:lnTo>
                  <a:lnTo>
                    <a:pt x="974" y="578"/>
                  </a:lnTo>
                  <a:lnTo>
                    <a:pt x="972" y="586"/>
                  </a:lnTo>
                  <a:lnTo>
                    <a:pt x="970" y="601"/>
                  </a:lnTo>
                  <a:lnTo>
                    <a:pt x="969" y="617"/>
                  </a:lnTo>
                  <a:lnTo>
                    <a:pt x="969" y="632"/>
                  </a:lnTo>
                  <a:lnTo>
                    <a:pt x="967" y="645"/>
                  </a:lnTo>
                  <a:lnTo>
                    <a:pt x="965" y="653"/>
                  </a:lnTo>
                  <a:lnTo>
                    <a:pt x="963" y="660"/>
                  </a:lnTo>
                  <a:lnTo>
                    <a:pt x="959" y="667"/>
                  </a:lnTo>
                  <a:lnTo>
                    <a:pt x="955" y="675"/>
                  </a:lnTo>
                  <a:lnTo>
                    <a:pt x="958" y="683"/>
                  </a:lnTo>
                  <a:lnTo>
                    <a:pt x="964" y="692"/>
                  </a:lnTo>
                  <a:lnTo>
                    <a:pt x="970" y="700"/>
                  </a:lnTo>
                  <a:lnTo>
                    <a:pt x="976" y="709"/>
                  </a:lnTo>
                  <a:lnTo>
                    <a:pt x="992" y="726"/>
                  </a:lnTo>
                  <a:lnTo>
                    <a:pt x="1008" y="743"/>
                  </a:lnTo>
                  <a:lnTo>
                    <a:pt x="1015" y="752"/>
                  </a:lnTo>
                  <a:lnTo>
                    <a:pt x="1021" y="759"/>
                  </a:lnTo>
                  <a:lnTo>
                    <a:pt x="1027" y="766"/>
                  </a:lnTo>
                  <a:lnTo>
                    <a:pt x="1031" y="774"/>
                  </a:lnTo>
                  <a:lnTo>
                    <a:pt x="1034" y="780"/>
                  </a:lnTo>
                  <a:lnTo>
                    <a:pt x="1035" y="786"/>
                  </a:lnTo>
                  <a:lnTo>
                    <a:pt x="1034" y="790"/>
                  </a:lnTo>
                  <a:lnTo>
                    <a:pt x="1034" y="792"/>
                  </a:lnTo>
                  <a:lnTo>
                    <a:pt x="1032" y="794"/>
                  </a:lnTo>
                  <a:lnTo>
                    <a:pt x="1030" y="796"/>
                  </a:lnTo>
                  <a:lnTo>
                    <a:pt x="1030" y="800"/>
                  </a:lnTo>
                  <a:lnTo>
                    <a:pt x="1031" y="802"/>
                  </a:lnTo>
                  <a:lnTo>
                    <a:pt x="1033" y="804"/>
                  </a:lnTo>
                  <a:lnTo>
                    <a:pt x="1035" y="805"/>
                  </a:lnTo>
                  <a:lnTo>
                    <a:pt x="1040" y="806"/>
                  </a:lnTo>
                  <a:lnTo>
                    <a:pt x="1048" y="806"/>
                  </a:lnTo>
                  <a:lnTo>
                    <a:pt x="1056" y="805"/>
                  </a:lnTo>
                  <a:lnTo>
                    <a:pt x="1064" y="805"/>
                  </a:lnTo>
                  <a:lnTo>
                    <a:pt x="1071" y="804"/>
                  </a:lnTo>
                  <a:lnTo>
                    <a:pt x="1077" y="805"/>
                  </a:lnTo>
                  <a:lnTo>
                    <a:pt x="1078" y="813"/>
                  </a:lnTo>
                  <a:lnTo>
                    <a:pt x="1078" y="820"/>
                  </a:lnTo>
                  <a:lnTo>
                    <a:pt x="1078" y="825"/>
                  </a:lnTo>
                  <a:lnTo>
                    <a:pt x="1077" y="832"/>
                  </a:lnTo>
                  <a:lnTo>
                    <a:pt x="1073" y="840"/>
                  </a:lnTo>
                  <a:lnTo>
                    <a:pt x="1068" y="849"/>
                  </a:lnTo>
                  <a:lnTo>
                    <a:pt x="1063" y="856"/>
                  </a:lnTo>
                  <a:lnTo>
                    <a:pt x="1057" y="863"/>
                  </a:lnTo>
                  <a:lnTo>
                    <a:pt x="1052" y="871"/>
                  </a:lnTo>
                  <a:lnTo>
                    <a:pt x="1049" y="880"/>
                  </a:lnTo>
                  <a:lnTo>
                    <a:pt x="1046" y="878"/>
                  </a:lnTo>
                  <a:lnTo>
                    <a:pt x="1041" y="876"/>
                  </a:lnTo>
                  <a:lnTo>
                    <a:pt x="1037" y="874"/>
                  </a:lnTo>
                  <a:lnTo>
                    <a:pt x="1033" y="873"/>
                  </a:lnTo>
                  <a:lnTo>
                    <a:pt x="1023" y="872"/>
                  </a:lnTo>
                  <a:lnTo>
                    <a:pt x="1011" y="872"/>
                  </a:lnTo>
                  <a:lnTo>
                    <a:pt x="1008" y="873"/>
                  </a:lnTo>
                  <a:lnTo>
                    <a:pt x="1006" y="875"/>
                  </a:lnTo>
                  <a:lnTo>
                    <a:pt x="1004" y="877"/>
                  </a:lnTo>
                  <a:lnTo>
                    <a:pt x="1001" y="880"/>
                  </a:lnTo>
                  <a:lnTo>
                    <a:pt x="1000" y="889"/>
                  </a:lnTo>
                  <a:lnTo>
                    <a:pt x="1001" y="898"/>
                  </a:lnTo>
                  <a:lnTo>
                    <a:pt x="1001" y="909"/>
                  </a:lnTo>
                  <a:lnTo>
                    <a:pt x="1003" y="919"/>
                  </a:lnTo>
                  <a:lnTo>
                    <a:pt x="1004" y="929"/>
                  </a:lnTo>
                  <a:lnTo>
                    <a:pt x="1003" y="937"/>
                  </a:lnTo>
                  <a:lnTo>
                    <a:pt x="999" y="936"/>
                  </a:lnTo>
                  <a:lnTo>
                    <a:pt x="997" y="935"/>
                  </a:lnTo>
                  <a:lnTo>
                    <a:pt x="995" y="933"/>
                  </a:lnTo>
                  <a:lnTo>
                    <a:pt x="995" y="930"/>
                  </a:lnTo>
                  <a:lnTo>
                    <a:pt x="994" y="924"/>
                  </a:lnTo>
                  <a:lnTo>
                    <a:pt x="993" y="918"/>
                  </a:lnTo>
                  <a:lnTo>
                    <a:pt x="986" y="931"/>
                  </a:lnTo>
                  <a:lnTo>
                    <a:pt x="977" y="941"/>
                  </a:lnTo>
                  <a:lnTo>
                    <a:pt x="968" y="950"/>
                  </a:lnTo>
                  <a:lnTo>
                    <a:pt x="958" y="957"/>
                  </a:lnTo>
                  <a:lnTo>
                    <a:pt x="949" y="961"/>
                  </a:lnTo>
                  <a:lnTo>
                    <a:pt x="937" y="964"/>
                  </a:lnTo>
                  <a:lnTo>
                    <a:pt x="926" y="965"/>
                  </a:lnTo>
                  <a:lnTo>
                    <a:pt x="914" y="966"/>
                  </a:lnTo>
                  <a:lnTo>
                    <a:pt x="888" y="965"/>
                  </a:lnTo>
                  <a:lnTo>
                    <a:pt x="859" y="961"/>
                  </a:lnTo>
                  <a:lnTo>
                    <a:pt x="829" y="958"/>
                  </a:lnTo>
                  <a:lnTo>
                    <a:pt x="796" y="956"/>
                  </a:lnTo>
                  <a:lnTo>
                    <a:pt x="795" y="962"/>
                  </a:lnTo>
                  <a:lnTo>
                    <a:pt x="794" y="969"/>
                  </a:lnTo>
                  <a:lnTo>
                    <a:pt x="794" y="975"/>
                  </a:lnTo>
                  <a:lnTo>
                    <a:pt x="795" y="979"/>
                  </a:lnTo>
                  <a:lnTo>
                    <a:pt x="797" y="983"/>
                  </a:lnTo>
                  <a:lnTo>
                    <a:pt x="799" y="988"/>
                  </a:lnTo>
                  <a:lnTo>
                    <a:pt x="801" y="991"/>
                  </a:lnTo>
                  <a:lnTo>
                    <a:pt x="805" y="994"/>
                  </a:lnTo>
                  <a:lnTo>
                    <a:pt x="819" y="1002"/>
                  </a:lnTo>
                  <a:lnTo>
                    <a:pt x="833" y="1012"/>
                  </a:lnTo>
                  <a:lnTo>
                    <a:pt x="829" y="1023"/>
                  </a:lnTo>
                  <a:lnTo>
                    <a:pt x="826" y="1035"/>
                  </a:lnTo>
                  <a:lnTo>
                    <a:pt x="822" y="1048"/>
                  </a:lnTo>
                  <a:lnTo>
                    <a:pt x="819" y="1060"/>
                  </a:lnTo>
                  <a:lnTo>
                    <a:pt x="813" y="1087"/>
                  </a:lnTo>
                  <a:lnTo>
                    <a:pt x="808" y="1113"/>
                  </a:lnTo>
                  <a:lnTo>
                    <a:pt x="805" y="1125"/>
                  </a:lnTo>
                  <a:lnTo>
                    <a:pt x="801" y="1137"/>
                  </a:lnTo>
                  <a:lnTo>
                    <a:pt x="797" y="1150"/>
                  </a:lnTo>
                  <a:lnTo>
                    <a:pt x="793" y="1161"/>
                  </a:lnTo>
                  <a:lnTo>
                    <a:pt x="788" y="1172"/>
                  </a:lnTo>
                  <a:lnTo>
                    <a:pt x="782" y="1181"/>
                  </a:lnTo>
                  <a:lnTo>
                    <a:pt x="776" y="1191"/>
                  </a:lnTo>
                  <a:lnTo>
                    <a:pt x="768" y="1199"/>
                  </a:lnTo>
                  <a:lnTo>
                    <a:pt x="758" y="1193"/>
                  </a:lnTo>
                  <a:lnTo>
                    <a:pt x="747" y="1189"/>
                  </a:lnTo>
                  <a:lnTo>
                    <a:pt x="734" y="1184"/>
                  </a:lnTo>
                  <a:lnTo>
                    <a:pt x="720" y="1181"/>
                  </a:lnTo>
                  <a:lnTo>
                    <a:pt x="707" y="1179"/>
                  </a:lnTo>
                  <a:lnTo>
                    <a:pt x="692" y="1178"/>
                  </a:lnTo>
                  <a:lnTo>
                    <a:pt x="676" y="1178"/>
                  </a:lnTo>
                  <a:lnTo>
                    <a:pt x="661" y="1178"/>
                  </a:lnTo>
                  <a:lnTo>
                    <a:pt x="647" y="1180"/>
                  </a:lnTo>
                  <a:lnTo>
                    <a:pt x="632" y="1182"/>
                  </a:lnTo>
                  <a:lnTo>
                    <a:pt x="618" y="1186"/>
                  </a:lnTo>
                  <a:lnTo>
                    <a:pt x="606" y="1190"/>
                  </a:lnTo>
                  <a:lnTo>
                    <a:pt x="594" y="1196"/>
                  </a:lnTo>
                  <a:lnTo>
                    <a:pt x="584" y="1202"/>
                  </a:lnTo>
                  <a:lnTo>
                    <a:pt x="580" y="1206"/>
                  </a:lnTo>
                  <a:lnTo>
                    <a:pt x="577" y="1210"/>
                  </a:lnTo>
                  <a:lnTo>
                    <a:pt x="574" y="1213"/>
                  </a:lnTo>
                  <a:lnTo>
                    <a:pt x="571" y="1218"/>
                  </a:lnTo>
                  <a:lnTo>
                    <a:pt x="571" y="1203"/>
                  </a:lnTo>
                  <a:lnTo>
                    <a:pt x="571" y="1190"/>
                  </a:lnTo>
                  <a:lnTo>
                    <a:pt x="559" y="1190"/>
                  </a:lnTo>
                  <a:lnTo>
                    <a:pt x="547" y="1190"/>
                  </a:lnTo>
                  <a:lnTo>
                    <a:pt x="535" y="1189"/>
                  </a:lnTo>
                  <a:lnTo>
                    <a:pt x="524" y="1187"/>
                  </a:lnTo>
                  <a:lnTo>
                    <a:pt x="514" y="1183"/>
                  </a:lnTo>
                  <a:lnTo>
                    <a:pt x="503" y="1180"/>
                  </a:lnTo>
                  <a:lnTo>
                    <a:pt x="494" y="1176"/>
                  </a:lnTo>
                  <a:lnTo>
                    <a:pt x="484" y="1172"/>
                  </a:lnTo>
                  <a:lnTo>
                    <a:pt x="476" y="1167"/>
                  </a:lnTo>
                  <a:lnTo>
                    <a:pt x="468" y="1161"/>
                  </a:lnTo>
                  <a:lnTo>
                    <a:pt x="460" y="1155"/>
                  </a:lnTo>
                  <a:lnTo>
                    <a:pt x="453" y="1148"/>
                  </a:lnTo>
                  <a:lnTo>
                    <a:pt x="447" y="1140"/>
                  </a:lnTo>
                  <a:lnTo>
                    <a:pt x="440" y="1133"/>
                  </a:lnTo>
                  <a:lnTo>
                    <a:pt x="435" y="1125"/>
                  </a:lnTo>
                  <a:lnTo>
                    <a:pt x="431" y="1117"/>
                  </a:lnTo>
                  <a:lnTo>
                    <a:pt x="427" y="1109"/>
                  </a:lnTo>
                  <a:lnTo>
                    <a:pt x="423" y="1100"/>
                  </a:lnTo>
                  <a:lnTo>
                    <a:pt x="421" y="1091"/>
                  </a:lnTo>
                  <a:lnTo>
                    <a:pt x="419" y="1081"/>
                  </a:lnTo>
                  <a:lnTo>
                    <a:pt x="418" y="1073"/>
                  </a:lnTo>
                  <a:lnTo>
                    <a:pt x="417" y="1063"/>
                  </a:lnTo>
                  <a:lnTo>
                    <a:pt x="418" y="1054"/>
                  </a:lnTo>
                  <a:lnTo>
                    <a:pt x="419" y="1044"/>
                  </a:lnTo>
                  <a:lnTo>
                    <a:pt x="421" y="1035"/>
                  </a:lnTo>
                  <a:lnTo>
                    <a:pt x="423" y="1027"/>
                  </a:lnTo>
                  <a:lnTo>
                    <a:pt x="428" y="1017"/>
                  </a:lnTo>
                  <a:lnTo>
                    <a:pt x="432" y="1008"/>
                  </a:lnTo>
                  <a:lnTo>
                    <a:pt x="437" y="999"/>
                  </a:lnTo>
                  <a:lnTo>
                    <a:pt x="443" y="991"/>
                  </a:lnTo>
                  <a:lnTo>
                    <a:pt x="451" y="982"/>
                  </a:lnTo>
                  <a:lnTo>
                    <a:pt x="459" y="974"/>
                  </a:lnTo>
                  <a:lnTo>
                    <a:pt x="459" y="962"/>
                  </a:lnTo>
                  <a:lnTo>
                    <a:pt x="459" y="951"/>
                  </a:lnTo>
                  <a:lnTo>
                    <a:pt x="458" y="945"/>
                  </a:lnTo>
                  <a:lnTo>
                    <a:pt x="457" y="941"/>
                  </a:lnTo>
                  <a:lnTo>
                    <a:pt x="454" y="938"/>
                  </a:lnTo>
                  <a:lnTo>
                    <a:pt x="450" y="937"/>
                  </a:lnTo>
                  <a:lnTo>
                    <a:pt x="470" y="922"/>
                  </a:lnTo>
                  <a:lnTo>
                    <a:pt x="491" y="909"/>
                  </a:lnTo>
                  <a:lnTo>
                    <a:pt x="501" y="900"/>
                  </a:lnTo>
                  <a:lnTo>
                    <a:pt x="510" y="892"/>
                  </a:lnTo>
                  <a:lnTo>
                    <a:pt x="514" y="888"/>
                  </a:lnTo>
                  <a:lnTo>
                    <a:pt x="518" y="882"/>
                  </a:lnTo>
                  <a:lnTo>
                    <a:pt x="521" y="877"/>
                  </a:lnTo>
                  <a:lnTo>
                    <a:pt x="524" y="872"/>
                  </a:lnTo>
                  <a:lnTo>
                    <a:pt x="526" y="866"/>
                  </a:lnTo>
                  <a:lnTo>
                    <a:pt x="526" y="862"/>
                  </a:lnTo>
                  <a:lnTo>
                    <a:pt x="524" y="859"/>
                  </a:lnTo>
                  <a:lnTo>
                    <a:pt x="523" y="856"/>
                  </a:lnTo>
                  <a:lnTo>
                    <a:pt x="520" y="852"/>
                  </a:lnTo>
                  <a:lnTo>
                    <a:pt x="515" y="848"/>
                  </a:lnTo>
                  <a:lnTo>
                    <a:pt x="511" y="844"/>
                  </a:lnTo>
                  <a:lnTo>
                    <a:pt x="507" y="840"/>
                  </a:lnTo>
                  <a:lnTo>
                    <a:pt x="506" y="837"/>
                  </a:lnTo>
                  <a:lnTo>
                    <a:pt x="504" y="834"/>
                  </a:lnTo>
                  <a:lnTo>
                    <a:pt x="504" y="830"/>
                  </a:lnTo>
                  <a:lnTo>
                    <a:pt x="506" y="824"/>
                  </a:lnTo>
                  <a:lnTo>
                    <a:pt x="509" y="821"/>
                  </a:lnTo>
                  <a:lnTo>
                    <a:pt x="513" y="818"/>
                  </a:lnTo>
                  <a:lnTo>
                    <a:pt x="516" y="816"/>
                  </a:lnTo>
                  <a:lnTo>
                    <a:pt x="520" y="814"/>
                  </a:lnTo>
                  <a:lnTo>
                    <a:pt x="529" y="812"/>
                  </a:lnTo>
                  <a:lnTo>
                    <a:pt x="537" y="811"/>
                  </a:lnTo>
                  <a:lnTo>
                    <a:pt x="556" y="812"/>
                  </a:lnTo>
                  <a:lnTo>
                    <a:pt x="575" y="814"/>
                  </a:lnTo>
                  <a:lnTo>
                    <a:pt x="583" y="814"/>
                  </a:lnTo>
                  <a:lnTo>
                    <a:pt x="592" y="814"/>
                  </a:lnTo>
                  <a:lnTo>
                    <a:pt x="599" y="813"/>
                  </a:lnTo>
                  <a:lnTo>
                    <a:pt x="606" y="810"/>
                  </a:lnTo>
                  <a:lnTo>
                    <a:pt x="609" y="807"/>
                  </a:lnTo>
                  <a:lnTo>
                    <a:pt x="611" y="805"/>
                  </a:lnTo>
                  <a:lnTo>
                    <a:pt x="613" y="802"/>
                  </a:lnTo>
                  <a:lnTo>
                    <a:pt x="615" y="799"/>
                  </a:lnTo>
                  <a:lnTo>
                    <a:pt x="617" y="790"/>
                  </a:lnTo>
                  <a:lnTo>
                    <a:pt x="618" y="778"/>
                  </a:lnTo>
                  <a:lnTo>
                    <a:pt x="608" y="774"/>
                  </a:lnTo>
                  <a:lnTo>
                    <a:pt x="599" y="769"/>
                  </a:lnTo>
                  <a:lnTo>
                    <a:pt x="592" y="761"/>
                  </a:lnTo>
                  <a:lnTo>
                    <a:pt x="586" y="754"/>
                  </a:lnTo>
                  <a:lnTo>
                    <a:pt x="574" y="737"/>
                  </a:lnTo>
                  <a:lnTo>
                    <a:pt x="563" y="720"/>
                  </a:lnTo>
                  <a:lnTo>
                    <a:pt x="557" y="713"/>
                  </a:lnTo>
                  <a:lnTo>
                    <a:pt x="550" y="705"/>
                  </a:lnTo>
                  <a:lnTo>
                    <a:pt x="542" y="699"/>
                  </a:lnTo>
                  <a:lnTo>
                    <a:pt x="533" y="695"/>
                  </a:lnTo>
                  <a:lnTo>
                    <a:pt x="528" y="693"/>
                  </a:lnTo>
                  <a:lnTo>
                    <a:pt x="522" y="691"/>
                  </a:lnTo>
                  <a:lnTo>
                    <a:pt x="516" y="691"/>
                  </a:lnTo>
                  <a:lnTo>
                    <a:pt x="510" y="690"/>
                  </a:lnTo>
                  <a:lnTo>
                    <a:pt x="495" y="691"/>
                  </a:lnTo>
                  <a:lnTo>
                    <a:pt x="478" y="694"/>
                  </a:lnTo>
                  <a:lnTo>
                    <a:pt x="474" y="689"/>
                  </a:lnTo>
                  <a:lnTo>
                    <a:pt x="471" y="681"/>
                  </a:lnTo>
                  <a:lnTo>
                    <a:pt x="469" y="674"/>
                  </a:lnTo>
                  <a:lnTo>
                    <a:pt x="469" y="665"/>
                  </a:lnTo>
                  <a:lnTo>
                    <a:pt x="468" y="646"/>
                  </a:lnTo>
                  <a:lnTo>
                    <a:pt x="469" y="627"/>
                  </a:lnTo>
                  <a:lnTo>
                    <a:pt x="467" y="624"/>
                  </a:lnTo>
                  <a:lnTo>
                    <a:pt x="464" y="622"/>
                  </a:lnTo>
                  <a:lnTo>
                    <a:pt x="462" y="620"/>
                  </a:lnTo>
                  <a:lnTo>
                    <a:pt x="458" y="619"/>
                  </a:lnTo>
                  <a:lnTo>
                    <a:pt x="450" y="618"/>
                  </a:lnTo>
                  <a:lnTo>
                    <a:pt x="441" y="617"/>
                  </a:lnTo>
                  <a:lnTo>
                    <a:pt x="438" y="616"/>
                  </a:lnTo>
                  <a:lnTo>
                    <a:pt x="434" y="615"/>
                  </a:lnTo>
                  <a:lnTo>
                    <a:pt x="431" y="614"/>
                  </a:lnTo>
                  <a:lnTo>
                    <a:pt x="429" y="611"/>
                  </a:lnTo>
                  <a:lnTo>
                    <a:pt x="428" y="607"/>
                  </a:lnTo>
                  <a:lnTo>
                    <a:pt x="428" y="603"/>
                  </a:lnTo>
                  <a:lnTo>
                    <a:pt x="429" y="598"/>
                  </a:lnTo>
                  <a:lnTo>
                    <a:pt x="431" y="591"/>
                  </a:lnTo>
                  <a:lnTo>
                    <a:pt x="408" y="591"/>
                  </a:lnTo>
                  <a:lnTo>
                    <a:pt x="383" y="591"/>
                  </a:lnTo>
                  <a:lnTo>
                    <a:pt x="373" y="591"/>
                  </a:lnTo>
                  <a:lnTo>
                    <a:pt x="362" y="588"/>
                  </a:lnTo>
                  <a:lnTo>
                    <a:pt x="358" y="587"/>
                  </a:lnTo>
                  <a:lnTo>
                    <a:pt x="354" y="585"/>
                  </a:lnTo>
                  <a:lnTo>
                    <a:pt x="350" y="583"/>
                  </a:lnTo>
                  <a:lnTo>
                    <a:pt x="347" y="581"/>
                  </a:lnTo>
                  <a:lnTo>
                    <a:pt x="340" y="581"/>
                  </a:lnTo>
                  <a:lnTo>
                    <a:pt x="335" y="582"/>
                  </a:lnTo>
                  <a:lnTo>
                    <a:pt x="331" y="584"/>
                  </a:lnTo>
                  <a:lnTo>
                    <a:pt x="326" y="586"/>
                  </a:lnTo>
                  <a:lnTo>
                    <a:pt x="319" y="592"/>
                  </a:lnTo>
                  <a:lnTo>
                    <a:pt x="313" y="599"/>
                  </a:lnTo>
                  <a:lnTo>
                    <a:pt x="308" y="606"/>
                  </a:lnTo>
                  <a:lnTo>
                    <a:pt x="303" y="615"/>
                  </a:lnTo>
                  <a:lnTo>
                    <a:pt x="297" y="622"/>
                  </a:lnTo>
                  <a:lnTo>
                    <a:pt x="291" y="627"/>
                  </a:lnTo>
                  <a:lnTo>
                    <a:pt x="273" y="610"/>
                  </a:lnTo>
                  <a:lnTo>
                    <a:pt x="257" y="591"/>
                  </a:lnTo>
                  <a:lnTo>
                    <a:pt x="253" y="586"/>
                  </a:lnTo>
                  <a:lnTo>
                    <a:pt x="248" y="583"/>
                  </a:lnTo>
                  <a:lnTo>
                    <a:pt x="241" y="580"/>
                  </a:lnTo>
                  <a:lnTo>
                    <a:pt x="235" y="578"/>
                  </a:lnTo>
                  <a:lnTo>
                    <a:pt x="226" y="577"/>
                  </a:lnTo>
                  <a:lnTo>
                    <a:pt x="218" y="577"/>
                  </a:lnTo>
                  <a:lnTo>
                    <a:pt x="208" y="578"/>
                  </a:lnTo>
                  <a:lnTo>
                    <a:pt x="197" y="581"/>
                  </a:lnTo>
                  <a:lnTo>
                    <a:pt x="201" y="577"/>
                  </a:lnTo>
                  <a:lnTo>
                    <a:pt x="203" y="573"/>
                  </a:lnTo>
                  <a:lnTo>
                    <a:pt x="206" y="568"/>
                  </a:lnTo>
                  <a:lnTo>
                    <a:pt x="208" y="564"/>
                  </a:lnTo>
                  <a:lnTo>
                    <a:pt x="209" y="559"/>
                  </a:lnTo>
                  <a:lnTo>
                    <a:pt x="209" y="555"/>
                  </a:lnTo>
                  <a:lnTo>
                    <a:pt x="208" y="550"/>
                  </a:lnTo>
                  <a:lnTo>
                    <a:pt x="206" y="544"/>
                  </a:lnTo>
                  <a:lnTo>
                    <a:pt x="202" y="535"/>
                  </a:lnTo>
                  <a:lnTo>
                    <a:pt x="196" y="525"/>
                  </a:lnTo>
                  <a:lnTo>
                    <a:pt x="187" y="516"/>
                  </a:lnTo>
                  <a:lnTo>
                    <a:pt x="178" y="507"/>
                  </a:lnTo>
                  <a:lnTo>
                    <a:pt x="167" y="500"/>
                  </a:lnTo>
                  <a:lnTo>
                    <a:pt x="156" y="494"/>
                  </a:lnTo>
                  <a:lnTo>
                    <a:pt x="143" y="487"/>
                  </a:lnTo>
                  <a:lnTo>
                    <a:pt x="131" y="484"/>
                  </a:lnTo>
                  <a:lnTo>
                    <a:pt x="118" y="482"/>
                  </a:lnTo>
                  <a:lnTo>
                    <a:pt x="106" y="481"/>
                  </a:lnTo>
                  <a:lnTo>
                    <a:pt x="100" y="482"/>
                  </a:lnTo>
                  <a:lnTo>
                    <a:pt x="95" y="483"/>
                  </a:lnTo>
                  <a:lnTo>
                    <a:pt x="90" y="485"/>
                  </a:lnTo>
                  <a:lnTo>
                    <a:pt x="84" y="487"/>
                  </a:lnTo>
                  <a:lnTo>
                    <a:pt x="74" y="474"/>
                  </a:lnTo>
                  <a:lnTo>
                    <a:pt x="63" y="458"/>
                  </a:lnTo>
                  <a:lnTo>
                    <a:pt x="53" y="442"/>
                  </a:lnTo>
                  <a:lnTo>
                    <a:pt x="43" y="424"/>
                  </a:lnTo>
                  <a:lnTo>
                    <a:pt x="22" y="387"/>
                  </a:lnTo>
                  <a:lnTo>
                    <a:pt x="0" y="346"/>
                  </a:lnTo>
                  <a:lnTo>
                    <a:pt x="10" y="346"/>
                  </a:lnTo>
                  <a:lnTo>
                    <a:pt x="18" y="344"/>
                  </a:lnTo>
                  <a:lnTo>
                    <a:pt x="25" y="340"/>
                  </a:lnTo>
                  <a:lnTo>
                    <a:pt x="32" y="336"/>
                  </a:lnTo>
                  <a:lnTo>
                    <a:pt x="43" y="326"/>
                  </a:lnTo>
                  <a:lnTo>
                    <a:pt x="56" y="319"/>
                  </a:lnTo>
                  <a:lnTo>
                    <a:pt x="56" y="310"/>
                  </a:lnTo>
                  <a:lnTo>
                    <a:pt x="55" y="304"/>
                  </a:lnTo>
                  <a:lnTo>
                    <a:pt x="52" y="299"/>
                  </a:lnTo>
                  <a:lnTo>
                    <a:pt x="47" y="295"/>
                  </a:lnTo>
                  <a:lnTo>
                    <a:pt x="39" y="287"/>
                  </a:lnTo>
                  <a:lnTo>
                    <a:pt x="28" y="281"/>
                  </a:lnTo>
                  <a:lnTo>
                    <a:pt x="33" y="279"/>
                  </a:lnTo>
                  <a:lnTo>
                    <a:pt x="38" y="277"/>
                  </a:lnTo>
                  <a:lnTo>
                    <a:pt x="44" y="277"/>
                  </a:lnTo>
                  <a:lnTo>
                    <a:pt x="51" y="276"/>
                  </a:lnTo>
                  <a:lnTo>
                    <a:pt x="64" y="277"/>
                  </a:lnTo>
                  <a:lnTo>
                    <a:pt x="77" y="276"/>
                  </a:lnTo>
                  <a:lnTo>
                    <a:pt x="83" y="276"/>
                  </a:lnTo>
                  <a:lnTo>
                    <a:pt x="90" y="274"/>
                  </a:lnTo>
                  <a:lnTo>
                    <a:pt x="94" y="272"/>
                  </a:lnTo>
                  <a:lnTo>
                    <a:pt x="98" y="267"/>
                  </a:lnTo>
                  <a:lnTo>
                    <a:pt x="101" y="262"/>
                  </a:lnTo>
                  <a:lnTo>
                    <a:pt x="103" y="255"/>
                  </a:lnTo>
                  <a:lnTo>
                    <a:pt x="104" y="245"/>
                  </a:lnTo>
                  <a:lnTo>
                    <a:pt x="103" y="235"/>
                  </a:lnTo>
                  <a:lnTo>
                    <a:pt x="118" y="238"/>
                  </a:lnTo>
                  <a:lnTo>
                    <a:pt x="132" y="241"/>
                  </a:lnTo>
                  <a:lnTo>
                    <a:pt x="145" y="246"/>
                  </a:lnTo>
                  <a:lnTo>
                    <a:pt x="159" y="250"/>
                  </a:lnTo>
                  <a:lnTo>
                    <a:pt x="184" y="260"/>
                  </a:lnTo>
                  <a:lnTo>
                    <a:pt x="210" y="268"/>
                  </a:lnTo>
                  <a:lnTo>
                    <a:pt x="221" y="272"/>
                  </a:lnTo>
                  <a:lnTo>
                    <a:pt x="234" y="274"/>
                  </a:lnTo>
                  <a:lnTo>
                    <a:pt x="246" y="275"/>
                  </a:lnTo>
                  <a:lnTo>
                    <a:pt x="258" y="275"/>
                  </a:lnTo>
                  <a:lnTo>
                    <a:pt x="271" y="273"/>
                  </a:lnTo>
                  <a:lnTo>
                    <a:pt x="283" y="268"/>
                  </a:lnTo>
                  <a:lnTo>
                    <a:pt x="296" y="262"/>
                  </a:lnTo>
                  <a:lnTo>
                    <a:pt x="309" y="254"/>
                  </a:lnTo>
                  <a:lnTo>
                    <a:pt x="314" y="261"/>
                  </a:lnTo>
                  <a:lnTo>
                    <a:pt x="319" y="267"/>
                  </a:lnTo>
                  <a:lnTo>
                    <a:pt x="325" y="273"/>
                  </a:lnTo>
                  <a:lnTo>
                    <a:pt x="332" y="277"/>
                  </a:lnTo>
                  <a:lnTo>
                    <a:pt x="339" y="281"/>
                  </a:lnTo>
                  <a:lnTo>
                    <a:pt x="345" y="284"/>
                  </a:lnTo>
                  <a:lnTo>
                    <a:pt x="354" y="285"/>
                  </a:lnTo>
                  <a:lnTo>
                    <a:pt x="361" y="286"/>
                  </a:lnTo>
                  <a:lnTo>
                    <a:pt x="369" y="287"/>
                  </a:lnTo>
                  <a:lnTo>
                    <a:pt x="377" y="287"/>
                  </a:lnTo>
                  <a:lnTo>
                    <a:pt x="385" y="286"/>
                  </a:lnTo>
                  <a:lnTo>
                    <a:pt x="394" y="284"/>
                  </a:lnTo>
                  <a:lnTo>
                    <a:pt x="412" y="280"/>
                  </a:lnTo>
                  <a:lnTo>
                    <a:pt x="430" y="273"/>
                  </a:lnTo>
                  <a:lnTo>
                    <a:pt x="447" y="265"/>
                  </a:lnTo>
                  <a:lnTo>
                    <a:pt x="463" y="256"/>
                  </a:lnTo>
                  <a:lnTo>
                    <a:pt x="480" y="246"/>
                  </a:lnTo>
                  <a:lnTo>
                    <a:pt x="496" y="236"/>
                  </a:lnTo>
                  <a:lnTo>
                    <a:pt x="510" y="225"/>
                  </a:lnTo>
                  <a:lnTo>
                    <a:pt x="523" y="215"/>
                  </a:lnTo>
                  <a:lnTo>
                    <a:pt x="534" y="205"/>
                  </a:lnTo>
                  <a:lnTo>
                    <a:pt x="543" y="197"/>
                  </a:lnTo>
                  <a:lnTo>
                    <a:pt x="541" y="193"/>
                  </a:lnTo>
                  <a:lnTo>
                    <a:pt x="539" y="188"/>
                  </a:lnTo>
                  <a:lnTo>
                    <a:pt x="536" y="185"/>
                  </a:lnTo>
                  <a:lnTo>
                    <a:pt x="532" y="182"/>
                  </a:lnTo>
                  <a:lnTo>
                    <a:pt x="523" y="178"/>
                  </a:lnTo>
                  <a:lnTo>
                    <a:pt x="514" y="175"/>
                  </a:lnTo>
                  <a:lnTo>
                    <a:pt x="503" y="173"/>
                  </a:lnTo>
                  <a:lnTo>
                    <a:pt x="494" y="169"/>
                  </a:lnTo>
                  <a:lnTo>
                    <a:pt x="490" y="167"/>
                  </a:lnTo>
                  <a:lnTo>
                    <a:pt x="484" y="165"/>
                  </a:lnTo>
                  <a:lnTo>
                    <a:pt x="481" y="163"/>
                  </a:lnTo>
                  <a:lnTo>
                    <a:pt x="478" y="160"/>
                  </a:lnTo>
                  <a:lnTo>
                    <a:pt x="481" y="155"/>
                  </a:lnTo>
                  <a:lnTo>
                    <a:pt x="484" y="147"/>
                  </a:lnTo>
                  <a:lnTo>
                    <a:pt x="487" y="140"/>
                  </a:lnTo>
                  <a:lnTo>
                    <a:pt x="488" y="131"/>
                  </a:lnTo>
                  <a:lnTo>
                    <a:pt x="488" y="113"/>
                  </a:lnTo>
                  <a:lnTo>
                    <a:pt x="487" y="94"/>
                  </a:lnTo>
                  <a:lnTo>
                    <a:pt x="493" y="101"/>
                  </a:lnTo>
                  <a:lnTo>
                    <a:pt x="498" y="107"/>
                  </a:lnTo>
                  <a:lnTo>
                    <a:pt x="504" y="114"/>
                  </a:lnTo>
                  <a:lnTo>
                    <a:pt x="511" y="119"/>
                  </a:lnTo>
                  <a:lnTo>
                    <a:pt x="518" y="124"/>
                  </a:lnTo>
                  <a:lnTo>
                    <a:pt x="526" y="129"/>
                  </a:lnTo>
                  <a:lnTo>
                    <a:pt x="534" y="134"/>
                  </a:lnTo>
                  <a:lnTo>
                    <a:pt x="542" y="137"/>
                  </a:lnTo>
                  <a:lnTo>
                    <a:pt x="551" y="141"/>
                  </a:lnTo>
                  <a:lnTo>
                    <a:pt x="560" y="143"/>
                  </a:lnTo>
                  <a:lnTo>
                    <a:pt x="571" y="146"/>
                  </a:lnTo>
                  <a:lnTo>
                    <a:pt x="581" y="147"/>
                  </a:lnTo>
                  <a:lnTo>
                    <a:pt x="592" y="149"/>
                  </a:lnTo>
                  <a:lnTo>
                    <a:pt x="603" y="150"/>
                  </a:lnTo>
                  <a:lnTo>
                    <a:pt x="615" y="150"/>
                  </a:lnTo>
                  <a:lnTo>
                    <a:pt x="628" y="150"/>
                  </a:lnTo>
                  <a:lnTo>
                    <a:pt x="635" y="143"/>
                  </a:lnTo>
                  <a:lnTo>
                    <a:pt x="642" y="136"/>
                  </a:lnTo>
                  <a:lnTo>
                    <a:pt x="649" y="128"/>
                  </a:lnTo>
                  <a:lnTo>
                    <a:pt x="656" y="120"/>
                  </a:lnTo>
                  <a:lnTo>
                    <a:pt x="668" y="103"/>
                  </a:lnTo>
                  <a:lnTo>
                    <a:pt x="680" y="86"/>
                  </a:lnTo>
                  <a:lnTo>
                    <a:pt x="688" y="79"/>
                  </a:lnTo>
                  <a:lnTo>
                    <a:pt x="695" y="71"/>
                  </a:lnTo>
                  <a:lnTo>
                    <a:pt x="703" y="65"/>
                  </a:lnTo>
                  <a:lnTo>
                    <a:pt x="712" y="59"/>
                  </a:lnTo>
                  <a:lnTo>
                    <a:pt x="721" y="55"/>
                  </a:lnTo>
                  <a:lnTo>
                    <a:pt x="733" y="50"/>
                  </a:lnTo>
                  <a:lnTo>
                    <a:pt x="745" y="48"/>
                  </a:lnTo>
                  <a:lnTo>
                    <a:pt x="758" y="47"/>
                  </a:lnTo>
                  <a:lnTo>
                    <a:pt x="758" y="36"/>
                  </a:lnTo>
                  <a:lnTo>
                    <a:pt x="758" y="24"/>
                  </a:lnTo>
                  <a:lnTo>
                    <a:pt x="758" y="12"/>
                  </a:lnTo>
                  <a:lnTo>
                    <a:pt x="758" y="0"/>
                  </a:lnTo>
                  <a:lnTo>
                    <a:pt x="776" y="1"/>
                  </a:lnTo>
                  <a:lnTo>
                    <a:pt x="794" y="2"/>
                  </a:lnTo>
                  <a:lnTo>
                    <a:pt x="811" y="5"/>
                  </a:lnTo>
                  <a:lnTo>
                    <a:pt x="828" y="10"/>
                  </a:lnTo>
                  <a:lnTo>
                    <a:pt x="845" y="17"/>
                  </a:lnTo>
                  <a:lnTo>
                    <a:pt x="861" y="24"/>
                  </a:lnTo>
                  <a:lnTo>
                    <a:pt x="876" y="34"/>
                  </a:lnTo>
                  <a:lnTo>
                    <a:pt x="891" y="44"/>
                  </a:lnTo>
                  <a:lnTo>
                    <a:pt x="905" y="56"/>
                  </a:lnTo>
                  <a:lnTo>
                    <a:pt x="917" y="68"/>
                  </a:lnTo>
                  <a:lnTo>
                    <a:pt x="929" y="82"/>
                  </a:lnTo>
                  <a:lnTo>
                    <a:pt x="939" y="98"/>
                  </a:lnTo>
                  <a:lnTo>
                    <a:pt x="948" y="114"/>
                  </a:lnTo>
                  <a:lnTo>
                    <a:pt x="955" y="131"/>
                  </a:lnTo>
                  <a:lnTo>
                    <a:pt x="960" y="149"/>
                  </a:lnTo>
                  <a:lnTo>
                    <a:pt x="965" y="169"/>
                  </a:lnTo>
                  <a:lnTo>
                    <a:pt x="957" y="168"/>
                  </a:lnTo>
                  <a:lnTo>
                    <a:pt x="952" y="170"/>
                  </a:lnTo>
                  <a:lnTo>
                    <a:pt x="950" y="171"/>
                  </a:lnTo>
                  <a:lnTo>
                    <a:pt x="948" y="174"/>
                  </a:lnTo>
                  <a:lnTo>
                    <a:pt x="947" y="176"/>
                  </a:lnTo>
                  <a:lnTo>
                    <a:pt x="946" y="178"/>
                  </a:lnTo>
                  <a:lnTo>
                    <a:pt x="939" y="179"/>
                  </a:lnTo>
                  <a:lnTo>
                    <a:pt x="934" y="180"/>
                  </a:lnTo>
                  <a:lnTo>
                    <a:pt x="929" y="179"/>
                  </a:lnTo>
                  <a:lnTo>
                    <a:pt x="925" y="178"/>
                  </a:lnTo>
                  <a:lnTo>
                    <a:pt x="918" y="175"/>
                  </a:lnTo>
                  <a:lnTo>
                    <a:pt x="913" y="169"/>
                  </a:lnTo>
                  <a:lnTo>
                    <a:pt x="908" y="163"/>
                  </a:lnTo>
                  <a:lnTo>
                    <a:pt x="902" y="158"/>
                  </a:lnTo>
                  <a:lnTo>
                    <a:pt x="900" y="156"/>
                  </a:lnTo>
                  <a:lnTo>
                    <a:pt x="897" y="154"/>
                  </a:lnTo>
                  <a:lnTo>
                    <a:pt x="894" y="151"/>
                  </a:lnTo>
                  <a:lnTo>
                    <a:pt x="890" y="150"/>
                  </a:lnTo>
                  <a:lnTo>
                    <a:pt x="882" y="154"/>
                  </a:lnTo>
                  <a:lnTo>
                    <a:pt x="877" y="158"/>
                  </a:lnTo>
                  <a:lnTo>
                    <a:pt x="873" y="163"/>
                  </a:lnTo>
                  <a:lnTo>
                    <a:pt x="871" y="168"/>
                  </a:lnTo>
                  <a:lnTo>
                    <a:pt x="870" y="174"/>
                  </a:lnTo>
                  <a:lnTo>
                    <a:pt x="871" y="179"/>
                  </a:lnTo>
                  <a:lnTo>
                    <a:pt x="872" y="185"/>
                  </a:lnTo>
                  <a:lnTo>
                    <a:pt x="874" y="191"/>
                  </a:lnTo>
                  <a:lnTo>
                    <a:pt x="888" y="215"/>
                  </a:lnTo>
                  <a:lnTo>
                    <a:pt x="899" y="235"/>
                  </a:lnTo>
                  <a:lnTo>
                    <a:pt x="899" y="244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121" name="Herning kant"/>
            <p:cNvSpPr>
              <a:spLocks/>
            </p:cNvSpPr>
            <p:nvPr/>
          </p:nvSpPr>
          <p:spPr bwMode="auto">
            <a:xfrm>
              <a:off x="793751" y="4005268"/>
              <a:ext cx="571501" cy="644526"/>
            </a:xfrm>
            <a:custGeom>
              <a:avLst/>
              <a:gdLst>
                <a:gd name="T0" fmla="*/ 320 w 1078"/>
                <a:gd name="T1" fmla="*/ 95 h 1218"/>
                <a:gd name="T2" fmla="*/ 335 w 1078"/>
                <a:gd name="T3" fmla="*/ 118 h 1218"/>
                <a:gd name="T4" fmla="*/ 350 w 1078"/>
                <a:gd name="T5" fmla="*/ 137 h 1218"/>
                <a:gd name="T6" fmla="*/ 321 w 1078"/>
                <a:gd name="T7" fmla="*/ 150 h 1218"/>
                <a:gd name="T8" fmla="*/ 310 w 1078"/>
                <a:gd name="T9" fmla="*/ 171 h 1218"/>
                <a:gd name="T10" fmla="*/ 320 w 1078"/>
                <a:gd name="T11" fmla="*/ 180 h 1218"/>
                <a:gd name="T12" fmla="*/ 324 w 1078"/>
                <a:gd name="T13" fmla="*/ 200 h 1218"/>
                <a:gd name="T14" fmla="*/ 320 w 1078"/>
                <a:gd name="T15" fmla="*/ 228 h 1218"/>
                <a:gd name="T16" fmla="*/ 343 w 1078"/>
                <a:gd name="T17" fmla="*/ 255 h 1218"/>
                <a:gd name="T18" fmla="*/ 344 w 1078"/>
                <a:gd name="T19" fmla="*/ 267 h 1218"/>
                <a:gd name="T20" fmla="*/ 358 w 1078"/>
                <a:gd name="T21" fmla="*/ 268 h 1218"/>
                <a:gd name="T22" fmla="*/ 355 w 1078"/>
                <a:gd name="T23" fmla="*/ 285 h 1218"/>
                <a:gd name="T24" fmla="*/ 342 w 1078"/>
                <a:gd name="T25" fmla="*/ 291 h 1218"/>
                <a:gd name="T26" fmla="*/ 334 w 1078"/>
                <a:gd name="T27" fmla="*/ 303 h 1218"/>
                <a:gd name="T28" fmla="*/ 332 w 1078"/>
                <a:gd name="T29" fmla="*/ 308 h 1218"/>
                <a:gd name="T30" fmla="*/ 309 w 1078"/>
                <a:gd name="T31" fmla="*/ 322 h 1218"/>
                <a:gd name="T32" fmla="*/ 265 w 1078"/>
                <a:gd name="T33" fmla="*/ 325 h 1218"/>
                <a:gd name="T34" fmla="*/ 277 w 1078"/>
                <a:gd name="T35" fmla="*/ 341 h 1218"/>
                <a:gd name="T36" fmla="*/ 266 w 1078"/>
                <a:gd name="T37" fmla="*/ 383 h 1218"/>
                <a:gd name="T38" fmla="*/ 245 w 1078"/>
                <a:gd name="T39" fmla="*/ 395 h 1218"/>
                <a:gd name="T40" fmla="*/ 206 w 1078"/>
                <a:gd name="T41" fmla="*/ 395 h 1218"/>
                <a:gd name="T42" fmla="*/ 191 w 1078"/>
                <a:gd name="T43" fmla="*/ 401 h 1218"/>
                <a:gd name="T44" fmla="*/ 165 w 1078"/>
                <a:gd name="T45" fmla="*/ 392 h 1218"/>
                <a:gd name="T46" fmla="*/ 145 w 1078"/>
                <a:gd name="T47" fmla="*/ 375 h 1218"/>
                <a:gd name="T48" fmla="*/ 140 w 1078"/>
                <a:gd name="T49" fmla="*/ 351 h 1218"/>
                <a:gd name="T50" fmla="*/ 151 w 1078"/>
                <a:gd name="T51" fmla="*/ 327 h 1218"/>
                <a:gd name="T52" fmla="*/ 157 w 1078"/>
                <a:gd name="T53" fmla="*/ 307 h 1218"/>
                <a:gd name="T54" fmla="*/ 176 w 1078"/>
                <a:gd name="T55" fmla="*/ 289 h 1218"/>
                <a:gd name="T56" fmla="*/ 169 w 1078"/>
                <a:gd name="T57" fmla="*/ 279 h 1218"/>
                <a:gd name="T58" fmla="*/ 177 w 1078"/>
                <a:gd name="T59" fmla="*/ 271 h 1218"/>
                <a:gd name="T60" fmla="*/ 203 w 1078"/>
                <a:gd name="T61" fmla="*/ 269 h 1218"/>
                <a:gd name="T62" fmla="*/ 198 w 1078"/>
                <a:gd name="T63" fmla="*/ 254 h 1218"/>
                <a:gd name="T64" fmla="*/ 176 w 1078"/>
                <a:gd name="T65" fmla="*/ 231 h 1218"/>
                <a:gd name="T66" fmla="*/ 157 w 1078"/>
                <a:gd name="T67" fmla="*/ 225 h 1218"/>
                <a:gd name="T68" fmla="*/ 150 w 1078"/>
                <a:gd name="T69" fmla="*/ 206 h 1218"/>
                <a:gd name="T70" fmla="*/ 143 w 1078"/>
                <a:gd name="T71" fmla="*/ 199 h 1218"/>
                <a:gd name="T72" fmla="*/ 117 w 1078"/>
                <a:gd name="T73" fmla="*/ 194 h 1218"/>
                <a:gd name="T74" fmla="*/ 103 w 1078"/>
                <a:gd name="T75" fmla="*/ 202 h 1218"/>
                <a:gd name="T76" fmla="*/ 80 w 1078"/>
                <a:gd name="T77" fmla="*/ 193 h 1218"/>
                <a:gd name="T78" fmla="*/ 69 w 1078"/>
                <a:gd name="T79" fmla="*/ 189 h 1218"/>
                <a:gd name="T80" fmla="*/ 62 w 1078"/>
                <a:gd name="T81" fmla="*/ 172 h 1218"/>
                <a:gd name="T82" fmla="*/ 33 w 1078"/>
                <a:gd name="T83" fmla="*/ 161 h 1218"/>
                <a:gd name="T84" fmla="*/ 7 w 1078"/>
                <a:gd name="T85" fmla="*/ 129 h 1218"/>
                <a:gd name="T86" fmla="*/ 19 w 1078"/>
                <a:gd name="T87" fmla="*/ 103 h 1218"/>
                <a:gd name="T88" fmla="*/ 15 w 1078"/>
                <a:gd name="T89" fmla="*/ 92 h 1218"/>
                <a:gd name="T90" fmla="*/ 34 w 1078"/>
                <a:gd name="T91" fmla="*/ 87 h 1218"/>
                <a:gd name="T92" fmla="*/ 61 w 1078"/>
                <a:gd name="T93" fmla="*/ 87 h 1218"/>
                <a:gd name="T94" fmla="*/ 99 w 1078"/>
                <a:gd name="T95" fmla="*/ 87 h 1218"/>
                <a:gd name="T96" fmla="*/ 118 w 1078"/>
                <a:gd name="T97" fmla="*/ 95 h 1218"/>
                <a:gd name="T98" fmla="*/ 149 w 1078"/>
                <a:gd name="T99" fmla="*/ 88 h 1218"/>
                <a:gd name="T100" fmla="*/ 181 w 1078"/>
                <a:gd name="T101" fmla="*/ 64 h 1218"/>
                <a:gd name="T102" fmla="*/ 164 w 1078"/>
                <a:gd name="T103" fmla="*/ 56 h 1218"/>
                <a:gd name="T104" fmla="*/ 163 w 1078"/>
                <a:gd name="T105" fmla="*/ 38 h 1218"/>
                <a:gd name="T106" fmla="*/ 178 w 1078"/>
                <a:gd name="T107" fmla="*/ 45 h 1218"/>
                <a:gd name="T108" fmla="*/ 205 w 1078"/>
                <a:gd name="T109" fmla="*/ 50 h 1218"/>
                <a:gd name="T110" fmla="*/ 230 w 1078"/>
                <a:gd name="T111" fmla="*/ 26 h 1218"/>
                <a:gd name="T112" fmla="*/ 253 w 1078"/>
                <a:gd name="T113" fmla="*/ 12 h 1218"/>
                <a:gd name="T114" fmla="*/ 282 w 1078"/>
                <a:gd name="T115" fmla="*/ 6 h 1218"/>
                <a:gd name="T116" fmla="*/ 317 w 1078"/>
                <a:gd name="T117" fmla="*/ 38 h 1218"/>
                <a:gd name="T118" fmla="*/ 316 w 1078"/>
                <a:gd name="T119" fmla="*/ 59 h 1218"/>
                <a:gd name="T120" fmla="*/ 303 w 1078"/>
                <a:gd name="T121" fmla="*/ 54 h 1218"/>
                <a:gd name="T122" fmla="*/ 292 w 1078"/>
                <a:gd name="T123" fmla="*/ 54 h 1218"/>
                <a:gd name="T124" fmla="*/ 300 w 1078"/>
                <a:gd name="T125" fmla="*/ 81 h 1218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078" h="1218">
                  <a:moveTo>
                    <a:pt x="899" y="244"/>
                  </a:moveTo>
                  <a:lnTo>
                    <a:pt x="906" y="255"/>
                  </a:lnTo>
                  <a:lnTo>
                    <a:pt x="911" y="262"/>
                  </a:lnTo>
                  <a:lnTo>
                    <a:pt x="918" y="268"/>
                  </a:lnTo>
                  <a:lnTo>
                    <a:pt x="926" y="274"/>
                  </a:lnTo>
                  <a:lnTo>
                    <a:pt x="934" y="278"/>
                  </a:lnTo>
                  <a:lnTo>
                    <a:pt x="945" y="282"/>
                  </a:lnTo>
                  <a:lnTo>
                    <a:pt x="958" y="286"/>
                  </a:lnTo>
                  <a:lnTo>
                    <a:pt x="974" y="290"/>
                  </a:lnTo>
                  <a:lnTo>
                    <a:pt x="974" y="303"/>
                  </a:lnTo>
                  <a:lnTo>
                    <a:pt x="976" y="315"/>
                  </a:lnTo>
                  <a:lnTo>
                    <a:pt x="979" y="324"/>
                  </a:lnTo>
                  <a:lnTo>
                    <a:pt x="984" y="333"/>
                  </a:lnTo>
                  <a:lnTo>
                    <a:pt x="990" y="340"/>
                  </a:lnTo>
                  <a:lnTo>
                    <a:pt x="995" y="346"/>
                  </a:lnTo>
                  <a:lnTo>
                    <a:pt x="1003" y="353"/>
                  </a:lnTo>
                  <a:lnTo>
                    <a:pt x="1009" y="358"/>
                  </a:lnTo>
                  <a:lnTo>
                    <a:pt x="1016" y="364"/>
                  </a:lnTo>
                  <a:lnTo>
                    <a:pt x="1024" y="370"/>
                  </a:lnTo>
                  <a:lnTo>
                    <a:pt x="1030" y="377"/>
                  </a:lnTo>
                  <a:lnTo>
                    <a:pt x="1035" y="383"/>
                  </a:lnTo>
                  <a:lnTo>
                    <a:pt x="1040" y="392"/>
                  </a:lnTo>
                  <a:lnTo>
                    <a:pt x="1045" y="400"/>
                  </a:lnTo>
                  <a:lnTo>
                    <a:pt x="1048" y="411"/>
                  </a:lnTo>
                  <a:lnTo>
                    <a:pt x="1049" y="422"/>
                  </a:lnTo>
                  <a:lnTo>
                    <a:pt x="1026" y="424"/>
                  </a:lnTo>
                  <a:lnTo>
                    <a:pt x="1005" y="429"/>
                  </a:lnTo>
                  <a:lnTo>
                    <a:pt x="995" y="433"/>
                  </a:lnTo>
                  <a:lnTo>
                    <a:pt x="986" y="436"/>
                  </a:lnTo>
                  <a:lnTo>
                    <a:pt x="977" y="440"/>
                  </a:lnTo>
                  <a:lnTo>
                    <a:pt x="969" y="444"/>
                  </a:lnTo>
                  <a:lnTo>
                    <a:pt x="961" y="449"/>
                  </a:lnTo>
                  <a:lnTo>
                    <a:pt x="954" y="456"/>
                  </a:lnTo>
                  <a:lnTo>
                    <a:pt x="948" y="462"/>
                  </a:lnTo>
                  <a:lnTo>
                    <a:pt x="943" y="469"/>
                  </a:lnTo>
                  <a:lnTo>
                    <a:pt x="937" y="478"/>
                  </a:lnTo>
                  <a:lnTo>
                    <a:pt x="933" y="486"/>
                  </a:lnTo>
                  <a:lnTo>
                    <a:pt x="930" y="496"/>
                  </a:lnTo>
                  <a:lnTo>
                    <a:pt x="927" y="506"/>
                  </a:lnTo>
                  <a:lnTo>
                    <a:pt x="928" y="513"/>
                  </a:lnTo>
                  <a:lnTo>
                    <a:pt x="929" y="518"/>
                  </a:lnTo>
                  <a:lnTo>
                    <a:pt x="930" y="522"/>
                  </a:lnTo>
                  <a:lnTo>
                    <a:pt x="933" y="526"/>
                  </a:lnTo>
                  <a:lnTo>
                    <a:pt x="936" y="530"/>
                  </a:lnTo>
                  <a:lnTo>
                    <a:pt x="939" y="533"/>
                  </a:lnTo>
                  <a:lnTo>
                    <a:pt x="944" y="535"/>
                  </a:lnTo>
                  <a:lnTo>
                    <a:pt x="948" y="537"/>
                  </a:lnTo>
                  <a:lnTo>
                    <a:pt x="957" y="540"/>
                  </a:lnTo>
                  <a:lnTo>
                    <a:pt x="967" y="543"/>
                  </a:lnTo>
                  <a:lnTo>
                    <a:pt x="976" y="547"/>
                  </a:lnTo>
                  <a:lnTo>
                    <a:pt x="984" y="553"/>
                  </a:lnTo>
                  <a:lnTo>
                    <a:pt x="979" y="561"/>
                  </a:lnTo>
                  <a:lnTo>
                    <a:pt x="976" y="570"/>
                  </a:lnTo>
                  <a:lnTo>
                    <a:pt x="974" y="578"/>
                  </a:lnTo>
                  <a:lnTo>
                    <a:pt x="972" y="586"/>
                  </a:lnTo>
                  <a:lnTo>
                    <a:pt x="970" y="601"/>
                  </a:lnTo>
                  <a:lnTo>
                    <a:pt x="969" y="617"/>
                  </a:lnTo>
                  <a:lnTo>
                    <a:pt x="969" y="632"/>
                  </a:lnTo>
                  <a:lnTo>
                    <a:pt x="967" y="645"/>
                  </a:lnTo>
                  <a:lnTo>
                    <a:pt x="965" y="653"/>
                  </a:lnTo>
                  <a:lnTo>
                    <a:pt x="963" y="660"/>
                  </a:lnTo>
                  <a:lnTo>
                    <a:pt x="959" y="667"/>
                  </a:lnTo>
                  <a:lnTo>
                    <a:pt x="955" y="675"/>
                  </a:lnTo>
                  <a:lnTo>
                    <a:pt x="958" y="683"/>
                  </a:lnTo>
                  <a:lnTo>
                    <a:pt x="964" y="692"/>
                  </a:lnTo>
                  <a:lnTo>
                    <a:pt x="970" y="700"/>
                  </a:lnTo>
                  <a:lnTo>
                    <a:pt x="976" y="709"/>
                  </a:lnTo>
                  <a:lnTo>
                    <a:pt x="992" y="726"/>
                  </a:lnTo>
                  <a:lnTo>
                    <a:pt x="1008" y="743"/>
                  </a:lnTo>
                  <a:lnTo>
                    <a:pt x="1015" y="752"/>
                  </a:lnTo>
                  <a:lnTo>
                    <a:pt x="1021" y="759"/>
                  </a:lnTo>
                  <a:lnTo>
                    <a:pt x="1027" y="766"/>
                  </a:lnTo>
                  <a:lnTo>
                    <a:pt x="1031" y="774"/>
                  </a:lnTo>
                  <a:lnTo>
                    <a:pt x="1034" y="780"/>
                  </a:lnTo>
                  <a:lnTo>
                    <a:pt x="1035" y="786"/>
                  </a:lnTo>
                  <a:lnTo>
                    <a:pt x="1034" y="790"/>
                  </a:lnTo>
                  <a:lnTo>
                    <a:pt x="1034" y="792"/>
                  </a:lnTo>
                  <a:lnTo>
                    <a:pt x="1032" y="794"/>
                  </a:lnTo>
                  <a:lnTo>
                    <a:pt x="1030" y="796"/>
                  </a:lnTo>
                  <a:lnTo>
                    <a:pt x="1030" y="800"/>
                  </a:lnTo>
                  <a:lnTo>
                    <a:pt x="1031" y="802"/>
                  </a:lnTo>
                  <a:lnTo>
                    <a:pt x="1033" y="804"/>
                  </a:lnTo>
                  <a:lnTo>
                    <a:pt x="1035" y="805"/>
                  </a:lnTo>
                  <a:lnTo>
                    <a:pt x="1040" y="806"/>
                  </a:lnTo>
                  <a:lnTo>
                    <a:pt x="1048" y="806"/>
                  </a:lnTo>
                  <a:lnTo>
                    <a:pt x="1056" y="805"/>
                  </a:lnTo>
                  <a:lnTo>
                    <a:pt x="1064" y="805"/>
                  </a:lnTo>
                  <a:lnTo>
                    <a:pt x="1071" y="804"/>
                  </a:lnTo>
                  <a:lnTo>
                    <a:pt x="1077" y="805"/>
                  </a:lnTo>
                  <a:lnTo>
                    <a:pt x="1078" y="813"/>
                  </a:lnTo>
                  <a:lnTo>
                    <a:pt x="1078" y="820"/>
                  </a:lnTo>
                  <a:lnTo>
                    <a:pt x="1078" y="825"/>
                  </a:lnTo>
                  <a:lnTo>
                    <a:pt x="1077" y="832"/>
                  </a:lnTo>
                  <a:lnTo>
                    <a:pt x="1073" y="840"/>
                  </a:lnTo>
                  <a:lnTo>
                    <a:pt x="1068" y="849"/>
                  </a:lnTo>
                  <a:lnTo>
                    <a:pt x="1063" y="856"/>
                  </a:lnTo>
                  <a:lnTo>
                    <a:pt x="1057" y="863"/>
                  </a:lnTo>
                  <a:lnTo>
                    <a:pt x="1052" y="871"/>
                  </a:lnTo>
                  <a:lnTo>
                    <a:pt x="1049" y="880"/>
                  </a:lnTo>
                  <a:lnTo>
                    <a:pt x="1046" y="878"/>
                  </a:lnTo>
                  <a:lnTo>
                    <a:pt x="1041" y="876"/>
                  </a:lnTo>
                  <a:lnTo>
                    <a:pt x="1037" y="874"/>
                  </a:lnTo>
                  <a:lnTo>
                    <a:pt x="1033" y="873"/>
                  </a:lnTo>
                  <a:lnTo>
                    <a:pt x="1023" y="872"/>
                  </a:lnTo>
                  <a:lnTo>
                    <a:pt x="1011" y="872"/>
                  </a:lnTo>
                  <a:lnTo>
                    <a:pt x="1008" y="873"/>
                  </a:lnTo>
                  <a:lnTo>
                    <a:pt x="1006" y="875"/>
                  </a:lnTo>
                  <a:lnTo>
                    <a:pt x="1004" y="877"/>
                  </a:lnTo>
                  <a:lnTo>
                    <a:pt x="1001" y="880"/>
                  </a:lnTo>
                  <a:lnTo>
                    <a:pt x="1000" y="889"/>
                  </a:lnTo>
                  <a:lnTo>
                    <a:pt x="1001" y="898"/>
                  </a:lnTo>
                  <a:lnTo>
                    <a:pt x="1001" y="909"/>
                  </a:lnTo>
                  <a:lnTo>
                    <a:pt x="1003" y="919"/>
                  </a:lnTo>
                  <a:lnTo>
                    <a:pt x="1004" y="929"/>
                  </a:lnTo>
                  <a:lnTo>
                    <a:pt x="1003" y="937"/>
                  </a:lnTo>
                  <a:lnTo>
                    <a:pt x="999" y="936"/>
                  </a:lnTo>
                  <a:lnTo>
                    <a:pt x="997" y="935"/>
                  </a:lnTo>
                  <a:lnTo>
                    <a:pt x="995" y="933"/>
                  </a:lnTo>
                  <a:lnTo>
                    <a:pt x="995" y="930"/>
                  </a:lnTo>
                  <a:lnTo>
                    <a:pt x="994" y="924"/>
                  </a:lnTo>
                  <a:lnTo>
                    <a:pt x="993" y="918"/>
                  </a:lnTo>
                  <a:lnTo>
                    <a:pt x="986" y="931"/>
                  </a:lnTo>
                  <a:lnTo>
                    <a:pt x="977" y="941"/>
                  </a:lnTo>
                  <a:lnTo>
                    <a:pt x="968" y="950"/>
                  </a:lnTo>
                  <a:lnTo>
                    <a:pt x="958" y="957"/>
                  </a:lnTo>
                  <a:lnTo>
                    <a:pt x="949" y="961"/>
                  </a:lnTo>
                  <a:lnTo>
                    <a:pt x="937" y="964"/>
                  </a:lnTo>
                  <a:lnTo>
                    <a:pt x="926" y="965"/>
                  </a:lnTo>
                  <a:lnTo>
                    <a:pt x="914" y="966"/>
                  </a:lnTo>
                  <a:lnTo>
                    <a:pt x="888" y="965"/>
                  </a:lnTo>
                  <a:lnTo>
                    <a:pt x="859" y="961"/>
                  </a:lnTo>
                  <a:lnTo>
                    <a:pt x="829" y="958"/>
                  </a:lnTo>
                  <a:lnTo>
                    <a:pt x="796" y="956"/>
                  </a:lnTo>
                  <a:lnTo>
                    <a:pt x="795" y="962"/>
                  </a:lnTo>
                  <a:lnTo>
                    <a:pt x="794" y="969"/>
                  </a:lnTo>
                  <a:lnTo>
                    <a:pt x="794" y="975"/>
                  </a:lnTo>
                  <a:lnTo>
                    <a:pt x="795" y="979"/>
                  </a:lnTo>
                  <a:lnTo>
                    <a:pt x="797" y="983"/>
                  </a:lnTo>
                  <a:lnTo>
                    <a:pt x="799" y="988"/>
                  </a:lnTo>
                  <a:lnTo>
                    <a:pt x="801" y="991"/>
                  </a:lnTo>
                  <a:lnTo>
                    <a:pt x="805" y="994"/>
                  </a:lnTo>
                  <a:lnTo>
                    <a:pt x="819" y="1002"/>
                  </a:lnTo>
                  <a:lnTo>
                    <a:pt x="833" y="1012"/>
                  </a:lnTo>
                  <a:lnTo>
                    <a:pt x="829" y="1023"/>
                  </a:lnTo>
                  <a:lnTo>
                    <a:pt x="826" y="1035"/>
                  </a:lnTo>
                  <a:lnTo>
                    <a:pt x="822" y="1048"/>
                  </a:lnTo>
                  <a:lnTo>
                    <a:pt x="819" y="1060"/>
                  </a:lnTo>
                  <a:lnTo>
                    <a:pt x="813" y="1087"/>
                  </a:lnTo>
                  <a:lnTo>
                    <a:pt x="808" y="1113"/>
                  </a:lnTo>
                  <a:lnTo>
                    <a:pt x="805" y="1125"/>
                  </a:lnTo>
                  <a:lnTo>
                    <a:pt x="801" y="1137"/>
                  </a:lnTo>
                  <a:lnTo>
                    <a:pt x="797" y="1150"/>
                  </a:lnTo>
                  <a:lnTo>
                    <a:pt x="793" y="1161"/>
                  </a:lnTo>
                  <a:lnTo>
                    <a:pt x="788" y="1172"/>
                  </a:lnTo>
                  <a:lnTo>
                    <a:pt x="782" y="1181"/>
                  </a:lnTo>
                  <a:lnTo>
                    <a:pt x="776" y="1191"/>
                  </a:lnTo>
                  <a:lnTo>
                    <a:pt x="768" y="1199"/>
                  </a:lnTo>
                  <a:lnTo>
                    <a:pt x="758" y="1193"/>
                  </a:lnTo>
                  <a:lnTo>
                    <a:pt x="747" y="1189"/>
                  </a:lnTo>
                  <a:lnTo>
                    <a:pt x="734" y="1184"/>
                  </a:lnTo>
                  <a:lnTo>
                    <a:pt x="720" y="1181"/>
                  </a:lnTo>
                  <a:lnTo>
                    <a:pt x="707" y="1179"/>
                  </a:lnTo>
                  <a:lnTo>
                    <a:pt x="692" y="1178"/>
                  </a:lnTo>
                  <a:lnTo>
                    <a:pt x="676" y="1178"/>
                  </a:lnTo>
                  <a:lnTo>
                    <a:pt x="661" y="1178"/>
                  </a:lnTo>
                  <a:lnTo>
                    <a:pt x="647" y="1180"/>
                  </a:lnTo>
                  <a:lnTo>
                    <a:pt x="632" y="1182"/>
                  </a:lnTo>
                  <a:lnTo>
                    <a:pt x="618" y="1186"/>
                  </a:lnTo>
                  <a:lnTo>
                    <a:pt x="606" y="1190"/>
                  </a:lnTo>
                  <a:lnTo>
                    <a:pt x="594" y="1196"/>
                  </a:lnTo>
                  <a:lnTo>
                    <a:pt x="584" y="1202"/>
                  </a:lnTo>
                  <a:lnTo>
                    <a:pt x="580" y="1206"/>
                  </a:lnTo>
                  <a:lnTo>
                    <a:pt x="577" y="1210"/>
                  </a:lnTo>
                  <a:lnTo>
                    <a:pt x="574" y="1213"/>
                  </a:lnTo>
                  <a:lnTo>
                    <a:pt x="571" y="1218"/>
                  </a:lnTo>
                  <a:lnTo>
                    <a:pt x="571" y="1203"/>
                  </a:lnTo>
                  <a:lnTo>
                    <a:pt x="571" y="1190"/>
                  </a:lnTo>
                  <a:lnTo>
                    <a:pt x="559" y="1190"/>
                  </a:lnTo>
                  <a:lnTo>
                    <a:pt x="547" y="1190"/>
                  </a:lnTo>
                  <a:lnTo>
                    <a:pt x="535" y="1189"/>
                  </a:lnTo>
                  <a:lnTo>
                    <a:pt x="524" y="1187"/>
                  </a:lnTo>
                  <a:lnTo>
                    <a:pt x="514" y="1183"/>
                  </a:lnTo>
                  <a:lnTo>
                    <a:pt x="503" y="1180"/>
                  </a:lnTo>
                  <a:lnTo>
                    <a:pt x="494" y="1176"/>
                  </a:lnTo>
                  <a:lnTo>
                    <a:pt x="484" y="1172"/>
                  </a:lnTo>
                  <a:lnTo>
                    <a:pt x="476" y="1167"/>
                  </a:lnTo>
                  <a:lnTo>
                    <a:pt x="468" y="1161"/>
                  </a:lnTo>
                  <a:lnTo>
                    <a:pt x="460" y="1155"/>
                  </a:lnTo>
                  <a:lnTo>
                    <a:pt x="453" y="1148"/>
                  </a:lnTo>
                  <a:lnTo>
                    <a:pt x="447" y="1140"/>
                  </a:lnTo>
                  <a:lnTo>
                    <a:pt x="440" y="1133"/>
                  </a:lnTo>
                  <a:lnTo>
                    <a:pt x="435" y="1125"/>
                  </a:lnTo>
                  <a:lnTo>
                    <a:pt x="431" y="1117"/>
                  </a:lnTo>
                  <a:lnTo>
                    <a:pt x="427" y="1109"/>
                  </a:lnTo>
                  <a:lnTo>
                    <a:pt x="423" y="1100"/>
                  </a:lnTo>
                  <a:lnTo>
                    <a:pt x="421" y="1091"/>
                  </a:lnTo>
                  <a:lnTo>
                    <a:pt x="419" y="1081"/>
                  </a:lnTo>
                  <a:lnTo>
                    <a:pt x="418" y="1073"/>
                  </a:lnTo>
                  <a:lnTo>
                    <a:pt x="417" y="1063"/>
                  </a:lnTo>
                  <a:lnTo>
                    <a:pt x="418" y="1054"/>
                  </a:lnTo>
                  <a:lnTo>
                    <a:pt x="419" y="1044"/>
                  </a:lnTo>
                  <a:lnTo>
                    <a:pt x="421" y="1035"/>
                  </a:lnTo>
                  <a:lnTo>
                    <a:pt x="423" y="1027"/>
                  </a:lnTo>
                  <a:lnTo>
                    <a:pt x="428" y="1017"/>
                  </a:lnTo>
                  <a:lnTo>
                    <a:pt x="432" y="1008"/>
                  </a:lnTo>
                  <a:lnTo>
                    <a:pt x="437" y="999"/>
                  </a:lnTo>
                  <a:lnTo>
                    <a:pt x="443" y="991"/>
                  </a:lnTo>
                  <a:lnTo>
                    <a:pt x="451" y="982"/>
                  </a:lnTo>
                  <a:lnTo>
                    <a:pt x="459" y="974"/>
                  </a:lnTo>
                  <a:lnTo>
                    <a:pt x="459" y="962"/>
                  </a:lnTo>
                  <a:lnTo>
                    <a:pt x="459" y="951"/>
                  </a:lnTo>
                  <a:lnTo>
                    <a:pt x="458" y="945"/>
                  </a:lnTo>
                  <a:lnTo>
                    <a:pt x="457" y="941"/>
                  </a:lnTo>
                  <a:lnTo>
                    <a:pt x="454" y="938"/>
                  </a:lnTo>
                  <a:lnTo>
                    <a:pt x="450" y="937"/>
                  </a:lnTo>
                  <a:lnTo>
                    <a:pt x="470" y="922"/>
                  </a:lnTo>
                  <a:lnTo>
                    <a:pt x="491" y="909"/>
                  </a:lnTo>
                  <a:lnTo>
                    <a:pt x="501" y="900"/>
                  </a:lnTo>
                  <a:lnTo>
                    <a:pt x="510" y="892"/>
                  </a:lnTo>
                  <a:lnTo>
                    <a:pt x="514" y="888"/>
                  </a:lnTo>
                  <a:lnTo>
                    <a:pt x="518" y="882"/>
                  </a:lnTo>
                  <a:lnTo>
                    <a:pt x="521" y="877"/>
                  </a:lnTo>
                  <a:lnTo>
                    <a:pt x="524" y="872"/>
                  </a:lnTo>
                  <a:lnTo>
                    <a:pt x="526" y="866"/>
                  </a:lnTo>
                  <a:lnTo>
                    <a:pt x="526" y="862"/>
                  </a:lnTo>
                  <a:lnTo>
                    <a:pt x="524" y="859"/>
                  </a:lnTo>
                  <a:lnTo>
                    <a:pt x="523" y="856"/>
                  </a:lnTo>
                  <a:lnTo>
                    <a:pt x="520" y="852"/>
                  </a:lnTo>
                  <a:lnTo>
                    <a:pt x="515" y="848"/>
                  </a:lnTo>
                  <a:lnTo>
                    <a:pt x="511" y="844"/>
                  </a:lnTo>
                  <a:lnTo>
                    <a:pt x="507" y="840"/>
                  </a:lnTo>
                  <a:lnTo>
                    <a:pt x="506" y="837"/>
                  </a:lnTo>
                  <a:lnTo>
                    <a:pt x="504" y="834"/>
                  </a:lnTo>
                  <a:lnTo>
                    <a:pt x="504" y="830"/>
                  </a:lnTo>
                  <a:lnTo>
                    <a:pt x="506" y="824"/>
                  </a:lnTo>
                  <a:lnTo>
                    <a:pt x="509" y="821"/>
                  </a:lnTo>
                  <a:lnTo>
                    <a:pt x="513" y="818"/>
                  </a:lnTo>
                  <a:lnTo>
                    <a:pt x="516" y="816"/>
                  </a:lnTo>
                  <a:lnTo>
                    <a:pt x="520" y="814"/>
                  </a:lnTo>
                  <a:lnTo>
                    <a:pt x="529" y="812"/>
                  </a:lnTo>
                  <a:lnTo>
                    <a:pt x="537" y="811"/>
                  </a:lnTo>
                  <a:lnTo>
                    <a:pt x="556" y="812"/>
                  </a:lnTo>
                  <a:lnTo>
                    <a:pt x="575" y="814"/>
                  </a:lnTo>
                  <a:lnTo>
                    <a:pt x="583" y="814"/>
                  </a:lnTo>
                  <a:lnTo>
                    <a:pt x="592" y="814"/>
                  </a:lnTo>
                  <a:lnTo>
                    <a:pt x="599" y="813"/>
                  </a:lnTo>
                  <a:lnTo>
                    <a:pt x="606" y="810"/>
                  </a:lnTo>
                  <a:lnTo>
                    <a:pt x="609" y="807"/>
                  </a:lnTo>
                  <a:lnTo>
                    <a:pt x="611" y="805"/>
                  </a:lnTo>
                  <a:lnTo>
                    <a:pt x="613" y="802"/>
                  </a:lnTo>
                  <a:lnTo>
                    <a:pt x="615" y="799"/>
                  </a:lnTo>
                  <a:lnTo>
                    <a:pt x="617" y="790"/>
                  </a:lnTo>
                  <a:lnTo>
                    <a:pt x="618" y="778"/>
                  </a:lnTo>
                  <a:lnTo>
                    <a:pt x="608" y="774"/>
                  </a:lnTo>
                  <a:lnTo>
                    <a:pt x="599" y="769"/>
                  </a:lnTo>
                  <a:lnTo>
                    <a:pt x="592" y="761"/>
                  </a:lnTo>
                  <a:lnTo>
                    <a:pt x="586" y="754"/>
                  </a:lnTo>
                  <a:lnTo>
                    <a:pt x="574" y="737"/>
                  </a:lnTo>
                  <a:lnTo>
                    <a:pt x="563" y="720"/>
                  </a:lnTo>
                  <a:lnTo>
                    <a:pt x="557" y="713"/>
                  </a:lnTo>
                  <a:lnTo>
                    <a:pt x="550" y="705"/>
                  </a:lnTo>
                  <a:lnTo>
                    <a:pt x="542" y="699"/>
                  </a:lnTo>
                  <a:lnTo>
                    <a:pt x="533" y="695"/>
                  </a:lnTo>
                  <a:lnTo>
                    <a:pt x="528" y="693"/>
                  </a:lnTo>
                  <a:lnTo>
                    <a:pt x="522" y="691"/>
                  </a:lnTo>
                  <a:lnTo>
                    <a:pt x="516" y="691"/>
                  </a:lnTo>
                  <a:lnTo>
                    <a:pt x="510" y="690"/>
                  </a:lnTo>
                  <a:lnTo>
                    <a:pt x="495" y="691"/>
                  </a:lnTo>
                  <a:lnTo>
                    <a:pt x="478" y="694"/>
                  </a:lnTo>
                  <a:lnTo>
                    <a:pt x="474" y="689"/>
                  </a:lnTo>
                  <a:lnTo>
                    <a:pt x="471" y="681"/>
                  </a:lnTo>
                  <a:lnTo>
                    <a:pt x="469" y="674"/>
                  </a:lnTo>
                  <a:lnTo>
                    <a:pt x="469" y="665"/>
                  </a:lnTo>
                  <a:lnTo>
                    <a:pt x="468" y="646"/>
                  </a:lnTo>
                  <a:lnTo>
                    <a:pt x="469" y="627"/>
                  </a:lnTo>
                  <a:lnTo>
                    <a:pt x="467" y="624"/>
                  </a:lnTo>
                  <a:lnTo>
                    <a:pt x="464" y="622"/>
                  </a:lnTo>
                  <a:lnTo>
                    <a:pt x="462" y="620"/>
                  </a:lnTo>
                  <a:lnTo>
                    <a:pt x="458" y="619"/>
                  </a:lnTo>
                  <a:lnTo>
                    <a:pt x="450" y="618"/>
                  </a:lnTo>
                  <a:lnTo>
                    <a:pt x="441" y="617"/>
                  </a:lnTo>
                  <a:lnTo>
                    <a:pt x="438" y="616"/>
                  </a:lnTo>
                  <a:lnTo>
                    <a:pt x="434" y="615"/>
                  </a:lnTo>
                  <a:lnTo>
                    <a:pt x="431" y="614"/>
                  </a:lnTo>
                  <a:lnTo>
                    <a:pt x="429" y="611"/>
                  </a:lnTo>
                  <a:lnTo>
                    <a:pt x="428" y="607"/>
                  </a:lnTo>
                  <a:lnTo>
                    <a:pt x="428" y="603"/>
                  </a:lnTo>
                  <a:lnTo>
                    <a:pt x="429" y="598"/>
                  </a:lnTo>
                  <a:lnTo>
                    <a:pt x="431" y="591"/>
                  </a:lnTo>
                  <a:lnTo>
                    <a:pt x="408" y="591"/>
                  </a:lnTo>
                  <a:lnTo>
                    <a:pt x="383" y="591"/>
                  </a:lnTo>
                  <a:lnTo>
                    <a:pt x="373" y="591"/>
                  </a:lnTo>
                  <a:lnTo>
                    <a:pt x="362" y="588"/>
                  </a:lnTo>
                  <a:lnTo>
                    <a:pt x="358" y="587"/>
                  </a:lnTo>
                  <a:lnTo>
                    <a:pt x="354" y="585"/>
                  </a:lnTo>
                  <a:lnTo>
                    <a:pt x="350" y="583"/>
                  </a:lnTo>
                  <a:lnTo>
                    <a:pt x="347" y="581"/>
                  </a:lnTo>
                  <a:lnTo>
                    <a:pt x="340" y="581"/>
                  </a:lnTo>
                  <a:lnTo>
                    <a:pt x="335" y="582"/>
                  </a:lnTo>
                  <a:lnTo>
                    <a:pt x="331" y="584"/>
                  </a:lnTo>
                  <a:lnTo>
                    <a:pt x="326" y="586"/>
                  </a:lnTo>
                  <a:lnTo>
                    <a:pt x="319" y="592"/>
                  </a:lnTo>
                  <a:lnTo>
                    <a:pt x="313" y="599"/>
                  </a:lnTo>
                  <a:lnTo>
                    <a:pt x="308" y="606"/>
                  </a:lnTo>
                  <a:lnTo>
                    <a:pt x="303" y="615"/>
                  </a:lnTo>
                  <a:lnTo>
                    <a:pt x="297" y="622"/>
                  </a:lnTo>
                  <a:lnTo>
                    <a:pt x="291" y="627"/>
                  </a:lnTo>
                  <a:lnTo>
                    <a:pt x="273" y="610"/>
                  </a:lnTo>
                  <a:lnTo>
                    <a:pt x="257" y="591"/>
                  </a:lnTo>
                  <a:lnTo>
                    <a:pt x="253" y="586"/>
                  </a:lnTo>
                  <a:lnTo>
                    <a:pt x="248" y="583"/>
                  </a:lnTo>
                  <a:lnTo>
                    <a:pt x="241" y="580"/>
                  </a:lnTo>
                  <a:lnTo>
                    <a:pt x="235" y="578"/>
                  </a:lnTo>
                  <a:lnTo>
                    <a:pt x="226" y="577"/>
                  </a:lnTo>
                  <a:lnTo>
                    <a:pt x="218" y="577"/>
                  </a:lnTo>
                  <a:lnTo>
                    <a:pt x="208" y="578"/>
                  </a:lnTo>
                  <a:lnTo>
                    <a:pt x="197" y="581"/>
                  </a:lnTo>
                  <a:lnTo>
                    <a:pt x="201" y="577"/>
                  </a:lnTo>
                  <a:lnTo>
                    <a:pt x="203" y="573"/>
                  </a:lnTo>
                  <a:lnTo>
                    <a:pt x="206" y="568"/>
                  </a:lnTo>
                  <a:lnTo>
                    <a:pt x="208" y="564"/>
                  </a:lnTo>
                  <a:lnTo>
                    <a:pt x="209" y="559"/>
                  </a:lnTo>
                  <a:lnTo>
                    <a:pt x="209" y="555"/>
                  </a:lnTo>
                  <a:lnTo>
                    <a:pt x="208" y="550"/>
                  </a:lnTo>
                  <a:lnTo>
                    <a:pt x="206" y="544"/>
                  </a:lnTo>
                  <a:lnTo>
                    <a:pt x="202" y="535"/>
                  </a:lnTo>
                  <a:lnTo>
                    <a:pt x="196" y="525"/>
                  </a:lnTo>
                  <a:lnTo>
                    <a:pt x="187" y="516"/>
                  </a:lnTo>
                  <a:lnTo>
                    <a:pt x="178" y="507"/>
                  </a:lnTo>
                  <a:lnTo>
                    <a:pt x="167" y="500"/>
                  </a:lnTo>
                  <a:lnTo>
                    <a:pt x="156" y="494"/>
                  </a:lnTo>
                  <a:lnTo>
                    <a:pt x="143" y="487"/>
                  </a:lnTo>
                  <a:lnTo>
                    <a:pt x="131" y="484"/>
                  </a:lnTo>
                  <a:lnTo>
                    <a:pt x="118" y="482"/>
                  </a:lnTo>
                  <a:lnTo>
                    <a:pt x="106" y="481"/>
                  </a:lnTo>
                  <a:lnTo>
                    <a:pt x="100" y="482"/>
                  </a:lnTo>
                  <a:lnTo>
                    <a:pt x="95" y="483"/>
                  </a:lnTo>
                  <a:lnTo>
                    <a:pt x="90" y="485"/>
                  </a:lnTo>
                  <a:lnTo>
                    <a:pt x="84" y="487"/>
                  </a:lnTo>
                  <a:lnTo>
                    <a:pt x="74" y="474"/>
                  </a:lnTo>
                  <a:lnTo>
                    <a:pt x="63" y="458"/>
                  </a:lnTo>
                  <a:lnTo>
                    <a:pt x="53" y="442"/>
                  </a:lnTo>
                  <a:lnTo>
                    <a:pt x="43" y="424"/>
                  </a:lnTo>
                  <a:lnTo>
                    <a:pt x="22" y="387"/>
                  </a:lnTo>
                  <a:lnTo>
                    <a:pt x="0" y="346"/>
                  </a:lnTo>
                  <a:lnTo>
                    <a:pt x="10" y="346"/>
                  </a:lnTo>
                  <a:lnTo>
                    <a:pt x="18" y="344"/>
                  </a:lnTo>
                  <a:lnTo>
                    <a:pt x="25" y="340"/>
                  </a:lnTo>
                  <a:lnTo>
                    <a:pt x="32" y="336"/>
                  </a:lnTo>
                  <a:lnTo>
                    <a:pt x="43" y="326"/>
                  </a:lnTo>
                  <a:lnTo>
                    <a:pt x="56" y="319"/>
                  </a:lnTo>
                  <a:lnTo>
                    <a:pt x="56" y="310"/>
                  </a:lnTo>
                  <a:lnTo>
                    <a:pt x="55" y="304"/>
                  </a:lnTo>
                  <a:lnTo>
                    <a:pt x="52" y="299"/>
                  </a:lnTo>
                  <a:lnTo>
                    <a:pt x="47" y="295"/>
                  </a:lnTo>
                  <a:lnTo>
                    <a:pt x="39" y="287"/>
                  </a:lnTo>
                  <a:lnTo>
                    <a:pt x="28" y="281"/>
                  </a:lnTo>
                  <a:lnTo>
                    <a:pt x="33" y="279"/>
                  </a:lnTo>
                  <a:lnTo>
                    <a:pt x="38" y="277"/>
                  </a:lnTo>
                  <a:lnTo>
                    <a:pt x="44" y="277"/>
                  </a:lnTo>
                  <a:lnTo>
                    <a:pt x="51" y="276"/>
                  </a:lnTo>
                  <a:lnTo>
                    <a:pt x="64" y="277"/>
                  </a:lnTo>
                  <a:lnTo>
                    <a:pt x="77" y="276"/>
                  </a:lnTo>
                  <a:lnTo>
                    <a:pt x="83" y="276"/>
                  </a:lnTo>
                  <a:lnTo>
                    <a:pt x="90" y="274"/>
                  </a:lnTo>
                  <a:lnTo>
                    <a:pt x="94" y="272"/>
                  </a:lnTo>
                  <a:lnTo>
                    <a:pt x="98" y="267"/>
                  </a:lnTo>
                  <a:lnTo>
                    <a:pt x="101" y="262"/>
                  </a:lnTo>
                  <a:lnTo>
                    <a:pt x="103" y="255"/>
                  </a:lnTo>
                  <a:lnTo>
                    <a:pt x="104" y="245"/>
                  </a:lnTo>
                  <a:lnTo>
                    <a:pt x="103" y="235"/>
                  </a:lnTo>
                  <a:lnTo>
                    <a:pt x="118" y="238"/>
                  </a:lnTo>
                  <a:lnTo>
                    <a:pt x="132" y="241"/>
                  </a:lnTo>
                  <a:lnTo>
                    <a:pt x="145" y="246"/>
                  </a:lnTo>
                  <a:lnTo>
                    <a:pt x="159" y="250"/>
                  </a:lnTo>
                  <a:lnTo>
                    <a:pt x="184" y="260"/>
                  </a:lnTo>
                  <a:lnTo>
                    <a:pt x="210" y="268"/>
                  </a:lnTo>
                  <a:lnTo>
                    <a:pt x="221" y="272"/>
                  </a:lnTo>
                  <a:lnTo>
                    <a:pt x="234" y="274"/>
                  </a:lnTo>
                  <a:lnTo>
                    <a:pt x="246" y="275"/>
                  </a:lnTo>
                  <a:lnTo>
                    <a:pt x="258" y="275"/>
                  </a:lnTo>
                  <a:lnTo>
                    <a:pt x="271" y="273"/>
                  </a:lnTo>
                  <a:lnTo>
                    <a:pt x="283" y="268"/>
                  </a:lnTo>
                  <a:lnTo>
                    <a:pt x="296" y="262"/>
                  </a:lnTo>
                  <a:lnTo>
                    <a:pt x="309" y="254"/>
                  </a:lnTo>
                  <a:lnTo>
                    <a:pt x="314" y="261"/>
                  </a:lnTo>
                  <a:lnTo>
                    <a:pt x="319" y="267"/>
                  </a:lnTo>
                  <a:lnTo>
                    <a:pt x="325" y="273"/>
                  </a:lnTo>
                  <a:lnTo>
                    <a:pt x="332" y="277"/>
                  </a:lnTo>
                  <a:lnTo>
                    <a:pt x="339" y="281"/>
                  </a:lnTo>
                  <a:lnTo>
                    <a:pt x="345" y="284"/>
                  </a:lnTo>
                  <a:lnTo>
                    <a:pt x="354" y="285"/>
                  </a:lnTo>
                  <a:lnTo>
                    <a:pt x="361" y="286"/>
                  </a:lnTo>
                  <a:lnTo>
                    <a:pt x="369" y="287"/>
                  </a:lnTo>
                  <a:lnTo>
                    <a:pt x="377" y="287"/>
                  </a:lnTo>
                  <a:lnTo>
                    <a:pt x="385" y="286"/>
                  </a:lnTo>
                  <a:lnTo>
                    <a:pt x="394" y="284"/>
                  </a:lnTo>
                  <a:lnTo>
                    <a:pt x="412" y="280"/>
                  </a:lnTo>
                  <a:lnTo>
                    <a:pt x="430" y="273"/>
                  </a:lnTo>
                  <a:lnTo>
                    <a:pt x="447" y="265"/>
                  </a:lnTo>
                  <a:lnTo>
                    <a:pt x="463" y="256"/>
                  </a:lnTo>
                  <a:lnTo>
                    <a:pt x="480" y="246"/>
                  </a:lnTo>
                  <a:lnTo>
                    <a:pt x="496" y="236"/>
                  </a:lnTo>
                  <a:lnTo>
                    <a:pt x="510" y="225"/>
                  </a:lnTo>
                  <a:lnTo>
                    <a:pt x="523" y="215"/>
                  </a:lnTo>
                  <a:lnTo>
                    <a:pt x="534" y="205"/>
                  </a:lnTo>
                  <a:lnTo>
                    <a:pt x="543" y="197"/>
                  </a:lnTo>
                  <a:lnTo>
                    <a:pt x="541" y="193"/>
                  </a:lnTo>
                  <a:lnTo>
                    <a:pt x="539" y="188"/>
                  </a:lnTo>
                  <a:lnTo>
                    <a:pt x="536" y="185"/>
                  </a:lnTo>
                  <a:lnTo>
                    <a:pt x="532" y="182"/>
                  </a:lnTo>
                  <a:lnTo>
                    <a:pt x="523" y="178"/>
                  </a:lnTo>
                  <a:lnTo>
                    <a:pt x="514" y="175"/>
                  </a:lnTo>
                  <a:lnTo>
                    <a:pt x="503" y="173"/>
                  </a:lnTo>
                  <a:lnTo>
                    <a:pt x="494" y="169"/>
                  </a:lnTo>
                  <a:lnTo>
                    <a:pt x="490" y="167"/>
                  </a:lnTo>
                  <a:lnTo>
                    <a:pt x="484" y="165"/>
                  </a:lnTo>
                  <a:lnTo>
                    <a:pt x="481" y="163"/>
                  </a:lnTo>
                  <a:lnTo>
                    <a:pt x="478" y="160"/>
                  </a:lnTo>
                  <a:lnTo>
                    <a:pt x="481" y="155"/>
                  </a:lnTo>
                  <a:lnTo>
                    <a:pt x="484" y="147"/>
                  </a:lnTo>
                  <a:lnTo>
                    <a:pt x="487" y="140"/>
                  </a:lnTo>
                  <a:lnTo>
                    <a:pt x="488" y="131"/>
                  </a:lnTo>
                  <a:lnTo>
                    <a:pt x="488" y="113"/>
                  </a:lnTo>
                  <a:lnTo>
                    <a:pt x="487" y="94"/>
                  </a:lnTo>
                  <a:lnTo>
                    <a:pt x="493" y="101"/>
                  </a:lnTo>
                  <a:lnTo>
                    <a:pt x="498" y="107"/>
                  </a:lnTo>
                  <a:lnTo>
                    <a:pt x="504" y="114"/>
                  </a:lnTo>
                  <a:lnTo>
                    <a:pt x="511" y="119"/>
                  </a:lnTo>
                  <a:lnTo>
                    <a:pt x="518" y="124"/>
                  </a:lnTo>
                  <a:lnTo>
                    <a:pt x="526" y="129"/>
                  </a:lnTo>
                  <a:lnTo>
                    <a:pt x="534" y="134"/>
                  </a:lnTo>
                  <a:lnTo>
                    <a:pt x="542" y="137"/>
                  </a:lnTo>
                  <a:lnTo>
                    <a:pt x="551" y="141"/>
                  </a:lnTo>
                  <a:lnTo>
                    <a:pt x="560" y="143"/>
                  </a:lnTo>
                  <a:lnTo>
                    <a:pt x="571" y="146"/>
                  </a:lnTo>
                  <a:lnTo>
                    <a:pt x="581" y="147"/>
                  </a:lnTo>
                  <a:lnTo>
                    <a:pt x="592" y="149"/>
                  </a:lnTo>
                  <a:lnTo>
                    <a:pt x="603" y="150"/>
                  </a:lnTo>
                  <a:lnTo>
                    <a:pt x="615" y="150"/>
                  </a:lnTo>
                  <a:lnTo>
                    <a:pt x="628" y="150"/>
                  </a:lnTo>
                  <a:lnTo>
                    <a:pt x="635" y="143"/>
                  </a:lnTo>
                  <a:lnTo>
                    <a:pt x="642" y="136"/>
                  </a:lnTo>
                  <a:lnTo>
                    <a:pt x="649" y="128"/>
                  </a:lnTo>
                  <a:lnTo>
                    <a:pt x="656" y="120"/>
                  </a:lnTo>
                  <a:lnTo>
                    <a:pt x="668" y="103"/>
                  </a:lnTo>
                  <a:lnTo>
                    <a:pt x="680" y="86"/>
                  </a:lnTo>
                  <a:lnTo>
                    <a:pt x="688" y="79"/>
                  </a:lnTo>
                  <a:lnTo>
                    <a:pt x="695" y="71"/>
                  </a:lnTo>
                  <a:lnTo>
                    <a:pt x="703" y="65"/>
                  </a:lnTo>
                  <a:lnTo>
                    <a:pt x="712" y="59"/>
                  </a:lnTo>
                  <a:lnTo>
                    <a:pt x="721" y="55"/>
                  </a:lnTo>
                  <a:lnTo>
                    <a:pt x="733" y="50"/>
                  </a:lnTo>
                  <a:lnTo>
                    <a:pt x="745" y="48"/>
                  </a:lnTo>
                  <a:lnTo>
                    <a:pt x="758" y="47"/>
                  </a:lnTo>
                  <a:lnTo>
                    <a:pt x="758" y="36"/>
                  </a:lnTo>
                  <a:lnTo>
                    <a:pt x="758" y="24"/>
                  </a:lnTo>
                  <a:lnTo>
                    <a:pt x="758" y="12"/>
                  </a:lnTo>
                  <a:lnTo>
                    <a:pt x="758" y="0"/>
                  </a:lnTo>
                  <a:lnTo>
                    <a:pt x="776" y="1"/>
                  </a:lnTo>
                  <a:lnTo>
                    <a:pt x="794" y="2"/>
                  </a:lnTo>
                  <a:lnTo>
                    <a:pt x="811" y="5"/>
                  </a:lnTo>
                  <a:lnTo>
                    <a:pt x="828" y="10"/>
                  </a:lnTo>
                  <a:lnTo>
                    <a:pt x="845" y="17"/>
                  </a:lnTo>
                  <a:lnTo>
                    <a:pt x="861" y="24"/>
                  </a:lnTo>
                  <a:lnTo>
                    <a:pt x="876" y="34"/>
                  </a:lnTo>
                  <a:lnTo>
                    <a:pt x="891" y="44"/>
                  </a:lnTo>
                  <a:lnTo>
                    <a:pt x="905" y="56"/>
                  </a:lnTo>
                  <a:lnTo>
                    <a:pt x="917" y="68"/>
                  </a:lnTo>
                  <a:lnTo>
                    <a:pt x="929" y="82"/>
                  </a:lnTo>
                  <a:lnTo>
                    <a:pt x="939" y="98"/>
                  </a:lnTo>
                  <a:lnTo>
                    <a:pt x="948" y="114"/>
                  </a:lnTo>
                  <a:lnTo>
                    <a:pt x="955" y="131"/>
                  </a:lnTo>
                  <a:lnTo>
                    <a:pt x="960" y="149"/>
                  </a:lnTo>
                  <a:lnTo>
                    <a:pt x="965" y="169"/>
                  </a:lnTo>
                  <a:lnTo>
                    <a:pt x="957" y="168"/>
                  </a:lnTo>
                  <a:lnTo>
                    <a:pt x="952" y="170"/>
                  </a:lnTo>
                  <a:lnTo>
                    <a:pt x="950" y="171"/>
                  </a:lnTo>
                  <a:lnTo>
                    <a:pt x="948" y="174"/>
                  </a:lnTo>
                  <a:lnTo>
                    <a:pt x="947" y="176"/>
                  </a:lnTo>
                  <a:lnTo>
                    <a:pt x="946" y="178"/>
                  </a:lnTo>
                  <a:lnTo>
                    <a:pt x="939" y="179"/>
                  </a:lnTo>
                  <a:lnTo>
                    <a:pt x="934" y="180"/>
                  </a:lnTo>
                  <a:lnTo>
                    <a:pt x="929" y="179"/>
                  </a:lnTo>
                  <a:lnTo>
                    <a:pt x="925" y="178"/>
                  </a:lnTo>
                  <a:lnTo>
                    <a:pt x="918" y="175"/>
                  </a:lnTo>
                  <a:lnTo>
                    <a:pt x="913" y="169"/>
                  </a:lnTo>
                  <a:lnTo>
                    <a:pt x="908" y="163"/>
                  </a:lnTo>
                  <a:lnTo>
                    <a:pt x="902" y="158"/>
                  </a:lnTo>
                  <a:lnTo>
                    <a:pt x="900" y="156"/>
                  </a:lnTo>
                  <a:lnTo>
                    <a:pt x="897" y="154"/>
                  </a:lnTo>
                  <a:lnTo>
                    <a:pt x="894" y="151"/>
                  </a:lnTo>
                  <a:lnTo>
                    <a:pt x="890" y="150"/>
                  </a:lnTo>
                  <a:lnTo>
                    <a:pt x="882" y="154"/>
                  </a:lnTo>
                  <a:lnTo>
                    <a:pt x="877" y="158"/>
                  </a:lnTo>
                  <a:lnTo>
                    <a:pt x="873" y="163"/>
                  </a:lnTo>
                  <a:lnTo>
                    <a:pt x="871" y="168"/>
                  </a:lnTo>
                  <a:lnTo>
                    <a:pt x="870" y="174"/>
                  </a:lnTo>
                  <a:lnTo>
                    <a:pt x="871" y="179"/>
                  </a:lnTo>
                  <a:lnTo>
                    <a:pt x="872" y="185"/>
                  </a:lnTo>
                  <a:lnTo>
                    <a:pt x="874" y="191"/>
                  </a:lnTo>
                  <a:lnTo>
                    <a:pt x="888" y="215"/>
                  </a:lnTo>
                  <a:lnTo>
                    <a:pt x="899" y="235"/>
                  </a:lnTo>
                  <a:lnTo>
                    <a:pt x="899" y="244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122" name="Syddjurs og Favrskov"/>
            <p:cNvGrpSpPr/>
            <p:nvPr/>
          </p:nvGrpSpPr>
          <p:grpSpPr>
            <a:xfrm>
              <a:off x="1751015" y="3956056"/>
              <a:ext cx="920752" cy="420688"/>
              <a:chOff x="1751015" y="3956056"/>
              <a:chExt cx="920752" cy="420688"/>
            </a:xfrm>
            <a:grpFill/>
          </p:grpSpPr>
          <p:sp>
            <p:nvSpPr>
              <p:cNvPr id="1167" name="Freeform 141"/>
              <p:cNvSpPr>
                <a:spLocks/>
              </p:cNvSpPr>
              <p:nvPr/>
            </p:nvSpPr>
            <p:spPr bwMode="auto">
              <a:xfrm>
                <a:off x="2432054" y="4286256"/>
                <a:ext cx="3175" cy="22225"/>
              </a:xfrm>
              <a:custGeom>
                <a:avLst/>
                <a:gdLst>
                  <a:gd name="T0" fmla="*/ 0 w 5"/>
                  <a:gd name="T1" fmla="*/ 0 h 42"/>
                  <a:gd name="T2" fmla="*/ 0 w 5"/>
                  <a:gd name="T3" fmla="*/ 4 h 42"/>
                  <a:gd name="T4" fmla="*/ 0 w 5"/>
                  <a:gd name="T5" fmla="*/ 8 h 42"/>
                  <a:gd name="T6" fmla="*/ 1 w 5"/>
                  <a:gd name="T7" fmla="*/ 11 h 42"/>
                  <a:gd name="T8" fmla="*/ 2 w 5"/>
                  <a:gd name="T9" fmla="*/ 14 h 42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0" t="0" r="r" b="b"/>
                <a:pathLst>
                  <a:path w="5" h="42">
                    <a:moveTo>
                      <a:pt x="0" y="0"/>
                    </a:moveTo>
                    <a:lnTo>
                      <a:pt x="0" y="11"/>
                    </a:lnTo>
                    <a:lnTo>
                      <a:pt x="0" y="23"/>
                    </a:lnTo>
                    <a:lnTo>
                      <a:pt x="2" y="33"/>
                    </a:lnTo>
                    <a:lnTo>
                      <a:pt x="5" y="42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68" name="Syddjurs og Favrskov 2"/>
              <p:cNvSpPr>
                <a:spLocks/>
              </p:cNvSpPr>
              <p:nvPr/>
            </p:nvSpPr>
            <p:spPr bwMode="auto">
              <a:xfrm>
                <a:off x="2400303" y="4303719"/>
                <a:ext cx="57150" cy="73025"/>
              </a:xfrm>
              <a:custGeom>
                <a:avLst/>
                <a:gdLst>
                  <a:gd name="T0" fmla="*/ 22 w 108"/>
                  <a:gd name="T1" fmla="*/ 0 h 140"/>
                  <a:gd name="T2" fmla="*/ 24 w 108"/>
                  <a:gd name="T3" fmla="*/ 2 h 140"/>
                  <a:gd name="T4" fmla="*/ 27 w 108"/>
                  <a:gd name="T5" fmla="*/ 4 h 140"/>
                  <a:gd name="T6" fmla="*/ 29 w 108"/>
                  <a:gd name="T7" fmla="*/ 6 h 140"/>
                  <a:gd name="T8" fmla="*/ 31 w 108"/>
                  <a:gd name="T9" fmla="*/ 8 h 140"/>
                  <a:gd name="T10" fmla="*/ 32 w 108"/>
                  <a:gd name="T11" fmla="*/ 11 h 140"/>
                  <a:gd name="T12" fmla="*/ 34 w 108"/>
                  <a:gd name="T13" fmla="*/ 13 h 140"/>
                  <a:gd name="T14" fmla="*/ 35 w 108"/>
                  <a:gd name="T15" fmla="*/ 16 h 140"/>
                  <a:gd name="T16" fmla="*/ 35 w 108"/>
                  <a:gd name="T17" fmla="*/ 19 h 140"/>
                  <a:gd name="T18" fmla="*/ 36 w 108"/>
                  <a:gd name="T19" fmla="*/ 22 h 140"/>
                  <a:gd name="T20" fmla="*/ 36 w 108"/>
                  <a:gd name="T21" fmla="*/ 25 h 140"/>
                  <a:gd name="T22" fmla="*/ 36 w 108"/>
                  <a:gd name="T23" fmla="*/ 28 h 140"/>
                  <a:gd name="T24" fmla="*/ 36 w 108"/>
                  <a:gd name="T25" fmla="*/ 31 h 140"/>
                  <a:gd name="T26" fmla="*/ 35 w 108"/>
                  <a:gd name="T27" fmla="*/ 34 h 140"/>
                  <a:gd name="T28" fmla="*/ 34 w 108"/>
                  <a:gd name="T29" fmla="*/ 37 h 140"/>
                  <a:gd name="T30" fmla="*/ 33 w 108"/>
                  <a:gd name="T31" fmla="*/ 40 h 140"/>
                  <a:gd name="T32" fmla="*/ 31 w 108"/>
                  <a:gd name="T33" fmla="*/ 43 h 140"/>
                  <a:gd name="T34" fmla="*/ 28 w 108"/>
                  <a:gd name="T35" fmla="*/ 43 h 140"/>
                  <a:gd name="T36" fmla="*/ 25 w 108"/>
                  <a:gd name="T37" fmla="*/ 43 h 140"/>
                  <a:gd name="T38" fmla="*/ 23 w 108"/>
                  <a:gd name="T39" fmla="*/ 43 h 140"/>
                  <a:gd name="T40" fmla="*/ 21 w 108"/>
                  <a:gd name="T41" fmla="*/ 44 h 140"/>
                  <a:gd name="T42" fmla="*/ 19 w 108"/>
                  <a:gd name="T43" fmla="*/ 45 h 140"/>
                  <a:gd name="T44" fmla="*/ 17 w 108"/>
                  <a:gd name="T45" fmla="*/ 45 h 140"/>
                  <a:gd name="T46" fmla="*/ 15 w 108"/>
                  <a:gd name="T47" fmla="*/ 46 h 140"/>
                  <a:gd name="T48" fmla="*/ 13 w 108"/>
                  <a:gd name="T49" fmla="*/ 46 h 140"/>
                  <a:gd name="T50" fmla="*/ 11 w 108"/>
                  <a:gd name="T51" fmla="*/ 42 h 140"/>
                  <a:gd name="T52" fmla="*/ 9 w 108"/>
                  <a:gd name="T53" fmla="*/ 37 h 140"/>
                  <a:gd name="T54" fmla="*/ 7 w 108"/>
                  <a:gd name="T55" fmla="*/ 34 h 140"/>
                  <a:gd name="T56" fmla="*/ 4 w 108"/>
                  <a:gd name="T57" fmla="*/ 30 h 140"/>
                  <a:gd name="T58" fmla="*/ 2 w 108"/>
                  <a:gd name="T59" fmla="*/ 25 h 140"/>
                  <a:gd name="T60" fmla="*/ 1 w 108"/>
                  <a:gd name="T61" fmla="*/ 21 h 140"/>
                  <a:gd name="T62" fmla="*/ 0 w 108"/>
                  <a:gd name="T63" fmla="*/ 18 h 140"/>
                  <a:gd name="T64" fmla="*/ 0 w 108"/>
                  <a:gd name="T65" fmla="*/ 16 h 140"/>
                  <a:gd name="T66" fmla="*/ 0 w 108"/>
                  <a:gd name="T67" fmla="*/ 12 h 140"/>
                  <a:gd name="T68" fmla="*/ 0 w 108"/>
                  <a:gd name="T69" fmla="*/ 10 h 140"/>
                  <a:gd name="T70" fmla="*/ 6 w 108"/>
                  <a:gd name="T71" fmla="*/ 10 h 140"/>
                  <a:gd name="T72" fmla="*/ 11 w 108"/>
                  <a:gd name="T73" fmla="*/ 10 h 140"/>
                  <a:gd name="T74" fmla="*/ 13 w 108"/>
                  <a:gd name="T75" fmla="*/ 9 h 140"/>
                  <a:gd name="T76" fmla="*/ 15 w 108"/>
                  <a:gd name="T77" fmla="*/ 8 h 140"/>
                  <a:gd name="T78" fmla="*/ 17 w 108"/>
                  <a:gd name="T79" fmla="*/ 7 h 140"/>
                  <a:gd name="T80" fmla="*/ 19 w 108"/>
                  <a:gd name="T81" fmla="*/ 6 h 140"/>
                  <a:gd name="T82" fmla="*/ 19 w 108"/>
                  <a:gd name="T83" fmla="*/ 5 h 140"/>
                  <a:gd name="T84" fmla="*/ 19 w 108"/>
                  <a:gd name="T85" fmla="*/ 3 h 140"/>
                  <a:gd name="T86" fmla="*/ 22 w 108"/>
                  <a:gd name="T87" fmla="*/ 0 h 140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0" t="0" r="r" b="b"/>
                <a:pathLst>
                  <a:path w="108" h="140">
                    <a:moveTo>
                      <a:pt x="66" y="0"/>
                    </a:moveTo>
                    <a:lnTo>
                      <a:pt x="73" y="5"/>
                    </a:lnTo>
                    <a:lnTo>
                      <a:pt x="81" y="11"/>
                    </a:lnTo>
                    <a:lnTo>
                      <a:pt x="86" y="17"/>
                    </a:lnTo>
                    <a:lnTo>
                      <a:pt x="92" y="24"/>
                    </a:lnTo>
                    <a:lnTo>
                      <a:pt x="97" y="32"/>
                    </a:lnTo>
                    <a:lnTo>
                      <a:pt x="101" y="40"/>
                    </a:lnTo>
                    <a:lnTo>
                      <a:pt x="104" y="49"/>
                    </a:lnTo>
                    <a:lnTo>
                      <a:pt x="106" y="58"/>
                    </a:lnTo>
                    <a:lnTo>
                      <a:pt x="108" y="66"/>
                    </a:lnTo>
                    <a:lnTo>
                      <a:pt x="108" y="76"/>
                    </a:lnTo>
                    <a:lnTo>
                      <a:pt x="108" y="85"/>
                    </a:lnTo>
                    <a:lnTo>
                      <a:pt x="107" y="95"/>
                    </a:lnTo>
                    <a:lnTo>
                      <a:pt x="105" y="104"/>
                    </a:lnTo>
                    <a:lnTo>
                      <a:pt x="102" y="114"/>
                    </a:lnTo>
                    <a:lnTo>
                      <a:pt x="99" y="122"/>
                    </a:lnTo>
                    <a:lnTo>
                      <a:pt x="93" y="132"/>
                    </a:lnTo>
                    <a:lnTo>
                      <a:pt x="84" y="130"/>
                    </a:lnTo>
                    <a:lnTo>
                      <a:pt x="76" y="130"/>
                    </a:lnTo>
                    <a:lnTo>
                      <a:pt x="69" y="132"/>
                    </a:lnTo>
                    <a:lnTo>
                      <a:pt x="63" y="134"/>
                    </a:lnTo>
                    <a:lnTo>
                      <a:pt x="58" y="136"/>
                    </a:lnTo>
                    <a:lnTo>
                      <a:pt x="51" y="138"/>
                    </a:lnTo>
                    <a:lnTo>
                      <a:pt x="45" y="140"/>
                    </a:lnTo>
                    <a:lnTo>
                      <a:pt x="38" y="140"/>
                    </a:lnTo>
                    <a:lnTo>
                      <a:pt x="32" y="127"/>
                    </a:lnTo>
                    <a:lnTo>
                      <a:pt x="26" y="114"/>
                    </a:lnTo>
                    <a:lnTo>
                      <a:pt x="20" y="102"/>
                    </a:lnTo>
                    <a:lnTo>
                      <a:pt x="13" y="90"/>
                    </a:lnTo>
                    <a:lnTo>
                      <a:pt x="7" y="77"/>
                    </a:lnTo>
                    <a:lnTo>
                      <a:pt x="3" y="63"/>
                    </a:lnTo>
                    <a:lnTo>
                      <a:pt x="1" y="55"/>
                    </a:lnTo>
                    <a:lnTo>
                      <a:pt x="0" y="48"/>
                    </a:lnTo>
                    <a:lnTo>
                      <a:pt x="0" y="38"/>
                    </a:lnTo>
                    <a:lnTo>
                      <a:pt x="0" y="29"/>
                    </a:lnTo>
                    <a:lnTo>
                      <a:pt x="17" y="29"/>
                    </a:lnTo>
                    <a:lnTo>
                      <a:pt x="32" y="29"/>
                    </a:lnTo>
                    <a:lnTo>
                      <a:pt x="40" y="26"/>
                    </a:lnTo>
                    <a:lnTo>
                      <a:pt x="46" y="25"/>
                    </a:lnTo>
                    <a:lnTo>
                      <a:pt x="51" y="22"/>
                    </a:lnTo>
                    <a:lnTo>
                      <a:pt x="57" y="19"/>
                    </a:lnTo>
                    <a:lnTo>
                      <a:pt x="57" y="14"/>
                    </a:lnTo>
                    <a:lnTo>
                      <a:pt x="57" y="10"/>
                    </a:lnTo>
                    <a:lnTo>
                      <a:pt x="66" y="0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69" name="Syddjurs og Favrskov kant 2"/>
              <p:cNvSpPr>
                <a:spLocks/>
              </p:cNvSpPr>
              <p:nvPr/>
            </p:nvSpPr>
            <p:spPr bwMode="auto">
              <a:xfrm>
                <a:off x="2400303" y="4303719"/>
                <a:ext cx="57150" cy="73025"/>
              </a:xfrm>
              <a:custGeom>
                <a:avLst/>
                <a:gdLst>
                  <a:gd name="T0" fmla="*/ 22 w 108"/>
                  <a:gd name="T1" fmla="*/ 0 h 140"/>
                  <a:gd name="T2" fmla="*/ 24 w 108"/>
                  <a:gd name="T3" fmla="*/ 2 h 140"/>
                  <a:gd name="T4" fmla="*/ 27 w 108"/>
                  <a:gd name="T5" fmla="*/ 4 h 140"/>
                  <a:gd name="T6" fmla="*/ 29 w 108"/>
                  <a:gd name="T7" fmla="*/ 6 h 140"/>
                  <a:gd name="T8" fmla="*/ 31 w 108"/>
                  <a:gd name="T9" fmla="*/ 8 h 140"/>
                  <a:gd name="T10" fmla="*/ 32 w 108"/>
                  <a:gd name="T11" fmla="*/ 11 h 140"/>
                  <a:gd name="T12" fmla="*/ 34 w 108"/>
                  <a:gd name="T13" fmla="*/ 13 h 140"/>
                  <a:gd name="T14" fmla="*/ 35 w 108"/>
                  <a:gd name="T15" fmla="*/ 16 h 140"/>
                  <a:gd name="T16" fmla="*/ 35 w 108"/>
                  <a:gd name="T17" fmla="*/ 19 h 140"/>
                  <a:gd name="T18" fmla="*/ 36 w 108"/>
                  <a:gd name="T19" fmla="*/ 22 h 140"/>
                  <a:gd name="T20" fmla="*/ 36 w 108"/>
                  <a:gd name="T21" fmla="*/ 25 h 140"/>
                  <a:gd name="T22" fmla="*/ 36 w 108"/>
                  <a:gd name="T23" fmla="*/ 28 h 140"/>
                  <a:gd name="T24" fmla="*/ 36 w 108"/>
                  <a:gd name="T25" fmla="*/ 31 h 140"/>
                  <a:gd name="T26" fmla="*/ 35 w 108"/>
                  <a:gd name="T27" fmla="*/ 34 h 140"/>
                  <a:gd name="T28" fmla="*/ 34 w 108"/>
                  <a:gd name="T29" fmla="*/ 37 h 140"/>
                  <a:gd name="T30" fmla="*/ 33 w 108"/>
                  <a:gd name="T31" fmla="*/ 40 h 140"/>
                  <a:gd name="T32" fmla="*/ 31 w 108"/>
                  <a:gd name="T33" fmla="*/ 43 h 140"/>
                  <a:gd name="T34" fmla="*/ 28 w 108"/>
                  <a:gd name="T35" fmla="*/ 43 h 140"/>
                  <a:gd name="T36" fmla="*/ 25 w 108"/>
                  <a:gd name="T37" fmla="*/ 43 h 140"/>
                  <a:gd name="T38" fmla="*/ 23 w 108"/>
                  <a:gd name="T39" fmla="*/ 43 h 140"/>
                  <a:gd name="T40" fmla="*/ 21 w 108"/>
                  <a:gd name="T41" fmla="*/ 44 h 140"/>
                  <a:gd name="T42" fmla="*/ 19 w 108"/>
                  <a:gd name="T43" fmla="*/ 45 h 140"/>
                  <a:gd name="T44" fmla="*/ 17 w 108"/>
                  <a:gd name="T45" fmla="*/ 45 h 140"/>
                  <a:gd name="T46" fmla="*/ 15 w 108"/>
                  <a:gd name="T47" fmla="*/ 46 h 140"/>
                  <a:gd name="T48" fmla="*/ 13 w 108"/>
                  <a:gd name="T49" fmla="*/ 46 h 140"/>
                  <a:gd name="T50" fmla="*/ 11 w 108"/>
                  <a:gd name="T51" fmla="*/ 42 h 140"/>
                  <a:gd name="T52" fmla="*/ 9 w 108"/>
                  <a:gd name="T53" fmla="*/ 37 h 140"/>
                  <a:gd name="T54" fmla="*/ 7 w 108"/>
                  <a:gd name="T55" fmla="*/ 34 h 140"/>
                  <a:gd name="T56" fmla="*/ 4 w 108"/>
                  <a:gd name="T57" fmla="*/ 30 h 140"/>
                  <a:gd name="T58" fmla="*/ 2 w 108"/>
                  <a:gd name="T59" fmla="*/ 25 h 140"/>
                  <a:gd name="T60" fmla="*/ 1 w 108"/>
                  <a:gd name="T61" fmla="*/ 21 h 140"/>
                  <a:gd name="T62" fmla="*/ 0 w 108"/>
                  <a:gd name="T63" fmla="*/ 18 h 140"/>
                  <a:gd name="T64" fmla="*/ 0 w 108"/>
                  <a:gd name="T65" fmla="*/ 16 h 140"/>
                  <a:gd name="T66" fmla="*/ 0 w 108"/>
                  <a:gd name="T67" fmla="*/ 12 h 140"/>
                  <a:gd name="T68" fmla="*/ 0 w 108"/>
                  <a:gd name="T69" fmla="*/ 10 h 140"/>
                  <a:gd name="T70" fmla="*/ 6 w 108"/>
                  <a:gd name="T71" fmla="*/ 10 h 140"/>
                  <a:gd name="T72" fmla="*/ 11 w 108"/>
                  <a:gd name="T73" fmla="*/ 10 h 140"/>
                  <a:gd name="T74" fmla="*/ 13 w 108"/>
                  <a:gd name="T75" fmla="*/ 9 h 140"/>
                  <a:gd name="T76" fmla="*/ 15 w 108"/>
                  <a:gd name="T77" fmla="*/ 8 h 140"/>
                  <a:gd name="T78" fmla="*/ 17 w 108"/>
                  <a:gd name="T79" fmla="*/ 7 h 140"/>
                  <a:gd name="T80" fmla="*/ 19 w 108"/>
                  <a:gd name="T81" fmla="*/ 6 h 140"/>
                  <a:gd name="T82" fmla="*/ 19 w 108"/>
                  <a:gd name="T83" fmla="*/ 5 h 140"/>
                  <a:gd name="T84" fmla="*/ 19 w 108"/>
                  <a:gd name="T85" fmla="*/ 3 h 140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08" h="140">
                    <a:moveTo>
                      <a:pt x="66" y="0"/>
                    </a:moveTo>
                    <a:lnTo>
                      <a:pt x="73" y="5"/>
                    </a:lnTo>
                    <a:lnTo>
                      <a:pt x="81" y="11"/>
                    </a:lnTo>
                    <a:lnTo>
                      <a:pt x="86" y="17"/>
                    </a:lnTo>
                    <a:lnTo>
                      <a:pt x="92" y="24"/>
                    </a:lnTo>
                    <a:lnTo>
                      <a:pt x="97" y="32"/>
                    </a:lnTo>
                    <a:lnTo>
                      <a:pt x="101" y="40"/>
                    </a:lnTo>
                    <a:lnTo>
                      <a:pt x="104" y="49"/>
                    </a:lnTo>
                    <a:lnTo>
                      <a:pt x="106" y="58"/>
                    </a:lnTo>
                    <a:lnTo>
                      <a:pt x="108" y="66"/>
                    </a:lnTo>
                    <a:lnTo>
                      <a:pt x="108" y="76"/>
                    </a:lnTo>
                    <a:lnTo>
                      <a:pt x="108" y="85"/>
                    </a:lnTo>
                    <a:lnTo>
                      <a:pt x="107" y="95"/>
                    </a:lnTo>
                    <a:lnTo>
                      <a:pt x="105" y="104"/>
                    </a:lnTo>
                    <a:lnTo>
                      <a:pt x="102" y="114"/>
                    </a:lnTo>
                    <a:lnTo>
                      <a:pt x="99" y="122"/>
                    </a:lnTo>
                    <a:lnTo>
                      <a:pt x="93" y="132"/>
                    </a:lnTo>
                    <a:lnTo>
                      <a:pt x="84" y="130"/>
                    </a:lnTo>
                    <a:lnTo>
                      <a:pt x="76" y="130"/>
                    </a:lnTo>
                    <a:lnTo>
                      <a:pt x="69" y="132"/>
                    </a:lnTo>
                    <a:lnTo>
                      <a:pt x="63" y="134"/>
                    </a:lnTo>
                    <a:lnTo>
                      <a:pt x="58" y="136"/>
                    </a:lnTo>
                    <a:lnTo>
                      <a:pt x="51" y="138"/>
                    </a:lnTo>
                    <a:lnTo>
                      <a:pt x="45" y="140"/>
                    </a:lnTo>
                    <a:lnTo>
                      <a:pt x="38" y="140"/>
                    </a:lnTo>
                    <a:lnTo>
                      <a:pt x="32" y="127"/>
                    </a:lnTo>
                    <a:lnTo>
                      <a:pt x="26" y="114"/>
                    </a:lnTo>
                    <a:lnTo>
                      <a:pt x="20" y="102"/>
                    </a:lnTo>
                    <a:lnTo>
                      <a:pt x="13" y="90"/>
                    </a:lnTo>
                    <a:lnTo>
                      <a:pt x="7" y="77"/>
                    </a:lnTo>
                    <a:lnTo>
                      <a:pt x="3" y="63"/>
                    </a:lnTo>
                    <a:lnTo>
                      <a:pt x="1" y="55"/>
                    </a:lnTo>
                    <a:lnTo>
                      <a:pt x="0" y="48"/>
                    </a:lnTo>
                    <a:lnTo>
                      <a:pt x="0" y="38"/>
                    </a:lnTo>
                    <a:lnTo>
                      <a:pt x="0" y="29"/>
                    </a:lnTo>
                    <a:lnTo>
                      <a:pt x="17" y="29"/>
                    </a:lnTo>
                    <a:lnTo>
                      <a:pt x="32" y="29"/>
                    </a:lnTo>
                    <a:lnTo>
                      <a:pt x="40" y="26"/>
                    </a:lnTo>
                    <a:lnTo>
                      <a:pt x="46" y="25"/>
                    </a:lnTo>
                    <a:lnTo>
                      <a:pt x="51" y="22"/>
                    </a:lnTo>
                    <a:lnTo>
                      <a:pt x="57" y="19"/>
                    </a:lnTo>
                    <a:lnTo>
                      <a:pt x="57" y="14"/>
                    </a:lnTo>
                    <a:lnTo>
                      <a:pt x="57" y="10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70" name="Line 149"/>
              <p:cNvSpPr>
                <a:spLocks noChangeShapeType="1"/>
              </p:cNvSpPr>
              <p:nvPr/>
            </p:nvSpPr>
            <p:spPr bwMode="auto">
              <a:xfrm flipH="1" flipV="1">
                <a:off x="2430466" y="4283081"/>
                <a:ext cx="1588" cy="3175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71" name="Syddjurs og Favrskov"/>
              <p:cNvSpPr>
                <a:spLocks/>
              </p:cNvSpPr>
              <p:nvPr/>
            </p:nvSpPr>
            <p:spPr bwMode="auto">
              <a:xfrm>
                <a:off x="1751015" y="3956056"/>
                <a:ext cx="920752" cy="361951"/>
              </a:xfrm>
              <a:custGeom>
                <a:avLst/>
                <a:gdLst>
                  <a:gd name="T0" fmla="*/ 400 w 1742"/>
                  <a:gd name="T1" fmla="*/ 200 h 684"/>
                  <a:gd name="T2" fmla="*/ 372 w 1742"/>
                  <a:gd name="T3" fmla="*/ 213 h 684"/>
                  <a:gd name="T4" fmla="*/ 353 w 1742"/>
                  <a:gd name="T5" fmla="*/ 199 h 684"/>
                  <a:gd name="T6" fmla="*/ 360 w 1742"/>
                  <a:gd name="T7" fmla="*/ 184 h 684"/>
                  <a:gd name="T8" fmla="*/ 379 w 1742"/>
                  <a:gd name="T9" fmla="*/ 173 h 684"/>
                  <a:gd name="T10" fmla="*/ 383 w 1742"/>
                  <a:gd name="T11" fmla="*/ 187 h 684"/>
                  <a:gd name="T12" fmla="*/ 399 w 1742"/>
                  <a:gd name="T13" fmla="*/ 168 h 684"/>
                  <a:gd name="T14" fmla="*/ 397 w 1742"/>
                  <a:gd name="T15" fmla="*/ 155 h 684"/>
                  <a:gd name="T16" fmla="*/ 417 w 1742"/>
                  <a:gd name="T17" fmla="*/ 133 h 684"/>
                  <a:gd name="T18" fmla="*/ 393 w 1742"/>
                  <a:gd name="T19" fmla="*/ 121 h 684"/>
                  <a:gd name="T20" fmla="*/ 344 w 1742"/>
                  <a:gd name="T21" fmla="*/ 120 h 684"/>
                  <a:gd name="T22" fmla="*/ 306 w 1742"/>
                  <a:gd name="T23" fmla="*/ 112 h 684"/>
                  <a:gd name="T24" fmla="*/ 294 w 1742"/>
                  <a:gd name="T25" fmla="*/ 111 h 684"/>
                  <a:gd name="T26" fmla="*/ 262 w 1742"/>
                  <a:gd name="T27" fmla="*/ 87 h 684"/>
                  <a:gd name="T28" fmla="*/ 245 w 1742"/>
                  <a:gd name="T29" fmla="*/ 90 h 684"/>
                  <a:gd name="T30" fmla="*/ 247 w 1742"/>
                  <a:gd name="T31" fmla="*/ 104 h 684"/>
                  <a:gd name="T32" fmla="*/ 224 w 1742"/>
                  <a:gd name="T33" fmla="*/ 118 h 684"/>
                  <a:gd name="T34" fmla="*/ 190 w 1742"/>
                  <a:gd name="T35" fmla="*/ 164 h 684"/>
                  <a:gd name="T36" fmla="*/ 159 w 1742"/>
                  <a:gd name="T37" fmla="*/ 178 h 684"/>
                  <a:gd name="T38" fmla="*/ 111 w 1742"/>
                  <a:gd name="T39" fmla="*/ 179 h 684"/>
                  <a:gd name="T40" fmla="*/ 59 w 1742"/>
                  <a:gd name="T41" fmla="*/ 192 h 684"/>
                  <a:gd name="T42" fmla="*/ 55 w 1742"/>
                  <a:gd name="T43" fmla="*/ 175 h 684"/>
                  <a:gd name="T44" fmla="*/ 57 w 1742"/>
                  <a:gd name="T45" fmla="*/ 160 h 684"/>
                  <a:gd name="T46" fmla="*/ 57 w 1742"/>
                  <a:gd name="T47" fmla="*/ 146 h 684"/>
                  <a:gd name="T48" fmla="*/ 53 w 1742"/>
                  <a:gd name="T49" fmla="*/ 132 h 684"/>
                  <a:gd name="T50" fmla="*/ 43 w 1742"/>
                  <a:gd name="T51" fmla="*/ 114 h 684"/>
                  <a:gd name="T52" fmla="*/ 6 w 1742"/>
                  <a:gd name="T53" fmla="*/ 100 h 684"/>
                  <a:gd name="T54" fmla="*/ 16 w 1742"/>
                  <a:gd name="T55" fmla="*/ 63 h 684"/>
                  <a:gd name="T56" fmla="*/ 29 w 1742"/>
                  <a:gd name="T57" fmla="*/ 39 h 684"/>
                  <a:gd name="T58" fmla="*/ 46 w 1742"/>
                  <a:gd name="T59" fmla="*/ 19 h 684"/>
                  <a:gd name="T60" fmla="*/ 65 w 1742"/>
                  <a:gd name="T61" fmla="*/ 1 h 684"/>
                  <a:gd name="T62" fmla="*/ 80 w 1742"/>
                  <a:gd name="T63" fmla="*/ 14 h 684"/>
                  <a:gd name="T64" fmla="*/ 61 w 1742"/>
                  <a:gd name="T65" fmla="*/ 21 h 684"/>
                  <a:gd name="T66" fmla="*/ 64 w 1742"/>
                  <a:gd name="T67" fmla="*/ 39 h 684"/>
                  <a:gd name="T68" fmla="*/ 89 w 1742"/>
                  <a:gd name="T69" fmla="*/ 48 h 684"/>
                  <a:gd name="T70" fmla="*/ 120 w 1742"/>
                  <a:gd name="T71" fmla="*/ 56 h 684"/>
                  <a:gd name="T72" fmla="*/ 150 w 1742"/>
                  <a:gd name="T73" fmla="*/ 40 h 684"/>
                  <a:gd name="T74" fmla="*/ 212 w 1742"/>
                  <a:gd name="T75" fmla="*/ 53 h 684"/>
                  <a:gd name="T76" fmla="*/ 225 w 1742"/>
                  <a:gd name="T77" fmla="*/ 47 h 684"/>
                  <a:gd name="T78" fmla="*/ 254 w 1742"/>
                  <a:gd name="T79" fmla="*/ 41 h 684"/>
                  <a:gd name="T80" fmla="*/ 265 w 1742"/>
                  <a:gd name="T81" fmla="*/ 58 h 684"/>
                  <a:gd name="T82" fmla="*/ 243 w 1742"/>
                  <a:gd name="T83" fmla="*/ 76 h 684"/>
                  <a:gd name="T84" fmla="*/ 261 w 1742"/>
                  <a:gd name="T85" fmla="*/ 62 h 684"/>
                  <a:gd name="T86" fmla="*/ 272 w 1742"/>
                  <a:gd name="T87" fmla="*/ 48 h 684"/>
                  <a:gd name="T88" fmla="*/ 276 w 1742"/>
                  <a:gd name="T89" fmla="*/ 31 h 684"/>
                  <a:gd name="T90" fmla="*/ 297 w 1742"/>
                  <a:gd name="T91" fmla="*/ 42 h 684"/>
                  <a:gd name="T92" fmla="*/ 362 w 1742"/>
                  <a:gd name="T93" fmla="*/ 37 h 684"/>
                  <a:gd name="T94" fmla="*/ 377 w 1742"/>
                  <a:gd name="T95" fmla="*/ 17 h 684"/>
                  <a:gd name="T96" fmla="*/ 396 w 1742"/>
                  <a:gd name="T97" fmla="*/ 12 h 684"/>
                  <a:gd name="T98" fmla="*/ 430 w 1742"/>
                  <a:gd name="T99" fmla="*/ 11 h 684"/>
                  <a:gd name="T100" fmla="*/ 450 w 1742"/>
                  <a:gd name="T101" fmla="*/ 11 h 684"/>
                  <a:gd name="T102" fmla="*/ 504 w 1742"/>
                  <a:gd name="T103" fmla="*/ 39 h 684"/>
                  <a:gd name="T104" fmla="*/ 476 w 1742"/>
                  <a:gd name="T105" fmla="*/ 59 h 684"/>
                  <a:gd name="T106" fmla="*/ 513 w 1742"/>
                  <a:gd name="T107" fmla="*/ 81 h 684"/>
                  <a:gd name="T108" fmla="*/ 564 w 1742"/>
                  <a:gd name="T109" fmla="*/ 102 h 684"/>
                  <a:gd name="T110" fmla="*/ 568 w 1742"/>
                  <a:gd name="T111" fmla="*/ 138 h 684"/>
                  <a:gd name="T112" fmla="*/ 540 w 1742"/>
                  <a:gd name="T113" fmla="*/ 157 h 684"/>
                  <a:gd name="T114" fmla="*/ 517 w 1742"/>
                  <a:gd name="T115" fmla="*/ 228 h 684"/>
                  <a:gd name="T116" fmla="*/ 494 w 1742"/>
                  <a:gd name="T117" fmla="*/ 212 h 684"/>
                  <a:gd name="T118" fmla="*/ 490 w 1742"/>
                  <a:gd name="T119" fmla="*/ 197 h 684"/>
                  <a:gd name="T120" fmla="*/ 502 w 1742"/>
                  <a:gd name="T121" fmla="*/ 180 h 684"/>
                  <a:gd name="T122" fmla="*/ 485 w 1742"/>
                  <a:gd name="T123" fmla="*/ 162 h 684"/>
                  <a:gd name="T124" fmla="*/ 457 w 1742"/>
                  <a:gd name="T125" fmla="*/ 169 h 684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742" h="684">
                    <a:moveTo>
                      <a:pt x="1284" y="617"/>
                    </a:moveTo>
                    <a:lnTo>
                      <a:pt x="1274" y="621"/>
                    </a:lnTo>
                    <a:lnTo>
                      <a:pt x="1266" y="623"/>
                    </a:lnTo>
                    <a:lnTo>
                      <a:pt x="1258" y="624"/>
                    </a:lnTo>
                    <a:lnTo>
                      <a:pt x="1251" y="623"/>
                    </a:lnTo>
                    <a:lnTo>
                      <a:pt x="1245" y="621"/>
                    </a:lnTo>
                    <a:lnTo>
                      <a:pt x="1239" y="618"/>
                    </a:lnTo>
                    <a:lnTo>
                      <a:pt x="1233" y="616"/>
                    </a:lnTo>
                    <a:lnTo>
                      <a:pt x="1227" y="613"/>
                    </a:lnTo>
                    <a:lnTo>
                      <a:pt x="1214" y="607"/>
                    </a:lnTo>
                    <a:lnTo>
                      <a:pt x="1200" y="601"/>
                    </a:lnTo>
                    <a:lnTo>
                      <a:pt x="1192" y="599"/>
                    </a:lnTo>
                    <a:lnTo>
                      <a:pt x="1183" y="598"/>
                    </a:lnTo>
                    <a:lnTo>
                      <a:pt x="1173" y="598"/>
                    </a:lnTo>
                    <a:lnTo>
                      <a:pt x="1161" y="599"/>
                    </a:lnTo>
                    <a:lnTo>
                      <a:pt x="1153" y="611"/>
                    </a:lnTo>
                    <a:lnTo>
                      <a:pt x="1145" y="620"/>
                    </a:lnTo>
                    <a:lnTo>
                      <a:pt x="1139" y="625"/>
                    </a:lnTo>
                    <a:lnTo>
                      <a:pt x="1134" y="629"/>
                    </a:lnTo>
                    <a:lnTo>
                      <a:pt x="1129" y="632"/>
                    </a:lnTo>
                    <a:lnTo>
                      <a:pt x="1124" y="635"/>
                    </a:lnTo>
                    <a:lnTo>
                      <a:pt x="1117" y="638"/>
                    </a:lnTo>
                    <a:lnTo>
                      <a:pt x="1112" y="639"/>
                    </a:lnTo>
                    <a:lnTo>
                      <a:pt x="1105" y="640"/>
                    </a:lnTo>
                    <a:lnTo>
                      <a:pt x="1098" y="641"/>
                    </a:lnTo>
                    <a:lnTo>
                      <a:pt x="1091" y="641"/>
                    </a:lnTo>
                    <a:lnTo>
                      <a:pt x="1084" y="640"/>
                    </a:lnTo>
                    <a:lnTo>
                      <a:pt x="1076" y="639"/>
                    </a:lnTo>
                    <a:lnTo>
                      <a:pt x="1068" y="636"/>
                    </a:lnTo>
                    <a:lnTo>
                      <a:pt x="1067" y="627"/>
                    </a:lnTo>
                    <a:lnTo>
                      <a:pt x="1066" y="616"/>
                    </a:lnTo>
                    <a:lnTo>
                      <a:pt x="1062" y="607"/>
                    </a:lnTo>
                    <a:lnTo>
                      <a:pt x="1059" y="597"/>
                    </a:lnTo>
                    <a:lnTo>
                      <a:pt x="1056" y="593"/>
                    </a:lnTo>
                    <a:lnTo>
                      <a:pt x="1053" y="589"/>
                    </a:lnTo>
                    <a:lnTo>
                      <a:pt x="1050" y="585"/>
                    </a:lnTo>
                    <a:lnTo>
                      <a:pt x="1046" y="581"/>
                    </a:lnTo>
                    <a:lnTo>
                      <a:pt x="1040" y="578"/>
                    </a:lnTo>
                    <a:lnTo>
                      <a:pt x="1034" y="575"/>
                    </a:lnTo>
                    <a:lnTo>
                      <a:pt x="1028" y="573"/>
                    </a:lnTo>
                    <a:lnTo>
                      <a:pt x="1021" y="571"/>
                    </a:lnTo>
                    <a:lnTo>
                      <a:pt x="1042" y="565"/>
                    </a:lnTo>
                    <a:lnTo>
                      <a:pt x="1074" y="555"/>
                    </a:lnTo>
                    <a:lnTo>
                      <a:pt x="1082" y="552"/>
                    </a:lnTo>
                    <a:lnTo>
                      <a:pt x="1090" y="548"/>
                    </a:lnTo>
                    <a:lnTo>
                      <a:pt x="1098" y="545"/>
                    </a:lnTo>
                    <a:lnTo>
                      <a:pt x="1105" y="539"/>
                    </a:lnTo>
                    <a:lnTo>
                      <a:pt x="1111" y="534"/>
                    </a:lnTo>
                    <a:lnTo>
                      <a:pt x="1116" y="529"/>
                    </a:lnTo>
                    <a:lnTo>
                      <a:pt x="1120" y="522"/>
                    </a:lnTo>
                    <a:lnTo>
                      <a:pt x="1124" y="515"/>
                    </a:lnTo>
                    <a:lnTo>
                      <a:pt x="1130" y="515"/>
                    </a:lnTo>
                    <a:lnTo>
                      <a:pt x="1134" y="515"/>
                    </a:lnTo>
                    <a:lnTo>
                      <a:pt x="1136" y="516"/>
                    </a:lnTo>
                    <a:lnTo>
                      <a:pt x="1138" y="518"/>
                    </a:lnTo>
                    <a:lnTo>
                      <a:pt x="1139" y="520"/>
                    </a:lnTo>
                    <a:lnTo>
                      <a:pt x="1139" y="522"/>
                    </a:lnTo>
                    <a:lnTo>
                      <a:pt x="1139" y="526"/>
                    </a:lnTo>
                    <a:lnTo>
                      <a:pt x="1138" y="529"/>
                    </a:lnTo>
                    <a:lnTo>
                      <a:pt x="1137" y="536"/>
                    </a:lnTo>
                    <a:lnTo>
                      <a:pt x="1136" y="545"/>
                    </a:lnTo>
                    <a:lnTo>
                      <a:pt x="1136" y="549"/>
                    </a:lnTo>
                    <a:lnTo>
                      <a:pt x="1137" y="553"/>
                    </a:lnTo>
                    <a:lnTo>
                      <a:pt x="1139" y="557"/>
                    </a:lnTo>
                    <a:lnTo>
                      <a:pt x="1143" y="561"/>
                    </a:lnTo>
                    <a:lnTo>
                      <a:pt x="1151" y="562"/>
                    </a:lnTo>
                    <a:lnTo>
                      <a:pt x="1157" y="564"/>
                    </a:lnTo>
                    <a:lnTo>
                      <a:pt x="1165" y="564"/>
                    </a:lnTo>
                    <a:lnTo>
                      <a:pt x="1170" y="562"/>
                    </a:lnTo>
                    <a:lnTo>
                      <a:pt x="1180" y="560"/>
                    </a:lnTo>
                    <a:lnTo>
                      <a:pt x="1189" y="556"/>
                    </a:lnTo>
                    <a:lnTo>
                      <a:pt x="1203" y="545"/>
                    </a:lnTo>
                    <a:lnTo>
                      <a:pt x="1217" y="533"/>
                    </a:lnTo>
                    <a:lnTo>
                      <a:pt x="1213" y="529"/>
                    </a:lnTo>
                    <a:lnTo>
                      <a:pt x="1209" y="521"/>
                    </a:lnTo>
                    <a:lnTo>
                      <a:pt x="1204" y="512"/>
                    </a:lnTo>
                    <a:lnTo>
                      <a:pt x="1199" y="504"/>
                    </a:lnTo>
                    <a:lnTo>
                      <a:pt x="1194" y="496"/>
                    </a:lnTo>
                    <a:lnTo>
                      <a:pt x="1189" y="491"/>
                    </a:lnTo>
                    <a:lnTo>
                      <a:pt x="1187" y="490"/>
                    </a:lnTo>
                    <a:lnTo>
                      <a:pt x="1185" y="491"/>
                    </a:lnTo>
                    <a:lnTo>
                      <a:pt x="1183" y="493"/>
                    </a:lnTo>
                    <a:lnTo>
                      <a:pt x="1180" y="496"/>
                    </a:lnTo>
                    <a:lnTo>
                      <a:pt x="1180" y="493"/>
                    </a:lnTo>
                    <a:lnTo>
                      <a:pt x="1181" y="489"/>
                    </a:lnTo>
                    <a:lnTo>
                      <a:pt x="1183" y="484"/>
                    </a:lnTo>
                    <a:lnTo>
                      <a:pt x="1185" y="478"/>
                    </a:lnTo>
                    <a:lnTo>
                      <a:pt x="1191" y="466"/>
                    </a:lnTo>
                    <a:lnTo>
                      <a:pt x="1200" y="453"/>
                    </a:lnTo>
                    <a:lnTo>
                      <a:pt x="1206" y="447"/>
                    </a:lnTo>
                    <a:lnTo>
                      <a:pt x="1212" y="440"/>
                    </a:lnTo>
                    <a:lnTo>
                      <a:pt x="1217" y="435"/>
                    </a:lnTo>
                    <a:lnTo>
                      <a:pt x="1225" y="431"/>
                    </a:lnTo>
                    <a:lnTo>
                      <a:pt x="1232" y="427"/>
                    </a:lnTo>
                    <a:lnTo>
                      <a:pt x="1239" y="423"/>
                    </a:lnTo>
                    <a:lnTo>
                      <a:pt x="1247" y="421"/>
                    </a:lnTo>
                    <a:lnTo>
                      <a:pt x="1255" y="421"/>
                    </a:lnTo>
                    <a:lnTo>
                      <a:pt x="1254" y="409"/>
                    </a:lnTo>
                    <a:lnTo>
                      <a:pt x="1251" y="398"/>
                    </a:lnTo>
                    <a:lnTo>
                      <a:pt x="1247" y="391"/>
                    </a:lnTo>
                    <a:lnTo>
                      <a:pt x="1242" y="386"/>
                    </a:lnTo>
                    <a:lnTo>
                      <a:pt x="1235" y="381"/>
                    </a:lnTo>
                    <a:lnTo>
                      <a:pt x="1229" y="379"/>
                    </a:lnTo>
                    <a:lnTo>
                      <a:pt x="1221" y="377"/>
                    </a:lnTo>
                    <a:lnTo>
                      <a:pt x="1213" y="376"/>
                    </a:lnTo>
                    <a:lnTo>
                      <a:pt x="1206" y="375"/>
                    </a:lnTo>
                    <a:lnTo>
                      <a:pt x="1198" y="373"/>
                    </a:lnTo>
                    <a:lnTo>
                      <a:pt x="1191" y="371"/>
                    </a:lnTo>
                    <a:lnTo>
                      <a:pt x="1185" y="368"/>
                    </a:lnTo>
                    <a:lnTo>
                      <a:pt x="1179" y="363"/>
                    </a:lnTo>
                    <a:lnTo>
                      <a:pt x="1175" y="356"/>
                    </a:lnTo>
                    <a:lnTo>
                      <a:pt x="1172" y="348"/>
                    </a:lnTo>
                    <a:lnTo>
                      <a:pt x="1171" y="337"/>
                    </a:lnTo>
                    <a:lnTo>
                      <a:pt x="1159" y="338"/>
                    </a:lnTo>
                    <a:lnTo>
                      <a:pt x="1147" y="340"/>
                    </a:lnTo>
                    <a:lnTo>
                      <a:pt x="1134" y="342"/>
                    </a:lnTo>
                    <a:lnTo>
                      <a:pt x="1120" y="346"/>
                    </a:lnTo>
                    <a:lnTo>
                      <a:pt x="1092" y="352"/>
                    </a:lnTo>
                    <a:lnTo>
                      <a:pt x="1062" y="357"/>
                    </a:lnTo>
                    <a:lnTo>
                      <a:pt x="1047" y="359"/>
                    </a:lnTo>
                    <a:lnTo>
                      <a:pt x="1032" y="359"/>
                    </a:lnTo>
                    <a:lnTo>
                      <a:pt x="1017" y="359"/>
                    </a:lnTo>
                    <a:lnTo>
                      <a:pt x="1002" y="356"/>
                    </a:lnTo>
                    <a:lnTo>
                      <a:pt x="988" y="353"/>
                    </a:lnTo>
                    <a:lnTo>
                      <a:pt x="973" y="347"/>
                    </a:lnTo>
                    <a:lnTo>
                      <a:pt x="967" y="342"/>
                    </a:lnTo>
                    <a:lnTo>
                      <a:pt x="959" y="338"/>
                    </a:lnTo>
                    <a:lnTo>
                      <a:pt x="953" y="333"/>
                    </a:lnTo>
                    <a:lnTo>
                      <a:pt x="947" y="328"/>
                    </a:lnTo>
                    <a:lnTo>
                      <a:pt x="936" y="329"/>
                    </a:lnTo>
                    <a:lnTo>
                      <a:pt x="927" y="332"/>
                    </a:lnTo>
                    <a:lnTo>
                      <a:pt x="919" y="335"/>
                    </a:lnTo>
                    <a:lnTo>
                      <a:pt x="912" y="339"/>
                    </a:lnTo>
                    <a:lnTo>
                      <a:pt x="905" y="345"/>
                    </a:lnTo>
                    <a:lnTo>
                      <a:pt x="899" y="351"/>
                    </a:lnTo>
                    <a:lnTo>
                      <a:pt x="894" y="357"/>
                    </a:lnTo>
                    <a:lnTo>
                      <a:pt x="890" y="365"/>
                    </a:lnTo>
                    <a:lnTo>
                      <a:pt x="886" y="361"/>
                    </a:lnTo>
                    <a:lnTo>
                      <a:pt x="882" y="358"/>
                    </a:lnTo>
                    <a:lnTo>
                      <a:pt x="880" y="354"/>
                    </a:lnTo>
                    <a:lnTo>
                      <a:pt x="879" y="350"/>
                    </a:lnTo>
                    <a:lnTo>
                      <a:pt x="880" y="341"/>
                    </a:lnTo>
                    <a:lnTo>
                      <a:pt x="883" y="332"/>
                    </a:lnTo>
                    <a:lnTo>
                      <a:pt x="888" y="322"/>
                    </a:lnTo>
                    <a:lnTo>
                      <a:pt x="891" y="312"/>
                    </a:lnTo>
                    <a:lnTo>
                      <a:pt x="892" y="307"/>
                    </a:lnTo>
                    <a:lnTo>
                      <a:pt x="892" y="301"/>
                    </a:lnTo>
                    <a:lnTo>
                      <a:pt x="892" y="296"/>
                    </a:lnTo>
                    <a:lnTo>
                      <a:pt x="890" y="290"/>
                    </a:lnTo>
                    <a:lnTo>
                      <a:pt x="868" y="281"/>
                    </a:lnTo>
                    <a:lnTo>
                      <a:pt x="847" y="274"/>
                    </a:lnTo>
                    <a:lnTo>
                      <a:pt x="827" y="269"/>
                    </a:lnTo>
                    <a:lnTo>
                      <a:pt x="808" y="264"/>
                    </a:lnTo>
                    <a:lnTo>
                      <a:pt x="788" y="261"/>
                    </a:lnTo>
                    <a:lnTo>
                      <a:pt x="767" y="259"/>
                    </a:lnTo>
                    <a:lnTo>
                      <a:pt x="744" y="256"/>
                    </a:lnTo>
                    <a:lnTo>
                      <a:pt x="721" y="253"/>
                    </a:lnTo>
                    <a:lnTo>
                      <a:pt x="719" y="258"/>
                    </a:lnTo>
                    <a:lnTo>
                      <a:pt x="719" y="263"/>
                    </a:lnTo>
                    <a:lnTo>
                      <a:pt x="719" y="267"/>
                    </a:lnTo>
                    <a:lnTo>
                      <a:pt x="721" y="269"/>
                    </a:lnTo>
                    <a:lnTo>
                      <a:pt x="724" y="271"/>
                    </a:lnTo>
                    <a:lnTo>
                      <a:pt x="728" y="271"/>
                    </a:lnTo>
                    <a:lnTo>
                      <a:pt x="732" y="271"/>
                    </a:lnTo>
                    <a:lnTo>
                      <a:pt x="736" y="271"/>
                    </a:lnTo>
                    <a:lnTo>
                      <a:pt x="744" y="271"/>
                    </a:lnTo>
                    <a:lnTo>
                      <a:pt x="752" y="271"/>
                    </a:lnTo>
                    <a:lnTo>
                      <a:pt x="755" y="272"/>
                    </a:lnTo>
                    <a:lnTo>
                      <a:pt x="757" y="274"/>
                    </a:lnTo>
                    <a:lnTo>
                      <a:pt x="759" y="277"/>
                    </a:lnTo>
                    <a:lnTo>
                      <a:pt x="759" y="280"/>
                    </a:lnTo>
                    <a:lnTo>
                      <a:pt x="756" y="291"/>
                    </a:lnTo>
                    <a:lnTo>
                      <a:pt x="754" y="299"/>
                    </a:lnTo>
                    <a:lnTo>
                      <a:pt x="751" y="304"/>
                    </a:lnTo>
                    <a:lnTo>
                      <a:pt x="748" y="309"/>
                    </a:lnTo>
                    <a:lnTo>
                      <a:pt x="743" y="311"/>
                    </a:lnTo>
                    <a:lnTo>
                      <a:pt x="739" y="311"/>
                    </a:lnTo>
                    <a:lnTo>
                      <a:pt x="735" y="311"/>
                    </a:lnTo>
                    <a:lnTo>
                      <a:pt x="730" y="310"/>
                    </a:lnTo>
                    <a:lnTo>
                      <a:pt x="718" y="307"/>
                    </a:lnTo>
                    <a:lnTo>
                      <a:pt x="706" y="303"/>
                    </a:lnTo>
                    <a:lnTo>
                      <a:pt x="699" y="303"/>
                    </a:lnTo>
                    <a:lnTo>
                      <a:pt x="691" y="303"/>
                    </a:lnTo>
                    <a:lnTo>
                      <a:pt x="683" y="306"/>
                    </a:lnTo>
                    <a:lnTo>
                      <a:pt x="675" y="309"/>
                    </a:lnTo>
                    <a:lnTo>
                      <a:pt x="675" y="331"/>
                    </a:lnTo>
                    <a:lnTo>
                      <a:pt x="674" y="354"/>
                    </a:lnTo>
                    <a:lnTo>
                      <a:pt x="674" y="376"/>
                    </a:lnTo>
                    <a:lnTo>
                      <a:pt x="673" y="399"/>
                    </a:lnTo>
                    <a:lnTo>
                      <a:pt x="673" y="423"/>
                    </a:lnTo>
                    <a:lnTo>
                      <a:pt x="673" y="450"/>
                    </a:lnTo>
                    <a:lnTo>
                      <a:pt x="674" y="476"/>
                    </a:lnTo>
                    <a:lnTo>
                      <a:pt x="675" y="506"/>
                    </a:lnTo>
                    <a:lnTo>
                      <a:pt x="639" y="499"/>
                    </a:lnTo>
                    <a:lnTo>
                      <a:pt x="607" y="493"/>
                    </a:lnTo>
                    <a:lnTo>
                      <a:pt x="593" y="491"/>
                    </a:lnTo>
                    <a:lnTo>
                      <a:pt x="578" y="491"/>
                    </a:lnTo>
                    <a:lnTo>
                      <a:pt x="572" y="491"/>
                    </a:lnTo>
                    <a:lnTo>
                      <a:pt x="565" y="492"/>
                    </a:lnTo>
                    <a:lnTo>
                      <a:pt x="559" y="494"/>
                    </a:lnTo>
                    <a:lnTo>
                      <a:pt x="553" y="496"/>
                    </a:lnTo>
                    <a:lnTo>
                      <a:pt x="549" y="491"/>
                    </a:lnTo>
                    <a:lnTo>
                      <a:pt x="543" y="487"/>
                    </a:lnTo>
                    <a:lnTo>
                      <a:pt x="534" y="491"/>
                    </a:lnTo>
                    <a:lnTo>
                      <a:pt x="524" y="496"/>
                    </a:lnTo>
                    <a:lnTo>
                      <a:pt x="516" y="501"/>
                    </a:lnTo>
                    <a:lnTo>
                      <a:pt x="508" y="507"/>
                    </a:lnTo>
                    <a:lnTo>
                      <a:pt x="492" y="519"/>
                    </a:lnTo>
                    <a:lnTo>
                      <a:pt x="478" y="533"/>
                    </a:lnTo>
                    <a:lnTo>
                      <a:pt x="468" y="529"/>
                    </a:lnTo>
                    <a:lnTo>
                      <a:pt x="457" y="525"/>
                    </a:lnTo>
                    <a:lnTo>
                      <a:pt x="446" y="521"/>
                    </a:lnTo>
                    <a:lnTo>
                      <a:pt x="436" y="519"/>
                    </a:lnTo>
                    <a:lnTo>
                      <a:pt x="425" y="518"/>
                    </a:lnTo>
                    <a:lnTo>
                      <a:pt x="415" y="518"/>
                    </a:lnTo>
                    <a:lnTo>
                      <a:pt x="405" y="519"/>
                    </a:lnTo>
                    <a:lnTo>
                      <a:pt x="395" y="520"/>
                    </a:lnTo>
                    <a:lnTo>
                      <a:pt x="374" y="525"/>
                    </a:lnTo>
                    <a:lnTo>
                      <a:pt x="354" y="530"/>
                    </a:lnTo>
                    <a:lnTo>
                      <a:pt x="333" y="537"/>
                    </a:lnTo>
                    <a:lnTo>
                      <a:pt x="313" y="546"/>
                    </a:lnTo>
                    <a:lnTo>
                      <a:pt x="293" y="554"/>
                    </a:lnTo>
                    <a:lnTo>
                      <a:pt x="273" y="561"/>
                    </a:lnTo>
                    <a:lnTo>
                      <a:pt x="253" y="569"/>
                    </a:lnTo>
                    <a:lnTo>
                      <a:pt x="234" y="574"/>
                    </a:lnTo>
                    <a:lnTo>
                      <a:pt x="224" y="576"/>
                    </a:lnTo>
                    <a:lnTo>
                      <a:pt x="215" y="578"/>
                    </a:lnTo>
                    <a:lnTo>
                      <a:pt x="205" y="578"/>
                    </a:lnTo>
                    <a:lnTo>
                      <a:pt x="196" y="579"/>
                    </a:lnTo>
                    <a:lnTo>
                      <a:pt x="186" y="578"/>
                    </a:lnTo>
                    <a:lnTo>
                      <a:pt x="178" y="577"/>
                    </a:lnTo>
                    <a:lnTo>
                      <a:pt x="168" y="574"/>
                    </a:lnTo>
                    <a:lnTo>
                      <a:pt x="160" y="571"/>
                    </a:lnTo>
                    <a:lnTo>
                      <a:pt x="156" y="567"/>
                    </a:lnTo>
                    <a:lnTo>
                      <a:pt x="153" y="562"/>
                    </a:lnTo>
                    <a:lnTo>
                      <a:pt x="152" y="558"/>
                    </a:lnTo>
                    <a:lnTo>
                      <a:pt x="152" y="554"/>
                    </a:lnTo>
                    <a:lnTo>
                      <a:pt x="153" y="550"/>
                    </a:lnTo>
                    <a:lnTo>
                      <a:pt x="154" y="545"/>
                    </a:lnTo>
                    <a:lnTo>
                      <a:pt x="156" y="540"/>
                    </a:lnTo>
                    <a:lnTo>
                      <a:pt x="159" y="535"/>
                    </a:lnTo>
                    <a:lnTo>
                      <a:pt x="165" y="526"/>
                    </a:lnTo>
                    <a:lnTo>
                      <a:pt x="172" y="516"/>
                    </a:lnTo>
                    <a:lnTo>
                      <a:pt x="175" y="511"/>
                    </a:lnTo>
                    <a:lnTo>
                      <a:pt x="177" y="506"/>
                    </a:lnTo>
                    <a:lnTo>
                      <a:pt x="178" y="501"/>
                    </a:lnTo>
                    <a:lnTo>
                      <a:pt x="178" y="496"/>
                    </a:lnTo>
                    <a:lnTo>
                      <a:pt x="174" y="491"/>
                    </a:lnTo>
                    <a:lnTo>
                      <a:pt x="168" y="487"/>
                    </a:lnTo>
                    <a:lnTo>
                      <a:pt x="171" y="485"/>
                    </a:lnTo>
                    <a:lnTo>
                      <a:pt x="172" y="484"/>
                    </a:lnTo>
                    <a:lnTo>
                      <a:pt x="172" y="481"/>
                    </a:lnTo>
                    <a:lnTo>
                      <a:pt x="171" y="479"/>
                    </a:lnTo>
                    <a:lnTo>
                      <a:pt x="170" y="476"/>
                    </a:lnTo>
                    <a:lnTo>
                      <a:pt x="166" y="472"/>
                    </a:lnTo>
                    <a:lnTo>
                      <a:pt x="166" y="470"/>
                    </a:lnTo>
                    <a:lnTo>
                      <a:pt x="165" y="468"/>
                    </a:lnTo>
                    <a:lnTo>
                      <a:pt x="165" y="466"/>
                    </a:lnTo>
                    <a:lnTo>
                      <a:pt x="166" y="462"/>
                    </a:lnTo>
                    <a:lnTo>
                      <a:pt x="167" y="459"/>
                    </a:lnTo>
                    <a:lnTo>
                      <a:pt x="170" y="456"/>
                    </a:lnTo>
                    <a:lnTo>
                      <a:pt x="174" y="453"/>
                    </a:lnTo>
                    <a:lnTo>
                      <a:pt x="178" y="449"/>
                    </a:lnTo>
                    <a:lnTo>
                      <a:pt x="172" y="437"/>
                    </a:lnTo>
                    <a:lnTo>
                      <a:pt x="166" y="423"/>
                    </a:lnTo>
                    <a:lnTo>
                      <a:pt x="162" y="418"/>
                    </a:lnTo>
                    <a:lnTo>
                      <a:pt x="158" y="414"/>
                    </a:lnTo>
                    <a:lnTo>
                      <a:pt x="154" y="412"/>
                    </a:lnTo>
                    <a:lnTo>
                      <a:pt x="151" y="412"/>
                    </a:lnTo>
                    <a:lnTo>
                      <a:pt x="146" y="411"/>
                    </a:lnTo>
                    <a:lnTo>
                      <a:pt x="141" y="412"/>
                    </a:lnTo>
                    <a:lnTo>
                      <a:pt x="147" y="408"/>
                    </a:lnTo>
                    <a:lnTo>
                      <a:pt x="152" y="403"/>
                    </a:lnTo>
                    <a:lnTo>
                      <a:pt x="156" y="400"/>
                    </a:lnTo>
                    <a:lnTo>
                      <a:pt x="159" y="396"/>
                    </a:lnTo>
                    <a:lnTo>
                      <a:pt x="162" y="392"/>
                    </a:lnTo>
                    <a:lnTo>
                      <a:pt x="163" y="388"/>
                    </a:lnTo>
                    <a:lnTo>
                      <a:pt x="164" y="383"/>
                    </a:lnTo>
                    <a:lnTo>
                      <a:pt x="164" y="379"/>
                    </a:lnTo>
                    <a:lnTo>
                      <a:pt x="163" y="375"/>
                    </a:lnTo>
                    <a:lnTo>
                      <a:pt x="161" y="371"/>
                    </a:lnTo>
                    <a:lnTo>
                      <a:pt x="159" y="367"/>
                    </a:lnTo>
                    <a:lnTo>
                      <a:pt x="157" y="362"/>
                    </a:lnTo>
                    <a:lnTo>
                      <a:pt x="150" y="355"/>
                    </a:lnTo>
                    <a:lnTo>
                      <a:pt x="140" y="348"/>
                    </a:lnTo>
                    <a:lnTo>
                      <a:pt x="128" y="341"/>
                    </a:lnTo>
                    <a:lnTo>
                      <a:pt x="117" y="335"/>
                    </a:lnTo>
                    <a:lnTo>
                      <a:pt x="103" y="331"/>
                    </a:lnTo>
                    <a:lnTo>
                      <a:pt x="88" y="328"/>
                    </a:lnTo>
                    <a:lnTo>
                      <a:pt x="74" y="325"/>
                    </a:lnTo>
                    <a:lnTo>
                      <a:pt x="58" y="325"/>
                    </a:lnTo>
                    <a:lnTo>
                      <a:pt x="43" y="325"/>
                    </a:lnTo>
                    <a:lnTo>
                      <a:pt x="28" y="328"/>
                    </a:lnTo>
                    <a:lnTo>
                      <a:pt x="27" y="319"/>
                    </a:lnTo>
                    <a:lnTo>
                      <a:pt x="25" y="312"/>
                    </a:lnTo>
                    <a:lnTo>
                      <a:pt x="22" y="306"/>
                    </a:lnTo>
                    <a:lnTo>
                      <a:pt x="18" y="300"/>
                    </a:lnTo>
                    <a:lnTo>
                      <a:pt x="9" y="291"/>
                    </a:lnTo>
                    <a:lnTo>
                      <a:pt x="0" y="280"/>
                    </a:lnTo>
                    <a:lnTo>
                      <a:pt x="14" y="278"/>
                    </a:lnTo>
                    <a:lnTo>
                      <a:pt x="33" y="275"/>
                    </a:lnTo>
                    <a:lnTo>
                      <a:pt x="57" y="273"/>
                    </a:lnTo>
                    <a:lnTo>
                      <a:pt x="84" y="271"/>
                    </a:lnTo>
                    <a:lnTo>
                      <a:pt x="70" y="249"/>
                    </a:lnTo>
                    <a:lnTo>
                      <a:pt x="57" y="224"/>
                    </a:lnTo>
                    <a:lnTo>
                      <a:pt x="52" y="211"/>
                    </a:lnTo>
                    <a:lnTo>
                      <a:pt x="48" y="195"/>
                    </a:lnTo>
                    <a:lnTo>
                      <a:pt x="47" y="188"/>
                    </a:lnTo>
                    <a:lnTo>
                      <a:pt x="46" y="178"/>
                    </a:lnTo>
                    <a:lnTo>
                      <a:pt x="46" y="169"/>
                    </a:lnTo>
                    <a:lnTo>
                      <a:pt x="47" y="159"/>
                    </a:lnTo>
                    <a:lnTo>
                      <a:pt x="58" y="158"/>
                    </a:lnTo>
                    <a:lnTo>
                      <a:pt x="66" y="155"/>
                    </a:lnTo>
                    <a:lnTo>
                      <a:pt x="73" y="151"/>
                    </a:lnTo>
                    <a:lnTo>
                      <a:pt x="78" y="145"/>
                    </a:lnTo>
                    <a:lnTo>
                      <a:pt x="81" y="139"/>
                    </a:lnTo>
                    <a:lnTo>
                      <a:pt x="84" y="132"/>
                    </a:lnTo>
                    <a:lnTo>
                      <a:pt x="86" y="124"/>
                    </a:lnTo>
                    <a:lnTo>
                      <a:pt x="88" y="116"/>
                    </a:lnTo>
                    <a:lnTo>
                      <a:pt x="92" y="109"/>
                    </a:lnTo>
                    <a:lnTo>
                      <a:pt x="94" y="101"/>
                    </a:lnTo>
                    <a:lnTo>
                      <a:pt x="98" y="94"/>
                    </a:lnTo>
                    <a:lnTo>
                      <a:pt x="102" y="88"/>
                    </a:lnTo>
                    <a:lnTo>
                      <a:pt x="108" y="82"/>
                    </a:lnTo>
                    <a:lnTo>
                      <a:pt x="117" y="78"/>
                    </a:lnTo>
                    <a:lnTo>
                      <a:pt x="127" y="76"/>
                    </a:lnTo>
                    <a:lnTo>
                      <a:pt x="141" y="75"/>
                    </a:lnTo>
                    <a:lnTo>
                      <a:pt x="141" y="68"/>
                    </a:lnTo>
                    <a:lnTo>
                      <a:pt x="140" y="61"/>
                    </a:lnTo>
                    <a:lnTo>
                      <a:pt x="138" y="57"/>
                    </a:lnTo>
                    <a:lnTo>
                      <a:pt x="135" y="53"/>
                    </a:lnTo>
                    <a:lnTo>
                      <a:pt x="132" y="49"/>
                    </a:lnTo>
                    <a:lnTo>
                      <a:pt x="131" y="43"/>
                    </a:lnTo>
                    <a:lnTo>
                      <a:pt x="130" y="36"/>
                    </a:lnTo>
                    <a:lnTo>
                      <a:pt x="132" y="28"/>
                    </a:lnTo>
                    <a:lnTo>
                      <a:pt x="139" y="23"/>
                    </a:lnTo>
                    <a:lnTo>
                      <a:pt x="146" y="19"/>
                    </a:lnTo>
                    <a:lnTo>
                      <a:pt x="154" y="16"/>
                    </a:lnTo>
                    <a:lnTo>
                      <a:pt x="162" y="13"/>
                    </a:lnTo>
                    <a:lnTo>
                      <a:pt x="179" y="8"/>
                    </a:lnTo>
                    <a:lnTo>
                      <a:pt x="195" y="4"/>
                    </a:lnTo>
                    <a:lnTo>
                      <a:pt x="212" y="3"/>
                    </a:lnTo>
                    <a:lnTo>
                      <a:pt x="227" y="3"/>
                    </a:lnTo>
                    <a:lnTo>
                      <a:pt x="241" y="5"/>
                    </a:lnTo>
                    <a:lnTo>
                      <a:pt x="253" y="9"/>
                    </a:lnTo>
                    <a:lnTo>
                      <a:pt x="255" y="15"/>
                    </a:lnTo>
                    <a:lnTo>
                      <a:pt x="255" y="20"/>
                    </a:lnTo>
                    <a:lnTo>
                      <a:pt x="255" y="24"/>
                    </a:lnTo>
                    <a:lnTo>
                      <a:pt x="254" y="29"/>
                    </a:lnTo>
                    <a:lnTo>
                      <a:pt x="251" y="35"/>
                    </a:lnTo>
                    <a:lnTo>
                      <a:pt x="246" y="39"/>
                    </a:lnTo>
                    <a:lnTo>
                      <a:pt x="241" y="43"/>
                    </a:lnTo>
                    <a:lnTo>
                      <a:pt x="237" y="49"/>
                    </a:lnTo>
                    <a:lnTo>
                      <a:pt x="236" y="52"/>
                    </a:lnTo>
                    <a:lnTo>
                      <a:pt x="235" y="56"/>
                    </a:lnTo>
                    <a:lnTo>
                      <a:pt x="234" y="60"/>
                    </a:lnTo>
                    <a:lnTo>
                      <a:pt x="235" y="65"/>
                    </a:lnTo>
                    <a:lnTo>
                      <a:pt x="224" y="61"/>
                    </a:lnTo>
                    <a:lnTo>
                      <a:pt x="215" y="59"/>
                    </a:lnTo>
                    <a:lnTo>
                      <a:pt x="206" y="58"/>
                    </a:lnTo>
                    <a:lnTo>
                      <a:pt x="198" y="58"/>
                    </a:lnTo>
                    <a:lnTo>
                      <a:pt x="191" y="60"/>
                    </a:lnTo>
                    <a:lnTo>
                      <a:pt x="183" y="63"/>
                    </a:lnTo>
                    <a:lnTo>
                      <a:pt x="176" y="69"/>
                    </a:lnTo>
                    <a:lnTo>
                      <a:pt x="168" y="75"/>
                    </a:lnTo>
                    <a:lnTo>
                      <a:pt x="168" y="82"/>
                    </a:lnTo>
                    <a:lnTo>
                      <a:pt x="170" y="88"/>
                    </a:lnTo>
                    <a:lnTo>
                      <a:pt x="173" y="93"/>
                    </a:lnTo>
                    <a:lnTo>
                      <a:pt x="175" y="97"/>
                    </a:lnTo>
                    <a:lnTo>
                      <a:pt x="178" y="101"/>
                    </a:lnTo>
                    <a:lnTo>
                      <a:pt x="180" y="107"/>
                    </a:lnTo>
                    <a:lnTo>
                      <a:pt x="180" y="113"/>
                    </a:lnTo>
                    <a:lnTo>
                      <a:pt x="178" y="121"/>
                    </a:lnTo>
                    <a:lnTo>
                      <a:pt x="193" y="118"/>
                    </a:lnTo>
                    <a:lnTo>
                      <a:pt x="207" y="117"/>
                    </a:lnTo>
                    <a:lnTo>
                      <a:pt x="215" y="117"/>
                    </a:lnTo>
                    <a:lnTo>
                      <a:pt x="222" y="118"/>
                    </a:lnTo>
                    <a:lnTo>
                      <a:pt x="230" y="119"/>
                    </a:lnTo>
                    <a:lnTo>
                      <a:pt x="236" y="120"/>
                    </a:lnTo>
                    <a:lnTo>
                      <a:pt x="242" y="123"/>
                    </a:lnTo>
                    <a:lnTo>
                      <a:pt x="247" y="125"/>
                    </a:lnTo>
                    <a:lnTo>
                      <a:pt x="254" y="130"/>
                    </a:lnTo>
                    <a:lnTo>
                      <a:pt x="258" y="134"/>
                    </a:lnTo>
                    <a:lnTo>
                      <a:pt x="262" y="139"/>
                    </a:lnTo>
                    <a:lnTo>
                      <a:pt x="266" y="144"/>
                    </a:lnTo>
                    <a:lnTo>
                      <a:pt x="270" y="152"/>
                    </a:lnTo>
                    <a:lnTo>
                      <a:pt x="272" y="159"/>
                    </a:lnTo>
                    <a:lnTo>
                      <a:pt x="286" y="156"/>
                    </a:lnTo>
                    <a:lnTo>
                      <a:pt x="298" y="154"/>
                    </a:lnTo>
                    <a:lnTo>
                      <a:pt x="309" y="153"/>
                    </a:lnTo>
                    <a:lnTo>
                      <a:pt x="318" y="153"/>
                    </a:lnTo>
                    <a:lnTo>
                      <a:pt x="326" y="155"/>
                    </a:lnTo>
                    <a:lnTo>
                      <a:pt x="334" y="157"/>
                    </a:lnTo>
                    <a:lnTo>
                      <a:pt x="340" y="159"/>
                    </a:lnTo>
                    <a:lnTo>
                      <a:pt x="346" y="162"/>
                    </a:lnTo>
                    <a:lnTo>
                      <a:pt x="360" y="169"/>
                    </a:lnTo>
                    <a:lnTo>
                      <a:pt x="376" y="174"/>
                    </a:lnTo>
                    <a:lnTo>
                      <a:pt x="385" y="176"/>
                    </a:lnTo>
                    <a:lnTo>
                      <a:pt x="396" y="178"/>
                    </a:lnTo>
                    <a:lnTo>
                      <a:pt x="408" y="178"/>
                    </a:lnTo>
                    <a:lnTo>
                      <a:pt x="422" y="177"/>
                    </a:lnTo>
                    <a:lnTo>
                      <a:pt x="430" y="164"/>
                    </a:lnTo>
                    <a:lnTo>
                      <a:pt x="438" y="152"/>
                    </a:lnTo>
                    <a:lnTo>
                      <a:pt x="441" y="144"/>
                    </a:lnTo>
                    <a:lnTo>
                      <a:pt x="445" y="137"/>
                    </a:lnTo>
                    <a:lnTo>
                      <a:pt x="448" y="130"/>
                    </a:lnTo>
                    <a:lnTo>
                      <a:pt x="450" y="121"/>
                    </a:lnTo>
                    <a:lnTo>
                      <a:pt x="480" y="128"/>
                    </a:lnTo>
                    <a:lnTo>
                      <a:pt x="508" y="133"/>
                    </a:lnTo>
                    <a:lnTo>
                      <a:pt x="533" y="137"/>
                    </a:lnTo>
                    <a:lnTo>
                      <a:pt x="555" y="141"/>
                    </a:lnTo>
                    <a:lnTo>
                      <a:pt x="576" y="145"/>
                    </a:lnTo>
                    <a:lnTo>
                      <a:pt x="595" y="152"/>
                    </a:lnTo>
                    <a:lnTo>
                      <a:pt x="603" y="155"/>
                    </a:lnTo>
                    <a:lnTo>
                      <a:pt x="612" y="159"/>
                    </a:lnTo>
                    <a:lnTo>
                      <a:pt x="620" y="163"/>
                    </a:lnTo>
                    <a:lnTo>
                      <a:pt x="628" y="169"/>
                    </a:lnTo>
                    <a:lnTo>
                      <a:pt x="636" y="159"/>
                    </a:lnTo>
                    <a:lnTo>
                      <a:pt x="644" y="152"/>
                    </a:lnTo>
                    <a:lnTo>
                      <a:pt x="649" y="151"/>
                    </a:lnTo>
                    <a:lnTo>
                      <a:pt x="653" y="151"/>
                    </a:lnTo>
                    <a:lnTo>
                      <a:pt x="658" y="154"/>
                    </a:lnTo>
                    <a:lnTo>
                      <a:pt x="666" y="159"/>
                    </a:lnTo>
                    <a:lnTo>
                      <a:pt x="669" y="158"/>
                    </a:lnTo>
                    <a:lnTo>
                      <a:pt x="671" y="157"/>
                    </a:lnTo>
                    <a:lnTo>
                      <a:pt x="672" y="155"/>
                    </a:lnTo>
                    <a:lnTo>
                      <a:pt x="674" y="153"/>
                    </a:lnTo>
                    <a:lnTo>
                      <a:pt x="675" y="148"/>
                    </a:lnTo>
                    <a:lnTo>
                      <a:pt x="676" y="141"/>
                    </a:lnTo>
                    <a:lnTo>
                      <a:pt x="677" y="135"/>
                    </a:lnTo>
                    <a:lnTo>
                      <a:pt x="678" y="130"/>
                    </a:lnTo>
                    <a:lnTo>
                      <a:pt x="679" y="127"/>
                    </a:lnTo>
                    <a:lnTo>
                      <a:pt x="680" y="124"/>
                    </a:lnTo>
                    <a:lnTo>
                      <a:pt x="681" y="122"/>
                    </a:lnTo>
                    <a:lnTo>
                      <a:pt x="684" y="121"/>
                    </a:lnTo>
                    <a:lnTo>
                      <a:pt x="708" y="121"/>
                    </a:lnTo>
                    <a:lnTo>
                      <a:pt x="732" y="121"/>
                    </a:lnTo>
                    <a:lnTo>
                      <a:pt x="742" y="121"/>
                    </a:lnTo>
                    <a:lnTo>
                      <a:pt x="753" y="122"/>
                    </a:lnTo>
                    <a:lnTo>
                      <a:pt x="763" y="123"/>
                    </a:lnTo>
                    <a:lnTo>
                      <a:pt x="773" y="125"/>
                    </a:lnTo>
                    <a:lnTo>
                      <a:pt x="782" y="129"/>
                    </a:lnTo>
                    <a:lnTo>
                      <a:pt x="790" y="132"/>
                    </a:lnTo>
                    <a:lnTo>
                      <a:pt x="797" y="137"/>
                    </a:lnTo>
                    <a:lnTo>
                      <a:pt x="803" y="142"/>
                    </a:lnTo>
                    <a:lnTo>
                      <a:pt x="809" y="150"/>
                    </a:lnTo>
                    <a:lnTo>
                      <a:pt x="812" y="157"/>
                    </a:lnTo>
                    <a:lnTo>
                      <a:pt x="814" y="167"/>
                    </a:lnTo>
                    <a:lnTo>
                      <a:pt x="815" y="177"/>
                    </a:lnTo>
                    <a:lnTo>
                      <a:pt x="805" y="175"/>
                    </a:lnTo>
                    <a:lnTo>
                      <a:pt x="795" y="174"/>
                    </a:lnTo>
                    <a:lnTo>
                      <a:pt x="786" y="173"/>
                    </a:lnTo>
                    <a:lnTo>
                      <a:pt x="778" y="174"/>
                    </a:lnTo>
                    <a:lnTo>
                      <a:pt x="771" y="176"/>
                    </a:lnTo>
                    <a:lnTo>
                      <a:pt x="764" y="178"/>
                    </a:lnTo>
                    <a:lnTo>
                      <a:pt x="758" y="182"/>
                    </a:lnTo>
                    <a:lnTo>
                      <a:pt x="753" y="187"/>
                    </a:lnTo>
                    <a:lnTo>
                      <a:pt x="748" y="192"/>
                    </a:lnTo>
                    <a:lnTo>
                      <a:pt x="743" y="198"/>
                    </a:lnTo>
                    <a:lnTo>
                      <a:pt x="739" y="204"/>
                    </a:lnTo>
                    <a:lnTo>
                      <a:pt x="736" y="212"/>
                    </a:lnTo>
                    <a:lnTo>
                      <a:pt x="729" y="227"/>
                    </a:lnTo>
                    <a:lnTo>
                      <a:pt x="721" y="243"/>
                    </a:lnTo>
                    <a:lnTo>
                      <a:pt x="728" y="239"/>
                    </a:lnTo>
                    <a:lnTo>
                      <a:pt x="733" y="235"/>
                    </a:lnTo>
                    <a:lnTo>
                      <a:pt x="737" y="230"/>
                    </a:lnTo>
                    <a:lnTo>
                      <a:pt x="742" y="224"/>
                    </a:lnTo>
                    <a:lnTo>
                      <a:pt x="751" y="213"/>
                    </a:lnTo>
                    <a:lnTo>
                      <a:pt x="760" y="202"/>
                    </a:lnTo>
                    <a:lnTo>
                      <a:pt x="766" y="197"/>
                    </a:lnTo>
                    <a:lnTo>
                      <a:pt x="771" y="193"/>
                    </a:lnTo>
                    <a:lnTo>
                      <a:pt x="777" y="190"/>
                    </a:lnTo>
                    <a:lnTo>
                      <a:pt x="784" y="187"/>
                    </a:lnTo>
                    <a:lnTo>
                      <a:pt x="793" y="186"/>
                    </a:lnTo>
                    <a:lnTo>
                      <a:pt x="802" y="184"/>
                    </a:lnTo>
                    <a:lnTo>
                      <a:pt x="813" y="186"/>
                    </a:lnTo>
                    <a:lnTo>
                      <a:pt x="825" y="187"/>
                    </a:lnTo>
                    <a:lnTo>
                      <a:pt x="825" y="179"/>
                    </a:lnTo>
                    <a:lnTo>
                      <a:pt x="825" y="173"/>
                    </a:lnTo>
                    <a:lnTo>
                      <a:pt x="825" y="167"/>
                    </a:lnTo>
                    <a:lnTo>
                      <a:pt x="823" y="160"/>
                    </a:lnTo>
                    <a:lnTo>
                      <a:pt x="821" y="155"/>
                    </a:lnTo>
                    <a:lnTo>
                      <a:pt x="819" y="150"/>
                    </a:lnTo>
                    <a:lnTo>
                      <a:pt x="817" y="145"/>
                    </a:lnTo>
                    <a:lnTo>
                      <a:pt x="814" y="141"/>
                    </a:lnTo>
                    <a:lnTo>
                      <a:pt x="811" y="137"/>
                    </a:lnTo>
                    <a:lnTo>
                      <a:pt x="808" y="134"/>
                    </a:lnTo>
                    <a:lnTo>
                      <a:pt x="803" y="131"/>
                    </a:lnTo>
                    <a:lnTo>
                      <a:pt x="798" y="129"/>
                    </a:lnTo>
                    <a:lnTo>
                      <a:pt x="789" y="124"/>
                    </a:lnTo>
                    <a:lnTo>
                      <a:pt x="777" y="121"/>
                    </a:lnTo>
                    <a:lnTo>
                      <a:pt x="794" y="112"/>
                    </a:lnTo>
                    <a:lnTo>
                      <a:pt x="810" y="101"/>
                    </a:lnTo>
                    <a:lnTo>
                      <a:pt x="818" y="97"/>
                    </a:lnTo>
                    <a:lnTo>
                      <a:pt x="828" y="94"/>
                    </a:lnTo>
                    <a:lnTo>
                      <a:pt x="839" y="93"/>
                    </a:lnTo>
                    <a:lnTo>
                      <a:pt x="853" y="93"/>
                    </a:lnTo>
                    <a:lnTo>
                      <a:pt x="857" y="94"/>
                    </a:lnTo>
                    <a:lnTo>
                      <a:pt x="861" y="95"/>
                    </a:lnTo>
                    <a:lnTo>
                      <a:pt x="865" y="97"/>
                    </a:lnTo>
                    <a:lnTo>
                      <a:pt x="868" y="99"/>
                    </a:lnTo>
                    <a:lnTo>
                      <a:pt x="873" y="104"/>
                    </a:lnTo>
                    <a:lnTo>
                      <a:pt x="878" y="110"/>
                    </a:lnTo>
                    <a:lnTo>
                      <a:pt x="882" y="116"/>
                    </a:lnTo>
                    <a:lnTo>
                      <a:pt x="887" y="122"/>
                    </a:lnTo>
                    <a:lnTo>
                      <a:pt x="893" y="127"/>
                    </a:lnTo>
                    <a:lnTo>
                      <a:pt x="899" y="131"/>
                    </a:lnTo>
                    <a:lnTo>
                      <a:pt x="917" y="127"/>
                    </a:lnTo>
                    <a:lnTo>
                      <a:pt x="936" y="123"/>
                    </a:lnTo>
                    <a:lnTo>
                      <a:pt x="954" y="122"/>
                    </a:lnTo>
                    <a:lnTo>
                      <a:pt x="973" y="121"/>
                    </a:lnTo>
                    <a:lnTo>
                      <a:pt x="1009" y="121"/>
                    </a:lnTo>
                    <a:lnTo>
                      <a:pt x="1042" y="120"/>
                    </a:lnTo>
                    <a:lnTo>
                      <a:pt x="1058" y="118"/>
                    </a:lnTo>
                    <a:lnTo>
                      <a:pt x="1072" y="115"/>
                    </a:lnTo>
                    <a:lnTo>
                      <a:pt x="1079" y="113"/>
                    </a:lnTo>
                    <a:lnTo>
                      <a:pt x="1086" y="110"/>
                    </a:lnTo>
                    <a:lnTo>
                      <a:pt x="1091" y="107"/>
                    </a:lnTo>
                    <a:lnTo>
                      <a:pt x="1097" y="102"/>
                    </a:lnTo>
                    <a:lnTo>
                      <a:pt x="1101" y="98"/>
                    </a:lnTo>
                    <a:lnTo>
                      <a:pt x="1107" y="93"/>
                    </a:lnTo>
                    <a:lnTo>
                      <a:pt x="1111" y="88"/>
                    </a:lnTo>
                    <a:lnTo>
                      <a:pt x="1114" y="81"/>
                    </a:lnTo>
                    <a:lnTo>
                      <a:pt x="1117" y="74"/>
                    </a:lnTo>
                    <a:lnTo>
                      <a:pt x="1120" y="65"/>
                    </a:lnTo>
                    <a:lnTo>
                      <a:pt x="1123" y="56"/>
                    </a:lnTo>
                    <a:lnTo>
                      <a:pt x="1124" y="47"/>
                    </a:lnTo>
                    <a:lnTo>
                      <a:pt x="1133" y="51"/>
                    </a:lnTo>
                    <a:lnTo>
                      <a:pt x="1144" y="55"/>
                    </a:lnTo>
                    <a:lnTo>
                      <a:pt x="1154" y="59"/>
                    </a:lnTo>
                    <a:lnTo>
                      <a:pt x="1164" y="61"/>
                    </a:lnTo>
                    <a:lnTo>
                      <a:pt x="1169" y="61"/>
                    </a:lnTo>
                    <a:lnTo>
                      <a:pt x="1173" y="61"/>
                    </a:lnTo>
                    <a:lnTo>
                      <a:pt x="1177" y="60"/>
                    </a:lnTo>
                    <a:lnTo>
                      <a:pt x="1181" y="58"/>
                    </a:lnTo>
                    <a:lnTo>
                      <a:pt x="1184" y="54"/>
                    </a:lnTo>
                    <a:lnTo>
                      <a:pt x="1187" y="50"/>
                    </a:lnTo>
                    <a:lnTo>
                      <a:pt x="1189" y="44"/>
                    </a:lnTo>
                    <a:lnTo>
                      <a:pt x="1190" y="37"/>
                    </a:lnTo>
                    <a:lnTo>
                      <a:pt x="1204" y="41"/>
                    </a:lnTo>
                    <a:lnTo>
                      <a:pt x="1221" y="45"/>
                    </a:lnTo>
                    <a:lnTo>
                      <a:pt x="1231" y="47"/>
                    </a:lnTo>
                    <a:lnTo>
                      <a:pt x="1242" y="48"/>
                    </a:lnTo>
                    <a:lnTo>
                      <a:pt x="1251" y="48"/>
                    </a:lnTo>
                    <a:lnTo>
                      <a:pt x="1260" y="48"/>
                    </a:lnTo>
                    <a:lnTo>
                      <a:pt x="1269" y="47"/>
                    </a:lnTo>
                    <a:lnTo>
                      <a:pt x="1277" y="44"/>
                    </a:lnTo>
                    <a:lnTo>
                      <a:pt x="1284" y="40"/>
                    </a:lnTo>
                    <a:lnTo>
                      <a:pt x="1289" y="36"/>
                    </a:lnTo>
                    <a:lnTo>
                      <a:pt x="1291" y="33"/>
                    </a:lnTo>
                    <a:lnTo>
                      <a:pt x="1293" y="30"/>
                    </a:lnTo>
                    <a:lnTo>
                      <a:pt x="1294" y="25"/>
                    </a:lnTo>
                    <a:lnTo>
                      <a:pt x="1295" y="21"/>
                    </a:lnTo>
                    <a:lnTo>
                      <a:pt x="1295" y="17"/>
                    </a:lnTo>
                    <a:lnTo>
                      <a:pt x="1295" y="12"/>
                    </a:lnTo>
                    <a:lnTo>
                      <a:pt x="1294" y="5"/>
                    </a:lnTo>
                    <a:lnTo>
                      <a:pt x="1293" y="0"/>
                    </a:lnTo>
                    <a:lnTo>
                      <a:pt x="1307" y="10"/>
                    </a:lnTo>
                    <a:lnTo>
                      <a:pt x="1322" y="18"/>
                    </a:lnTo>
                    <a:lnTo>
                      <a:pt x="1336" y="25"/>
                    </a:lnTo>
                    <a:lnTo>
                      <a:pt x="1351" y="32"/>
                    </a:lnTo>
                    <a:lnTo>
                      <a:pt x="1380" y="43"/>
                    </a:lnTo>
                    <a:lnTo>
                      <a:pt x="1409" y="53"/>
                    </a:lnTo>
                    <a:lnTo>
                      <a:pt x="1424" y="58"/>
                    </a:lnTo>
                    <a:lnTo>
                      <a:pt x="1438" y="63"/>
                    </a:lnTo>
                    <a:lnTo>
                      <a:pt x="1452" y="69"/>
                    </a:lnTo>
                    <a:lnTo>
                      <a:pt x="1466" y="75"/>
                    </a:lnTo>
                    <a:lnTo>
                      <a:pt x="1479" y="82"/>
                    </a:lnTo>
                    <a:lnTo>
                      <a:pt x="1492" y="91"/>
                    </a:lnTo>
                    <a:lnTo>
                      <a:pt x="1505" y="100"/>
                    </a:lnTo>
                    <a:lnTo>
                      <a:pt x="1517" y="112"/>
                    </a:lnTo>
                    <a:lnTo>
                      <a:pt x="1514" y="118"/>
                    </a:lnTo>
                    <a:lnTo>
                      <a:pt x="1511" y="123"/>
                    </a:lnTo>
                    <a:lnTo>
                      <a:pt x="1507" y="128"/>
                    </a:lnTo>
                    <a:lnTo>
                      <a:pt x="1502" y="132"/>
                    </a:lnTo>
                    <a:lnTo>
                      <a:pt x="1492" y="139"/>
                    </a:lnTo>
                    <a:lnTo>
                      <a:pt x="1481" y="145"/>
                    </a:lnTo>
                    <a:lnTo>
                      <a:pt x="1468" y="150"/>
                    </a:lnTo>
                    <a:lnTo>
                      <a:pt x="1454" y="154"/>
                    </a:lnTo>
                    <a:lnTo>
                      <a:pt x="1439" y="157"/>
                    </a:lnTo>
                    <a:lnTo>
                      <a:pt x="1424" y="159"/>
                    </a:lnTo>
                    <a:lnTo>
                      <a:pt x="1427" y="168"/>
                    </a:lnTo>
                    <a:lnTo>
                      <a:pt x="1430" y="176"/>
                    </a:lnTo>
                    <a:lnTo>
                      <a:pt x="1434" y="183"/>
                    </a:lnTo>
                    <a:lnTo>
                      <a:pt x="1439" y="190"/>
                    </a:lnTo>
                    <a:lnTo>
                      <a:pt x="1451" y="201"/>
                    </a:lnTo>
                    <a:lnTo>
                      <a:pt x="1465" y="212"/>
                    </a:lnTo>
                    <a:lnTo>
                      <a:pt x="1478" y="221"/>
                    </a:lnTo>
                    <a:lnTo>
                      <a:pt x="1492" y="231"/>
                    </a:lnTo>
                    <a:lnTo>
                      <a:pt x="1506" y="241"/>
                    </a:lnTo>
                    <a:lnTo>
                      <a:pt x="1517" y="253"/>
                    </a:lnTo>
                    <a:lnTo>
                      <a:pt x="1526" y="249"/>
                    </a:lnTo>
                    <a:lnTo>
                      <a:pt x="1534" y="246"/>
                    </a:lnTo>
                    <a:lnTo>
                      <a:pt x="1542" y="243"/>
                    </a:lnTo>
                    <a:lnTo>
                      <a:pt x="1550" y="241"/>
                    </a:lnTo>
                    <a:lnTo>
                      <a:pt x="1557" y="240"/>
                    </a:lnTo>
                    <a:lnTo>
                      <a:pt x="1566" y="241"/>
                    </a:lnTo>
                    <a:lnTo>
                      <a:pt x="1573" y="241"/>
                    </a:lnTo>
                    <a:lnTo>
                      <a:pt x="1582" y="242"/>
                    </a:lnTo>
                    <a:lnTo>
                      <a:pt x="1596" y="247"/>
                    </a:lnTo>
                    <a:lnTo>
                      <a:pt x="1611" y="253"/>
                    </a:lnTo>
                    <a:lnTo>
                      <a:pt x="1626" y="260"/>
                    </a:lnTo>
                    <a:lnTo>
                      <a:pt x="1640" y="270"/>
                    </a:lnTo>
                    <a:lnTo>
                      <a:pt x="1667" y="289"/>
                    </a:lnTo>
                    <a:lnTo>
                      <a:pt x="1693" y="307"/>
                    </a:lnTo>
                    <a:lnTo>
                      <a:pt x="1706" y="314"/>
                    </a:lnTo>
                    <a:lnTo>
                      <a:pt x="1719" y="320"/>
                    </a:lnTo>
                    <a:lnTo>
                      <a:pt x="1730" y="326"/>
                    </a:lnTo>
                    <a:lnTo>
                      <a:pt x="1742" y="328"/>
                    </a:lnTo>
                    <a:lnTo>
                      <a:pt x="1730" y="349"/>
                    </a:lnTo>
                    <a:lnTo>
                      <a:pt x="1717" y="369"/>
                    </a:lnTo>
                    <a:lnTo>
                      <a:pt x="1712" y="379"/>
                    </a:lnTo>
                    <a:lnTo>
                      <a:pt x="1708" y="392"/>
                    </a:lnTo>
                    <a:lnTo>
                      <a:pt x="1706" y="398"/>
                    </a:lnTo>
                    <a:lnTo>
                      <a:pt x="1705" y="406"/>
                    </a:lnTo>
                    <a:lnTo>
                      <a:pt x="1705" y="413"/>
                    </a:lnTo>
                    <a:lnTo>
                      <a:pt x="1705" y="421"/>
                    </a:lnTo>
                    <a:lnTo>
                      <a:pt x="1693" y="423"/>
                    </a:lnTo>
                    <a:lnTo>
                      <a:pt x="1682" y="427"/>
                    </a:lnTo>
                    <a:lnTo>
                      <a:pt x="1672" y="430"/>
                    </a:lnTo>
                    <a:lnTo>
                      <a:pt x="1663" y="434"/>
                    </a:lnTo>
                    <a:lnTo>
                      <a:pt x="1654" y="439"/>
                    </a:lnTo>
                    <a:lnTo>
                      <a:pt x="1647" y="445"/>
                    </a:lnTo>
                    <a:lnTo>
                      <a:pt x="1640" y="451"/>
                    </a:lnTo>
                    <a:lnTo>
                      <a:pt x="1633" y="457"/>
                    </a:lnTo>
                    <a:lnTo>
                      <a:pt x="1628" y="465"/>
                    </a:lnTo>
                    <a:lnTo>
                      <a:pt x="1623" y="472"/>
                    </a:lnTo>
                    <a:lnTo>
                      <a:pt x="1618" y="480"/>
                    </a:lnTo>
                    <a:lnTo>
                      <a:pt x="1614" y="489"/>
                    </a:lnTo>
                    <a:lnTo>
                      <a:pt x="1608" y="507"/>
                    </a:lnTo>
                    <a:lnTo>
                      <a:pt x="1603" y="526"/>
                    </a:lnTo>
                    <a:lnTo>
                      <a:pt x="1594" y="566"/>
                    </a:lnTo>
                    <a:lnTo>
                      <a:pt x="1588" y="607"/>
                    </a:lnTo>
                    <a:lnTo>
                      <a:pt x="1584" y="627"/>
                    </a:lnTo>
                    <a:lnTo>
                      <a:pt x="1578" y="647"/>
                    </a:lnTo>
                    <a:lnTo>
                      <a:pt x="1572" y="666"/>
                    </a:lnTo>
                    <a:lnTo>
                      <a:pt x="1564" y="684"/>
                    </a:lnTo>
                    <a:lnTo>
                      <a:pt x="1552" y="684"/>
                    </a:lnTo>
                    <a:lnTo>
                      <a:pt x="1541" y="684"/>
                    </a:lnTo>
                    <a:lnTo>
                      <a:pt x="1529" y="684"/>
                    </a:lnTo>
                    <a:lnTo>
                      <a:pt x="1517" y="684"/>
                    </a:lnTo>
                    <a:lnTo>
                      <a:pt x="1516" y="674"/>
                    </a:lnTo>
                    <a:lnTo>
                      <a:pt x="1514" y="666"/>
                    </a:lnTo>
                    <a:lnTo>
                      <a:pt x="1511" y="659"/>
                    </a:lnTo>
                    <a:lnTo>
                      <a:pt x="1507" y="654"/>
                    </a:lnTo>
                    <a:lnTo>
                      <a:pt x="1502" y="649"/>
                    </a:lnTo>
                    <a:lnTo>
                      <a:pt x="1496" y="645"/>
                    </a:lnTo>
                    <a:lnTo>
                      <a:pt x="1490" y="641"/>
                    </a:lnTo>
                    <a:lnTo>
                      <a:pt x="1484" y="637"/>
                    </a:lnTo>
                    <a:lnTo>
                      <a:pt x="1477" y="634"/>
                    </a:lnTo>
                    <a:lnTo>
                      <a:pt x="1471" y="630"/>
                    </a:lnTo>
                    <a:lnTo>
                      <a:pt x="1466" y="626"/>
                    </a:lnTo>
                    <a:lnTo>
                      <a:pt x="1461" y="620"/>
                    </a:lnTo>
                    <a:lnTo>
                      <a:pt x="1456" y="615"/>
                    </a:lnTo>
                    <a:lnTo>
                      <a:pt x="1453" y="608"/>
                    </a:lnTo>
                    <a:lnTo>
                      <a:pt x="1452" y="599"/>
                    </a:lnTo>
                    <a:lnTo>
                      <a:pt x="1452" y="590"/>
                    </a:lnTo>
                    <a:lnTo>
                      <a:pt x="1459" y="590"/>
                    </a:lnTo>
                    <a:lnTo>
                      <a:pt x="1467" y="590"/>
                    </a:lnTo>
                    <a:lnTo>
                      <a:pt x="1473" y="590"/>
                    </a:lnTo>
                    <a:lnTo>
                      <a:pt x="1478" y="588"/>
                    </a:lnTo>
                    <a:lnTo>
                      <a:pt x="1484" y="587"/>
                    </a:lnTo>
                    <a:lnTo>
                      <a:pt x="1489" y="584"/>
                    </a:lnTo>
                    <a:lnTo>
                      <a:pt x="1493" y="580"/>
                    </a:lnTo>
                    <a:lnTo>
                      <a:pt x="1496" y="577"/>
                    </a:lnTo>
                    <a:lnTo>
                      <a:pt x="1499" y="574"/>
                    </a:lnTo>
                    <a:lnTo>
                      <a:pt x="1502" y="570"/>
                    </a:lnTo>
                    <a:lnTo>
                      <a:pt x="1504" y="565"/>
                    </a:lnTo>
                    <a:lnTo>
                      <a:pt x="1506" y="560"/>
                    </a:lnTo>
                    <a:lnTo>
                      <a:pt x="1507" y="550"/>
                    </a:lnTo>
                    <a:lnTo>
                      <a:pt x="1507" y="540"/>
                    </a:lnTo>
                    <a:lnTo>
                      <a:pt x="1506" y="530"/>
                    </a:lnTo>
                    <a:lnTo>
                      <a:pt x="1502" y="519"/>
                    </a:lnTo>
                    <a:lnTo>
                      <a:pt x="1496" y="510"/>
                    </a:lnTo>
                    <a:lnTo>
                      <a:pt x="1490" y="501"/>
                    </a:lnTo>
                    <a:lnTo>
                      <a:pt x="1487" y="498"/>
                    </a:lnTo>
                    <a:lnTo>
                      <a:pt x="1483" y="495"/>
                    </a:lnTo>
                    <a:lnTo>
                      <a:pt x="1478" y="492"/>
                    </a:lnTo>
                    <a:lnTo>
                      <a:pt x="1473" y="490"/>
                    </a:lnTo>
                    <a:lnTo>
                      <a:pt x="1469" y="488"/>
                    </a:lnTo>
                    <a:lnTo>
                      <a:pt x="1464" y="487"/>
                    </a:lnTo>
                    <a:lnTo>
                      <a:pt x="1457" y="487"/>
                    </a:lnTo>
                    <a:lnTo>
                      <a:pt x="1452" y="487"/>
                    </a:lnTo>
                    <a:lnTo>
                      <a:pt x="1444" y="485"/>
                    </a:lnTo>
                    <a:lnTo>
                      <a:pt x="1436" y="485"/>
                    </a:lnTo>
                    <a:lnTo>
                      <a:pt x="1429" y="484"/>
                    </a:lnTo>
                    <a:lnTo>
                      <a:pt x="1423" y="485"/>
                    </a:lnTo>
                    <a:lnTo>
                      <a:pt x="1415" y="486"/>
                    </a:lnTo>
                    <a:lnTo>
                      <a:pt x="1409" y="487"/>
                    </a:lnTo>
                    <a:lnTo>
                      <a:pt x="1403" y="489"/>
                    </a:lnTo>
                    <a:lnTo>
                      <a:pt x="1396" y="492"/>
                    </a:lnTo>
                    <a:lnTo>
                      <a:pt x="1385" y="498"/>
                    </a:lnTo>
                    <a:lnTo>
                      <a:pt x="1374" y="507"/>
                    </a:lnTo>
                    <a:lnTo>
                      <a:pt x="1364" y="517"/>
                    </a:lnTo>
                    <a:lnTo>
                      <a:pt x="1354" y="528"/>
                    </a:lnTo>
                    <a:lnTo>
                      <a:pt x="1346" y="539"/>
                    </a:lnTo>
                    <a:lnTo>
                      <a:pt x="1337" y="552"/>
                    </a:lnTo>
                    <a:lnTo>
                      <a:pt x="1329" y="565"/>
                    </a:lnTo>
                    <a:lnTo>
                      <a:pt x="1322" y="578"/>
                    </a:lnTo>
                    <a:lnTo>
                      <a:pt x="1307" y="604"/>
                    </a:lnTo>
                    <a:lnTo>
                      <a:pt x="1293" y="627"/>
                    </a:lnTo>
                    <a:lnTo>
                      <a:pt x="1284" y="617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72" name="Syddjurs og Favrskov kant"/>
              <p:cNvSpPr>
                <a:spLocks/>
              </p:cNvSpPr>
              <p:nvPr/>
            </p:nvSpPr>
            <p:spPr bwMode="auto">
              <a:xfrm>
                <a:off x="1751015" y="3956056"/>
                <a:ext cx="920752" cy="361951"/>
              </a:xfrm>
              <a:custGeom>
                <a:avLst/>
                <a:gdLst>
                  <a:gd name="T0" fmla="*/ 400 w 1742"/>
                  <a:gd name="T1" fmla="*/ 200 h 684"/>
                  <a:gd name="T2" fmla="*/ 372 w 1742"/>
                  <a:gd name="T3" fmla="*/ 213 h 684"/>
                  <a:gd name="T4" fmla="*/ 353 w 1742"/>
                  <a:gd name="T5" fmla="*/ 199 h 684"/>
                  <a:gd name="T6" fmla="*/ 360 w 1742"/>
                  <a:gd name="T7" fmla="*/ 184 h 684"/>
                  <a:gd name="T8" fmla="*/ 379 w 1742"/>
                  <a:gd name="T9" fmla="*/ 173 h 684"/>
                  <a:gd name="T10" fmla="*/ 383 w 1742"/>
                  <a:gd name="T11" fmla="*/ 187 h 684"/>
                  <a:gd name="T12" fmla="*/ 399 w 1742"/>
                  <a:gd name="T13" fmla="*/ 168 h 684"/>
                  <a:gd name="T14" fmla="*/ 397 w 1742"/>
                  <a:gd name="T15" fmla="*/ 155 h 684"/>
                  <a:gd name="T16" fmla="*/ 417 w 1742"/>
                  <a:gd name="T17" fmla="*/ 133 h 684"/>
                  <a:gd name="T18" fmla="*/ 393 w 1742"/>
                  <a:gd name="T19" fmla="*/ 121 h 684"/>
                  <a:gd name="T20" fmla="*/ 344 w 1742"/>
                  <a:gd name="T21" fmla="*/ 120 h 684"/>
                  <a:gd name="T22" fmla="*/ 306 w 1742"/>
                  <a:gd name="T23" fmla="*/ 112 h 684"/>
                  <a:gd name="T24" fmla="*/ 294 w 1742"/>
                  <a:gd name="T25" fmla="*/ 111 h 684"/>
                  <a:gd name="T26" fmla="*/ 262 w 1742"/>
                  <a:gd name="T27" fmla="*/ 87 h 684"/>
                  <a:gd name="T28" fmla="*/ 245 w 1742"/>
                  <a:gd name="T29" fmla="*/ 90 h 684"/>
                  <a:gd name="T30" fmla="*/ 247 w 1742"/>
                  <a:gd name="T31" fmla="*/ 104 h 684"/>
                  <a:gd name="T32" fmla="*/ 224 w 1742"/>
                  <a:gd name="T33" fmla="*/ 118 h 684"/>
                  <a:gd name="T34" fmla="*/ 190 w 1742"/>
                  <a:gd name="T35" fmla="*/ 164 h 684"/>
                  <a:gd name="T36" fmla="*/ 159 w 1742"/>
                  <a:gd name="T37" fmla="*/ 178 h 684"/>
                  <a:gd name="T38" fmla="*/ 111 w 1742"/>
                  <a:gd name="T39" fmla="*/ 179 h 684"/>
                  <a:gd name="T40" fmla="*/ 59 w 1742"/>
                  <a:gd name="T41" fmla="*/ 192 h 684"/>
                  <a:gd name="T42" fmla="*/ 55 w 1742"/>
                  <a:gd name="T43" fmla="*/ 175 h 684"/>
                  <a:gd name="T44" fmla="*/ 57 w 1742"/>
                  <a:gd name="T45" fmla="*/ 160 h 684"/>
                  <a:gd name="T46" fmla="*/ 57 w 1742"/>
                  <a:gd name="T47" fmla="*/ 146 h 684"/>
                  <a:gd name="T48" fmla="*/ 53 w 1742"/>
                  <a:gd name="T49" fmla="*/ 132 h 684"/>
                  <a:gd name="T50" fmla="*/ 43 w 1742"/>
                  <a:gd name="T51" fmla="*/ 114 h 684"/>
                  <a:gd name="T52" fmla="*/ 6 w 1742"/>
                  <a:gd name="T53" fmla="*/ 100 h 684"/>
                  <a:gd name="T54" fmla="*/ 16 w 1742"/>
                  <a:gd name="T55" fmla="*/ 63 h 684"/>
                  <a:gd name="T56" fmla="*/ 29 w 1742"/>
                  <a:gd name="T57" fmla="*/ 39 h 684"/>
                  <a:gd name="T58" fmla="*/ 46 w 1742"/>
                  <a:gd name="T59" fmla="*/ 19 h 684"/>
                  <a:gd name="T60" fmla="*/ 65 w 1742"/>
                  <a:gd name="T61" fmla="*/ 1 h 684"/>
                  <a:gd name="T62" fmla="*/ 80 w 1742"/>
                  <a:gd name="T63" fmla="*/ 14 h 684"/>
                  <a:gd name="T64" fmla="*/ 61 w 1742"/>
                  <a:gd name="T65" fmla="*/ 21 h 684"/>
                  <a:gd name="T66" fmla="*/ 64 w 1742"/>
                  <a:gd name="T67" fmla="*/ 39 h 684"/>
                  <a:gd name="T68" fmla="*/ 89 w 1742"/>
                  <a:gd name="T69" fmla="*/ 48 h 684"/>
                  <a:gd name="T70" fmla="*/ 120 w 1742"/>
                  <a:gd name="T71" fmla="*/ 56 h 684"/>
                  <a:gd name="T72" fmla="*/ 150 w 1742"/>
                  <a:gd name="T73" fmla="*/ 40 h 684"/>
                  <a:gd name="T74" fmla="*/ 212 w 1742"/>
                  <a:gd name="T75" fmla="*/ 53 h 684"/>
                  <a:gd name="T76" fmla="*/ 225 w 1742"/>
                  <a:gd name="T77" fmla="*/ 47 h 684"/>
                  <a:gd name="T78" fmla="*/ 254 w 1742"/>
                  <a:gd name="T79" fmla="*/ 41 h 684"/>
                  <a:gd name="T80" fmla="*/ 265 w 1742"/>
                  <a:gd name="T81" fmla="*/ 58 h 684"/>
                  <a:gd name="T82" fmla="*/ 243 w 1742"/>
                  <a:gd name="T83" fmla="*/ 76 h 684"/>
                  <a:gd name="T84" fmla="*/ 261 w 1742"/>
                  <a:gd name="T85" fmla="*/ 62 h 684"/>
                  <a:gd name="T86" fmla="*/ 272 w 1742"/>
                  <a:gd name="T87" fmla="*/ 48 h 684"/>
                  <a:gd name="T88" fmla="*/ 276 w 1742"/>
                  <a:gd name="T89" fmla="*/ 31 h 684"/>
                  <a:gd name="T90" fmla="*/ 297 w 1742"/>
                  <a:gd name="T91" fmla="*/ 42 h 684"/>
                  <a:gd name="T92" fmla="*/ 362 w 1742"/>
                  <a:gd name="T93" fmla="*/ 37 h 684"/>
                  <a:gd name="T94" fmla="*/ 377 w 1742"/>
                  <a:gd name="T95" fmla="*/ 17 h 684"/>
                  <a:gd name="T96" fmla="*/ 396 w 1742"/>
                  <a:gd name="T97" fmla="*/ 12 h 684"/>
                  <a:gd name="T98" fmla="*/ 430 w 1742"/>
                  <a:gd name="T99" fmla="*/ 11 h 684"/>
                  <a:gd name="T100" fmla="*/ 450 w 1742"/>
                  <a:gd name="T101" fmla="*/ 11 h 684"/>
                  <a:gd name="T102" fmla="*/ 504 w 1742"/>
                  <a:gd name="T103" fmla="*/ 39 h 684"/>
                  <a:gd name="T104" fmla="*/ 476 w 1742"/>
                  <a:gd name="T105" fmla="*/ 59 h 684"/>
                  <a:gd name="T106" fmla="*/ 513 w 1742"/>
                  <a:gd name="T107" fmla="*/ 81 h 684"/>
                  <a:gd name="T108" fmla="*/ 564 w 1742"/>
                  <a:gd name="T109" fmla="*/ 102 h 684"/>
                  <a:gd name="T110" fmla="*/ 568 w 1742"/>
                  <a:gd name="T111" fmla="*/ 138 h 684"/>
                  <a:gd name="T112" fmla="*/ 540 w 1742"/>
                  <a:gd name="T113" fmla="*/ 157 h 684"/>
                  <a:gd name="T114" fmla="*/ 517 w 1742"/>
                  <a:gd name="T115" fmla="*/ 228 h 684"/>
                  <a:gd name="T116" fmla="*/ 494 w 1742"/>
                  <a:gd name="T117" fmla="*/ 212 h 684"/>
                  <a:gd name="T118" fmla="*/ 490 w 1742"/>
                  <a:gd name="T119" fmla="*/ 197 h 684"/>
                  <a:gd name="T120" fmla="*/ 502 w 1742"/>
                  <a:gd name="T121" fmla="*/ 180 h 684"/>
                  <a:gd name="T122" fmla="*/ 485 w 1742"/>
                  <a:gd name="T123" fmla="*/ 162 h 684"/>
                  <a:gd name="T124" fmla="*/ 457 w 1742"/>
                  <a:gd name="T125" fmla="*/ 169 h 684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742" h="684">
                    <a:moveTo>
                      <a:pt x="1284" y="617"/>
                    </a:moveTo>
                    <a:lnTo>
                      <a:pt x="1274" y="621"/>
                    </a:lnTo>
                    <a:lnTo>
                      <a:pt x="1266" y="623"/>
                    </a:lnTo>
                    <a:lnTo>
                      <a:pt x="1258" y="624"/>
                    </a:lnTo>
                    <a:lnTo>
                      <a:pt x="1251" y="623"/>
                    </a:lnTo>
                    <a:lnTo>
                      <a:pt x="1245" y="621"/>
                    </a:lnTo>
                    <a:lnTo>
                      <a:pt x="1239" y="618"/>
                    </a:lnTo>
                    <a:lnTo>
                      <a:pt x="1233" y="616"/>
                    </a:lnTo>
                    <a:lnTo>
                      <a:pt x="1227" y="613"/>
                    </a:lnTo>
                    <a:lnTo>
                      <a:pt x="1214" y="607"/>
                    </a:lnTo>
                    <a:lnTo>
                      <a:pt x="1200" y="601"/>
                    </a:lnTo>
                    <a:lnTo>
                      <a:pt x="1192" y="599"/>
                    </a:lnTo>
                    <a:lnTo>
                      <a:pt x="1183" y="598"/>
                    </a:lnTo>
                    <a:lnTo>
                      <a:pt x="1173" y="598"/>
                    </a:lnTo>
                    <a:lnTo>
                      <a:pt x="1161" y="599"/>
                    </a:lnTo>
                    <a:lnTo>
                      <a:pt x="1153" y="611"/>
                    </a:lnTo>
                    <a:lnTo>
                      <a:pt x="1145" y="620"/>
                    </a:lnTo>
                    <a:lnTo>
                      <a:pt x="1139" y="625"/>
                    </a:lnTo>
                    <a:lnTo>
                      <a:pt x="1134" y="629"/>
                    </a:lnTo>
                    <a:lnTo>
                      <a:pt x="1129" y="632"/>
                    </a:lnTo>
                    <a:lnTo>
                      <a:pt x="1124" y="635"/>
                    </a:lnTo>
                    <a:lnTo>
                      <a:pt x="1117" y="638"/>
                    </a:lnTo>
                    <a:lnTo>
                      <a:pt x="1112" y="639"/>
                    </a:lnTo>
                    <a:lnTo>
                      <a:pt x="1105" y="640"/>
                    </a:lnTo>
                    <a:lnTo>
                      <a:pt x="1098" y="641"/>
                    </a:lnTo>
                    <a:lnTo>
                      <a:pt x="1091" y="641"/>
                    </a:lnTo>
                    <a:lnTo>
                      <a:pt x="1084" y="640"/>
                    </a:lnTo>
                    <a:lnTo>
                      <a:pt x="1076" y="639"/>
                    </a:lnTo>
                    <a:lnTo>
                      <a:pt x="1068" y="636"/>
                    </a:lnTo>
                    <a:lnTo>
                      <a:pt x="1067" y="627"/>
                    </a:lnTo>
                    <a:lnTo>
                      <a:pt x="1066" y="616"/>
                    </a:lnTo>
                    <a:lnTo>
                      <a:pt x="1062" y="607"/>
                    </a:lnTo>
                    <a:lnTo>
                      <a:pt x="1059" y="597"/>
                    </a:lnTo>
                    <a:lnTo>
                      <a:pt x="1056" y="593"/>
                    </a:lnTo>
                    <a:lnTo>
                      <a:pt x="1053" y="589"/>
                    </a:lnTo>
                    <a:lnTo>
                      <a:pt x="1050" y="585"/>
                    </a:lnTo>
                    <a:lnTo>
                      <a:pt x="1046" y="581"/>
                    </a:lnTo>
                    <a:lnTo>
                      <a:pt x="1040" y="578"/>
                    </a:lnTo>
                    <a:lnTo>
                      <a:pt x="1034" y="575"/>
                    </a:lnTo>
                    <a:lnTo>
                      <a:pt x="1028" y="573"/>
                    </a:lnTo>
                    <a:lnTo>
                      <a:pt x="1021" y="571"/>
                    </a:lnTo>
                    <a:lnTo>
                      <a:pt x="1042" y="565"/>
                    </a:lnTo>
                    <a:lnTo>
                      <a:pt x="1074" y="555"/>
                    </a:lnTo>
                    <a:lnTo>
                      <a:pt x="1082" y="552"/>
                    </a:lnTo>
                    <a:lnTo>
                      <a:pt x="1090" y="548"/>
                    </a:lnTo>
                    <a:lnTo>
                      <a:pt x="1098" y="545"/>
                    </a:lnTo>
                    <a:lnTo>
                      <a:pt x="1105" y="539"/>
                    </a:lnTo>
                    <a:lnTo>
                      <a:pt x="1111" y="534"/>
                    </a:lnTo>
                    <a:lnTo>
                      <a:pt x="1116" y="529"/>
                    </a:lnTo>
                    <a:lnTo>
                      <a:pt x="1120" y="522"/>
                    </a:lnTo>
                    <a:lnTo>
                      <a:pt x="1124" y="515"/>
                    </a:lnTo>
                    <a:lnTo>
                      <a:pt x="1130" y="515"/>
                    </a:lnTo>
                    <a:lnTo>
                      <a:pt x="1134" y="515"/>
                    </a:lnTo>
                    <a:lnTo>
                      <a:pt x="1136" y="516"/>
                    </a:lnTo>
                    <a:lnTo>
                      <a:pt x="1138" y="518"/>
                    </a:lnTo>
                    <a:lnTo>
                      <a:pt x="1139" y="520"/>
                    </a:lnTo>
                    <a:lnTo>
                      <a:pt x="1139" y="522"/>
                    </a:lnTo>
                    <a:lnTo>
                      <a:pt x="1139" y="526"/>
                    </a:lnTo>
                    <a:lnTo>
                      <a:pt x="1138" y="529"/>
                    </a:lnTo>
                    <a:lnTo>
                      <a:pt x="1137" y="536"/>
                    </a:lnTo>
                    <a:lnTo>
                      <a:pt x="1136" y="545"/>
                    </a:lnTo>
                    <a:lnTo>
                      <a:pt x="1136" y="549"/>
                    </a:lnTo>
                    <a:lnTo>
                      <a:pt x="1137" y="553"/>
                    </a:lnTo>
                    <a:lnTo>
                      <a:pt x="1139" y="557"/>
                    </a:lnTo>
                    <a:lnTo>
                      <a:pt x="1143" y="561"/>
                    </a:lnTo>
                    <a:lnTo>
                      <a:pt x="1151" y="562"/>
                    </a:lnTo>
                    <a:lnTo>
                      <a:pt x="1157" y="564"/>
                    </a:lnTo>
                    <a:lnTo>
                      <a:pt x="1165" y="564"/>
                    </a:lnTo>
                    <a:lnTo>
                      <a:pt x="1170" y="562"/>
                    </a:lnTo>
                    <a:lnTo>
                      <a:pt x="1180" y="560"/>
                    </a:lnTo>
                    <a:lnTo>
                      <a:pt x="1189" y="556"/>
                    </a:lnTo>
                    <a:lnTo>
                      <a:pt x="1203" y="545"/>
                    </a:lnTo>
                    <a:lnTo>
                      <a:pt x="1217" y="533"/>
                    </a:lnTo>
                    <a:lnTo>
                      <a:pt x="1213" y="529"/>
                    </a:lnTo>
                    <a:lnTo>
                      <a:pt x="1209" y="521"/>
                    </a:lnTo>
                    <a:lnTo>
                      <a:pt x="1204" y="512"/>
                    </a:lnTo>
                    <a:lnTo>
                      <a:pt x="1199" y="504"/>
                    </a:lnTo>
                    <a:lnTo>
                      <a:pt x="1194" y="496"/>
                    </a:lnTo>
                    <a:lnTo>
                      <a:pt x="1189" y="491"/>
                    </a:lnTo>
                    <a:lnTo>
                      <a:pt x="1187" y="490"/>
                    </a:lnTo>
                    <a:lnTo>
                      <a:pt x="1185" y="491"/>
                    </a:lnTo>
                    <a:lnTo>
                      <a:pt x="1183" y="493"/>
                    </a:lnTo>
                    <a:lnTo>
                      <a:pt x="1180" y="496"/>
                    </a:lnTo>
                    <a:lnTo>
                      <a:pt x="1180" y="493"/>
                    </a:lnTo>
                    <a:lnTo>
                      <a:pt x="1181" y="489"/>
                    </a:lnTo>
                    <a:lnTo>
                      <a:pt x="1183" y="484"/>
                    </a:lnTo>
                    <a:lnTo>
                      <a:pt x="1185" y="478"/>
                    </a:lnTo>
                    <a:lnTo>
                      <a:pt x="1191" y="466"/>
                    </a:lnTo>
                    <a:lnTo>
                      <a:pt x="1200" y="453"/>
                    </a:lnTo>
                    <a:lnTo>
                      <a:pt x="1206" y="447"/>
                    </a:lnTo>
                    <a:lnTo>
                      <a:pt x="1212" y="440"/>
                    </a:lnTo>
                    <a:lnTo>
                      <a:pt x="1217" y="435"/>
                    </a:lnTo>
                    <a:lnTo>
                      <a:pt x="1225" y="431"/>
                    </a:lnTo>
                    <a:lnTo>
                      <a:pt x="1232" y="427"/>
                    </a:lnTo>
                    <a:lnTo>
                      <a:pt x="1239" y="423"/>
                    </a:lnTo>
                    <a:lnTo>
                      <a:pt x="1247" y="421"/>
                    </a:lnTo>
                    <a:lnTo>
                      <a:pt x="1255" y="421"/>
                    </a:lnTo>
                    <a:lnTo>
                      <a:pt x="1254" y="409"/>
                    </a:lnTo>
                    <a:lnTo>
                      <a:pt x="1251" y="398"/>
                    </a:lnTo>
                    <a:lnTo>
                      <a:pt x="1247" y="391"/>
                    </a:lnTo>
                    <a:lnTo>
                      <a:pt x="1242" y="386"/>
                    </a:lnTo>
                    <a:lnTo>
                      <a:pt x="1235" y="381"/>
                    </a:lnTo>
                    <a:lnTo>
                      <a:pt x="1229" y="379"/>
                    </a:lnTo>
                    <a:lnTo>
                      <a:pt x="1221" y="377"/>
                    </a:lnTo>
                    <a:lnTo>
                      <a:pt x="1213" y="376"/>
                    </a:lnTo>
                    <a:lnTo>
                      <a:pt x="1206" y="375"/>
                    </a:lnTo>
                    <a:lnTo>
                      <a:pt x="1198" y="373"/>
                    </a:lnTo>
                    <a:lnTo>
                      <a:pt x="1191" y="371"/>
                    </a:lnTo>
                    <a:lnTo>
                      <a:pt x="1185" y="368"/>
                    </a:lnTo>
                    <a:lnTo>
                      <a:pt x="1179" y="363"/>
                    </a:lnTo>
                    <a:lnTo>
                      <a:pt x="1175" y="356"/>
                    </a:lnTo>
                    <a:lnTo>
                      <a:pt x="1172" y="348"/>
                    </a:lnTo>
                    <a:lnTo>
                      <a:pt x="1171" y="337"/>
                    </a:lnTo>
                    <a:lnTo>
                      <a:pt x="1159" y="338"/>
                    </a:lnTo>
                    <a:lnTo>
                      <a:pt x="1147" y="340"/>
                    </a:lnTo>
                    <a:lnTo>
                      <a:pt x="1134" y="342"/>
                    </a:lnTo>
                    <a:lnTo>
                      <a:pt x="1120" y="346"/>
                    </a:lnTo>
                    <a:lnTo>
                      <a:pt x="1092" y="352"/>
                    </a:lnTo>
                    <a:lnTo>
                      <a:pt x="1062" y="357"/>
                    </a:lnTo>
                    <a:lnTo>
                      <a:pt x="1047" y="359"/>
                    </a:lnTo>
                    <a:lnTo>
                      <a:pt x="1032" y="359"/>
                    </a:lnTo>
                    <a:lnTo>
                      <a:pt x="1017" y="359"/>
                    </a:lnTo>
                    <a:lnTo>
                      <a:pt x="1002" y="356"/>
                    </a:lnTo>
                    <a:lnTo>
                      <a:pt x="988" y="353"/>
                    </a:lnTo>
                    <a:lnTo>
                      <a:pt x="973" y="347"/>
                    </a:lnTo>
                    <a:lnTo>
                      <a:pt x="967" y="342"/>
                    </a:lnTo>
                    <a:lnTo>
                      <a:pt x="959" y="338"/>
                    </a:lnTo>
                    <a:lnTo>
                      <a:pt x="953" y="333"/>
                    </a:lnTo>
                    <a:lnTo>
                      <a:pt x="947" y="328"/>
                    </a:lnTo>
                    <a:lnTo>
                      <a:pt x="936" y="329"/>
                    </a:lnTo>
                    <a:lnTo>
                      <a:pt x="927" y="332"/>
                    </a:lnTo>
                    <a:lnTo>
                      <a:pt x="919" y="335"/>
                    </a:lnTo>
                    <a:lnTo>
                      <a:pt x="912" y="339"/>
                    </a:lnTo>
                    <a:lnTo>
                      <a:pt x="905" y="345"/>
                    </a:lnTo>
                    <a:lnTo>
                      <a:pt x="899" y="351"/>
                    </a:lnTo>
                    <a:lnTo>
                      <a:pt x="894" y="357"/>
                    </a:lnTo>
                    <a:lnTo>
                      <a:pt x="890" y="365"/>
                    </a:lnTo>
                    <a:lnTo>
                      <a:pt x="886" y="361"/>
                    </a:lnTo>
                    <a:lnTo>
                      <a:pt x="882" y="358"/>
                    </a:lnTo>
                    <a:lnTo>
                      <a:pt x="880" y="354"/>
                    </a:lnTo>
                    <a:lnTo>
                      <a:pt x="879" y="350"/>
                    </a:lnTo>
                    <a:lnTo>
                      <a:pt x="880" y="341"/>
                    </a:lnTo>
                    <a:lnTo>
                      <a:pt x="883" y="332"/>
                    </a:lnTo>
                    <a:lnTo>
                      <a:pt x="888" y="322"/>
                    </a:lnTo>
                    <a:lnTo>
                      <a:pt x="891" y="312"/>
                    </a:lnTo>
                    <a:lnTo>
                      <a:pt x="892" y="307"/>
                    </a:lnTo>
                    <a:lnTo>
                      <a:pt x="892" y="301"/>
                    </a:lnTo>
                    <a:lnTo>
                      <a:pt x="892" y="296"/>
                    </a:lnTo>
                    <a:lnTo>
                      <a:pt x="890" y="290"/>
                    </a:lnTo>
                    <a:lnTo>
                      <a:pt x="868" y="281"/>
                    </a:lnTo>
                    <a:lnTo>
                      <a:pt x="847" y="274"/>
                    </a:lnTo>
                    <a:lnTo>
                      <a:pt x="827" y="269"/>
                    </a:lnTo>
                    <a:lnTo>
                      <a:pt x="808" y="264"/>
                    </a:lnTo>
                    <a:lnTo>
                      <a:pt x="788" y="261"/>
                    </a:lnTo>
                    <a:lnTo>
                      <a:pt x="767" y="259"/>
                    </a:lnTo>
                    <a:lnTo>
                      <a:pt x="744" y="256"/>
                    </a:lnTo>
                    <a:lnTo>
                      <a:pt x="721" y="253"/>
                    </a:lnTo>
                    <a:lnTo>
                      <a:pt x="719" y="258"/>
                    </a:lnTo>
                    <a:lnTo>
                      <a:pt x="719" y="263"/>
                    </a:lnTo>
                    <a:lnTo>
                      <a:pt x="719" y="267"/>
                    </a:lnTo>
                    <a:lnTo>
                      <a:pt x="721" y="269"/>
                    </a:lnTo>
                    <a:lnTo>
                      <a:pt x="724" y="271"/>
                    </a:lnTo>
                    <a:lnTo>
                      <a:pt x="728" y="271"/>
                    </a:lnTo>
                    <a:lnTo>
                      <a:pt x="732" y="271"/>
                    </a:lnTo>
                    <a:lnTo>
                      <a:pt x="736" y="271"/>
                    </a:lnTo>
                    <a:lnTo>
                      <a:pt x="744" y="271"/>
                    </a:lnTo>
                    <a:lnTo>
                      <a:pt x="752" y="271"/>
                    </a:lnTo>
                    <a:lnTo>
                      <a:pt x="755" y="272"/>
                    </a:lnTo>
                    <a:lnTo>
                      <a:pt x="757" y="274"/>
                    </a:lnTo>
                    <a:lnTo>
                      <a:pt x="759" y="277"/>
                    </a:lnTo>
                    <a:lnTo>
                      <a:pt x="759" y="280"/>
                    </a:lnTo>
                    <a:lnTo>
                      <a:pt x="756" y="291"/>
                    </a:lnTo>
                    <a:lnTo>
                      <a:pt x="754" y="299"/>
                    </a:lnTo>
                    <a:lnTo>
                      <a:pt x="751" y="304"/>
                    </a:lnTo>
                    <a:lnTo>
                      <a:pt x="748" y="309"/>
                    </a:lnTo>
                    <a:lnTo>
                      <a:pt x="743" y="311"/>
                    </a:lnTo>
                    <a:lnTo>
                      <a:pt x="739" y="311"/>
                    </a:lnTo>
                    <a:lnTo>
                      <a:pt x="735" y="311"/>
                    </a:lnTo>
                    <a:lnTo>
                      <a:pt x="730" y="310"/>
                    </a:lnTo>
                    <a:lnTo>
                      <a:pt x="718" y="307"/>
                    </a:lnTo>
                    <a:lnTo>
                      <a:pt x="706" y="303"/>
                    </a:lnTo>
                    <a:lnTo>
                      <a:pt x="699" y="303"/>
                    </a:lnTo>
                    <a:lnTo>
                      <a:pt x="691" y="303"/>
                    </a:lnTo>
                    <a:lnTo>
                      <a:pt x="683" y="306"/>
                    </a:lnTo>
                    <a:lnTo>
                      <a:pt x="675" y="309"/>
                    </a:lnTo>
                    <a:lnTo>
                      <a:pt x="675" y="331"/>
                    </a:lnTo>
                    <a:lnTo>
                      <a:pt x="674" y="354"/>
                    </a:lnTo>
                    <a:lnTo>
                      <a:pt x="674" y="376"/>
                    </a:lnTo>
                    <a:lnTo>
                      <a:pt x="673" y="399"/>
                    </a:lnTo>
                    <a:lnTo>
                      <a:pt x="673" y="423"/>
                    </a:lnTo>
                    <a:lnTo>
                      <a:pt x="673" y="450"/>
                    </a:lnTo>
                    <a:lnTo>
                      <a:pt x="674" y="476"/>
                    </a:lnTo>
                    <a:lnTo>
                      <a:pt x="675" y="506"/>
                    </a:lnTo>
                    <a:lnTo>
                      <a:pt x="639" y="499"/>
                    </a:lnTo>
                    <a:lnTo>
                      <a:pt x="607" y="493"/>
                    </a:lnTo>
                    <a:lnTo>
                      <a:pt x="593" y="491"/>
                    </a:lnTo>
                    <a:lnTo>
                      <a:pt x="578" y="491"/>
                    </a:lnTo>
                    <a:lnTo>
                      <a:pt x="572" y="491"/>
                    </a:lnTo>
                    <a:lnTo>
                      <a:pt x="565" y="492"/>
                    </a:lnTo>
                    <a:lnTo>
                      <a:pt x="559" y="494"/>
                    </a:lnTo>
                    <a:lnTo>
                      <a:pt x="553" y="496"/>
                    </a:lnTo>
                    <a:lnTo>
                      <a:pt x="549" y="491"/>
                    </a:lnTo>
                    <a:lnTo>
                      <a:pt x="543" y="487"/>
                    </a:lnTo>
                    <a:lnTo>
                      <a:pt x="534" y="491"/>
                    </a:lnTo>
                    <a:lnTo>
                      <a:pt x="524" y="496"/>
                    </a:lnTo>
                    <a:lnTo>
                      <a:pt x="516" y="501"/>
                    </a:lnTo>
                    <a:lnTo>
                      <a:pt x="508" y="507"/>
                    </a:lnTo>
                    <a:lnTo>
                      <a:pt x="492" y="519"/>
                    </a:lnTo>
                    <a:lnTo>
                      <a:pt x="478" y="533"/>
                    </a:lnTo>
                    <a:lnTo>
                      <a:pt x="468" y="529"/>
                    </a:lnTo>
                    <a:lnTo>
                      <a:pt x="457" y="525"/>
                    </a:lnTo>
                    <a:lnTo>
                      <a:pt x="446" y="521"/>
                    </a:lnTo>
                    <a:lnTo>
                      <a:pt x="436" y="519"/>
                    </a:lnTo>
                    <a:lnTo>
                      <a:pt x="425" y="518"/>
                    </a:lnTo>
                    <a:lnTo>
                      <a:pt x="415" y="518"/>
                    </a:lnTo>
                    <a:lnTo>
                      <a:pt x="405" y="519"/>
                    </a:lnTo>
                    <a:lnTo>
                      <a:pt x="395" y="520"/>
                    </a:lnTo>
                    <a:lnTo>
                      <a:pt x="374" y="525"/>
                    </a:lnTo>
                    <a:lnTo>
                      <a:pt x="354" y="530"/>
                    </a:lnTo>
                    <a:lnTo>
                      <a:pt x="333" y="537"/>
                    </a:lnTo>
                    <a:lnTo>
                      <a:pt x="313" y="546"/>
                    </a:lnTo>
                    <a:lnTo>
                      <a:pt x="293" y="554"/>
                    </a:lnTo>
                    <a:lnTo>
                      <a:pt x="273" y="561"/>
                    </a:lnTo>
                    <a:lnTo>
                      <a:pt x="253" y="569"/>
                    </a:lnTo>
                    <a:lnTo>
                      <a:pt x="234" y="574"/>
                    </a:lnTo>
                    <a:lnTo>
                      <a:pt x="224" y="576"/>
                    </a:lnTo>
                    <a:lnTo>
                      <a:pt x="215" y="578"/>
                    </a:lnTo>
                    <a:lnTo>
                      <a:pt x="205" y="578"/>
                    </a:lnTo>
                    <a:lnTo>
                      <a:pt x="196" y="579"/>
                    </a:lnTo>
                    <a:lnTo>
                      <a:pt x="186" y="578"/>
                    </a:lnTo>
                    <a:lnTo>
                      <a:pt x="178" y="577"/>
                    </a:lnTo>
                    <a:lnTo>
                      <a:pt x="168" y="574"/>
                    </a:lnTo>
                    <a:lnTo>
                      <a:pt x="160" y="571"/>
                    </a:lnTo>
                    <a:lnTo>
                      <a:pt x="156" y="567"/>
                    </a:lnTo>
                    <a:lnTo>
                      <a:pt x="153" y="562"/>
                    </a:lnTo>
                    <a:lnTo>
                      <a:pt x="152" y="558"/>
                    </a:lnTo>
                    <a:lnTo>
                      <a:pt x="152" y="554"/>
                    </a:lnTo>
                    <a:lnTo>
                      <a:pt x="153" y="550"/>
                    </a:lnTo>
                    <a:lnTo>
                      <a:pt x="154" y="545"/>
                    </a:lnTo>
                    <a:lnTo>
                      <a:pt x="156" y="540"/>
                    </a:lnTo>
                    <a:lnTo>
                      <a:pt x="159" y="535"/>
                    </a:lnTo>
                    <a:lnTo>
                      <a:pt x="165" y="526"/>
                    </a:lnTo>
                    <a:lnTo>
                      <a:pt x="172" y="516"/>
                    </a:lnTo>
                    <a:lnTo>
                      <a:pt x="175" y="511"/>
                    </a:lnTo>
                    <a:lnTo>
                      <a:pt x="177" y="506"/>
                    </a:lnTo>
                    <a:lnTo>
                      <a:pt x="178" y="501"/>
                    </a:lnTo>
                    <a:lnTo>
                      <a:pt x="178" y="496"/>
                    </a:lnTo>
                    <a:lnTo>
                      <a:pt x="174" y="491"/>
                    </a:lnTo>
                    <a:lnTo>
                      <a:pt x="168" y="487"/>
                    </a:lnTo>
                    <a:lnTo>
                      <a:pt x="171" y="485"/>
                    </a:lnTo>
                    <a:lnTo>
                      <a:pt x="172" y="484"/>
                    </a:lnTo>
                    <a:lnTo>
                      <a:pt x="172" y="481"/>
                    </a:lnTo>
                    <a:lnTo>
                      <a:pt x="171" y="479"/>
                    </a:lnTo>
                    <a:lnTo>
                      <a:pt x="170" y="476"/>
                    </a:lnTo>
                    <a:lnTo>
                      <a:pt x="166" y="472"/>
                    </a:lnTo>
                    <a:lnTo>
                      <a:pt x="166" y="470"/>
                    </a:lnTo>
                    <a:lnTo>
                      <a:pt x="165" y="468"/>
                    </a:lnTo>
                    <a:lnTo>
                      <a:pt x="165" y="466"/>
                    </a:lnTo>
                    <a:lnTo>
                      <a:pt x="166" y="462"/>
                    </a:lnTo>
                    <a:lnTo>
                      <a:pt x="167" y="459"/>
                    </a:lnTo>
                    <a:lnTo>
                      <a:pt x="170" y="456"/>
                    </a:lnTo>
                    <a:lnTo>
                      <a:pt x="174" y="453"/>
                    </a:lnTo>
                    <a:lnTo>
                      <a:pt x="178" y="449"/>
                    </a:lnTo>
                    <a:lnTo>
                      <a:pt x="172" y="437"/>
                    </a:lnTo>
                    <a:lnTo>
                      <a:pt x="166" y="423"/>
                    </a:lnTo>
                    <a:lnTo>
                      <a:pt x="162" y="418"/>
                    </a:lnTo>
                    <a:lnTo>
                      <a:pt x="158" y="414"/>
                    </a:lnTo>
                    <a:lnTo>
                      <a:pt x="154" y="412"/>
                    </a:lnTo>
                    <a:lnTo>
                      <a:pt x="151" y="412"/>
                    </a:lnTo>
                    <a:lnTo>
                      <a:pt x="146" y="411"/>
                    </a:lnTo>
                    <a:lnTo>
                      <a:pt x="141" y="412"/>
                    </a:lnTo>
                    <a:lnTo>
                      <a:pt x="147" y="408"/>
                    </a:lnTo>
                    <a:lnTo>
                      <a:pt x="152" y="403"/>
                    </a:lnTo>
                    <a:lnTo>
                      <a:pt x="156" y="400"/>
                    </a:lnTo>
                    <a:lnTo>
                      <a:pt x="159" y="396"/>
                    </a:lnTo>
                    <a:lnTo>
                      <a:pt x="162" y="392"/>
                    </a:lnTo>
                    <a:lnTo>
                      <a:pt x="163" y="388"/>
                    </a:lnTo>
                    <a:lnTo>
                      <a:pt x="164" y="383"/>
                    </a:lnTo>
                    <a:lnTo>
                      <a:pt x="164" y="379"/>
                    </a:lnTo>
                    <a:lnTo>
                      <a:pt x="163" y="375"/>
                    </a:lnTo>
                    <a:lnTo>
                      <a:pt x="161" y="371"/>
                    </a:lnTo>
                    <a:lnTo>
                      <a:pt x="159" y="367"/>
                    </a:lnTo>
                    <a:lnTo>
                      <a:pt x="157" y="362"/>
                    </a:lnTo>
                    <a:lnTo>
                      <a:pt x="150" y="355"/>
                    </a:lnTo>
                    <a:lnTo>
                      <a:pt x="140" y="348"/>
                    </a:lnTo>
                    <a:lnTo>
                      <a:pt x="128" y="341"/>
                    </a:lnTo>
                    <a:lnTo>
                      <a:pt x="117" y="335"/>
                    </a:lnTo>
                    <a:lnTo>
                      <a:pt x="103" y="331"/>
                    </a:lnTo>
                    <a:lnTo>
                      <a:pt x="88" y="328"/>
                    </a:lnTo>
                    <a:lnTo>
                      <a:pt x="74" y="325"/>
                    </a:lnTo>
                    <a:lnTo>
                      <a:pt x="58" y="325"/>
                    </a:lnTo>
                    <a:lnTo>
                      <a:pt x="43" y="325"/>
                    </a:lnTo>
                    <a:lnTo>
                      <a:pt x="28" y="328"/>
                    </a:lnTo>
                    <a:lnTo>
                      <a:pt x="27" y="319"/>
                    </a:lnTo>
                    <a:lnTo>
                      <a:pt x="25" y="312"/>
                    </a:lnTo>
                    <a:lnTo>
                      <a:pt x="22" y="306"/>
                    </a:lnTo>
                    <a:lnTo>
                      <a:pt x="18" y="300"/>
                    </a:lnTo>
                    <a:lnTo>
                      <a:pt x="9" y="291"/>
                    </a:lnTo>
                    <a:lnTo>
                      <a:pt x="0" y="280"/>
                    </a:lnTo>
                    <a:lnTo>
                      <a:pt x="14" y="278"/>
                    </a:lnTo>
                    <a:lnTo>
                      <a:pt x="33" y="275"/>
                    </a:lnTo>
                    <a:lnTo>
                      <a:pt x="57" y="273"/>
                    </a:lnTo>
                    <a:lnTo>
                      <a:pt x="84" y="271"/>
                    </a:lnTo>
                    <a:lnTo>
                      <a:pt x="70" y="249"/>
                    </a:lnTo>
                    <a:lnTo>
                      <a:pt x="57" y="224"/>
                    </a:lnTo>
                    <a:lnTo>
                      <a:pt x="52" y="211"/>
                    </a:lnTo>
                    <a:lnTo>
                      <a:pt x="48" y="195"/>
                    </a:lnTo>
                    <a:lnTo>
                      <a:pt x="47" y="188"/>
                    </a:lnTo>
                    <a:lnTo>
                      <a:pt x="46" y="178"/>
                    </a:lnTo>
                    <a:lnTo>
                      <a:pt x="46" y="169"/>
                    </a:lnTo>
                    <a:lnTo>
                      <a:pt x="47" y="159"/>
                    </a:lnTo>
                    <a:lnTo>
                      <a:pt x="58" y="158"/>
                    </a:lnTo>
                    <a:lnTo>
                      <a:pt x="66" y="155"/>
                    </a:lnTo>
                    <a:lnTo>
                      <a:pt x="73" y="151"/>
                    </a:lnTo>
                    <a:lnTo>
                      <a:pt x="78" y="145"/>
                    </a:lnTo>
                    <a:lnTo>
                      <a:pt x="81" y="139"/>
                    </a:lnTo>
                    <a:lnTo>
                      <a:pt x="84" y="132"/>
                    </a:lnTo>
                    <a:lnTo>
                      <a:pt x="86" y="124"/>
                    </a:lnTo>
                    <a:lnTo>
                      <a:pt x="88" y="116"/>
                    </a:lnTo>
                    <a:lnTo>
                      <a:pt x="92" y="109"/>
                    </a:lnTo>
                    <a:lnTo>
                      <a:pt x="94" y="101"/>
                    </a:lnTo>
                    <a:lnTo>
                      <a:pt x="98" y="94"/>
                    </a:lnTo>
                    <a:lnTo>
                      <a:pt x="102" y="88"/>
                    </a:lnTo>
                    <a:lnTo>
                      <a:pt x="108" y="82"/>
                    </a:lnTo>
                    <a:lnTo>
                      <a:pt x="117" y="78"/>
                    </a:lnTo>
                    <a:lnTo>
                      <a:pt x="127" y="76"/>
                    </a:lnTo>
                    <a:lnTo>
                      <a:pt x="141" y="75"/>
                    </a:lnTo>
                    <a:lnTo>
                      <a:pt x="141" y="68"/>
                    </a:lnTo>
                    <a:lnTo>
                      <a:pt x="140" y="61"/>
                    </a:lnTo>
                    <a:lnTo>
                      <a:pt x="138" y="57"/>
                    </a:lnTo>
                    <a:lnTo>
                      <a:pt x="135" y="53"/>
                    </a:lnTo>
                    <a:lnTo>
                      <a:pt x="132" y="49"/>
                    </a:lnTo>
                    <a:lnTo>
                      <a:pt x="131" y="43"/>
                    </a:lnTo>
                    <a:lnTo>
                      <a:pt x="130" y="36"/>
                    </a:lnTo>
                    <a:lnTo>
                      <a:pt x="132" y="28"/>
                    </a:lnTo>
                    <a:lnTo>
                      <a:pt x="139" y="23"/>
                    </a:lnTo>
                    <a:lnTo>
                      <a:pt x="146" y="19"/>
                    </a:lnTo>
                    <a:lnTo>
                      <a:pt x="154" y="16"/>
                    </a:lnTo>
                    <a:lnTo>
                      <a:pt x="162" y="13"/>
                    </a:lnTo>
                    <a:lnTo>
                      <a:pt x="179" y="8"/>
                    </a:lnTo>
                    <a:lnTo>
                      <a:pt x="195" y="4"/>
                    </a:lnTo>
                    <a:lnTo>
                      <a:pt x="212" y="3"/>
                    </a:lnTo>
                    <a:lnTo>
                      <a:pt x="227" y="3"/>
                    </a:lnTo>
                    <a:lnTo>
                      <a:pt x="241" y="5"/>
                    </a:lnTo>
                    <a:lnTo>
                      <a:pt x="253" y="9"/>
                    </a:lnTo>
                    <a:lnTo>
                      <a:pt x="255" y="15"/>
                    </a:lnTo>
                    <a:lnTo>
                      <a:pt x="255" y="20"/>
                    </a:lnTo>
                    <a:lnTo>
                      <a:pt x="255" y="24"/>
                    </a:lnTo>
                    <a:lnTo>
                      <a:pt x="254" y="29"/>
                    </a:lnTo>
                    <a:lnTo>
                      <a:pt x="251" y="35"/>
                    </a:lnTo>
                    <a:lnTo>
                      <a:pt x="246" y="39"/>
                    </a:lnTo>
                    <a:lnTo>
                      <a:pt x="241" y="43"/>
                    </a:lnTo>
                    <a:lnTo>
                      <a:pt x="237" y="49"/>
                    </a:lnTo>
                    <a:lnTo>
                      <a:pt x="236" y="52"/>
                    </a:lnTo>
                    <a:lnTo>
                      <a:pt x="235" y="56"/>
                    </a:lnTo>
                    <a:lnTo>
                      <a:pt x="234" y="60"/>
                    </a:lnTo>
                    <a:lnTo>
                      <a:pt x="235" y="65"/>
                    </a:lnTo>
                    <a:lnTo>
                      <a:pt x="224" y="61"/>
                    </a:lnTo>
                    <a:lnTo>
                      <a:pt x="215" y="59"/>
                    </a:lnTo>
                    <a:lnTo>
                      <a:pt x="206" y="58"/>
                    </a:lnTo>
                    <a:lnTo>
                      <a:pt x="198" y="58"/>
                    </a:lnTo>
                    <a:lnTo>
                      <a:pt x="191" y="60"/>
                    </a:lnTo>
                    <a:lnTo>
                      <a:pt x="183" y="63"/>
                    </a:lnTo>
                    <a:lnTo>
                      <a:pt x="176" y="69"/>
                    </a:lnTo>
                    <a:lnTo>
                      <a:pt x="168" y="75"/>
                    </a:lnTo>
                    <a:lnTo>
                      <a:pt x="168" y="82"/>
                    </a:lnTo>
                    <a:lnTo>
                      <a:pt x="170" y="88"/>
                    </a:lnTo>
                    <a:lnTo>
                      <a:pt x="173" y="93"/>
                    </a:lnTo>
                    <a:lnTo>
                      <a:pt x="175" y="97"/>
                    </a:lnTo>
                    <a:lnTo>
                      <a:pt x="178" y="101"/>
                    </a:lnTo>
                    <a:lnTo>
                      <a:pt x="180" y="107"/>
                    </a:lnTo>
                    <a:lnTo>
                      <a:pt x="180" y="113"/>
                    </a:lnTo>
                    <a:lnTo>
                      <a:pt x="178" y="121"/>
                    </a:lnTo>
                    <a:lnTo>
                      <a:pt x="193" y="118"/>
                    </a:lnTo>
                    <a:lnTo>
                      <a:pt x="207" y="117"/>
                    </a:lnTo>
                    <a:lnTo>
                      <a:pt x="215" y="117"/>
                    </a:lnTo>
                    <a:lnTo>
                      <a:pt x="222" y="118"/>
                    </a:lnTo>
                    <a:lnTo>
                      <a:pt x="230" y="119"/>
                    </a:lnTo>
                    <a:lnTo>
                      <a:pt x="236" y="120"/>
                    </a:lnTo>
                    <a:lnTo>
                      <a:pt x="242" y="123"/>
                    </a:lnTo>
                    <a:lnTo>
                      <a:pt x="247" y="125"/>
                    </a:lnTo>
                    <a:lnTo>
                      <a:pt x="254" y="130"/>
                    </a:lnTo>
                    <a:lnTo>
                      <a:pt x="258" y="134"/>
                    </a:lnTo>
                    <a:lnTo>
                      <a:pt x="262" y="139"/>
                    </a:lnTo>
                    <a:lnTo>
                      <a:pt x="266" y="144"/>
                    </a:lnTo>
                    <a:lnTo>
                      <a:pt x="270" y="152"/>
                    </a:lnTo>
                    <a:lnTo>
                      <a:pt x="272" y="159"/>
                    </a:lnTo>
                    <a:lnTo>
                      <a:pt x="286" y="156"/>
                    </a:lnTo>
                    <a:lnTo>
                      <a:pt x="298" y="154"/>
                    </a:lnTo>
                    <a:lnTo>
                      <a:pt x="309" y="153"/>
                    </a:lnTo>
                    <a:lnTo>
                      <a:pt x="318" y="153"/>
                    </a:lnTo>
                    <a:lnTo>
                      <a:pt x="326" y="155"/>
                    </a:lnTo>
                    <a:lnTo>
                      <a:pt x="334" y="157"/>
                    </a:lnTo>
                    <a:lnTo>
                      <a:pt x="340" y="159"/>
                    </a:lnTo>
                    <a:lnTo>
                      <a:pt x="346" y="162"/>
                    </a:lnTo>
                    <a:lnTo>
                      <a:pt x="360" y="169"/>
                    </a:lnTo>
                    <a:lnTo>
                      <a:pt x="376" y="174"/>
                    </a:lnTo>
                    <a:lnTo>
                      <a:pt x="385" y="176"/>
                    </a:lnTo>
                    <a:lnTo>
                      <a:pt x="396" y="178"/>
                    </a:lnTo>
                    <a:lnTo>
                      <a:pt x="408" y="178"/>
                    </a:lnTo>
                    <a:lnTo>
                      <a:pt x="422" y="177"/>
                    </a:lnTo>
                    <a:lnTo>
                      <a:pt x="430" y="164"/>
                    </a:lnTo>
                    <a:lnTo>
                      <a:pt x="438" y="152"/>
                    </a:lnTo>
                    <a:lnTo>
                      <a:pt x="441" y="144"/>
                    </a:lnTo>
                    <a:lnTo>
                      <a:pt x="445" y="137"/>
                    </a:lnTo>
                    <a:lnTo>
                      <a:pt x="448" y="130"/>
                    </a:lnTo>
                    <a:lnTo>
                      <a:pt x="450" y="121"/>
                    </a:lnTo>
                    <a:lnTo>
                      <a:pt x="480" y="128"/>
                    </a:lnTo>
                    <a:lnTo>
                      <a:pt x="508" y="133"/>
                    </a:lnTo>
                    <a:lnTo>
                      <a:pt x="533" y="137"/>
                    </a:lnTo>
                    <a:lnTo>
                      <a:pt x="555" y="141"/>
                    </a:lnTo>
                    <a:lnTo>
                      <a:pt x="576" y="145"/>
                    </a:lnTo>
                    <a:lnTo>
                      <a:pt x="595" y="152"/>
                    </a:lnTo>
                    <a:lnTo>
                      <a:pt x="603" y="155"/>
                    </a:lnTo>
                    <a:lnTo>
                      <a:pt x="612" y="159"/>
                    </a:lnTo>
                    <a:lnTo>
                      <a:pt x="620" y="163"/>
                    </a:lnTo>
                    <a:lnTo>
                      <a:pt x="628" y="169"/>
                    </a:lnTo>
                    <a:lnTo>
                      <a:pt x="636" y="159"/>
                    </a:lnTo>
                    <a:lnTo>
                      <a:pt x="644" y="152"/>
                    </a:lnTo>
                    <a:lnTo>
                      <a:pt x="649" y="151"/>
                    </a:lnTo>
                    <a:lnTo>
                      <a:pt x="653" y="151"/>
                    </a:lnTo>
                    <a:lnTo>
                      <a:pt x="658" y="154"/>
                    </a:lnTo>
                    <a:lnTo>
                      <a:pt x="666" y="159"/>
                    </a:lnTo>
                    <a:lnTo>
                      <a:pt x="669" y="158"/>
                    </a:lnTo>
                    <a:lnTo>
                      <a:pt x="671" y="157"/>
                    </a:lnTo>
                    <a:lnTo>
                      <a:pt x="672" y="155"/>
                    </a:lnTo>
                    <a:lnTo>
                      <a:pt x="674" y="153"/>
                    </a:lnTo>
                    <a:lnTo>
                      <a:pt x="675" y="148"/>
                    </a:lnTo>
                    <a:lnTo>
                      <a:pt x="676" y="141"/>
                    </a:lnTo>
                    <a:lnTo>
                      <a:pt x="677" y="135"/>
                    </a:lnTo>
                    <a:lnTo>
                      <a:pt x="678" y="130"/>
                    </a:lnTo>
                    <a:lnTo>
                      <a:pt x="679" y="127"/>
                    </a:lnTo>
                    <a:lnTo>
                      <a:pt x="680" y="124"/>
                    </a:lnTo>
                    <a:lnTo>
                      <a:pt x="681" y="122"/>
                    </a:lnTo>
                    <a:lnTo>
                      <a:pt x="684" y="121"/>
                    </a:lnTo>
                    <a:lnTo>
                      <a:pt x="708" y="121"/>
                    </a:lnTo>
                    <a:lnTo>
                      <a:pt x="732" y="121"/>
                    </a:lnTo>
                    <a:lnTo>
                      <a:pt x="742" y="121"/>
                    </a:lnTo>
                    <a:lnTo>
                      <a:pt x="753" y="122"/>
                    </a:lnTo>
                    <a:lnTo>
                      <a:pt x="763" y="123"/>
                    </a:lnTo>
                    <a:lnTo>
                      <a:pt x="773" y="125"/>
                    </a:lnTo>
                    <a:lnTo>
                      <a:pt x="782" y="129"/>
                    </a:lnTo>
                    <a:lnTo>
                      <a:pt x="790" y="132"/>
                    </a:lnTo>
                    <a:lnTo>
                      <a:pt x="797" y="137"/>
                    </a:lnTo>
                    <a:lnTo>
                      <a:pt x="803" y="142"/>
                    </a:lnTo>
                    <a:lnTo>
                      <a:pt x="809" y="150"/>
                    </a:lnTo>
                    <a:lnTo>
                      <a:pt x="812" y="157"/>
                    </a:lnTo>
                    <a:lnTo>
                      <a:pt x="814" y="167"/>
                    </a:lnTo>
                    <a:lnTo>
                      <a:pt x="815" y="177"/>
                    </a:lnTo>
                    <a:lnTo>
                      <a:pt x="805" y="175"/>
                    </a:lnTo>
                    <a:lnTo>
                      <a:pt x="795" y="174"/>
                    </a:lnTo>
                    <a:lnTo>
                      <a:pt x="786" y="173"/>
                    </a:lnTo>
                    <a:lnTo>
                      <a:pt x="778" y="174"/>
                    </a:lnTo>
                    <a:lnTo>
                      <a:pt x="771" y="176"/>
                    </a:lnTo>
                    <a:lnTo>
                      <a:pt x="764" y="178"/>
                    </a:lnTo>
                    <a:lnTo>
                      <a:pt x="758" y="182"/>
                    </a:lnTo>
                    <a:lnTo>
                      <a:pt x="753" y="187"/>
                    </a:lnTo>
                    <a:lnTo>
                      <a:pt x="748" y="192"/>
                    </a:lnTo>
                    <a:lnTo>
                      <a:pt x="743" y="198"/>
                    </a:lnTo>
                    <a:lnTo>
                      <a:pt x="739" y="204"/>
                    </a:lnTo>
                    <a:lnTo>
                      <a:pt x="736" y="212"/>
                    </a:lnTo>
                    <a:lnTo>
                      <a:pt x="729" y="227"/>
                    </a:lnTo>
                    <a:lnTo>
                      <a:pt x="721" y="243"/>
                    </a:lnTo>
                    <a:lnTo>
                      <a:pt x="728" y="239"/>
                    </a:lnTo>
                    <a:lnTo>
                      <a:pt x="733" y="235"/>
                    </a:lnTo>
                    <a:lnTo>
                      <a:pt x="737" y="230"/>
                    </a:lnTo>
                    <a:lnTo>
                      <a:pt x="742" y="224"/>
                    </a:lnTo>
                    <a:lnTo>
                      <a:pt x="751" y="213"/>
                    </a:lnTo>
                    <a:lnTo>
                      <a:pt x="760" y="202"/>
                    </a:lnTo>
                    <a:lnTo>
                      <a:pt x="766" y="197"/>
                    </a:lnTo>
                    <a:lnTo>
                      <a:pt x="771" y="193"/>
                    </a:lnTo>
                    <a:lnTo>
                      <a:pt x="777" y="190"/>
                    </a:lnTo>
                    <a:lnTo>
                      <a:pt x="784" y="187"/>
                    </a:lnTo>
                    <a:lnTo>
                      <a:pt x="793" y="186"/>
                    </a:lnTo>
                    <a:lnTo>
                      <a:pt x="802" y="184"/>
                    </a:lnTo>
                    <a:lnTo>
                      <a:pt x="813" y="186"/>
                    </a:lnTo>
                    <a:lnTo>
                      <a:pt x="825" y="187"/>
                    </a:lnTo>
                    <a:lnTo>
                      <a:pt x="825" y="179"/>
                    </a:lnTo>
                    <a:lnTo>
                      <a:pt x="825" y="173"/>
                    </a:lnTo>
                    <a:lnTo>
                      <a:pt x="825" y="167"/>
                    </a:lnTo>
                    <a:lnTo>
                      <a:pt x="823" y="160"/>
                    </a:lnTo>
                    <a:lnTo>
                      <a:pt x="821" y="155"/>
                    </a:lnTo>
                    <a:lnTo>
                      <a:pt x="819" y="150"/>
                    </a:lnTo>
                    <a:lnTo>
                      <a:pt x="817" y="145"/>
                    </a:lnTo>
                    <a:lnTo>
                      <a:pt x="814" y="141"/>
                    </a:lnTo>
                    <a:lnTo>
                      <a:pt x="811" y="137"/>
                    </a:lnTo>
                    <a:lnTo>
                      <a:pt x="808" y="134"/>
                    </a:lnTo>
                    <a:lnTo>
                      <a:pt x="803" y="131"/>
                    </a:lnTo>
                    <a:lnTo>
                      <a:pt x="798" y="129"/>
                    </a:lnTo>
                    <a:lnTo>
                      <a:pt x="789" y="124"/>
                    </a:lnTo>
                    <a:lnTo>
                      <a:pt x="777" y="121"/>
                    </a:lnTo>
                    <a:lnTo>
                      <a:pt x="794" y="112"/>
                    </a:lnTo>
                    <a:lnTo>
                      <a:pt x="810" y="101"/>
                    </a:lnTo>
                    <a:lnTo>
                      <a:pt x="818" y="97"/>
                    </a:lnTo>
                    <a:lnTo>
                      <a:pt x="828" y="94"/>
                    </a:lnTo>
                    <a:lnTo>
                      <a:pt x="839" y="93"/>
                    </a:lnTo>
                    <a:lnTo>
                      <a:pt x="853" y="93"/>
                    </a:lnTo>
                    <a:lnTo>
                      <a:pt x="857" y="94"/>
                    </a:lnTo>
                    <a:lnTo>
                      <a:pt x="861" y="95"/>
                    </a:lnTo>
                    <a:lnTo>
                      <a:pt x="865" y="97"/>
                    </a:lnTo>
                    <a:lnTo>
                      <a:pt x="868" y="99"/>
                    </a:lnTo>
                    <a:lnTo>
                      <a:pt x="873" y="104"/>
                    </a:lnTo>
                    <a:lnTo>
                      <a:pt x="878" y="110"/>
                    </a:lnTo>
                    <a:lnTo>
                      <a:pt x="882" y="116"/>
                    </a:lnTo>
                    <a:lnTo>
                      <a:pt x="887" y="122"/>
                    </a:lnTo>
                    <a:lnTo>
                      <a:pt x="893" y="127"/>
                    </a:lnTo>
                    <a:lnTo>
                      <a:pt x="899" y="131"/>
                    </a:lnTo>
                    <a:lnTo>
                      <a:pt x="917" y="127"/>
                    </a:lnTo>
                    <a:lnTo>
                      <a:pt x="936" y="123"/>
                    </a:lnTo>
                    <a:lnTo>
                      <a:pt x="954" y="122"/>
                    </a:lnTo>
                    <a:lnTo>
                      <a:pt x="973" y="121"/>
                    </a:lnTo>
                    <a:lnTo>
                      <a:pt x="1009" y="121"/>
                    </a:lnTo>
                    <a:lnTo>
                      <a:pt x="1042" y="120"/>
                    </a:lnTo>
                    <a:lnTo>
                      <a:pt x="1058" y="118"/>
                    </a:lnTo>
                    <a:lnTo>
                      <a:pt x="1072" y="115"/>
                    </a:lnTo>
                    <a:lnTo>
                      <a:pt x="1079" y="113"/>
                    </a:lnTo>
                    <a:lnTo>
                      <a:pt x="1086" y="110"/>
                    </a:lnTo>
                    <a:lnTo>
                      <a:pt x="1091" y="107"/>
                    </a:lnTo>
                    <a:lnTo>
                      <a:pt x="1097" y="102"/>
                    </a:lnTo>
                    <a:lnTo>
                      <a:pt x="1101" y="98"/>
                    </a:lnTo>
                    <a:lnTo>
                      <a:pt x="1107" y="93"/>
                    </a:lnTo>
                    <a:lnTo>
                      <a:pt x="1111" y="88"/>
                    </a:lnTo>
                    <a:lnTo>
                      <a:pt x="1114" y="81"/>
                    </a:lnTo>
                    <a:lnTo>
                      <a:pt x="1117" y="74"/>
                    </a:lnTo>
                    <a:lnTo>
                      <a:pt x="1120" y="65"/>
                    </a:lnTo>
                    <a:lnTo>
                      <a:pt x="1123" y="56"/>
                    </a:lnTo>
                    <a:lnTo>
                      <a:pt x="1124" y="47"/>
                    </a:lnTo>
                    <a:lnTo>
                      <a:pt x="1133" y="51"/>
                    </a:lnTo>
                    <a:lnTo>
                      <a:pt x="1144" y="55"/>
                    </a:lnTo>
                    <a:lnTo>
                      <a:pt x="1154" y="59"/>
                    </a:lnTo>
                    <a:lnTo>
                      <a:pt x="1164" y="61"/>
                    </a:lnTo>
                    <a:lnTo>
                      <a:pt x="1169" y="61"/>
                    </a:lnTo>
                    <a:lnTo>
                      <a:pt x="1173" y="61"/>
                    </a:lnTo>
                    <a:lnTo>
                      <a:pt x="1177" y="60"/>
                    </a:lnTo>
                    <a:lnTo>
                      <a:pt x="1181" y="58"/>
                    </a:lnTo>
                    <a:lnTo>
                      <a:pt x="1184" y="54"/>
                    </a:lnTo>
                    <a:lnTo>
                      <a:pt x="1187" y="50"/>
                    </a:lnTo>
                    <a:lnTo>
                      <a:pt x="1189" y="44"/>
                    </a:lnTo>
                    <a:lnTo>
                      <a:pt x="1190" y="37"/>
                    </a:lnTo>
                    <a:lnTo>
                      <a:pt x="1204" y="41"/>
                    </a:lnTo>
                    <a:lnTo>
                      <a:pt x="1221" y="45"/>
                    </a:lnTo>
                    <a:lnTo>
                      <a:pt x="1231" y="47"/>
                    </a:lnTo>
                    <a:lnTo>
                      <a:pt x="1242" y="48"/>
                    </a:lnTo>
                    <a:lnTo>
                      <a:pt x="1251" y="48"/>
                    </a:lnTo>
                    <a:lnTo>
                      <a:pt x="1260" y="48"/>
                    </a:lnTo>
                    <a:lnTo>
                      <a:pt x="1269" y="47"/>
                    </a:lnTo>
                    <a:lnTo>
                      <a:pt x="1277" y="44"/>
                    </a:lnTo>
                    <a:lnTo>
                      <a:pt x="1284" y="40"/>
                    </a:lnTo>
                    <a:lnTo>
                      <a:pt x="1289" y="36"/>
                    </a:lnTo>
                    <a:lnTo>
                      <a:pt x="1291" y="33"/>
                    </a:lnTo>
                    <a:lnTo>
                      <a:pt x="1293" y="30"/>
                    </a:lnTo>
                    <a:lnTo>
                      <a:pt x="1294" y="25"/>
                    </a:lnTo>
                    <a:lnTo>
                      <a:pt x="1295" y="21"/>
                    </a:lnTo>
                    <a:lnTo>
                      <a:pt x="1295" y="17"/>
                    </a:lnTo>
                    <a:lnTo>
                      <a:pt x="1295" y="12"/>
                    </a:lnTo>
                    <a:lnTo>
                      <a:pt x="1294" y="5"/>
                    </a:lnTo>
                    <a:lnTo>
                      <a:pt x="1293" y="0"/>
                    </a:lnTo>
                    <a:lnTo>
                      <a:pt x="1307" y="10"/>
                    </a:lnTo>
                    <a:lnTo>
                      <a:pt x="1322" y="18"/>
                    </a:lnTo>
                    <a:lnTo>
                      <a:pt x="1336" y="25"/>
                    </a:lnTo>
                    <a:lnTo>
                      <a:pt x="1351" y="32"/>
                    </a:lnTo>
                    <a:lnTo>
                      <a:pt x="1380" y="43"/>
                    </a:lnTo>
                    <a:lnTo>
                      <a:pt x="1409" y="53"/>
                    </a:lnTo>
                    <a:lnTo>
                      <a:pt x="1424" y="58"/>
                    </a:lnTo>
                    <a:lnTo>
                      <a:pt x="1438" y="63"/>
                    </a:lnTo>
                    <a:lnTo>
                      <a:pt x="1452" y="69"/>
                    </a:lnTo>
                    <a:lnTo>
                      <a:pt x="1466" y="75"/>
                    </a:lnTo>
                    <a:lnTo>
                      <a:pt x="1479" y="82"/>
                    </a:lnTo>
                    <a:lnTo>
                      <a:pt x="1492" y="91"/>
                    </a:lnTo>
                    <a:lnTo>
                      <a:pt x="1505" y="100"/>
                    </a:lnTo>
                    <a:lnTo>
                      <a:pt x="1517" y="112"/>
                    </a:lnTo>
                    <a:lnTo>
                      <a:pt x="1514" y="118"/>
                    </a:lnTo>
                    <a:lnTo>
                      <a:pt x="1511" y="123"/>
                    </a:lnTo>
                    <a:lnTo>
                      <a:pt x="1507" y="128"/>
                    </a:lnTo>
                    <a:lnTo>
                      <a:pt x="1502" y="132"/>
                    </a:lnTo>
                    <a:lnTo>
                      <a:pt x="1492" y="139"/>
                    </a:lnTo>
                    <a:lnTo>
                      <a:pt x="1481" y="145"/>
                    </a:lnTo>
                    <a:lnTo>
                      <a:pt x="1468" y="150"/>
                    </a:lnTo>
                    <a:lnTo>
                      <a:pt x="1454" y="154"/>
                    </a:lnTo>
                    <a:lnTo>
                      <a:pt x="1439" y="157"/>
                    </a:lnTo>
                    <a:lnTo>
                      <a:pt x="1424" y="159"/>
                    </a:lnTo>
                    <a:lnTo>
                      <a:pt x="1427" y="168"/>
                    </a:lnTo>
                    <a:lnTo>
                      <a:pt x="1430" y="176"/>
                    </a:lnTo>
                    <a:lnTo>
                      <a:pt x="1434" y="183"/>
                    </a:lnTo>
                    <a:lnTo>
                      <a:pt x="1439" y="190"/>
                    </a:lnTo>
                    <a:lnTo>
                      <a:pt x="1451" y="201"/>
                    </a:lnTo>
                    <a:lnTo>
                      <a:pt x="1465" y="212"/>
                    </a:lnTo>
                    <a:lnTo>
                      <a:pt x="1478" y="221"/>
                    </a:lnTo>
                    <a:lnTo>
                      <a:pt x="1492" y="231"/>
                    </a:lnTo>
                    <a:lnTo>
                      <a:pt x="1506" y="241"/>
                    </a:lnTo>
                    <a:lnTo>
                      <a:pt x="1517" y="253"/>
                    </a:lnTo>
                    <a:lnTo>
                      <a:pt x="1526" y="249"/>
                    </a:lnTo>
                    <a:lnTo>
                      <a:pt x="1534" y="246"/>
                    </a:lnTo>
                    <a:lnTo>
                      <a:pt x="1542" y="243"/>
                    </a:lnTo>
                    <a:lnTo>
                      <a:pt x="1550" y="241"/>
                    </a:lnTo>
                    <a:lnTo>
                      <a:pt x="1557" y="240"/>
                    </a:lnTo>
                    <a:lnTo>
                      <a:pt x="1566" y="241"/>
                    </a:lnTo>
                    <a:lnTo>
                      <a:pt x="1573" y="241"/>
                    </a:lnTo>
                    <a:lnTo>
                      <a:pt x="1582" y="242"/>
                    </a:lnTo>
                    <a:lnTo>
                      <a:pt x="1596" y="247"/>
                    </a:lnTo>
                    <a:lnTo>
                      <a:pt x="1611" y="253"/>
                    </a:lnTo>
                    <a:lnTo>
                      <a:pt x="1626" y="260"/>
                    </a:lnTo>
                    <a:lnTo>
                      <a:pt x="1640" y="270"/>
                    </a:lnTo>
                    <a:lnTo>
                      <a:pt x="1667" y="289"/>
                    </a:lnTo>
                    <a:lnTo>
                      <a:pt x="1693" y="307"/>
                    </a:lnTo>
                    <a:lnTo>
                      <a:pt x="1706" y="314"/>
                    </a:lnTo>
                    <a:lnTo>
                      <a:pt x="1719" y="320"/>
                    </a:lnTo>
                    <a:lnTo>
                      <a:pt x="1730" y="326"/>
                    </a:lnTo>
                    <a:lnTo>
                      <a:pt x="1742" y="328"/>
                    </a:lnTo>
                    <a:lnTo>
                      <a:pt x="1730" y="349"/>
                    </a:lnTo>
                    <a:lnTo>
                      <a:pt x="1717" y="369"/>
                    </a:lnTo>
                    <a:lnTo>
                      <a:pt x="1712" y="379"/>
                    </a:lnTo>
                    <a:lnTo>
                      <a:pt x="1708" y="392"/>
                    </a:lnTo>
                    <a:lnTo>
                      <a:pt x="1706" y="398"/>
                    </a:lnTo>
                    <a:lnTo>
                      <a:pt x="1705" y="406"/>
                    </a:lnTo>
                    <a:lnTo>
                      <a:pt x="1705" y="413"/>
                    </a:lnTo>
                    <a:lnTo>
                      <a:pt x="1705" y="421"/>
                    </a:lnTo>
                    <a:lnTo>
                      <a:pt x="1693" y="423"/>
                    </a:lnTo>
                    <a:lnTo>
                      <a:pt x="1682" y="427"/>
                    </a:lnTo>
                    <a:lnTo>
                      <a:pt x="1672" y="430"/>
                    </a:lnTo>
                    <a:lnTo>
                      <a:pt x="1663" y="434"/>
                    </a:lnTo>
                    <a:lnTo>
                      <a:pt x="1654" y="439"/>
                    </a:lnTo>
                    <a:lnTo>
                      <a:pt x="1647" y="445"/>
                    </a:lnTo>
                    <a:lnTo>
                      <a:pt x="1640" y="451"/>
                    </a:lnTo>
                    <a:lnTo>
                      <a:pt x="1633" y="457"/>
                    </a:lnTo>
                    <a:lnTo>
                      <a:pt x="1628" y="465"/>
                    </a:lnTo>
                    <a:lnTo>
                      <a:pt x="1623" y="472"/>
                    </a:lnTo>
                    <a:lnTo>
                      <a:pt x="1618" y="480"/>
                    </a:lnTo>
                    <a:lnTo>
                      <a:pt x="1614" y="489"/>
                    </a:lnTo>
                    <a:lnTo>
                      <a:pt x="1608" y="507"/>
                    </a:lnTo>
                    <a:lnTo>
                      <a:pt x="1603" y="526"/>
                    </a:lnTo>
                    <a:lnTo>
                      <a:pt x="1594" y="566"/>
                    </a:lnTo>
                    <a:lnTo>
                      <a:pt x="1588" y="607"/>
                    </a:lnTo>
                    <a:lnTo>
                      <a:pt x="1584" y="627"/>
                    </a:lnTo>
                    <a:lnTo>
                      <a:pt x="1578" y="647"/>
                    </a:lnTo>
                    <a:lnTo>
                      <a:pt x="1572" y="666"/>
                    </a:lnTo>
                    <a:lnTo>
                      <a:pt x="1564" y="684"/>
                    </a:lnTo>
                    <a:lnTo>
                      <a:pt x="1552" y="684"/>
                    </a:lnTo>
                    <a:lnTo>
                      <a:pt x="1541" y="684"/>
                    </a:lnTo>
                    <a:lnTo>
                      <a:pt x="1529" y="684"/>
                    </a:lnTo>
                    <a:lnTo>
                      <a:pt x="1517" y="684"/>
                    </a:lnTo>
                    <a:lnTo>
                      <a:pt x="1516" y="674"/>
                    </a:lnTo>
                    <a:lnTo>
                      <a:pt x="1514" y="666"/>
                    </a:lnTo>
                    <a:lnTo>
                      <a:pt x="1511" y="659"/>
                    </a:lnTo>
                    <a:lnTo>
                      <a:pt x="1507" y="654"/>
                    </a:lnTo>
                    <a:lnTo>
                      <a:pt x="1502" y="649"/>
                    </a:lnTo>
                    <a:lnTo>
                      <a:pt x="1496" y="645"/>
                    </a:lnTo>
                    <a:lnTo>
                      <a:pt x="1490" y="641"/>
                    </a:lnTo>
                    <a:lnTo>
                      <a:pt x="1484" y="637"/>
                    </a:lnTo>
                    <a:lnTo>
                      <a:pt x="1477" y="634"/>
                    </a:lnTo>
                    <a:lnTo>
                      <a:pt x="1471" y="630"/>
                    </a:lnTo>
                    <a:lnTo>
                      <a:pt x="1466" y="626"/>
                    </a:lnTo>
                    <a:lnTo>
                      <a:pt x="1461" y="620"/>
                    </a:lnTo>
                    <a:lnTo>
                      <a:pt x="1456" y="615"/>
                    </a:lnTo>
                    <a:lnTo>
                      <a:pt x="1453" y="608"/>
                    </a:lnTo>
                    <a:lnTo>
                      <a:pt x="1452" y="599"/>
                    </a:lnTo>
                    <a:lnTo>
                      <a:pt x="1452" y="590"/>
                    </a:lnTo>
                    <a:lnTo>
                      <a:pt x="1459" y="590"/>
                    </a:lnTo>
                    <a:lnTo>
                      <a:pt x="1467" y="590"/>
                    </a:lnTo>
                    <a:lnTo>
                      <a:pt x="1473" y="590"/>
                    </a:lnTo>
                    <a:lnTo>
                      <a:pt x="1478" y="588"/>
                    </a:lnTo>
                    <a:lnTo>
                      <a:pt x="1484" y="587"/>
                    </a:lnTo>
                    <a:lnTo>
                      <a:pt x="1489" y="584"/>
                    </a:lnTo>
                    <a:lnTo>
                      <a:pt x="1493" y="580"/>
                    </a:lnTo>
                    <a:lnTo>
                      <a:pt x="1496" y="577"/>
                    </a:lnTo>
                    <a:lnTo>
                      <a:pt x="1499" y="574"/>
                    </a:lnTo>
                    <a:lnTo>
                      <a:pt x="1502" y="570"/>
                    </a:lnTo>
                    <a:lnTo>
                      <a:pt x="1504" y="565"/>
                    </a:lnTo>
                    <a:lnTo>
                      <a:pt x="1506" y="560"/>
                    </a:lnTo>
                    <a:lnTo>
                      <a:pt x="1507" y="550"/>
                    </a:lnTo>
                    <a:lnTo>
                      <a:pt x="1507" y="540"/>
                    </a:lnTo>
                    <a:lnTo>
                      <a:pt x="1506" y="530"/>
                    </a:lnTo>
                    <a:lnTo>
                      <a:pt x="1502" y="519"/>
                    </a:lnTo>
                    <a:lnTo>
                      <a:pt x="1496" y="510"/>
                    </a:lnTo>
                    <a:lnTo>
                      <a:pt x="1490" y="501"/>
                    </a:lnTo>
                    <a:lnTo>
                      <a:pt x="1487" y="498"/>
                    </a:lnTo>
                    <a:lnTo>
                      <a:pt x="1483" y="495"/>
                    </a:lnTo>
                    <a:lnTo>
                      <a:pt x="1478" y="492"/>
                    </a:lnTo>
                    <a:lnTo>
                      <a:pt x="1473" y="490"/>
                    </a:lnTo>
                    <a:lnTo>
                      <a:pt x="1469" y="488"/>
                    </a:lnTo>
                    <a:lnTo>
                      <a:pt x="1464" y="487"/>
                    </a:lnTo>
                    <a:lnTo>
                      <a:pt x="1457" y="487"/>
                    </a:lnTo>
                    <a:lnTo>
                      <a:pt x="1452" y="487"/>
                    </a:lnTo>
                    <a:lnTo>
                      <a:pt x="1444" y="485"/>
                    </a:lnTo>
                    <a:lnTo>
                      <a:pt x="1436" y="485"/>
                    </a:lnTo>
                    <a:lnTo>
                      <a:pt x="1429" y="484"/>
                    </a:lnTo>
                    <a:lnTo>
                      <a:pt x="1423" y="485"/>
                    </a:lnTo>
                    <a:lnTo>
                      <a:pt x="1415" y="486"/>
                    </a:lnTo>
                    <a:lnTo>
                      <a:pt x="1409" y="487"/>
                    </a:lnTo>
                    <a:lnTo>
                      <a:pt x="1403" y="489"/>
                    </a:lnTo>
                    <a:lnTo>
                      <a:pt x="1396" y="492"/>
                    </a:lnTo>
                    <a:lnTo>
                      <a:pt x="1385" y="498"/>
                    </a:lnTo>
                    <a:lnTo>
                      <a:pt x="1374" y="507"/>
                    </a:lnTo>
                    <a:lnTo>
                      <a:pt x="1364" y="517"/>
                    </a:lnTo>
                    <a:lnTo>
                      <a:pt x="1354" y="528"/>
                    </a:lnTo>
                    <a:lnTo>
                      <a:pt x="1346" y="539"/>
                    </a:lnTo>
                    <a:lnTo>
                      <a:pt x="1337" y="552"/>
                    </a:lnTo>
                    <a:lnTo>
                      <a:pt x="1329" y="565"/>
                    </a:lnTo>
                    <a:lnTo>
                      <a:pt x="1322" y="578"/>
                    </a:lnTo>
                    <a:lnTo>
                      <a:pt x="1307" y="604"/>
                    </a:lnTo>
                    <a:lnTo>
                      <a:pt x="1293" y="627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123" name="Line 157"/>
            <p:cNvSpPr>
              <a:spLocks noChangeShapeType="1"/>
            </p:cNvSpPr>
            <p:nvPr/>
          </p:nvSpPr>
          <p:spPr bwMode="auto">
            <a:xfrm flipV="1">
              <a:off x="1547814" y="4354519"/>
              <a:ext cx="1588" cy="3175"/>
            </a:xfrm>
            <a:prstGeom prst="line">
              <a:avLst/>
            </a:prstGeom>
            <a:grpFill/>
            <a:ln w="6350">
              <a:noFill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124" name="Line 161"/>
            <p:cNvSpPr>
              <a:spLocks noChangeShapeType="1"/>
            </p:cNvSpPr>
            <p:nvPr/>
          </p:nvSpPr>
          <p:spPr bwMode="auto">
            <a:xfrm>
              <a:off x="1544639" y="4354519"/>
              <a:ext cx="3175" cy="3175"/>
            </a:xfrm>
            <a:prstGeom prst="line">
              <a:avLst/>
            </a:prstGeom>
            <a:grpFill/>
            <a:ln w="6350">
              <a:noFill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125" name="Ikast-Brande"/>
            <p:cNvSpPr>
              <a:spLocks/>
            </p:cNvSpPr>
            <p:nvPr/>
          </p:nvSpPr>
          <p:spPr bwMode="auto">
            <a:xfrm>
              <a:off x="1195389" y="4164019"/>
              <a:ext cx="476251" cy="536576"/>
            </a:xfrm>
            <a:custGeom>
              <a:avLst/>
              <a:gdLst>
                <a:gd name="T0" fmla="*/ 219 w 899"/>
                <a:gd name="T1" fmla="*/ 126 h 1013"/>
                <a:gd name="T2" fmla="*/ 225 w 899"/>
                <a:gd name="T3" fmla="*/ 135 h 1013"/>
                <a:gd name="T4" fmla="*/ 218 w 899"/>
                <a:gd name="T5" fmla="*/ 139 h 1013"/>
                <a:gd name="T6" fmla="*/ 207 w 899"/>
                <a:gd name="T7" fmla="*/ 141 h 1013"/>
                <a:gd name="T8" fmla="*/ 176 w 899"/>
                <a:gd name="T9" fmla="*/ 138 h 1013"/>
                <a:gd name="T10" fmla="*/ 175 w 899"/>
                <a:gd name="T11" fmla="*/ 150 h 1013"/>
                <a:gd name="T12" fmla="*/ 187 w 899"/>
                <a:gd name="T13" fmla="*/ 165 h 1013"/>
                <a:gd name="T14" fmla="*/ 197 w 899"/>
                <a:gd name="T15" fmla="*/ 180 h 1013"/>
                <a:gd name="T16" fmla="*/ 196 w 899"/>
                <a:gd name="T17" fmla="*/ 193 h 1013"/>
                <a:gd name="T18" fmla="*/ 207 w 899"/>
                <a:gd name="T19" fmla="*/ 196 h 1013"/>
                <a:gd name="T20" fmla="*/ 229 w 899"/>
                <a:gd name="T21" fmla="*/ 193 h 1013"/>
                <a:gd name="T22" fmla="*/ 235 w 899"/>
                <a:gd name="T23" fmla="*/ 204 h 1013"/>
                <a:gd name="T24" fmla="*/ 239 w 899"/>
                <a:gd name="T25" fmla="*/ 210 h 1013"/>
                <a:gd name="T26" fmla="*/ 252 w 899"/>
                <a:gd name="T27" fmla="*/ 219 h 1013"/>
                <a:gd name="T28" fmla="*/ 276 w 899"/>
                <a:gd name="T29" fmla="*/ 255 h 1013"/>
                <a:gd name="T30" fmla="*/ 293 w 899"/>
                <a:gd name="T31" fmla="*/ 284 h 1013"/>
                <a:gd name="T32" fmla="*/ 257 w 899"/>
                <a:gd name="T33" fmla="*/ 285 h 1013"/>
                <a:gd name="T34" fmla="*/ 226 w 899"/>
                <a:gd name="T35" fmla="*/ 274 h 1013"/>
                <a:gd name="T36" fmla="*/ 200 w 899"/>
                <a:gd name="T37" fmla="*/ 263 h 1013"/>
                <a:gd name="T38" fmla="*/ 177 w 899"/>
                <a:gd name="T39" fmla="*/ 263 h 1013"/>
                <a:gd name="T40" fmla="*/ 146 w 899"/>
                <a:gd name="T41" fmla="*/ 246 h 1013"/>
                <a:gd name="T42" fmla="*/ 115 w 899"/>
                <a:gd name="T43" fmla="*/ 271 h 1013"/>
                <a:gd name="T44" fmla="*/ 74 w 899"/>
                <a:gd name="T45" fmla="*/ 309 h 1013"/>
                <a:gd name="T46" fmla="*/ 59 w 899"/>
                <a:gd name="T47" fmla="*/ 318 h 1013"/>
                <a:gd name="T48" fmla="*/ 35 w 899"/>
                <a:gd name="T49" fmla="*/ 336 h 1013"/>
                <a:gd name="T50" fmla="*/ 13 w 899"/>
                <a:gd name="T51" fmla="*/ 337 h 1013"/>
                <a:gd name="T52" fmla="*/ 11 w 899"/>
                <a:gd name="T53" fmla="*/ 299 h 1013"/>
                <a:gd name="T54" fmla="*/ 28 w 899"/>
                <a:gd name="T55" fmla="*/ 239 h 1013"/>
                <a:gd name="T56" fmla="*/ 19 w 899"/>
                <a:gd name="T57" fmla="*/ 230 h 1013"/>
                <a:gd name="T58" fmla="*/ 20 w 899"/>
                <a:gd name="T59" fmla="*/ 224 h 1013"/>
                <a:gd name="T60" fmla="*/ 47 w 899"/>
                <a:gd name="T61" fmla="*/ 227 h 1013"/>
                <a:gd name="T62" fmla="*/ 69 w 899"/>
                <a:gd name="T63" fmla="*/ 222 h 1013"/>
                <a:gd name="T64" fmla="*/ 88 w 899"/>
                <a:gd name="T65" fmla="*/ 216 h 1013"/>
                <a:gd name="T66" fmla="*/ 85 w 899"/>
                <a:gd name="T67" fmla="*/ 214 h 1013"/>
                <a:gd name="T68" fmla="*/ 85 w 899"/>
                <a:gd name="T69" fmla="*/ 197 h 1013"/>
                <a:gd name="T70" fmla="*/ 97 w 899"/>
                <a:gd name="T71" fmla="*/ 196 h 1013"/>
                <a:gd name="T72" fmla="*/ 103 w 899"/>
                <a:gd name="T73" fmla="*/ 164 h 1013"/>
                <a:gd name="T74" fmla="*/ 73 w 899"/>
                <a:gd name="T75" fmla="*/ 120 h 1013"/>
                <a:gd name="T76" fmla="*/ 77 w 899"/>
                <a:gd name="T77" fmla="*/ 85 h 1013"/>
                <a:gd name="T78" fmla="*/ 63 w 899"/>
                <a:gd name="T79" fmla="*/ 75 h 1013"/>
                <a:gd name="T80" fmla="*/ 69 w 899"/>
                <a:gd name="T81" fmla="*/ 54 h 1013"/>
                <a:gd name="T82" fmla="*/ 82 w 899"/>
                <a:gd name="T83" fmla="*/ 50 h 1013"/>
                <a:gd name="T84" fmla="*/ 102 w 899"/>
                <a:gd name="T85" fmla="*/ 35 h 1013"/>
                <a:gd name="T86" fmla="*/ 82 w 899"/>
                <a:gd name="T87" fmla="*/ 12 h 1013"/>
                <a:gd name="T88" fmla="*/ 92 w 899"/>
                <a:gd name="T89" fmla="*/ 6 h 1013"/>
                <a:gd name="T90" fmla="*/ 112 w 899"/>
                <a:gd name="T91" fmla="*/ 5 h 1013"/>
                <a:gd name="T92" fmla="*/ 116 w 899"/>
                <a:gd name="T93" fmla="*/ 7 h 1013"/>
                <a:gd name="T94" fmla="*/ 119 w 899"/>
                <a:gd name="T95" fmla="*/ 35 h 1013"/>
                <a:gd name="T96" fmla="*/ 130 w 899"/>
                <a:gd name="T97" fmla="*/ 46 h 1013"/>
                <a:gd name="T98" fmla="*/ 143 w 899"/>
                <a:gd name="T99" fmla="*/ 42 h 1013"/>
                <a:gd name="T100" fmla="*/ 161 w 899"/>
                <a:gd name="T101" fmla="*/ 54 h 1013"/>
                <a:gd name="T102" fmla="*/ 183 w 899"/>
                <a:gd name="T103" fmla="*/ 58 h 1013"/>
                <a:gd name="T104" fmla="*/ 212 w 899"/>
                <a:gd name="T105" fmla="*/ 81 h 1013"/>
                <a:gd name="T106" fmla="*/ 212 w 899"/>
                <a:gd name="T107" fmla="*/ 93 h 1013"/>
                <a:gd name="T108" fmla="*/ 222 w 899"/>
                <a:gd name="T109" fmla="*/ 109 h 1013"/>
                <a:gd name="T110" fmla="*/ 216 w 899"/>
                <a:gd name="T111" fmla="*/ 115 h 1013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899" h="1013">
                  <a:moveTo>
                    <a:pt x="666" y="365"/>
                  </a:moveTo>
                  <a:lnTo>
                    <a:pt x="662" y="366"/>
                  </a:lnTo>
                  <a:lnTo>
                    <a:pt x="659" y="367"/>
                  </a:lnTo>
                  <a:lnTo>
                    <a:pt x="657" y="370"/>
                  </a:lnTo>
                  <a:lnTo>
                    <a:pt x="656" y="372"/>
                  </a:lnTo>
                  <a:lnTo>
                    <a:pt x="656" y="378"/>
                  </a:lnTo>
                  <a:lnTo>
                    <a:pt x="658" y="384"/>
                  </a:lnTo>
                  <a:lnTo>
                    <a:pt x="663" y="391"/>
                  </a:lnTo>
                  <a:lnTo>
                    <a:pt x="667" y="396"/>
                  </a:lnTo>
                  <a:lnTo>
                    <a:pt x="671" y="400"/>
                  </a:lnTo>
                  <a:lnTo>
                    <a:pt x="675" y="402"/>
                  </a:lnTo>
                  <a:lnTo>
                    <a:pt x="674" y="405"/>
                  </a:lnTo>
                  <a:lnTo>
                    <a:pt x="673" y="409"/>
                  </a:lnTo>
                  <a:lnTo>
                    <a:pt x="672" y="410"/>
                  </a:lnTo>
                  <a:lnTo>
                    <a:pt x="670" y="412"/>
                  </a:lnTo>
                  <a:lnTo>
                    <a:pt x="665" y="414"/>
                  </a:lnTo>
                  <a:lnTo>
                    <a:pt x="659" y="415"/>
                  </a:lnTo>
                  <a:lnTo>
                    <a:pt x="654" y="417"/>
                  </a:lnTo>
                  <a:lnTo>
                    <a:pt x="650" y="420"/>
                  </a:lnTo>
                  <a:lnTo>
                    <a:pt x="648" y="421"/>
                  </a:lnTo>
                  <a:lnTo>
                    <a:pt x="647" y="424"/>
                  </a:lnTo>
                  <a:lnTo>
                    <a:pt x="647" y="427"/>
                  </a:lnTo>
                  <a:lnTo>
                    <a:pt x="647" y="431"/>
                  </a:lnTo>
                  <a:lnTo>
                    <a:pt x="619" y="423"/>
                  </a:lnTo>
                  <a:lnTo>
                    <a:pt x="593" y="414"/>
                  </a:lnTo>
                  <a:lnTo>
                    <a:pt x="568" y="404"/>
                  </a:lnTo>
                  <a:lnTo>
                    <a:pt x="544" y="394"/>
                  </a:lnTo>
                  <a:lnTo>
                    <a:pt x="537" y="400"/>
                  </a:lnTo>
                  <a:lnTo>
                    <a:pt x="532" y="407"/>
                  </a:lnTo>
                  <a:lnTo>
                    <a:pt x="528" y="414"/>
                  </a:lnTo>
                  <a:lnTo>
                    <a:pt x="525" y="420"/>
                  </a:lnTo>
                  <a:lnTo>
                    <a:pt x="523" y="425"/>
                  </a:lnTo>
                  <a:lnTo>
                    <a:pt x="521" y="432"/>
                  </a:lnTo>
                  <a:lnTo>
                    <a:pt x="521" y="437"/>
                  </a:lnTo>
                  <a:lnTo>
                    <a:pt x="523" y="443"/>
                  </a:lnTo>
                  <a:lnTo>
                    <a:pt x="524" y="449"/>
                  </a:lnTo>
                  <a:lnTo>
                    <a:pt x="527" y="454"/>
                  </a:lnTo>
                  <a:lnTo>
                    <a:pt x="529" y="459"/>
                  </a:lnTo>
                  <a:lnTo>
                    <a:pt x="533" y="464"/>
                  </a:lnTo>
                  <a:lnTo>
                    <a:pt x="540" y="474"/>
                  </a:lnTo>
                  <a:lnTo>
                    <a:pt x="550" y="484"/>
                  </a:lnTo>
                  <a:lnTo>
                    <a:pt x="559" y="494"/>
                  </a:lnTo>
                  <a:lnTo>
                    <a:pt x="568" y="503"/>
                  </a:lnTo>
                  <a:lnTo>
                    <a:pt x="576" y="514"/>
                  </a:lnTo>
                  <a:lnTo>
                    <a:pt x="583" y="524"/>
                  </a:lnTo>
                  <a:lnTo>
                    <a:pt x="586" y="530"/>
                  </a:lnTo>
                  <a:lnTo>
                    <a:pt x="588" y="535"/>
                  </a:lnTo>
                  <a:lnTo>
                    <a:pt x="589" y="540"/>
                  </a:lnTo>
                  <a:lnTo>
                    <a:pt x="589" y="546"/>
                  </a:lnTo>
                  <a:lnTo>
                    <a:pt x="589" y="552"/>
                  </a:lnTo>
                  <a:lnTo>
                    <a:pt x="587" y="558"/>
                  </a:lnTo>
                  <a:lnTo>
                    <a:pt x="585" y="564"/>
                  </a:lnTo>
                  <a:lnTo>
                    <a:pt x="581" y="572"/>
                  </a:lnTo>
                  <a:lnTo>
                    <a:pt x="586" y="577"/>
                  </a:lnTo>
                  <a:lnTo>
                    <a:pt x="590" y="582"/>
                  </a:lnTo>
                  <a:lnTo>
                    <a:pt x="595" y="585"/>
                  </a:lnTo>
                  <a:lnTo>
                    <a:pt x="601" y="586"/>
                  </a:lnTo>
                  <a:lnTo>
                    <a:pt x="607" y="588"/>
                  </a:lnTo>
                  <a:lnTo>
                    <a:pt x="613" y="588"/>
                  </a:lnTo>
                  <a:lnTo>
                    <a:pt x="620" y="588"/>
                  </a:lnTo>
                  <a:lnTo>
                    <a:pt x="627" y="586"/>
                  </a:lnTo>
                  <a:lnTo>
                    <a:pt x="643" y="583"/>
                  </a:lnTo>
                  <a:lnTo>
                    <a:pt x="658" y="580"/>
                  </a:lnTo>
                  <a:lnTo>
                    <a:pt x="667" y="579"/>
                  </a:lnTo>
                  <a:lnTo>
                    <a:pt x="675" y="579"/>
                  </a:lnTo>
                  <a:lnTo>
                    <a:pt x="685" y="579"/>
                  </a:lnTo>
                  <a:lnTo>
                    <a:pt x="693" y="580"/>
                  </a:lnTo>
                  <a:lnTo>
                    <a:pt x="693" y="586"/>
                  </a:lnTo>
                  <a:lnTo>
                    <a:pt x="693" y="592"/>
                  </a:lnTo>
                  <a:lnTo>
                    <a:pt x="695" y="597"/>
                  </a:lnTo>
                  <a:lnTo>
                    <a:pt x="697" y="601"/>
                  </a:lnTo>
                  <a:lnTo>
                    <a:pt x="704" y="611"/>
                  </a:lnTo>
                  <a:lnTo>
                    <a:pt x="711" y="619"/>
                  </a:lnTo>
                  <a:lnTo>
                    <a:pt x="716" y="625"/>
                  </a:lnTo>
                  <a:lnTo>
                    <a:pt x="720" y="629"/>
                  </a:lnTo>
                  <a:lnTo>
                    <a:pt x="720" y="630"/>
                  </a:lnTo>
                  <a:lnTo>
                    <a:pt x="719" y="630"/>
                  </a:lnTo>
                  <a:lnTo>
                    <a:pt x="716" y="629"/>
                  </a:lnTo>
                  <a:lnTo>
                    <a:pt x="712" y="628"/>
                  </a:lnTo>
                  <a:lnTo>
                    <a:pt x="719" y="631"/>
                  </a:lnTo>
                  <a:lnTo>
                    <a:pt x="727" y="635"/>
                  </a:lnTo>
                  <a:lnTo>
                    <a:pt x="734" y="639"/>
                  </a:lnTo>
                  <a:lnTo>
                    <a:pt x="742" y="644"/>
                  </a:lnTo>
                  <a:lnTo>
                    <a:pt x="754" y="655"/>
                  </a:lnTo>
                  <a:lnTo>
                    <a:pt x="766" y="669"/>
                  </a:lnTo>
                  <a:lnTo>
                    <a:pt x="777" y="682"/>
                  </a:lnTo>
                  <a:lnTo>
                    <a:pt x="788" y="697"/>
                  </a:lnTo>
                  <a:lnTo>
                    <a:pt x="798" y="714"/>
                  </a:lnTo>
                  <a:lnTo>
                    <a:pt x="808" y="731"/>
                  </a:lnTo>
                  <a:lnTo>
                    <a:pt x="828" y="764"/>
                  </a:lnTo>
                  <a:lnTo>
                    <a:pt x="849" y="797"/>
                  </a:lnTo>
                  <a:lnTo>
                    <a:pt x="861" y="813"/>
                  </a:lnTo>
                  <a:lnTo>
                    <a:pt x="873" y="828"/>
                  </a:lnTo>
                  <a:lnTo>
                    <a:pt x="886" y="840"/>
                  </a:lnTo>
                  <a:lnTo>
                    <a:pt x="899" y="852"/>
                  </a:lnTo>
                  <a:lnTo>
                    <a:pt x="879" y="851"/>
                  </a:lnTo>
                  <a:lnTo>
                    <a:pt x="861" y="851"/>
                  </a:lnTo>
                  <a:lnTo>
                    <a:pt x="843" y="852"/>
                  </a:lnTo>
                  <a:lnTo>
                    <a:pt x="825" y="854"/>
                  </a:lnTo>
                  <a:lnTo>
                    <a:pt x="807" y="855"/>
                  </a:lnTo>
                  <a:lnTo>
                    <a:pt x="788" y="855"/>
                  </a:lnTo>
                  <a:lnTo>
                    <a:pt x="769" y="855"/>
                  </a:lnTo>
                  <a:lnTo>
                    <a:pt x="750" y="852"/>
                  </a:lnTo>
                  <a:lnTo>
                    <a:pt x="737" y="849"/>
                  </a:lnTo>
                  <a:lnTo>
                    <a:pt x="725" y="844"/>
                  </a:lnTo>
                  <a:lnTo>
                    <a:pt x="712" y="839"/>
                  </a:lnTo>
                  <a:lnTo>
                    <a:pt x="700" y="834"/>
                  </a:lnTo>
                  <a:lnTo>
                    <a:pt x="677" y="820"/>
                  </a:lnTo>
                  <a:lnTo>
                    <a:pt x="655" y="808"/>
                  </a:lnTo>
                  <a:lnTo>
                    <a:pt x="644" y="801"/>
                  </a:lnTo>
                  <a:lnTo>
                    <a:pt x="632" y="796"/>
                  </a:lnTo>
                  <a:lnTo>
                    <a:pt x="621" y="792"/>
                  </a:lnTo>
                  <a:lnTo>
                    <a:pt x="610" y="790"/>
                  </a:lnTo>
                  <a:lnTo>
                    <a:pt x="598" y="789"/>
                  </a:lnTo>
                  <a:lnTo>
                    <a:pt x="587" y="789"/>
                  </a:lnTo>
                  <a:lnTo>
                    <a:pt x="575" y="791"/>
                  </a:lnTo>
                  <a:lnTo>
                    <a:pt x="563" y="796"/>
                  </a:lnTo>
                  <a:lnTo>
                    <a:pt x="551" y="794"/>
                  </a:lnTo>
                  <a:lnTo>
                    <a:pt x="540" y="790"/>
                  </a:lnTo>
                  <a:lnTo>
                    <a:pt x="530" y="787"/>
                  </a:lnTo>
                  <a:lnTo>
                    <a:pt x="520" y="782"/>
                  </a:lnTo>
                  <a:lnTo>
                    <a:pt x="503" y="772"/>
                  </a:lnTo>
                  <a:lnTo>
                    <a:pt x="485" y="761"/>
                  </a:lnTo>
                  <a:lnTo>
                    <a:pt x="467" y="751"/>
                  </a:lnTo>
                  <a:lnTo>
                    <a:pt x="448" y="742"/>
                  </a:lnTo>
                  <a:lnTo>
                    <a:pt x="438" y="738"/>
                  </a:lnTo>
                  <a:lnTo>
                    <a:pt x="427" y="735"/>
                  </a:lnTo>
                  <a:lnTo>
                    <a:pt x="415" y="732"/>
                  </a:lnTo>
                  <a:lnTo>
                    <a:pt x="404" y="731"/>
                  </a:lnTo>
                  <a:lnTo>
                    <a:pt x="385" y="759"/>
                  </a:lnTo>
                  <a:lnTo>
                    <a:pt x="366" y="787"/>
                  </a:lnTo>
                  <a:lnTo>
                    <a:pt x="345" y="813"/>
                  </a:lnTo>
                  <a:lnTo>
                    <a:pt x="323" y="838"/>
                  </a:lnTo>
                  <a:lnTo>
                    <a:pt x="302" y="863"/>
                  </a:lnTo>
                  <a:lnTo>
                    <a:pt x="280" y="888"/>
                  </a:lnTo>
                  <a:lnTo>
                    <a:pt x="257" y="912"/>
                  </a:lnTo>
                  <a:lnTo>
                    <a:pt x="235" y="936"/>
                  </a:lnTo>
                  <a:lnTo>
                    <a:pt x="221" y="927"/>
                  </a:lnTo>
                  <a:lnTo>
                    <a:pt x="207" y="918"/>
                  </a:lnTo>
                  <a:lnTo>
                    <a:pt x="199" y="923"/>
                  </a:lnTo>
                  <a:lnTo>
                    <a:pt x="193" y="930"/>
                  </a:lnTo>
                  <a:lnTo>
                    <a:pt x="187" y="936"/>
                  </a:lnTo>
                  <a:lnTo>
                    <a:pt x="180" y="943"/>
                  </a:lnTo>
                  <a:lnTo>
                    <a:pt x="176" y="952"/>
                  </a:lnTo>
                  <a:lnTo>
                    <a:pt x="172" y="960"/>
                  </a:lnTo>
                  <a:lnTo>
                    <a:pt x="170" y="971"/>
                  </a:lnTo>
                  <a:lnTo>
                    <a:pt x="169" y="983"/>
                  </a:lnTo>
                  <a:lnTo>
                    <a:pt x="144" y="992"/>
                  </a:lnTo>
                  <a:lnTo>
                    <a:pt x="124" y="1000"/>
                  </a:lnTo>
                  <a:lnTo>
                    <a:pt x="106" y="1008"/>
                  </a:lnTo>
                  <a:lnTo>
                    <a:pt x="88" y="1012"/>
                  </a:lnTo>
                  <a:lnTo>
                    <a:pt x="78" y="1013"/>
                  </a:lnTo>
                  <a:lnTo>
                    <a:pt x="70" y="1013"/>
                  </a:lnTo>
                  <a:lnTo>
                    <a:pt x="60" y="1013"/>
                  </a:lnTo>
                  <a:lnTo>
                    <a:pt x="50" y="1011"/>
                  </a:lnTo>
                  <a:lnTo>
                    <a:pt x="39" y="1009"/>
                  </a:lnTo>
                  <a:lnTo>
                    <a:pt x="28" y="1005"/>
                  </a:lnTo>
                  <a:lnTo>
                    <a:pt x="15" y="999"/>
                  </a:lnTo>
                  <a:lnTo>
                    <a:pt x="0" y="993"/>
                  </a:lnTo>
                  <a:lnTo>
                    <a:pt x="11" y="959"/>
                  </a:lnTo>
                  <a:lnTo>
                    <a:pt x="21" y="927"/>
                  </a:lnTo>
                  <a:lnTo>
                    <a:pt x="32" y="895"/>
                  </a:lnTo>
                  <a:lnTo>
                    <a:pt x="42" y="863"/>
                  </a:lnTo>
                  <a:lnTo>
                    <a:pt x="53" y="830"/>
                  </a:lnTo>
                  <a:lnTo>
                    <a:pt x="63" y="796"/>
                  </a:lnTo>
                  <a:lnTo>
                    <a:pt x="74" y="760"/>
                  </a:lnTo>
                  <a:lnTo>
                    <a:pt x="84" y="721"/>
                  </a:lnTo>
                  <a:lnTo>
                    <a:pt x="84" y="716"/>
                  </a:lnTo>
                  <a:lnTo>
                    <a:pt x="83" y="711"/>
                  </a:lnTo>
                  <a:lnTo>
                    <a:pt x="81" y="708"/>
                  </a:lnTo>
                  <a:lnTo>
                    <a:pt x="78" y="704"/>
                  </a:lnTo>
                  <a:lnTo>
                    <a:pt x="72" y="699"/>
                  </a:lnTo>
                  <a:lnTo>
                    <a:pt x="66" y="694"/>
                  </a:lnTo>
                  <a:lnTo>
                    <a:pt x="58" y="690"/>
                  </a:lnTo>
                  <a:lnTo>
                    <a:pt x="52" y="683"/>
                  </a:lnTo>
                  <a:lnTo>
                    <a:pt x="50" y="680"/>
                  </a:lnTo>
                  <a:lnTo>
                    <a:pt x="49" y="676"/>
                  </a:lnTo>
                  <a:lnTo>
                    <a:pt x="48" y="671"/>
                  </a:lnTo>
                  <a:lnTo>
                    <a:pt x="48" y="664"/>
                  </a:lnTo>
                  <a:lnTo>
                    <a:pt x="61" y="670"/>
                  </a:lnTo>
                  <a:lnTo>
                    <a:pt x="75" y="673"/>
                  </a:lnTo>
                  <a:lnTo>
                    <a:pt x="89" y="676"/>
                  </a:lnTo>
                  <a:lnTo>
                    <a:pt x="101" y="678"/>
                  </a:lnTo>
                  <a:lnTo>
                    <a:pt x="115" y="679"/>
                  </a:lnTo>
                  <a:lnTo>
                    <a:pt x="128" y="680"/>
                  </a:lnTo>
                  <a:lnTo>
                    <a:pt x="140" y="680"/>
                  </a:lnTo>
                  <a:lnTo>
                    <a:pt x="152" y="679"/>
                  </a:lnTo>
                  <a:lnTo>
                    <a:pt x="164" y="678"/>
                  </a:lnTo>
                  <a:lnTo>
                    <a:pt x="176" y="676"/>
                  </a:lnTo>
                  <a:lnTo>
                    <a:pt x="187" y="673"/>
                  </a:lnTo>
                  <a:lnTo>
                    <a:pt x="197" y="670"/>
                  </a:lnTo>
                  <a:lnTo>
                    <a:pt x="208" y="665"/>
                  </a:lnTo>
                  <a:lnTo>
                    <a:pt x="217" y="661"/>
                  </a:lnTo>
                  <a:lnTo>
                    <a:pt x="227" y="655"/>
                  </a:lnTo>
                  <a:lnTo>
                    <a:pt x="235" y="650"/>
                  </a:lnTo>
                  <a:lnTo>
                    <a:pt x="247" y="648"/>
                  </a:lnTo>
                  <a:lnTo>
                    <a:pt x="259" y="648"/>
                  </a:lnTo>
                  <a:lnTo>
                    <a:pt x="263" y="648"/>
                  </a:lnTo>
                  <a:lnTo>
                    <a:pt x="266" y="648"/>
                  </a:lnTo>
                  <a:lnTo>
                    <a:pt x="266" y="646"/>
                  </a:lnTo>
                  <a:lnTo>
                    <a:pt x="262" y="646"/>
                  </a:lnTo>
                  <a:lnTo>
                    <a:pt x="259" y="645"/>
                  </a:lnTo>
                  <a:lnTo>
                    <a:pt x="256" y="643"/>
                  </a:lnTo>
                  <a:lnTo>
                    <a:pt x="255" y="640"/>
                  </a:lnTo>
                  <a:lnTo>
                    <a:pt x="253" y="637"/>
                  </a:lnTo>
                  <a:lnTo>
                    <a:pt x="252" y="629"/>
                  </a:lnTo>
                  <a:lnTo>
                    <a:pt x="252" y="619"/>
                  </a:lnTo>
                  <a:lnTo>
                    <a:pt x="253" y="609"/>
                  </a:lnTo>
                  <a:lnTo>
                    <a:pt x="254" y="598"/>
                  </a:lnTo>
                  <a:lnTo>
                    <a:pt x="255" y="589"/>
                  </a:lnTo>
                  <a:lnTo>
                    <a:pt x="253" y="580"/>
                  </a:lnTo>
                  <a:lnTo>
                    <a:pt x="263" y="585"/>
                  </a:lnTo>
                  <a:lnTo>
                    <a:pt x="272" y="589"/>
                  </a:lnTo>
                  <a:lnTo>
                    <a:pt x="279" y="590"/>
                  </a:lnTo>
                  <a:lnTo>
                    <a:pt x="287" y="590"/>
                  </a:lnTo>
                  <a:lnTo>
                    <a:pt x="292" y="588"/>
                  </a:lnTo>
                  <a:lnTo>
                    <a:pt x="298" y="584"/>
                  </a:lnTo>
                  <a:lnTo>
                    <a:pt x="302" y="579"/>
                  </a:lnTo>
                  <a:lnTo>
                    <a:pt x="307" y="574"/>
                  </a:lnTo>
                  <a:lnTo>
                    <a:pt x="321" y="549"/>
                  </a:lnTo>
                  <a:lnTo>
                    <a:pt x="337" y="524"/>
                  </a:lnTo>
                  <a:lnTo>
                    <a:pt x="310" y="492"/>
                  </a:lnTo>
                  <a:lnTo>
                    <a:pt x="281" y="459"/>
                  </a:lnTo>
                  <a:lnTo>
                    <a:pt x="267" y="443"/>
                  </a:lnTo>
                  <a:lnTo>
                    <a:pt x="251" y="429"/>
                  </a:lnTo>
                  <a:lnTo>
                    <a:pt x="234" y="415"/>
                  </a:lnTo>
                  <a:lnTo>
                    <a:pt x="216" y="402"/>
                  </a:lnTo>
                  <a:lnTo>
                    <a:pt x="218" y="360"/>
                  </a:lnTo>
                  <a:lnTo>
                    <a:pt x="219" y="326"/>
                  </a:lnTo>
                  <a:lnTo>
                    <a:pt x="221" y="312"/>
                  </a:lnTo>
                  <a:lnTo>
                    <a:pt x="223" y="297"/>
                  </a:lnTo>
                  <a:lnTo>
                    <a:pt x="228" y="280"/>
                  </a:lnTo>
                  <a:lnTo>
                    <a:pt x="235" y="262"/>
                  </a:lnTo>
                  <a:lnTo>
                    <a:pt x="231" y="255"/>
                  </a:lnTo>
                  <a:lnTo>
                    <a:pt x="226" y="247"/>
                  </a:lnTo>
                  <a:lnTo>
                    <a:pt x="220" y="242"/>
                  </a:lnTo>
                  <a:lnTo>
                    <a:pt x="213" y="237"/>
                  </a:lnTo>
                  <a:lnTo>
                    <a:pt x="206" y="233"/>
                  </a:lnTo>
                  <a:lnTo>
                    <a:pt x="197" y="230"/>
                  </a:lnTo>
                  <a:lnTo>
                    <a:pt x="189" y="226"/>
                  </a:lnTo>
                  <a:lnTo>
                    <a:pt x="178" y="224"/>
                  </a:lnTo>
                  <a:lnTo>
                    <a:pt x="181" y="213"/>
                  </a:lnTo>
                  <a:lnTo>
                    <a:pt x="186" y="201"/>
                  </a:lnTo>
                  <a:lnTo>
                    <a:pt x="190" y="191"/>
                  </a:lnTo>
                  <a:lnTo>
                    <a:pt x="195" y="181"/>
                  </a:lnTo>
                  <a:lnTo>
                    <a:pt x="207" y="161"/>
                  </a:lnTo>
                  <a:lnTo>
                    <a:pt x="216" y="140"/>
                  </a:lnTo>
                  <a:lnTo>
                    <a:pt x="222" y="144"/>
                  </a:lnTo>
                  <a:lnTo>
                    <a:pt x="229" y="147"/>
                  </a:lnTo>
                  <a:lnTo>
                    <a:pt x="234" y="149"/>
                  </a:lnTo>
                  <a:lnTo>
                    <a:pt x="240" y="149"/>
                  </a:lnTo>
                  <a:lnTo>
                    <a:pt x="247" y="149"/>
                  </a:lnTo>
                  <a:lnTo>
                    <a:pt x="253" y="148"/>
                  </a:lnTo>
                  <a:lnTo>
                    <a:pt x="259" y="146"/>
                  </a:lnTo>
                  <a:lnTo>
                    <a:pt x="266" y="144"/>
                  </a:lnTo>
                  <a:lnTo>
                    <a:pt x="289" y="133"/>
                  </a:lnTo>
                  <a:lnTo>
                    <a:pt x="310" y="122"/>
                  </a:lnTo>
                  <a:lnTo>
                    <a:pt x="305" y="106"/>
                  </a:lnTo>
                  <a:lnTo>
                    <a:pt x="297" y="92"/>
                  </a:lnTo>
                  <a:lnTo>
                    <a:pt x="289" y="79"/>
                  </a:lnTo>
                  <a:lnTo>
                    <a:pt x="279" y="67"/>
                  </a:lnTo>
                  <a:lnTo>
                    <a:pt x="270" y="57"/>
                  </a:lnTo>
                  <a:lnTo>
                    <a:pt x="258" y="46"/>
                  </a:lnTo>
                  <a:lnTo>
                    <a:pt x="247" y="37"/>
                  </a:lnTo>
                  <a:lnTo>
                    <a:pt x="235" y="28"/>
                  </a:lnTo>
                  <a:lnTo>
                    <a:pt x="239" y="23"/>
                  </a:lnTo>
                  <a:lnTo>
                    <a:pt x="245" y="20"/>
                  </a:lnTo>
                  <a:lnTo>
                    <a:pt x="251" y="19"/>
                  </a:lnTo>
                  <a:lnTo>
                    <a:pt x="259" y="18"/>
                  </a:lnTo>
                  <a:lnTo>
                    <a:pt x="277" y="18"/>
                  </a:lnTo>
                  <a:lnTo>
                    <a:pt x="296" y="19"/>
                  </a:lnTo>
                  <a:lnTo>
                    <a:pt x="306" y="20"/>
                  </a:lnTo>
                  <a:lnTo>
                    <a:pt x="314" y="20"/>
                  </a:lnTo>
                  <a:lnTo>
                    <a:pt x="322" y="19"/>
                  </a:lnTo>
                  <a:lnTo>
                    <a:pt x="330" y="18"/>
                  </a:lnTo>
                  <a:lnTo>
                    <a:pt x="336" y="16"/>
                  </a:lnTo>
                  <a:lnTo>
                    <a:pt x="341" y="13"/>
                  </a:lnTo>
                  <a:lnTo>
                    <a:pt x="344" y="9"/>
                  </a:lnTo>
                  <a:lnTo>
                    <a:pt x="346" y="7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48" y="22"/>
                  </a:lnTo>
                  <a:lnTo>
                    <a:pt x="348" y="43"/>
                  </a:lnTo>
                  <a:lnTo>
                    <a:pt x="348" y="62"/>
                  </a:lnTo>
                  <a:lnTo>
                    <a:pt x="350" y="81"/>
                  </a:lnTo>
                  <a:lnTo>
                    <a:pt x="352" y="89"/>
                  </a:lnTo>
                  <a:lnTo>
                    <a:pt x="354" y="98"/>
                  </a:lnTo>
                  <a:lnTo>
                    <a:pt x="356" y="105"/>
                  </a:lnTo>
                  <a:lnTo>
                    <a:pt x="360" y="114"/>
                  </a:lnTo>
                  <a:lnTo>
                    <a:pt x="365" y="120"/>
                  </a:lnTo>
                  <a:lnTo>
                    <a:pt x="370" y="127"/>
                  </a:lnTo>
                  <a:lnTo>
                    <a:pt x="377" y="134"/>
                  </a:lnTo>
                  <a:lnTo>
                    <a:pt x="385" y="140"/>
                  </a:lnTo>
                  <a:lnTo>
                    <a:pt x="390" y="138"/>
                  </a:lnTo>
                  <a:lnTo>
                    <a:pt x="399" y="132"/>
                  </a:lnTo>
                  <a:lnTo>
                    <a:pt x="405" y="127"/>
                  </a:lnTo>
                  <a:lnTo>
                    <a:pt x="411" y="124"/>
                  </a:lnTo>
                  <a:lnTo>
                    <a:pt x="416" y="122"/>
                  </a:lnTo>
                  <a:lnTo>
                    <a:pt x="422" y="122"/>
                  </a:lnTo>
                  <a:lnTo>
                    <a:pt x="429" y="127"/>
                  </a:lnTo>
                  <a:lnTo>
                    <a:pt x="438" y="138"/>
                  </a:lnTo>
                  <a:lnTo>
                    <a:pt x="445" y="144"/>
                  </a:lnTo>
                  <a:lnTo>
                    <a:pt x="452" y="151"/>
                  </a:lnTo>
                  <a:lnTo>
                    <a:pt x="459" y="156"/>
                  </a:lnTo>
                  <a:lnTo>
                    <a:pt x="469" y="159"/>
                  </a:lnTo>
                  <a:lnTo>
                    <a:pt x="481" y="162"/>
                  </a:lnTo>
                  <a:lnTo>
                    <a:pt x="494" y="163"/>
                  </a:lnTo>
                  <a:lnTo>
                    <a:pt x="506" y="162"/>
                  </a:lnTo>
                  <a:lnTo>
                    <a:pt x="516" y="161"/>
                  </a:lnTo>
                  <a:lnTo>
                    <a:pt x="534" y="159"/>
                  </a:lnTo>
                  <a:lnTo>
                    <a:pt x="544" y="159"/>
                  </a:lnTo>
                  <a:lnTo>
                    <a:pt x="548" y="173"/>
                  </a:lnTo>
                  <a:lnTo>
                    <a:pt x="553" y="187"/>
                  </a:lnTo>
                  <a:lnTo>
                    <a:pt x="575" y="199"/>
                  </a:lnTo>
                  <a:lnTo>
                    <a:pt x="592" y="208"/>
                  </a:lnTo>
                  <a:lnTo>
                    <a:pt x="611" y="219"/>
                  </a:lnTo>
                  <a:lnTo>
                    <a:pt x="637" y="234"/>
                  </a:lnTo>
                  <a:lnTo>
                    <a:pt x="635" y="242"/>
                  </a:lnTo>
                  <a:lnTo>
                    <a:pt x="633" y="250"/>
                  </a:lnTo>
                  <a:lnTo>
                    <a:pt x="633" y="256"/>
                  </a:lnTo>
                  <a:lnTo>
                    <a:pt x="632" y="263"/>
                  </a:lnTo>
                  <a:lnTo>
                    <a:pt x="633" y="268"/>
                  </a:lnTo>
                  <a:lnTo>
                    <a:pt x="634" y="275"/>
                  </a:lnTo>
                  <a:lnTo>
                    <a:pt x="636" y="280"/>
                  </a:lnTo>
                  <a:lnTo>
                    <a:pt x="638" y="285"/>
                  </a:lnTo>
                  <a:lnTo>
                    <a:pt x="646" y="295"/>
                  </a:lnTo>
                  <a:lnTo>
                    <a:pt x="654" y="303"/>
                  </a:lnTo>
                  <a:lnTo>
                    <a:pt x="664" y="311"/>
                  </a:lnTo>
                  <a:lnTo>
                    <a:pt x="675" y="318"/>
                  </a:lnTo>
                  <a:lnTo>
                    <a:pt x="664" y="326"/>
                  </a:lnTo>
                  <a:lnTo>
                    <a:pt x="652" y="333"/>
                  </a:lnTo>
                  <a:lnTo>
                    <a:pt x="649" y="335"/>
                  </a:lnTo>
                  <a:lnTo>
                    <a:pt x="648" y="337"/>
                  </a:lnTo>
                  <a:lnTo>
                    <a:pt x="647" y="339"/>
                  </a:lnTo>
                  <a:lnTo>
                    <a:pt x="647" y="341"/>
                  </a:lnTo>
                  <a:lnTo>
                    <a:pt x="647" y="344"/>
                  </a:lnTo>
                  <a:lnTo>
                    <a:pt x="649" y="347"/>
                  </a:lnTo>
                  <a:lnTo>
                    <a:pt x="652" y="352"/>
                  </a:lnTo>
                  <a:lnTo>
                    <a:pt x="656" y="356"/>
                  </a:lnTo>
                  <a:lnTo>
                    <a:pt x="666" y="365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126" name="Ikast-Brande"/>
            <p:cNvSpPr>
              <a:spLocks/>
            </p:cNvSpPr>
            <p:nvPr/>
          </p:nvSpPr>
          <p:spPr bwMode="auto">
            <a:xfrm>
              <a:off x="1195389" y="4164019"/>
              <a:ext cx="476251" cy="536576"/>
            </a:xfrm>
            <a:custGeom>
              <a:avLst/>
              <a:gdLst>
                <a:gd name="T0" fmla="*/ 219 w 899"/>
                <a:gd name="T1" fmla="*/ 126 h 1013"/>
                <a:gd name="T2" fmla="*/ 225 w 899"/>
                <a:gd name="T3" fmla="*/ 135 h 1013"/>
                <a:gd name="T4" fmla="*/ 218 w 899"/>
                <a:gd name="T5" fmla="*/ 139 h 1013"/>
                <a:gd name="T6" fmla="*/ 207 w 899"/>
                <a:gd name="T7" fmla="*/ 141 h 1013"/>
                <a:gd name="T8" fmla="*/ 176 w 899"/>
                <a:gd name="T9" fmla="*/ 138 h 1013"/>
                <a:gd name="T10" fmla="*/ 175 w 899"/>
                <a:gd name="T11" fmla="*/ 150 h 1013"/>
                <a:gd name="T12" fmla="*/ 187 w 899"/>
                <a:gd name="T13" fmla="*/ 165 h 1013"/>
                <a:gd name="T14" fmla="*/ 197 w 899"/>
                <a:gd name="T15" fmla="*/ 180 h 1013"/>
                <a:gd name="T16" fmla="*/ 196 w 899"/>
                <a:gd name="T17" fmla="*/ 193 h 1013"/>
                <a:gd name="T18" fmla="*/ 207 w 899"/>
                <a:gd name="T19" fmla="*/ 196 h 1013"/>
                <a:gd name="T20" fmla="*/ 229 w 899"/>
                <a:gd name="T21" fmla="*/ 193 h 1013"/>
                <a:gd name="T22" fmla="*/ 235 w 899"/>
                <a:gd name="T23" fmla="*/ 204 h 1013"/>
                <a:gd name="T24" fmla="*/ 239 w 899"/>
                <a:gd name="T25" fmla="*/ 210 h 1013"/>
                <a:gd name="T26" fmla="*/ 252 w 899"/>
                <a:gd name="T27" fmla="*/ 219 h 1013"/>
                <a:gd name="T28" fmla="*/ 276 w 899"/>
                <a:gd name="T29" fmla="*/ 255 h 1013"/>
                <a:gd name="T30" fmla="*/ 293 w 899"/>
                <a:gd name="T31" fmla="*/ 284 h 1013"/>
                <a:gd name="T32" fmla="*/ 257 w 899"/>
                <a:gd name="T33" fmla="*/ 285 h 1013"/>
                <a:gd name="T34" fmla="*/ 226 w 899"/>
                <a:gd name="T35" fmla="*/ 274 h 1013"/>
                <a:gd name="T36" fmla="*/ 200 w 899"/>
                <a:gd name="T37" fmla="*/ 263 h 1013"/>
                <a:gd name="T38" fmla="*/ 177 w 899"/>
                <a:gd name="T39" fmla="*/ 263 h 1013"/>
                <a:gd name="T40" fmla="*/ 146 w 899"/>
                <a:gd name="T41" fmla="*/ 246 h 1013"/>
                <a:gd name="T42" fmla="*/ 115 w 899"/>
                <a:gd name="T43" fmla="*/ 271 h 1013"/>
                <a:gd name="T44" fmla="*/ 74 w 899"/>
                <a:gd name="T45" fmla="*/ 309 h 1013"/>
                <a:gd name="T46" fmla="*/ 59 w 899"/>
                <a:gd name="T47" fmla="*/ 318 h 1013"/>
                <a:gd name="T48" fmla="*/ 35 w 899"/>
                <a:gd name="T49" fmla="*/ 336 h 1013"/>
                <a:gd name="T50" fmla="*/ 13 w 899"/>
                <a:gd name="T51" fmla="*/ 337 h 1013"/>
                <a:gd name="T52" fmla="*/ 11 w 899"/>
                <a:gd name="T53" fmla="*/ 299 h 1013"/>
                <a:gd name="T54" fmla="*/ 28 w 899"/>
                <a:gd name="T55" fmla="*/ 239 h 1013"/>
                <a:gd name="T56" fmla="*/ 19 w 899"/>
                <a:gd name="T57" fmla="*/ 230 h 1013"/>
                <a:gd name="T58" fmla="*/ 20 w 899"/>
                <a:gd name="T59" fmla="*/ 224 h 1013"/>
                <a:gd name="T60" fmla="*/ 47 w 899"/>
                <a:gd name="T61" fmla="*/ 227 h 1013"/>
                <a:gd name="T62" fmla="*/ 69 w 899"/>
                <a:gd name="T63" fmla="*/ 222 h 1013"/>
                <a:gd name="T64" fmla="*/ 88 w 899"/>
                <a:gd name="T65" fmla="*/ 216 h 1013"/>
                <a:gd name="T66" fmla="*/ 85 w 899"/>
                <a:gd name="T67" fmla="*/ 214 h 1013"/>
                <a:gd name="T68" fmla="*/ 85 w 899"/>
                <a:gd name="T69" fmla="*/ 197 h 1013"/>
                <a:gd name="T70" fmla="*/ 97 w 899"/>
                <a:gd name="T71" fmla="*/ 196 h 1013"/>
                <a:gd name="T72" fmla="*/ 103 w 899"/>
                <a:gd name="T73" fmla="*/ 164 h 1013"/>
                <a:gd name="T74" fmla="*/ 73 w 899"/>
                <a:gd name="T75" fmla="*/ 120 h 1013"/>
                <a:gd name="T76" fmla="*/ 77 w 899"/>
                <a:gd name="T77" fmla="*/ 85 h 1013"/>
                <a:gd name="T78" fmla="*/ 63 w 899"/>
                <a:gd name="T79" fmla="*/ 75 h 1013"/>
                <a:gd name="T80" fmla="*/ 69 w 899"/>
                <a:gd name="T81" fmla="*/ 54 h 1013"/>
                <a:gd name="T82" fmla="*/ 82 w 899"/>
                <a:gd name="T83" fmla="*/ 50 h 1013"/>
                <a:gd name="T84" fmla="*/ 102 w 899"/>
                <a:gd name="T85" fmla="*/ 35 h 1013"/>
                <a:gd name="T86" fmla="*/ 82 w 899"/>
                <a:gd name="T87" fmla="*/ 12 h 1013"/>
                <a:gd name="T88" fmla="*/ 92 w 899"/>
                <a:gd name="T89" fmla="*/ 6 h 1013"/>
                <a:gd name="T90" fmla="*/ 112 w 899"/>
                <a:gd name="T91" fmla="*/ 5 h 1013"/>
                <a:gd name="T92" fmla="*/ 116 w 899"/>
                <a:gd name="T93" fmla="*/ 7 h 1013"/>
                <a:gd name="T94" fmla="*/ 119 w 899"/>
                <a:gd name="T95" fmla="*/ 35 h 1013"/>
                <a:gd name="T96" fmla="*/ 130 w 899"/>
                <a:gd name="T97" fmla="*/ 46 h 1013"/>
                <a:gd name="T98" fmla="*/ 143 w 899"/>
                <a:gd name="T99" fmla="*/ 42 h 1013"/>
                <a:gd name="T100" fmla="*/ 161 w 899"/>
                <a:gd name="T101" fmla="*/ 54 h 1013"/>
                <a:gd name="T102" fmla="*/ 183 w 899"/>
                <a:gd name="T103" fmla="*/ 58 h 1013"/>
                <a:gd name="T104" fmla="*/ 212 w 899"/>
                <a:gd name="T105" fmla="*/ 81 h 1013"/>
                <a:gd name="T106" fmla="*/ 212 w 899"/>
                <a:gd name="T107" fmla="*/ 93 h 1013"/>
                <a:gd name="T108" fmla="*/ 222 w 899"/>
                <a:gd name="T109" fmla="*/ 109 h 1013"/>
                <a:gd name="T110" fmla="*/ 216 w 899"/>
                <a:gd name="T111" fmla="*/ 115 h 1013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899" h="1013">
                  <a:moveTo>
                    <a:pt x="666" y="365"/>
                  </a:moveTo>
                  <a:lnTo>
                    <a:pt x="662" y="366"/>
                  </a:lnTo>
                  <a:lnTo>
                    <a:pt x="659" y="367"/>
                  </a:lnTo>
                  <a:lnTo>
                    <a:pt x="657" y="370"/>
                  </a:lnTo>
                  <a:lnTo>
                    <a:pt x="656" y="372"/>
                  </a:lnTo>
                  <a:lnTo>
                    <a:pt x="656" y="378"/>
                  </a:lnTo>
                  <a:lnTo>
                    <a:pt x="658" y="384"/>
                  </a:lnTo>
                  <a:lnTo>
                    <a:pt x="663" y="391"/>
                  </a:lnTo>
                  <a:lnTo>
                    <a:pt x="667" y="396"/>
                  </a:lnTo>
                  <a:lnTo>
                    <a:pt x="671" y="400"/>
                  </a:lnTo>
                  <a:lnTo>
                    <a:pt x="675" y="402"/>
                  </a:lnTo>
                  <a:lnTo>
                    <a:pt x="674" y="405"/>
                  </a:lnTo>
                  <a:lnTo>
                    <a:pt x="673" y="409"/>
                  </a:lnTo>
                  <a:lnTo>
                    <a:pt x="672" y="410"/>
                  </a:lnTo>
                  <a:lnTo>
                    <a:pt x="670" y="412"/>
                  </a:lnTo>
                  <a:lnTo>
                    <a:pt x="665" y="414"/>
                  </a:lnTo>
                  <a:lnTo>
                    <a:pt x="659" y="415"/>
                  </a:lnTo>
                  <a:lnTo>
                    <a:pt x="654" y="417"/>
                  </a:lnTo>
                  <a:lnTo>
                    <a:pt x="650" y="420"/>
                  </a:lnTo>
                  <a:lnTo>
                    <a:pt x="648" y="421"/>
                  </a:lnTo>
                  <a:lnTo>
                    <a:pt x="647" y="424"/>
                  </a:lnTo>
                  <a:lnTo>
                    <a:pt x="647" y="427"/>
                  </a:lnTo>
                  <a:lnTo>
                    <a:pt x="647" y="431"/>
                  </a:lnTo>
                  <a:lnTo>
                    <a:pt x="619" y="423"/>
                  </a:lnTo>
                  <a:lnTo>
                    <a:pt x="593" y="414"/>
                  </a:lnTo>
                  <a:lnTo>
                    <a:pt x="568" y="404"/>
                  </a:lnTo>
                  <a:lnTo>
                    <a:pt x="544" y="394"/>
                  </a:lnTo>
                  <a:lnTo>
                    <a:pt x="537" y="400"/>
                  </a:lnTo>
                  <a:lnTo>
                    <a:pt x="532" y="407"/>
                  </a:lnTo>
                  <a:lnTo>
                    <a:pt x="528" y="414"/>
                  </a:lnTo>
                  <a:lnTo>
                    <a:pt x="525" y="420"/>
                  </a:lnTo>
                  <a:lnTo>
                    <a:pt x="523" y="425"/>
                  </a:lnTo>
                  <a:lnTo>
                    <a:pt x="521" y="432"/>
                  </a:lnTo>
                  <a:lnTo>
                    <a:pt x="521" y="437"/>
                  </a:lnTo>
                  <a:lnTo>
                    <a:pt x="523" y="443"/>
                  </a:lnTo>
                  <a:lnTo>
                    <a:pt x="524" y="449"/>
                  </a:lnTo>
                  <a:lnTo>
                    <a:pt x="527" y="454"/>
                  </a:lnTo>
                  <a:lnTo>
                    <a:pt x="529" y="459"/>
                  </a:lnTo>
                  <a:lnTo>
                    <a:pt x="533" y="464"/>
                  </a:lnTo>
                  <a:lnTo>
                    <a:pt x="540" y="474"/>
                  </a:lnTo>
                  <a:lnTo>
                    <a:pt x="550" y="484"/>
                  </a:lnTo>
                  <a:lnTo>
                    <a:pt x="559" y="494"/>
                  </a:lnTo>
                  <a:lnTo>
                    <a:pt x="568" y="503"/>
                  </a:lnTo>
                  <a:lnTo>
                    <a:pt x="576" y="514"/>
                  </a:lnTo>
                  <a:lnTo>
                    <a:pt x="583" y="524"/>
                  </a:lnTo>
                  <a:lnTo>
                    <a:pt x="586" y="530"/>
                  </a:lnTo>
                  <a:lnTo>
                    <a:pt x="588" y="535"/>
                  </a:lnTo>
                  <a:lnTo>
                    <a:pt x="589" y="540"/>
                  </a:lnTo>
                  <a:lnTo>
                    <a:pt x="589" y="546"/>
                  </a:lnTo>
                  <a:lnTo>
                    <a:pt x="589" y="552"/>
                  </a:lnTo>
                  <a:lnTo>
                    <a:pt x="587" y="558"/>
                  </a:lnTo>
                  <a:lnTo>
                    <a:pt x="585" y="564"/>
                  </a:lnTo>
                  <a:lnTo>
                    <a:pt x="581" y="572"/>
                  </a:lnTo>
                  <a:lnTo>
                    <a:pt x="586" y="577"/>
                  </a:lnTo>
                  <a:lnTo>
                    <a:pt x="590" y="582"/>
                  </a:lnTo>
                  <a:lnTo>
                    <a:pt x="595" y="585"/>
                  </a:lnTo>
                  <a:lnTo>
                    <a:pt x="601" y="586"/>
                  </a:lnTo>
                  <a:lnTo>
                    <a:pt x="607" y="588"/>
                  </a:lnTo>
                  <a:lnTo>
                    <a:pt x="613" y="588"/>
                  </a:lnTo>
                  <a:lnTo>
                    <a:pt x="620" y="588"/>
                  </a:lnTo>
                  <a:lnTo>
                    <a:pt x="627" y="586"/>
                  </a:lnTo>
                  <a:lnTo>
                    <a:pt x="643" y="583"/>
                  </a:lnTo>
                  <a:lnTo>
                    <a:pt x="658" y="580"/>
                  </a:lnTo>
                  <a:lnTo>
                    <a:pt x="667" y="579"/>
                  </a:lnTo>
                  <a:lnTo>
                    <a:pt x="675" y="579"/>
                  </a:lnTo>
                  <a:lnTo>
                    <a:pt x="685" y="579"/>
                  </a:lnTo>
                  <a:lnTo>
                    <a:pt x="693" y="580"/>
                  </a:lnTo>
                  <a:lnTo>
                    <a:pt x="693" y="586"/>
                  </a:lnTo>
                  <a:lnTo>
                    <a:pt x="693" y="592"/>
                  </a:lnTo>
                  <a:lnTo>
                    <a:pt x="695" y="597"/>
                  </a:lnTo>
                  <a:lnTo>
                    <a:pt x="697" y="601"/>
                  </a:lnTo>
                  <a:lnTo>
                    <a:pt x="704" y="611"/>
                  </a:lnTo>
                  <a:lnTo>
                    <a:pt x="711" y="619"/>
                  </a:lnTo>
                  <a:lnTo>
                    <a:pt x="716" y="625"/>
                  </a:lnTo>
                  <a:lnTo>
                    <a:pt x="720" y="629"/>
                  </a:lnTo>
                  <a:lnTo>
                    <a:pt x="720" y="630"/>
                  </a:lnTo>
                  <a:lnTo>
                    <a:pt x="719" y="630"/>
                  </a:lnTo>
                  <a:lnTo>
                    <a:pt x="716" y="629"/>
                  </a:lnTo>
                  <a:lnTo>
                    <a:pt x="712" y="628"/>
                  </a:lnTo>
                  <a:lnTo>
                    <a:pt x="719" y="631"/>
                  </a:lnTo>
                  <a:lnTo>
                    <a:pt x="727" y="635"/>
                  </a:lnTo>
                  <a:lnTo>
                    <a:pt x="734" y="639"/>
                  </a:lnTo>
                  <a:lnTo>
                    <a:pt x="742" y="644"/>
                  </a:lnTo>
                  <a:lnTo>
                    <a:pt x="754" y="655"/>
                  </a:lnTo>
                  <a:lnTo>
                    <a:pt x="766" y="669"/>
                  </a:lnTo>
                  <a:lnTo>
                    <a:pt x="777" y="682"/>
                  </a:lnTo>
                  <a:lnTo>
                    <a:pt x="788" y="697"/>
                  </a:lnTo>
                  <a:lnTo>
                    <a:pt x="798" y="714"/>
                  </a:lnTo>
                  <a:lnTo>
                    <a:pt x="808" y="731"/>
                  </a:lnTo>
                  <a:lnTo>
                    <a:pt x="828" y="764"/>
                  </a:lnTo>
                  <a:lnTo>
                    <a:pt x="849" y="797"/>
                  </a:lnTo>
                  <a:lnTo>
                    <a:pt x="861" y="813"/>
                  </a:lnTo>
                  <a:lnTo>
                    <a:pt x="873" y="828"/>
                  </a:lnTo>
                  <a:lnTo>
                    <a:pt x="886" y="840"/>
                  </a:lnTo>
                  <a:lnTo>
                    <a:pt x="899" y="852"/>
                  </a:lnTo>
                  <a:lnTo>
                    <a:pt x="879" y="851"/>
                  </a:lnTo>
                  <a:lnTo>
                    <a:pt x="861" y="851"/>
                  </a:lnTo>
                  <a:lnTo>
                    <a:pt x="843" y="852"/>
                  </a:lnTo>
                  <a:lnTo>
                    <a:pt x="825" y="854"/>
                  </a:lnTo>
                  <a:lnTo>
                    <a:pt x="807" y="855"/>
                  </a:lnTo>
                  <a:lnTo>
                    <a:pt x="788" y="855"/>
                  </a:lnTo>
                  <a:lnTo>
                    <a:pt x="769" y="855"/>
                  </a:lnTo>
                  <a:lnTo>
                    <a:pt x="750" y="852"/>
                  </a:lnTo>
                  <a:lnTo>
                    <a:pt x="737" y="849"/>
                  </a:lnTo>
                  <a:lnTo>
                    <a:pt x="725" y="844"/>
                  </a:lnTo>
                  <a:lnTo>
                    <a:pt x="712" y="839"/>
                  </a:lnTo>
                  <a:lnTo>
                    <a:pt x="700" y="834"/>
                  </a:lnTo>
                  <a:lnTo>
                    <a:pt x="677" y="820"/>
                  </a:lnTo>
                  <a:lnTo>
                    <a:pt x="655" y="808"/>
                  </a:lnTo>
                  <a:lnTo>
                    <a:pt x="644" y="801"/>
                  </a:lnTo>
                  <a:lnTo>
                    <a:pt x="632" y="796"/>
                  </a:lnTo>
                  <a:lnTo>
                    <a:pt x="621" y="792"/>
                  </a:lnTo>
                  <a:lnTo>
                    <a:pt x="610" y="790"/>
                  </a:lnTo>
                  <a:lnTo>
                    <a:pt x="598" y="789"/>
                  </a:lnTo>
                  <a:lnTo>
                    <a:pt x="587" y="789"/>
                  </a:lnTo>
                  <a:lnTo>
                    <a:pt x="575" y="791"/>
                  </a:lnTo>
                  <a:lnTo>
                    <a:pt x="563" y="796"/>
                  </a:lnTo>
                  <a:lnTo>
                    <a:pt x="551" y="794"/>
                  </a:lnTo>
                  <a:lnTo>
                    <a:pt x="540" y="790"/>
                  </a:lnTo>
                  <a:lnTo>
                    <a:pt x="530" y="787"/>
                  </a:lnTo>
                  <a:lnTo>
                    <a:pt x="520" y="782"/>
                  </a:lnTo>
                  <a:lnTo>
                    <a:pt x="503" y="772"/>
                  </a:lnTo>
                  <a:lnTo>
                    <a:pt x="485" y="761"/>
                  </a:lnTo>
                  <a:lnTo>
                    <a:pt x="467" y="751"/>
                  </a:lnTo>
                  <a:lnTo>
                    <a:pt x="448" y="742"/>
                  </a:lnTo>
                  <a:lnTo>
                    <a:pt x="438" y="738"/>
                  </a:lnTo>
                  <a:lnTo>
                    <a:pt x="427" y="735"/>
                  </a:lnTo>
                  <a:lnTo>
                    <a:pt x="415" y="732"/>
                  </a:lnTo>
                  <a:lnTo>
                    <a:pt x="404" y="731"/>
                  </a:lnTo>
                  <a:lnTo>
                    <a:pt x="385" y="759"/>
                  </a:lnTo>
                  <a:lnTo>
                    <a:pt x="366" y="787"/>
                  </a:lnTo>
                  <a:lnTo>
                    <a:pt x="345" y="813"/>
                  </a:lnTo>
                  <a:lnTo>
                    <a:pt x="323" y="838"/>
                  </a:lnTo>
                  <a:lnTo>
                    <a:pt x="302" y="863"/>
                  </a:lnTo>
                  <a:lnTo>
                    <a:pt x="280" y="888"/>
                  </a:lnTo>
                  <a:lnTo>
                    <a:pt x="257" y="912"/>
                  </a:lnTo>
                  <a:lnTo>
                    <a:pt x="235" y="936"/>
                  </a:lnTo>
                  <a:lnTo>
                    <a:pt x="221" y="927"/>
                  </a:lnTo>
                  <a:lnTo>
                    <a:pt x="207" y="918"/>
                  </a:lnTo>
                  <a:lnTo>
                    <a:pt x="199" y="923"/>
                  </a:lnTo>
                  <a:lnTo>
                    <a:pt x="193" y="930"/>
                  </a:lnTo>
                  <a:lnTo>
                    <a:pt x="187" y="936"/>
                  </a:lnTo>
                  <a:lnTo>
                    <a:pt x="180" y="943"/>
                  </a:lnTo>
                  <a:lnTo>
                    <a:pt x="176" y="952"/>
                  </a:lnTo>
                  <a:lnTo>
                    <a:pt x="172" y="960"/>
                  </a:lnTo>
                  <a:lnTo>
                    <a:pt x="170" y="971"/>
                  </a:lnTo>
                  <a:lnTo>
                    <a:pt x="169" y="983"/>
                  </a:lnTo>
                  <a:lnTo>
                    <a:pt x="144" y="992"/>
                  </a:lnTo>
                  <a:lnTo>
                    <a:pt x="124" y="1000"/>
                  </a:lnTo>
                  <a:lnTo>
                    <a:pt x="106" y="1008"/>
                  </a:lnTo>
                  <a:lnTo>
                    <a:pt x="88" y="1012"/>
                  </a:lnTo>
                  <a:lnTo>
                    <a:pt x="78" y="1013"/>
                  </a:lnTo>
                  <a:lnTo>
                    <a:pt x="70" y="1013"/>
                  </a:lnTo>
                  <a:lnTo>
                    <a:pt x="60" y="1013"/>
                  </a:lnTo>
                  <a:lnTo>
                    <a:pt x="50" y="1011"/>
                  </a:lnTo>
                  <a:lnTo>
                    <a:pt x="39" y="1009"/>
                  </a:lnTo>
                  <a:lnTo>
                    <a:pt x="28" y="1005"/>
                  </a:lnTo>
                  <a:lnTo>
                    <a:pt x="15" y="999"/>
                  </a:lnTo>
                  <a:lnTo>
                    <a:pt x="0" y="993"/>
                  </a:lnTo>
                  <a:lnTo>
                    <a:pt x="11" y="959"/>
                  </a:lnTo>
                  <a:lnTo>
                    <a:pt x="21" y="927"/>
                  </a:lnTo>
                  <a:lnTo>
                    <a:pt x="32" y="895"/>
                  </a:lnTo>
                  <a:lnTo>
                    <a:pt x="42" y="863"/>
                  </a:lnTo>
                  <a:lnTo>
                    <a:pt x="53" y="830"/>
                  </a:lnTo>
                  <a:lnTo>
                    <a:pt x="63" y="796"/>
                  </a:lnTo>
                  <a:lnTo>
                    <a:pt x="74" y="760"/>
                  </a:lnTo>
                  <a:lnTo>
                    <a:pt x="84" y="721"/>
                  </a:lnTo>
                  <a:lnTo>
                    <a:pt x="84" y="716"/>
                  </a:lnTo>
                  <a:lnTo>
                    <a:pt x="83" y="711"/>
                  </a:lnTo>
                  <a:lnTo>
                    <a:pt x="81" y="708"/>
                  </a:lnTo>
                  <a:lnTo>
                    <a:pt x="78" y="704"/>
                  </a:lnTo>
                  <a:lnTo>
                    <a:pt x="72" y="699"/>
                  </a:lnTo>
                  <a:lnTo>
                    <a:pt x="66" y="694"/>
                  </a:lnTo>
                  <a:lnTo>
                    <a:pt x="58" y="690"/>
                  </a:lnTo>
                  <a:lnTo>
                    <a:pt x="52" y="683"/>
                  </a:lnTo>
                  <a:lnTo>
                    <a:pt x="50" y="680"/>
                  </a:lnTo>
                  <a:lnTo>
                    <a:pt x="49" y="676"/>
                  </a:lnTo>
                  <a:lnTo>
                    <a:pt x="48" y="671"/>
                  </a:lnTo>
                  <a:lnTo>
                    <a:pt x="48" y="664"/>
                  </a:lnTo>
                  <a:lnTo>
                    <a:pt x="61" y="670"/>
                  </a:lnTo>
                  <a:lnTo>
                    <a:pt x="75" y="673"/>
                  </a:lnTo>
                  <a:lnTo>
                    <a:pt x="89" y="676"/>
                  </a:lnTo>
                  <a:lnTo>
                    <a:pt x="101" y="678"/>
                  </a:lnTo>
                  <a:lnTo>
                    <a:pt x="115" y="679"/>
                  </a:lnTo>
                  <a:lnTo>
                    <a:pt x="128" y="680"/>
                  </a:lnTo>
                  <a:lnTo>
                    <a:pt x="140" y="680"/>
                  </a:lnTo>
                  <a:lnTo>
                    <a:pt x="152" y="679"/>
                  </a:lnTo>
                  <a:lnTo>
                    <a:pt x="164" y="678"/>
                  </a:lnTo>
                  <a:lnTo>
                    <a:pt x="176" y="676"/>
                  </a:lnTo>
                  <a:lnTo>
                    <a:pt x="187" y="673"/>
                  </a:lnTo>
                  <a:lnTo>
                    <a:pt x="197" y="670"/>
                  </a:lnTo>
                  <a:lnTo>
                    <a:pt x="208" y="665"/>
                  </a:lnTo>
                  <a:lnTo>
                    <a:pt x="217" y="661"/>
                  </a:lnTo>
                  <a:lnTo>
                    <a:pt x="227" y="655"/>
                  </a:lnTo>
                  <a:lnTo>
                    <a:pt x="235" y="650"/>
                  </a:lnTo>
                  <a:lnTo>
                    <a:pt x="247" y="648"/>
                  </a:lnTo>
                  <a:lnTo>
                    <a:pt x="259" y="648"/>
                  </a:lnTo>
                  <a:lnTo>
                    <a:pt x="263" y="648"/>
                  </a:lnTo>
                  <a:lnTo>
                    <a:pt x="266" y="648"/>
                  </a:lnTo>
                  <a:lnTo>
                    <a:pt x="266" y="646"/>
                  </a:lnTo>
                  <a:lnTo>
                    <a:pt x="262" y="646"/>
                  </a:lnTo>
                  <a:lnTo>
                    <a:pt x="259" y="645"/>
                  </a:lnTo>
                  <a:lnTo>
                    <a:pt x="256" y="643"/>
                  </a:lnTo>
                  <a:lnTo>
                    <a:pt x="255" y="640"/>
                  </a:lnTo>
                  <a:lnTo>
                    <a:pt x="253" y="637"/>
                  </a:lnTo>
                  <a:lnTo>
                    <a:pt x="252" y="629"/>
                  </a:lnTo>
                  <a:lnTo>
                    <a:pt x="252" y="619"/>
                  </a:lnTo>
                  <a:lnTo>
                    <a:pt x="253" y="609"/>
                  </a:lnTo>
                  <a:lnTo>
                    <a:pt x="254" y="598"/>
                  </a:lnTo>
                  <a:lnTo>
                    <a:pt x="255" y="589"/>
                  </a:lnTo>
                  <a:lnTo>
                    <a:pt x="253" y="580"/>
                  </a:lnTo>
                  <a:lnTo>
                    <a:pt x="263" y="585"/>
                  </a:lnTo>
                  <a:lnTo>
                    <a:pt x="272" y="589"/>
                  </a:lnTo>
                  <a:lnTo>
                    <a:pt x="279" y="590"/>
                  </a:lnTo>
                  <a:lnTo>
                    <a:pt x="287" y="590"/>
                  </a:lnTo>
                  <a:lnTo>
                    <a:pt x="292" y="588"/>
                  </a:lnTo>
                  <a:lnTo>
                    <a:pt x="298" y="584"/>
                  </a:lnTo>
                  <a:lnTo>
                    <a:pt x="302" y="579"/>
                  </a:lnTo>
                  <a:lnTo>
                    <a:pt x="307" y="574"/>
                  </a:lnTo>
                  <a:lnTo>
                    <a:pt x="321" y="549"/>
                  </a:lnTo>
                  <a:lnTo>
                    <a:pt x="337" y="524"/>
                  </a:lnTo>
                  <a:lnTo>
                    <a:pt x="310" y="492"/>
                  </a:lnTo>
                  <a:lnTo>
                    <a:pt x="281" y="459"/>
                  </a:lnTo>
                  <a:lnTo>
                    <a:pt x="267" y="443"/>
                  </a:lnTo>
                  <a:lnTo>
                    <a:pt x="251" y="429"/>
                  </a:lnTo>
                  <a:lnTo>
                    <a:pt x="234" y="415"/>
                  </a:lnTo>
                  <a:lnTo>
                    <a:pt x="216" y="402"/>
                  </a:lnTo>
                  <a:lnTo>
                    <a:pt x="218" y="360"/>
                  </a:lnTo>
                  <a:lnTo>
                    <a:pt x="219" y="326"/>
                  </a:lnTo>
                  <a:lnTo>
                    <a:pt x="221" y="312"/>
                  </a:lnTo>
                  <a:lnTo>
                    <a:pt x="223" y="297"/>
                  </a:lnTo>
                  <a:lnTo>
                    <a:pt x="228" y="280"/>
                  </a:lnTo>
                  <a:lnTo>
                    <a:pt x="235" y="262"/>
                  </a:lnTo>
                  <a:lnTo>
                    <a:pt x="231" y="255"/>
                  </a:lnTo>
                  <a:lnTo>
                    <a:pt x="226" y="247"/>
                  </a:lnTo>
                  <a:lnTo>
                    <a:pt x="220" y="242"/>
                  </a:lnTo>
                  <a:lnTo>
                    <a:pt x="213" y="237"/>
                  </a:lnTo>
                  <a:lnTo>
                    <a:pt x="206" y="233"/>
                  </a:lnTo>
                  <a:lnTo>
                    <a:pt x="197" y="230"/>
                  </a:lnTo>
                  <a:lnTo>
                    <a:pt x="189" y="226"/>
                  </a:lnTo>
                  <a:lnTo>
                    <a:pt x="178" y="224"/>
                  </a:lnTo>
                  <a:lnTo>
                    <a:pt x="181" y="213"/>
                  </a:lnTo>
                  <a:lnTo>
                    <a:pt x="186" y="201"/>
                  </a:lnTo>
                  <a:lnTo>
                    <a:pt x="190" y="191"/>
                  </a:lnTo>
                  <a:lnTo>
                    <a:pt x="195" y="181"/>
                  </a:lnTo>
                  <a:lnTo>
                    <a:pt x="207" y="161"/>
                  </a:lnTo>
                  <a:lnTo>
                    <a:pt x="216" y="140"/>
                  </a:lnTo>
                  <a:lnTo>
                    <a:pt x="222" y="144"/>
                  </a:lnTo>
                  <a:lnTo>
                    <a:pt x="229" y="147"/>
                  </a:lnTo>
                  <a:lnTo>
                    <a:pt x="234" y="149"/>
                  </a:lnTo>
                  <a:lnTo>
                    <a:pt x="240" y="149"/>
                  </a:lnTo>
                  <a:lnTo>
                    <a:pt x="247" y="149"/>
                  </a:lnTo>
                  <a:lnTo>
                    <a:pt x="253" y="148"/>
                  </a:lnTo>
                  <a:lnTo>
                    <a:pt x="259" y="146"/>
                  </a:lnTo>
                  <a:lnTo>
                    <a:pt x="266" y="144"/>
                  </a:lnTo>
                  <a:lnTo>
                    <a:pt x="289" y="133"/>
                  </a:lnTo>
                  <a:lnTo>
                    <a:pt x="310" y="122"/>
                  </a:lnTo>
                  <a:lnTo>
                    <a:pt x="305" y="106"/>
                  </a:lnTo>
                  <a:lnTo>
                    <a:pt x="297" y="92"/>
                  </a:lnTo>
                  <a:lnTo>
                    <a:pt x="289" y="79"/>
                  </a:lnTo>
                  <a:lnTo>
                    <a:pt x="279" y="67"/>
                  </a:lnTo>
                  <a:lnTo>
                    <a:pt x="270" y="57"/>
                  </a:lnTo>
                  <a:lnTo>
                    <a:pt x="258" y="46"/>
                  </a:lnTo>
                  <a:lnTo>
                    <a:pt x="247" y="37"/>
                  </a:lnTo>
                  <a:lnTo>
                    <a:pt x="235" y="28"/>
                  </a:lnTo>
                  <a:lnTo>
                    <a:pt x="239" y="23"/>
                  </a:lnTo>
                  <a:lnTo>
                    <a:pt x="245" y="20"/>
                  </a:lnTo>
                  <a:lnTo>
                    <a:pt x="251" y="19"/>
                  </a:lnTo>
                  <a:lnTo>
                    <a:pt x="259" y="18"/>
                  </a:lnTo>
                  <a:lnTo>
                    <a:pt x="277" y="18"/>
                  </a:lnTo>
                  <a:lnTo>
                    <a:pt x="296" y="19"/>
                  </a:lnTo>
                  <a:lnTo>
                    <a:pt x="306" y="20"/>
                  </a:lnTo>
                  <a:lnTo>
                    <a:pt x="314" y="20"/>
                  </a:lnTo>
                  <a:lnTo>
                    <a:pt x="322" y="19"/>
                  </a:lnTo>
                  <a:lnTo>
                    <a:pt x="330" y="18"/>
                  </a:lnTo>
                  <a:lnTo>
                    <a:pt x="336" y="16"/>
                  </a:lnTo>
                  <a:lnTo>
                    <a:pt x="341" y="13"/>
                  </a:lnTo>
                  <a:lnTo>
                    <a:pt x="344" y="9"/>
                  </a:lnTo>
                  <a:lnTo>
                    <a:pt x="346" y="7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48" y="22"/>
                  </a:lnTo>
                  <a:lnTo>
                    <a:pt x="348" y="43"/>
                  </a:lnTo>
                  <a:lnTo>
                    <a:pt x="348" y="62"/>
                  </a:lnTo>
                  <a:lnTo>
                    <a:pt x="350" y="81"/>
                  </a:lnTo>
                  <a:lnTo>
                    <a:pt x="352" y="89"/>
                  </a:lnTo>
                  <a:lnTo>
                    <a:pt x="354" y="98"/>
                  </a:lnTo>
                  <a:lnTo>
                    <a:pt x="356" y="105"/>
                  </a:lnTo>
                  <a:lnTo>
                    <a:pt x="360" y="114"/>
                  </a:lnTo>
                  <a:lnTo>
                    <a:pt x="365" y="120"/>
                  </a:lnTo>
                  <a:lnTo>
                    <a:pt x="370" y="127"/>
                  </a:lnTo>
                  <a:lnTo>
                    <a:pt x="377" y="134"/>
                  </a:lnTo>
                  <a:lnTo>
                    <a:pt x="385" y="140"/>
                  </a:lnTo>
                  <a:lnTo>
                    <a:pt x="390" y="138"/>
                  </a:lnTo>
                  <a:lnTo>
                    <a:pt x="399" y="132"/>
                  </a:lnTo>
                  <a:lnTo>
                    <a:pt x="405" y="127"/>
                  </a:lnTo>
                  <a:lnTo>
                    <a:pt x="411" y="124"/>
                  </a:lnTo>
                  <a:lnTo>
                    <a:pt x="416" y="122"/>
                  </a:lnTo>
                  <a:lnTo>
                    <a:pt x="422" y="122"/>
                  </a:lnTo>
                  <a:lnTo>
                    <a:pt x="429" y="127"/>
                  </a:lnTo>
                  <a:lnTo>
                    <a:pt x="438" y="138"/>
                  </a:lnTo>
                  <a:lnTo>
                    <a:pt x="445" y="144"/>
                  </a:lnTo>
                  <a:lnTo>
                    <a:pt x="452" y="151"/>
                  </a:lnTo>
                  <a:lnTo>
                    <a:pt x="459" y="156"/>
                  </a:lnTo>
                  <a:lnTo>
                    <a:pt x="469" y="159"/>
                  </a:lnTo>
                  <a:lnTo>
                    <a:pt x="481" y="162"/>
                  </a:lnTo>
                  <a:lnTo>
                    <a:pt x="494" y="163"/>
                  </a:lnTo>
                  <a:lnTo>
                    <a:pt x="506" y="162"/>
                  </a:lnTo>
                  <a:lnTo>
                    <a:pt x="516" y="161"/>
                  </a:lnTo>
                  <a:lnTo>
                    <a:pt x="534" y="159"/>
                  </a:lnTo>
                  <a:lnTo>
                    <a:pt x="544" y="159"/>
                  </a:lnTo>
                  <a:lnTo>
                    <a:pt x="548" y="173"/>
                  </a:lnTo>
                  <a:lnTo>
                    <a:pt x="553" y="187"/>
                  </a:lnTo>
                  <a:lnTo>
                    <a:pt x="575" y="199"/>
                  </a:lnTo>
                  <a:lnTo>
                    <a:pt x="592" y="208"/>
                  </a:lnTo>
                  <a:lnTo>
                    <a:pt x="611" y="219"/>
                  </a:lnTo>
                  <a:lnTo>
                    <a:pt x="637" y="234"/>
                  </a:lnTo>
                  <a:lnTo>
                    <a:pt x="635" y="242"/>
                  </a:lnTo>
                  <a:lnTo>
                    <a:pt x="633" y="250"/>
                  </a:lnTo>
                  <a:lnTo>
                    <a:pt x="633" y="256"/>
                  </a:lnTo>
                  <a:lnTo>
                    <a:pt x="632" y="263"/>
                  </a:lnTo>
                  <a:lnTo>
                    <a:pt x="633" y="268"/>
                  </a:lnTo>
                  <a:lnTo>
                    <a:pt x="634" y="275"/>
                  </a:lnTo>
                  <a:lnTo>
                    <a:pt x="636" y="280"/>
                  </a:lnTo>
                  <a:lnTo>
                    <a:pt x="638" y="285"/>
                  </a:lnTo>
                  <a:lnTo>
                    <a:pt x="646" y="295"/>
                  </a:lnTo>
                  <a:lnTo>
                    <a:pt x="654" y="303"/>
                  </a:lnTo>
                  <a:lnTo>
                    <a:pt x="664" y="311"/>
                  </a:lnTo>
                  <a:lnTo>
                    <a:pt x="675" y="318"/>
                  </a:lnTo>
                  <a:lnTo>
                    <a:pt x="664" y="326"/>
                  </a:lnTo>
                  <a:lnTo>
                    <a:pt x="652" y="333"/>
                  </a:lnTo>
                  <a:lnTo>
                    <a:pt x="649" y="335"/>
                  </a:lnTo>
                  <a:lnTo>
                    <a:pt x="648" y="337"/>
                  </a:lnTo>
                  <a:lnTo>
                    <a:pt x="647" y="339"/>
                  </a:lnTo>
                  <a:lnTo>
                    <a:pt x="647" y="341"/>
                  </a:lnTo>
                  <a:lnTo>
                    <a:pt x="647" y="344"/>
                  </a:lnTo>
                  <a:lnTo>
                    <a:pt x="649" y="347"/>
                  </a:lnTo>
                  <a:lnTo>
                    <a:pt x="652" y="352"/>
                  </a:lnTo>
                  <a:lnTo>
                    <a:pt x="656" y="356"/>
                  </a:lnTo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127" name="Line 165"/>
            <p:cNvSpPr>
              <a:spLocks noChangeShapeType="1"/>
            </p:cNvSpPr>
            <p:nvPr/>
          </p:nvSpPr>
          <p:spPr bwMode="auto">
            <a:xfrm>
              <a:off x="1543052" y="4352931"/>
              <a:ext cx="1588" cy="1588"/>
            </a:xfrm>
            <a:prstGeom prst="line">
              <a:avLst/>
            </a:prstGeom>
            <a:grpFill/>
            <a:ln w="6350">
              <a:noFill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128" name="Silkeborg"/>
            <p:cNvSpPr>
              <a:spLocks/>
            </p:cNvSpPr>
            <p:nvPr/>
          </p:nvSpPr>
          <p:spPr bwMode="auto">
            <a:xfrm>
              <a:off x="1401764" y="4049718"/>
              <a:ext cx="496888" cy="461963"/>
            </a:xfrm>
            <a:custGeom>
              <a:avLst/>
              <a:gdLst>
                <a:gd name="T0" fmla="*/ 93 w 940"/>
                <a:gd name="T1" fmla="*/ 185 h 872"/>
                <a:gd name="T2" fmla="*/ 98 w 940"/>
                <a:gd name="T3" fmla="*/ 179 h 872"/>
                <a:gd name="T4" fmla="*/ 85 w 940"/>
                <a:gd name="T5" fmla="*/ 163 h 872"/>
                <a:gd name="T6" fmla="*/ 76 w 940"/>
                <a:gd name="T7" fmla="*/ 143 h 872"/>
                <a:gd name="T8" fmla="*/ 47 w 940"/>
                <a:gd name="T9" fmla="*/ 121 h 872"/>
                <a:gd name="T10" fmla="*/ 26 w 940"/>
                <a:gd name="T11" fmla="*/ 119 h 872"/>
                <a:gd name="T12" fmla="*/ 0 w 940"/>
                <a:gd name="T13" fmla="*/ 91 h 872"/>
                <a:gd name="T14" fmla="*/ 10 w 940"/>
                <a:gd name="T15" fmla="*/ 78 h 872"/>
                <a:gd name="T16" fmla="*/ 16 w 940"/>
                <a:gd name="T17" fmla="*/ 68 h 872"/>
                <a:gd name="T18" fmla="*/ 35 w 940"/>
                <a:gd name="T19" fmla="*/ 48 h 872"/>
                <a:gd name="T20" fmla="*/ 37 w 940"/>
                <a:gd name="T21" fmla="*/ 46 h 872"/>
                <a:gd name="T22" fmla="*/ 44 w 940"/>
                <a:gd name="T23" fmla="*/ 26 h 872"/>
                <a:gd name="T24" fmla="*/ 66 w 940"/>
                <a:gd name="T25" fmla="*/ 19 h 872"/>
                <a:gd name="T26" fmla="*/ 75 w 940"/>
                <a:gd name="T27" fmla="*/ 13 h 872"/>
                <a:gd name="T28" fmla="*/ 77 w 940"/>
                <a:gd name="T29" fmla="*/ 11 h 872"/>
                <a:gd name="T30" fmla="*/ 85 w 940"/>
                <a:gd name="T31" fmla="*/ 11 h 872"/>
                <a:gd name="T32" fmla="*/ 92 w 940"/>
                <a:gd name="T33" fmla="*/ 11 h 872"/>
                <a:gd name="T34" fmla="*/ 101 w 940"/>
                <a:gd name="T35" fmla="*/ 1 h 872"/>
                <a:gd name="T36" fmla="*/ 113 w 940"/>
                <a:gd name="T37" fmla="*/ 1 h 872"/>
                <a:gd name="T38" fmla="*/ 128 w 940"/>
                <a:gd name="T39" fmla="*/ 9 h 872"/>
                <a:gd name="T40" fmla="*/ 128 w 940"/>
                <a:gd name="T41" fmla="*/ 14 h 872"/>
                <a:gd name="T42" fmla="*/ 119 w 940"/>
                <a:gd name="T43" fmla="*/ 14 h 872"/>
                <a:gd name="T44" fmla="*/ 120 w 940"/>
                <a:gd name="T45" fmla="*/ 25 h 872"/>
                <a:gd name="T46" fmla="*/ 157 w 940"/>
                <a:gd name="T47" fmla="*/ 42 h 872"/>
                <a:gd name="T48" fmla="*/ 213 w 940"/>
                <a:gd name="T49" fmla="*/ 44 h 872"/>
                <a:gd name="T50" fmla="*/ 260 w 940"/>
                <a:gd name="T51" fmla="*/ 62 h 872"/>
                <a:gd name="T52" fmla="*/ 265 w 940"/>
                <a:gd name="T53" fmla="*/ 74 h 872"/>
                <a:gd name="T54" fmla="*/ 264 w 940"/>
                <a:gd name="T55" fmla="*/ 81 h 872"/>
                <a:gd name="T56" fmla="*/ 275 w 940"/>
                <a:gd name="T57" fmla="*/ 87 h 872"/>
                <a:gd name="T58" fmla="*/ 271 w 940"/>
                <a:gd name="T59" fmla="*/ 96 h 872"/>
                <a:gd name="T60" fmla="*/ 270 w 940"/>
                <a:gd name="T61" fmla="*/ 101 h 872"/>
                <a:gd name="T62" fmla="*/ 273 w 940"/>
                <a:gd name="T63" fmla="*/ 110 h 872"/>
                <a:gd name="T64" fmla="*/ 266 w 940"/>
                <a:gd name="T65" fmla="*/ 121 h 872"/>
                <a:gd name="T66" fmla="*/ 270 w 940"/>
                <a:gd name="T67" fmla="*/ 132 h 872"/>
                <a:gd name="T68" fmla="*/ 283 w 940"/>
                <a:gd name="T69" fmla="*/ 136 h 872"/>
                <a:gd name="T70" fmla="*/ 312 w 940"/>
                <a:gd name="T71" fmla="*/ 140 h 872"/>
                <a:gd name="T72" fmla="*/ 297 w 940"/>
                <a:gd name="T73" fmla="*/ 150 h 872"/>
                <a:gd name="T74" fmla="*/ 257 w 940"/>
                <a:gd name="T75" fmla="*/ 160 h 872"/>
                <a:gd name="T76" fmla="*/ 255 w 940"/>
                <a:gd name="T77" fmla="*/ 176 h 872"/>
                <a:gd name="T78" fmla="*/ 246 w 940"/>
                <a:gd name="T79" fmla="*/ 190 h 872"/>
                <a:gd name="T80" fmla="*/ 227 w 940"/>
                <a:gd name="T81" fmla="*/ 193 h 872"/>
                <a:gd name="T82" fmla="*/ 216 w 940"/>
                <a:gd name="T83" fmla="*/ 188 h 872"/>
                <a:gd name="T84" fmla="*/ 207 w 940"/>
                <a:gd name="T85" fmla="*/ 187 h 872"/>
                <a:gd name="T86" fmla="*/ 201 w 940"/>
                <a:gd name="T87" fmla="*/ 204 h 872"/>
                <a:gd name="T88" fmla="*/ 207 w 940"/>
                <a:gd name="T89" fmla="*/ 232 h 872"/>
                <a:gd name="T90" fmla="*/ 185 w 940"/>
                <a:gd name="T91" fmla="*/ 230 h 872"/>
                <a:gd name="T92" fmla="*/ 175 w 940"/>
                <a:gd name="T93" fmla="*/ 238 h 872"/>
                <a:gd name="T94" fmla="*/ 184 w 940"/>
                <a:gd name="T95" fmla="*/ 251 h 872"/>
                <a:gd name="T96" fmla="*/ 196 w 940"/>
                <a:gd name="T97" fmla="*/ 266 h 872"/>
                <a:gd name="T98" fmla="*/ 187 w 940"/>
                <a:gd name="T99" fmla="*/ 279 h 872"/>
                <a:gd name="T100" fmla="*/ 169 w 940"/>
                <a:gd name="T101" fmla="*/ 282 h 872"/>
                <a:gd name="T102" fmla="*/ 128 w 940"/>
                <a:gd name="T103" fmla="*/ 287 h 872"/>
                <a:gd name="T104" fmla="*/ 111 w 940"/>
                <a:gd name="T105" fmla="*/ 278 h 872"/>
                <a:gd name="T106" fmla="*/ 85 w 940"/>
                <a:gd name="T107" fmla="*/ 263 h 872"/>
                <a:gd name="T108" fmla="*/ 70 w 940"/>
                <a:gd name="T109" fmla="*/ 255 h 872"/>
                <a:gd name="T110" fmla="*/ 64 w 940"/>
                <a:gd name="T111" fmla="*/ 240 h 872"/>
                <a:gd name="T112" fmla="*/ 50 w 940"/>
                <a:gd name="T113" fmla="*/ 224 h 872"/>
                <a:gd name="T114" fmla="*/ 48 w 940"/>
                <a:gd name="T115" fmla="*/ 210 h 872"/>
                <a:gd name="T116" fmla="*/ 81 w 940"/>
                <a:gd name="T117" fmla="*/ 217 h 872"/>
                <a:gd name="T118" fmla="*/ 101 w 940"/>
                <a:gd name="T119" fmla="*/ 213 h 872"/>
                <a:gd name="T120" fmla="*/ 96 w 940"/>
                <a:gd name="T121" fmla="*/ 204 h 872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940" h="872">
                  <a:moveTo>
                    <a:pt x="275" y="572"/>
                  </a:moveTo>
                  <a:lnTo>
                    <a:pt x="274" y="568"/>
                  </a:lnTo>
                  <a:lnTo>
                    <a:pt x="274" y="563"/>
                  </a:lnTo>
                  <a:lnTo>
                    <a:pt x="275" y="560"/>
                  </a:lnTo>
                  <a:lnTo>
                    <a:pt x="275" y="558"/>
                  </a:lnTo>
                  <a:lnTo>
                    <a:pt x="278" y="554"/>
                  </a:lnTo>
                  <a:lnTo>
                    <a:pt x="282" y="551"/>
                  </a:lnTo>
                  <a:lnTo>
                    <a:pt x="286" y="548"/>
                  </a:lnTo>
                  <a:lnTo>
                    <a:pt x="289" y="544"/>
                  </a:lnTo>
                  <a:lnTo>
                    <a:pt x="292" y="542"/>
                  </a:lnTo>
                  <a:lnTo>
                    <a:pt x="293" y="540"/>
                  </a:lnTo>
                  <a:lnTo>
                    <a:pt x="294" y="537"/>
                  </a:lnTo>
                  <a:lnTo>
                    <a:pt x="294" y="534"/>
                  </a:lnTo>
                  <a:lnTo>
                    <a:pt x="278" y="519"/>
                  </a:lnTo>
                  <a:lnTo>
                    <a:pt x="263" y="504"/>
                  </a:lnTo>
                  <a:lnTo>
                    <a:pt x="260" y="499"/>
                  </a:lnTo>
                  <a:lnTo>
                    <a:pt x="258" y="495"/>
                  </a:lnTo>
                  <a:lnTo>
                    <a:pt x="256" y="489"/>
                  </a:lnTo>
                  <a:lnTo>
                    <a:pt x="254" y="482"/>
                  </a:lnTo>
                  <a:lnTo>
                    <a:pt x="254" y="476"/>
                  </a:lnTo>
                  <a:lnTo>
                    <a:pt x="254" y="469"/>
                  </a:lnTo>
                  <a:lnTo>
                    <a:pt x="255" y="459"/>
                  </a:lnTo>
                  <a:lnTo>
                    <a:pt x="257" y="450"/>
                  </a:lnTo>
                  <a:lnTo>
                    <a:pt x="228" y="429"/>
                  </a:lnTo>
                  <a:lnTo>
                    <a:pt x="201" y="408"/>
                  </a:lnTo>
                  <a:lnTo>
                    <a:pt x="187" y="396"/>
                  </a:lnTo>
                  <a:lnTo>
                    <a:pt x="176" y="383"/>
                  </a:lnTo>
                  <a:lnTo>
                    <a:pt x="164" y="371"/>
                  </a:lnTo>
                  <a:lnTo>
                    <a:pt x="154" y="356"/>
                  </a:lnTo>
                  <a:lnTo>
                    <a:pt x="141" y="362"/>
                  </a:lnTo>
                  <a:lnTo>
                    <a:pt x="129" y="365"/>
                  </a:lnTo>
                  <a:lnTo>
                    <a:pt x="119" y="367"/>
                  </a:lnTo>
                  <a:lnTo>
                    <a:pt x="108" y="367"/>
                  </a:lnTo>
                  <a:lnTo>
                    <a:pt x="98" y="365"/>
                  </a:lnTo>
                  <a:lnTo>
                    <a:pt x="88" y="362"/>
                  </a:lnTo>
                  <a:lnTo>
                    <a:pt x="78" y="358"/>
                  </a:lnTo>
                  <a:lnTo>
                    <a:pt x="69" y="354"/>
                  </a:lnTo>
                  <a:lnTo>
                    <a:pt x="35" y="331"/>
                  </a:lnTo>
                  <a:lnTo>
                    <a:pt x="3" y="310"/>
                  </a:lnTo>
                  <a:lnTo>
                    <a:pt x="1" y="295"/>
                  </a:lnTo>
                  <a:lnTo>
                    <a:pt x="0" y="282"/>
                  </a:lnTo>
                  <a:lnTo>
                    <a:pt x="0" y="272"/>
                  </a:lnTo>
                  <a:lnTo>
                    <a:pt x="3" y="263"/>
                  </a:lnTo>
                  <a:lnTo>
                    <a:pt x="6" y="256"/>
                  </a:lnTo>
                  <a:lnTo>
                    <a:pt x="10" y="250"/>
                  </a:lnTo>
                  <a:lnTo>
                    <a:pt x="16" y="244"/>
                  </a:lnTo>
                  <a:lnTo>
                    <a:pt x="21" y="240"/>
                  </a:lnTo>
                  <a:lnTo>
                    <a:pt x="30" y="233"/>
                  </a:lnTo>
                  <a:lnTo>
                    <a:pt x="39" y="225"/>
                  </a:lnTo>
                  <a:lnTo>
                    <a:pt x="42" y="222"/>
                  </a:lnTo>
                  <a:lnTo>
                    <a:pt x="43" y="217"/>
                  </a:lnTo>
                  <a:lnTo>
                    <a:pt x="43" y="213"/>
                  </a:lnTo>
                  <a:lnTo>
                    <a:pt x="41" y="206"/>
                  </a:lnTo>
                  <a:lnTo>
                    <a:pt x="48" y="204"/>
                  </a:lnTo>
                  <a:lnTo>
                    <a:pt x="49" y="204"/>
                  </a:lnTo>
                  <a:lnTo>
                    <a:pt x="54" y="201"/>
                  </a:lnTo>
                  <a:lnTo>
                    <a:pt x="60" y="195"/>
                  </a:lnTo>
                  <a:lnTo>
                    <a:pt x="68" y="186"/>
                  </a:lnTo>
                  <a:lnTo>
                    <a:pt x="86" y="166"/>
                  </a:lnTo>
                  <a:lnTo>
                    <a:pt x="105" y="144"/>
                  </a:lnTo>
                  <a:lnTo>
                    <a:pt x="121" y="125"/>
                  </a:lnTo>
                  <a:lnTo>
                    <a:pt x="130" y="114"/>
                  </a:lnTo>
                  <a:lnTo>
                    <a:pt x="130" y="115"/>
                  </a:lnTo>
                  <a:lnTo>
                    <a:pt x="116" y="132"/>
                  </a:lnTo>
                  <a:lnTo>
                    <a:pt x="113" y="136"/>
                  </a:lnTo>
                  <a:lnTo>
                    <a:pt x="110" y="137"/>
                  </a:lnTo>
                  <a:lnTo>
                    <a:pt x="108" y="136"/>
                  </a:lnTo>
                  <a:lnTo>
                    <a:pt x="108" y="133"/>
                  </a:lnTo>
                  <a:lnTo>
                    <a:pt x="110" y="122"/>
                  </a:lnTo>
                  <a:lnTo>
                    <a:pt x="116" y="109"/>
                  </a:lnTo>
                  <a:lnTo>
                    <a:pt x="123" y="92"/>
                  </a:lnTo>
                  <a:lnTo>
                    <a:pt x="133" y="77"/>
                  </a:lnTo>
                  <a:lnTo>
                    <a:pt x="138" y="70"/>
                  </a:lnTo>
                  <a:lnTo>
                    <a:pt x="143" y="64"/>
                  </a:lnTo>
                  <a:lnTo>
                    <a:pt x="148" y="60"/>
                  </a:lnTo>
                  <a:lnTo>
                    <a:pt x="154" y="57"/>
                  </a:lnTo>
                  <a:lnTo>
                    <a:pt x="171" y="56"/>
                  </a:lnTo>
                  <a:lnTo>
                    <a:pt x="198" y="56"/>
                  </a:lnTo>
                  <a:lnTo>
                    <a:pt x="204" y="55"/>
                  </a:lnTo>
                  <a:lnTo>
                    <a:pt x="210" y="54"/>
                  </a:lnTo>
                  <a:lnTo>
                    <a:pt x="216" y="52"/>
                  </a:lnTo>
                  <a:lnTo>
                    <a:pt x="220" y="50"/>
                  </a:lnTo>
                  <a:lnTo>
                    <a:pt x="223" y="45"/>
                  </a:lnTo>
                  <a:lnTo>
                    <a:pt x="225" y="40"/>
                  </a:lnTo>
                  <a:lnTo>
                    <a:pt x="226" y="35"/>
                  </a:lnTo>
                  <a:lnTo>
                    <a:pt x="226" y="27"/>
                  </a:lnTo>
                  <a:lnTo>
                    <a:pt x="226" y="30"/>
                  </a:lnTo>
                  <a:lnTo>
                    <a:pt x="227" y="31"/>
                  </a:lnTo>
                  <a:lnTo>
                    <a:pt x="229" y="32"/>
                  </a:lnTo>
                  <a:lnTo>
                    <a:pt x="231" y="32"/>
                  </a:lnTo>
                  <a:lnTo>
                    <a:pt x="236" y="32"/>
                  </a:lnTo>
                  <a:lnTo>
                    <a:pt x="241" y="32"/>
                  </a:lnTo>
                  <a:lnTo>
                    <a:pt x="246" y="32"/>
                  </a:lnTo>
                  <a:lnTo>
                    <a:pt x="250" y="33"/>
                  </a:lnTo>
                  <a:lnTo>
                    <a:pt x="253" y="33"/>
                  </a:lnTo>
                  <a:lnTo>
                    <a:pt x="255" y="34"/>
                  </a:lnTo>
                  <a:lnTo>
                    <a:pt x="256" y="36"/>
                  </a:lnTo>
                  <a:lnTo>
                    <a:pt x="257" y="38"/>
                  </a:lnTo>
                  <a:lnTo>
                    <a:pt x="262" y="38"/>
                  </a:lnTo>
                  <a:lnTo>
                    <a:pt x="267" y="37"/>
                  </a:lnTo>
                  <a:lnTo>
                    <a:pt x="272" y="36"/>
                  </a:lnTo>
                  <a:lnTo>
                    <a:pt x="276" y="34"/>
                  </a:lnTo>
                  <a:lnTo>
                    <a:pt x="282" y="29"/>
                  </a:lnTo>
                  <a:lnTo>
                    <a:pt x="287" y="22"/>
                  </a:lnTo>
                  <a:lnTo>
                    <a:pt x="293" y="16"/>
                  </a:lnTo>
                  <a:lnTo>
                    <a:pt x="298" y="10"/>
                  </a:lnTo>
                  <a:lnTo>
                    <a:pt x="301" y="6"/>
                  </a:lnTo>
                  <a:lnTo>
                    <a:pt x="304" y="4"/>
                  </a:lnTo>
                  <a:lnTo>
                    <a:pt x="308" y="2"/>
                  </a:lnTo>
                  <a:lnTo>
                    <a:pt x="313" y="0"/>
                  </a:lnTo>
                  <a:lnTo>
                    <a:pt x="320" y="0"/>
                  </a:lnTo>
                  <a:lnTo>
                    <a:pt x="326" y="1"/>
                  </a:lnTo>
                  <a:lnTo>
                    <a:pt x="333" y="2"/>
                  </a:lnTo>
                  <a:lnTo>
                    <a:pt x="338" y="3"/>
                  </a:lnTo>
                  <a:lnTo>
                    <a:pt x="347" y="7"/>
                  </a:lnTo>
                  <a:lnTo>
                    <a:pt x="357" y="13"/>
                  </a:lnTo>
                  <a:lnTo>
                    <a:pt x="365" y="18"/>
                  </a:lnTo>
                  <a:lnTo>
                    <a:pt x="374" y="23"/>
                  </a:lnTo>
                  <a:lnTo>
                    <a:pt x="379" y="25"/>
                  </a:lnTo>
                  <a:lnTo>
                    <a:pt x="384" y="27"/>
                  </a:lnTo>
                  <a:lnTo>
                    <a:pt x="390" y="29"/>
                  </a:lnTo>
                  <a:lnTo>
                    <a:pt x="397" y="29"/>
                  </a:lnTo>
                  <a:lnTo>
                    <a:pt x="394" y="34"/>
                  </a:lnTo>
                  <a:lnTo>
                    <a:pt x="392" y="37"/>
                  </a:lnTo>
                  <a:lnTo>
                    <a:pt x="388" y="39"/>
                  </a:lnTo>
                  <a:lnTo>
                    <a:pt x="385" y="41"/>
                  </a:lnTo>
                  <a:lnTo>
                    <a:pt x="380" y="42"/>
                  </a:lnTo>
                  <a:lnTo>
                    <a:pt x="374" y="42"/>
                  </a:lnTo>
                  <a:lnTo>
                    <a:pt x="368" y="42"/>
                  </a:lnTo>
                  <a:lnTo>
                    <a:pt x="362" y="42"/>
                  </a:lnTo>
                  <a:lnTo>
                    <a:pt x="359" y="42"/>
                  </a:lnTo>
                  <a:lnTo>
                    <a:pt x="356" y="43"/>
                  </a:lnTo>
                  <a:lnTo>
                    <a:pt x="353" y="45"/>
                  </a:lnTo>
                  <a:lnTo>
                    <a:pt x="349" y="47"/>
                  </a:lnTo>
                  <a:lnTo>
                    <a:pt x="352" y="56"/>
                  </a:lnTo>
                  <a:lnTo>
                    <a:pt x="353" y="63"/>
                  </a:lnTo>
                  <a:lnTo>
                    <a:pt x="356" y="70"/>
                  </a:lnTo>
                  <a:lnTo>
                    <a:pt x="359" y="76"/>
                  </a:lnTo>
                  <a:lnTo>
                    <a:pt x="366" y="87"/>
                  </a:lnTo>
                  <a:lnTo>
                    <a:pt x="375" y="97"/>
                  </a:lnTo>
                  <a:lnTo>
                    <a:pt x="396" y="115"/>
                  </a:lnTo>
                  <a:lnTo>
                    <a:pt x="416" y="132"/>
                  </a:lnTo>
                  <a:lnTo>
                    <a:pt x="444" y="127"/>
                  </a:lnTo>
                  <a:lnTo>
                    <a:pt x="473" y="125"/>
                  </a:lnTo>
                  <a:lnTo>
                    <a:pt x="501" y="123"/>
                  </a:lnTo>
                  <a:lnTo>
                    <a:pt x="529" y="123"/>
                  </a:lnTo>
                  <a:lnTo>
                    <a:pt x="557" y="123"/>
                  </a:lnTo>
                  <a:lnTo>
                    <a:pt x="585" y="125"/>
                  </a:lnTo>
                  <a:lnTo>
                    <a:pt x="613" y="129"/>
                  </a:lnTo>
                  <a:lnTo>
                    <a:pt x="639" y="133"/>
                  </a:lnTo>
                  <a:lnTo>
                    <a:pt x="665" y="138"/>
                  </a:lnTo>
                  <a:lnTo>
                    <a:pt x="691" y="144"/>
                  </a:lnTo>
                  <a:lnTo>
                    <a:pt x="715" y="153"/>
                  </a:lnTo>
                  <a:lnTo>
                    <a:pt x="738" y="162"/>
                  </a:lnTo>
                  <a:lnTo>
                    <a:pt x="760" y="174"/>
                  </a:lnTo>
                  <a:lnTo>
                    <a:pt x="781" y="186"/>
                  </a:lnTo>
                  <a:lnTo>
                    <a:pt x="791" y="193"/>
                  </a:lnTo>
                  <a:lnTo>
                    <a:pt x="800" y="200"/>
                  </a:lnTo>
                  <a:lnTo>
                    <a:pt x="810" y="208"/>
                  </a:lnTo>
                  <a:lnTo>
                    <a:pt x="818" y="216"/>
                  </a:lnTo>
                  <a:lnTo>
                    <a:pt x="805" y="218"/>
                  </a:lnTo>
                  <a:lnTo>
                    <a:pt x="795" y="221"/>
                  </a:lnTo>
                  <a:lnTo>
                    <a:pt x="791" y="223"/>
                  </a:lnTo>
                  <a:lnTo>
                    <a:pt x="786" y="226"/>
                  </a:lnTo>
                  <a:lnTo>
                    <a:pt x="783" y="231"/>
                  </a:lnTo>
                  <a:lnTo>
                    <a:pt x="781" y="235"/>
                  </a:lnTo>
                  <a:lnTo>
                    <a:pt x="785" y="239"/>
                  </a:lnTo>
                  <a:lnTo>
                    <a:pt x="792" y="243"/>
                  </a:lnTo>
                  <a:lnTo>
                    <a:pt x="798" y="245"/>
                  </a:lnTo>
                  <a:lnTo>
                    <a:pt x="804" y="249"/>
                  </a:lnTo>
                  <a:lnTo>
                    <a:pt x="811" y="252"/>
                  </a:lnTo>
                  <a:lnTo>
                    <a:pt x="817" y="255"/>
                  </a:lnTo>
                  <a:lnTo>
                    <a:pt x="823" y="258"/>
                  </a:lnTo>
                  <a:lnTo>
                    <a:pt x="827" y="262"/>
                  </a:lnTo>
                  <a:lnTo>
                    <a:pt x="829" y="266"/>
                  </a:lnTo>
                  <a:lnTo>
                    <a:pt x="827" y="270"/>
                  </a:lnTo>
                  <a:lnTo>
                    <a:pt x="826" y="274"/>
                  </a:lnTo>
                  <a:lnTo>
                    <a:pt x="824" y="277"/>
                  </a:lnTo>
                  <a:lnTo>
                    <a:pt x="819" y="282"/>
                  </a:lnTo>
                  <a:lnTo>
                    <a:pt x="813" y="288"/>
                  </a:lnTo>
                  <a:lnTo>
                    <a:pt x="811" y="291"/>
                  </a:lnTo>
                  <a:lnTo>
                    <a:pt x="809" y="293"/>
                  </a:lnTo>
                  <a:lnTo>
                    <a:pt x="806" y="296"/>
                  </a:lnTo>
                  <a:lnTo>
                    <a:pt x="806" y="298"/>
                  </a:lnTo>
                  <a:lnTo>
                    <a:pt x="807" y="301"/>
                  </a:lnTo>
                  <a:lnTo>
                    <a:pt x="810" y="303"/>
                  </a:lnTo>
                  <a:lnTo>
                    <a:pt x="813" y="307"/>
                  </a:lnTo>
                  <a:lnTo>
                    <a:pt x="818" y="310"/>
                  </a:lnTo>
                  <a:lnTo>
                    <a:pt x="814" y="314"/>
                  </a:lnTo>
                  <a:lnTo>
                    <a:pt x="818" y="319"/>
                  </a:lnTo>
                  <a:lnTo>
                    <a:pt x="819" y="325"/>
                  </a:lnTo>
                  <a:lnTo>
                    <a:pt x="819" y="331"/>
                  </a:lnTo>
                  <a:lnTo>
                    <a:pt x="819" y="336"/>
                  </a:lnTo>
                  <a:lnTo>
                    <a:pt x="818" y="340"/>
                  </a:lnTo>
                  <a:lnTo>
                    <a:pt x="814" y="347"/>
                  </a:lnTo>
                  <a:lnTo>
                    <a:pt x="809" y="352"/>
                  </a:lnTo>
                  <a:lnTo>
                    <a:pt x="803" y="357"/>
                  </a:lnTo>
                  <a:lnTo>
                    <a:pt x="800" y="363"/>
                  </a:lnTo>
                  <a:lnTo>
                    <a:pt x="798" y="368"/>
                  </a:lnTo>
                  <a:lnTo>
                    <a:pt x="798" y="373"/>
                  </a:lnTo>
                  <a:lnTo>
                    <a:pt x="798" y="378"/>
                  </a:lnTo>
                  <a:lnTo>
                    <a:pt x="799" y="384"/>
                  </a:lnTo>
                  <a:lnTo>
                    <a:pt x="805" y="390"/>
                  </a:lnTo>
                  <a:lnTo>
                    <a:pt x="811" y="395"/>
                  </a:lnTo>
                  <a:lnTo>
                    <a:pt x="817" y="398"/>
                  </a:lnTo>
                  <a:lnTo>
                    <a:pt x="823" y="401"/>
                  </a:lnTo>
                  <a:lnTo>
                    <a:pt x="830" y="403"/>
                  </a:lnTo>
                  <a:lnTo>
                    <a:pt x="836" y="405"/>
                  </a:lnTo>
                  <a:lnTo>
                    <a:pt x="843" y="407"/>
                  </a:lnTo>
                  <a:lnTo>
                    <a:pt x="851" y="407"/>
                  </a:lnTo>
                  <a:lnTo>
                    <a:pt x="885" y="407"/>
                  </a:lnTo>
                  <a:lnTo>
                    <a:pt x="931" y="403"/>
                  </a:lnTo>
                  <a:lnTo>
                    <a:pt x="931" y="409"/>
                  </a:lnTo>
                  <a:lnTo>
                    <a:pt x="932" y="414"/>
                  </a:lnTo>
                  <a:lnTo>
                    <a:pt x="934" y="418"/>
                  </a:lnTo>
                  <a:lnTo>
                    <a:pt x="936" y="421"/>
                  </a:lnTo>
                  <a:lnTo>
                    <a:pt x="937" y="425"/>
                  </a:lnTo>
                  <a:lnTo>
                    <a:pt x="939" y="430"/>
                  </a:lnTo>
                  <a:lnTo>
                    <a:pt x="940" y="435"/>
                  </a:lnTo>
                  <a:lnTo>
                    <a:pt x="940" y="440"/>
                  </a:lnTo>
                  <a:lnTo>
                    <a:pt x="914" y="446"/>
                  </a:lnTo>
                  <a:lnTo>
                    <a:pt x="891" y="450"/>
                  </a:lnTo>
                  <a:lnTo>
                    <a:pt x="870" y="452"/>
                  </a:lnTo>
                  <a:lnTo>
                    <a:pt x="851" y="455"/>
                  </a:lnTo>
                  <a:lnTo>
                    <a:pt x="832" y="458"/>
                  </a:lnTo>
                  <a:lnTo>
                    <a:pt x="812" y="462"/>
                  </a:lnTo>
                  <a:lnTo>
                    <a:pt x="793" y="470"/>
                  </a:lnTo>
                  <a:lnTo>
                    <a:pt x="772" y="478"/>
                  </a:lnTo>
                  <a:lnTo>
                    <a:pt x="774" y="489"/>
                  </a:lnTo>
                  <a:lnTo>
                    <a:pt x="774" y="498"/>
                  </a:lnTo>
                  <a:lnTo>
                    <a:pt x="774" y="507"/>
                  </a:lnTo>
                  <a:lnTo>
                    <a:pt x="773" y="514"/>
                  </a:lnTo>
                  <a:lnTo>
                    <a:pt x="771" y="521"/>
                  </a:lnTo>
                  <a:lnTo>
                    <a:pt x="767" y="527"/>
                  </a:lnTo>
                  <a:lnTo>
                    <a:pt x="764" y="533"/>
                  </a:lnTo>
                  <a:lnTo>
                    <a:pt x="760" y="537"/>
                  </a:lnTo>
                  <a:lnTo>
                    <a:pt x="753" y="547"/>
                  </a:lnTo>
                  <a:lnTo>
                    <a:pt x="744" y="557"/>
                  </a:lnTo>
                  <a:lnTo>
                    <a:pt x="741" y="562"/>
                  </a:lnTo>
                  <a:lnTo>
                    <a:pt x="738" y="568"/>
                  </a:lnTo>
                  <a:lnTo>
                    <a:pt x="736" y="574"/>
                  </a:lnTo>
                  <a:lnTo>
                    <a:pt x="734" y="581"/>
                  </a:lnTo>
                  <a:lnTo>
                    <a:pt x="722" y="578"/>
                  </a:lnTo>
                  <a:lnTo>
                    <a:pt x="710" y="578"/>
                  </a:lnTo>
                  <a:lnTo>
                    <a:pt x="697" y="578"/>
                  </a:lnTo>
                  <a:lnTo>
                    <a:pt x="683" y="577"/>
                  </a:lnTo>
                  <a:lnTo>
                    <a:pt x="677" y="577"/>
                  </a:lnTo>
                  <a:lnTo>
                    <a:pt x="671" y="576"/>
                  </a:lnTo>
                  <a:lnTo>
                    <a:pt x="664" y="574"/>
                  </a:lnTo>
                  <a:lnTo>
                    <a:pt x="659" y="572"/>
                  </a:lnTo>
                  <a:lnTo>
                    <a:pt x="654" y="569"/>
                  </a:lnTo>
                  <a:lnTo>
                    <a:pt x="648" y="564"/>
                  </a:lnTo>
                  <a:lnTo>
                    <a:pt x="644" y="559"/>
                  </a:lnTo>
                  <a:lnTo>
                    <a:pt x="640" y="553"/>
                  </a:lnTo>
                  <a:lnTo>
                    <a:pt x="635" y="555"/>
                  </a:lnTo>
                  <a:lnTo>
                    <a:pt x="630" y="556"/>
                  </a:lnTo>
                  <a:lnTo>
                    <a:pt x="625" y="558"/>
                  </a:lnTo>
                  <a:lnTo>
                    <a:pt x="621" y="561"/>
                  </a:lnTo>
                  <a:lnTo>
                    <a:pt x="615" y="567"/>
                  </a:lnTo>
                  <a:lnTo>
                    <a:pt x="610" y="574"/>
                  </a:lnTo>
                  <a:lnTo>
                    <a:pt x="606" y="582"/>
                  </a:lnTo>
                  <a:lnTo>
                    <a:pt x="604" y="592"/>
                  </a:lnTo>
                  <a:lnTo>
                    <a:pt x="603" y="601"/>
                  </a:lnTo>
                  <a:lnTo>
                    <a:pt x="603" y="612"/>
                  </a:lnTo>
                  <a:lnTo>
                    <a:pt x="604" y="622"/>
                  </a:lnTo>
                  <a:lnTo>
                    <a:pt x="605" y="634"/>
                  </a:lnTo>
                  <a:lnTo>
                    <a:pt x="608" y="645"/>
                  </a:lnTo>
                  <a:lnTo>
                    <a:pt x="611" y="655"/>
                  </a:lnTo>
                  <a:lnTo>
                    <a:pt x="616" y="676"/>
                  </a:lnTo>
                  <a:lnTo>
                    <a:pt x="621" y="694"/>
                  </a:lnTo>
                  <a:lnTo>
                    <a:pt x="605" y="691"/>
                  </a:lnTo>
                  <a:lnTo>
                    <a:pt x="591" y="689"/>
                  </a:lnTo>
                  <a:lnTo>
                    <a:pt x="578" y="688"/>
                  </a:lnTo>
                  <a:lnTo>
                    <a:pt x="566" y="688"/>
                  </a:lnTo>
                  <a:lnTo>
                    <a:pt x="560" y="689"/>
                  </a:lnTo>
                  <a:lnTo>
                    <a:pt x="555" y="690"/>
                  </a:lnTo>
                  <a:lnTo>
                    <a:pt x="551" y="692"/>
                  </a:lnTo>
                  <a:lnTo>
                    <a:pt x="545" y="695"/>
                  </a:lnTo>
                  <a:lnTo>
                    <a:pt x="541" y="698"/>
                  </a:lnTo>
                  <a:lnTo>
                    <a:pt x="536" y="701"/>
                  </a:lnTo>
                  <a:lnTo>
                    <a:pt x="532" y="707"/>
                  </a:lnTo>
                  <a:lnTo>
                    <a:pt x="527" y="712"/>
                  </a:lnTo>
                  <a:lnTo>
                    <a:pt x="529" y="719"/>
                  </a:lnTo>
                  <a:lnTo>
                    <a:pt x="532" y="725"/>
                  </a:lnTo>
                  <a:lnTo>
                    <a:pt x="534" y="731"/>
                  </a:lnTo>
                  <a:lnTo>
                    <a:pt x="537" y="736"/>
                  </a:lnTo>
                  <a:lnTo>
                    <a:pt x="544" y="746"/>
                  </a:lnTo>
                  <a:lnTo>
                    <a:pt x="553" y="753"/>
                  </a:lnTo>
                  <a:lnTo>
                    <a:pt x="562" y="760"/>
                  </a:lnTo>
                  <a:lnTo>
                    <a:pt x="572" y="767"/>
                  </a:lnTo>
                  <a:lnTo>
                    <a:pt x="582" y="772"/>
                  </a:lnTo>
                  <a:lnTo>
                    <a:pt x="594" y="778"/>
                  </a:lnTo>
                  <a:lnTo>
                    <a:pt x="592" y="789"/>
                  </a:lnTo>
                  <a:lnTo>
                    <a:pt x="588" y="798"/>
                  </a:lnTo>
                  <a:lnTo>
                    <a:pt x="585" y="807"/>
                  </a:lnTo>
                  <a:lnTo>
                    <a:pt x="582" y="814"/>
                  </a:lnTo>
                  <a:lnTo>
                    <a:pt x="578" y="820"/>
                  </a:lnTo>
                  <a:lnTo>
                    <a:pt x="574" y="827"/>
                  </a:lnTo>
                  <a:lnTo>
                    <a:pt x="568" y="831"/>
                  </a:lnTo>
                  <a:lnTo>
                    <a:pt x="563" y="835"/>
                  </a:lnTo>
                  <a:lnTo>
                    <a:pt x="558" y="838"/>
                  </a:lnTo>
                  <a:lnTo>
                    <a:pt x="552" y="840"/>
                  </a:lnTo>
                  <a:lnTo>
                    <a:pt x="545" y="842"/>
                  </a:lnTo>
                  <a:lnTo>
                    <a:pt x="538" y="844"/>
                  </a:lnTo>
                  <a:lnTo>
                    <a:pt x="523" y="846"/>
                  </a:lnTo>
                  <a:lnTo>
                    <a:pt x="507" y="846"/>
                  </a:lnTo>
                  <a:lnTo>
                    <a:pt x="475" y="846"/>
                  </a:lnTo>
                  <a:lnTo>
                    <a:pt x="439" y="847"/>
                  </a:lnTo>
                  <a:lnTo>
                    <a:pt x="421" y="849"/>
                  </a:lnTo>
                  <a:lnTo>
                    <a:pt x="403" y="854"/>
                  </a:lnTo>
                  <a:lnTo>
                    <a:pt x="395" y="857"/>
                  </a:lnTo>
                  <a:lnTo>
                    <a:pt x="385" y="861"/>
                  </a:lnTo>
                  <a:lnTo>
                    <a:pt x="377" y="866"/>
                  </a:lnTo>
                  <a:lnTo>
                    <a:pt x="368" y="872"/>
                  </a:lnTo>
                  <a:lnTo>
                    <a:pt x="358" y="864"/>
                  </a:lnTo>
                  <a:lnTo>
                    <a:pt x="348" y="854"/>
                  </a:lnTo>
                  <a:lnTo>
                    <a:pt x="340" y="845"/>
                  </a:lnTo>
                  <a:lnTo>
                    <a:pt x="332" y="834"/>
                  </a:lnTo>
                  <a:lnTo>
                    <a:pt x="317" y="811"/>
                  </a:lnTo>
                  <a:lnTo>
                    <a:pt x="303" y="788"/>
                  </a:lnTo>
                  <a:lnTo>
                    <a:pt x="289" y="786"/>
                  </a:lnTo>
                  <a:lnTo>
                    <a:pt x="276" y="786"/>
                  </a:lnTo>
                  <a:lnTo>
                    <a:pt x="264" y="787"/>
                  </a:lnTo>
                  <a:lnTo>
                    <a:pt x="254" y="789"/>
                  </a:lnTo>
                  <a:lnTo>
                    <a:pt x="231" y="793"/>
                  </a:lnTo>
                  <a:lnTo>
                    <a:pt x="209" y="796"/>
                  </a:lnTo>
                  <a:lnTo>
                    <a:pt x="210" y="788"/>
                  </a:lnTo>
                  <a:lnTo>
                    <a:pt x="211" y="779"/>
                  </a:lnTo>
                  <a:lnTo>
                    <a:pt x="211" y="771"/>
                  </a:lnTo>
                  <a:lnTo>
                    <a:pt x="211" y="764"/>
                  </a:lnTo>
                  <a:lnTo>
                    <a:pt x="210" y="756"/>
                  </a:lnTo>
                  <a:lnTo>
                    <a:pt x="209" y="750"/>
                  </a:lnTo>
                  <a:lnTo>
                    <a:pt x="207" y="743"/>
                  </a:lnTo>
                  <a:lnTo>
                    <a:pt x="205" y="738"/>
                  </a:lnTo>
                  <a:lnTo>
                    <a:pt x="199" y="728"/>
                  </a:lnTo>
                  <a:lnTo>
                    <a:pt x="193" y="718"/>
                  </a:lnTo>
                  <a:lnTo>
                    <a:pt x="185" y="710"/>
                  </a:lnTo>
                  <a:lnTo>
                    <a:pt x="177" y="701"/>
                  </a:lnTo>
                  <a:lnTo>
                    <a:pt x="169" y="694"/>
                  </a:lnTo>
                  <a:lnTo>
                    <a:pt x="162" y="687"/>
                  </a:lnTo>
                  <a:lnTo>
                    <a:pt x="156" y="679"/>
                  </a:lnTo>
                  <a:lnTo>
                    <a:pt x="149" y="671"/>
                  </a:lnTo>
                  <a:lnTo>
                    <a:pt x="145" y="662"/>
                  </a:lnTo>
                  <a:lnTo>
                    <a:pt x="143" y="652"/>
                  </a:lnTo>
                  <a:lnTo>
                    <a:pt x="142" y="647"/>
                  </a:lnTo>
                  <a:lnTo>
                    <a:pt x="142" y="640"/>
                  </a:lnTo>
                  <a:lnTo>
                    <a:pt x="143" y="635"/>
                  </a:lnTo>
                  <a:lnTo>
                    <a:pt x="144" y="628"/>
                  </a:lnTo>
                  <a:lnTo>
                    <a:pt x="168" y="632"/>
                  </a:lnTo>
                  <a:lnTo>
                    <a:pt x="190" y="637"/>
                  </a:lnTo>
                  <a:lnTo>
                    <a:pt x="208" y="641"/>
                  </a:lnTo>
                  <a:lnTo>
                    <a:pt x="226" y="646"/>
                  </a:lnTo>
                  <a:lnTo>
                    <a:pt x="235" y="648"/>
                  </a:lnTo>
                  <a:lnTo>
                    <a:pt x="243" y="649"/>
                  </a:lnTo>
                  <a:lnTo>
                    <a:pt x="252" y="649"/>
                  </a:lnTo>
                  <a:lnTo>
                    <a:pt x="261" y="649"/>
                  </a:lnTo>
                  <a:lnTo>
                    <a:pt x="270" y="648"/>
                  </a:lnTo>
                  <a:lnTo>
                    <a:pt x="281" y="646"/>
                  </a:lnTo>
                  <a:lnTo>
                    <a:pt x="292" y="642"/>
                  </a:lnTo>
                  <a:lnTo>
                    <a:pt x="303" y="637"/>
                  </a:lnTo>
                  <a:lnTo>
                    <a:pt x="300" y="635"/>
                  </a:lnTo>
                  <a:lnTo>
                    <a:pt x="297" y="633"/>
                  </a:lnTo>
                  <a:lnTo>
                    <a:pt x="295" y="630"/>
                  </a:lnTo>
                  <a:lnTo>
                    <a:pt x="294" y="627"/>
                  </a:lnTo>
                  <a:lnTo>
                    <a:pt x="290" y="618"/>
                  </a:lnTo>
                  <a:lnTo>
                    <a:pt x="288" y="611"/>
                  </a:lnTo>
                  <a:lnTo>
                    <a:pt x="285" y="602"/>
                  </a:lnTo>
                  <a:lnTo>
                    <a:pt x="283" y="594"/>
                  </a:lnTo>
                  <a:lnTo>
                    <a:pt x="280" y="587"/>
                  </a:lnTo>
                  <a:lnTo>
                    <a:pt x="275" y="581"/>
                  </a:lnTo>
                  <a:lnTo>
                    <a:pt x="275" y="57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129" name="Silkeborg kant"/>
            <p:cNvSpPr>
              <a:spLocks/>
            </p:cNvSpPr>
            <p:nvPr/>
          </p:nvSpPr>
          <p:spPr bwMode="auto">
            <a:xfrm>
              <a:off x="1401764" y="4049718"/>
              <a:ext cx="496888" cy="461963"/>
            </a:xfrm>
            <a:custGeom>
              <a:avLst/>
              <a:gdLst>
                <a:gd name="T0" fmla="*/ 93 w 940"/>
                <a:gd name="T1" fmla="*/ 185 h 872"/>
                <a:gd name="T2" fmla="*/ 98 w 940"/>
                <a:gd name="T3" fmla="*/ 179 h 872"/>
                <a:gd name="T4" fmla="*/ 85 w 940"/>
                <a:gd name="T5" fmla="*/ 163 h 872"/>
                <a:gd name="T6" fmla="*/ 76 w 940"/>
                <a:gd name="T7" fmla="*/ 143 h 872"/>
                <a:gd name="T8" fmla="*/ 47 w 940"/>
                <a:gd name="T9" fmla="*/ 121 h 872"/>
                <a:gd name="T10" fmla="*/ 26 w 940"/>
                <a:gd name="T11" fmla="*/ 119 h 872"/>
                <a:gd name="T12" fmla="*/ 0 w 940"/>
                <a:gd name="T13" fmla="*/ 91 h 872"/>
                <a:gd name="T14" fmla="*/ 10 w 940"/>
                <a:gd name="T15" fmla="*/ 78 h 872"/>
                <a:gd name="T16" fmla="*/ 16 w 940"/>
                <a:gd name="T17" fmla="*/ 68 h 872"/>
                <a:gd name="T18" fmla="*/ 35 w 940"/>
                <a:gd name="T19" fmla="*/ 48 h 872"/>
                <a:gd name="T20" fmla="*/ 37 w 940"/>
                <a:gd name="T21" fmla="*/ 46 h 872"/>
                <a:gd name="T22" fmla="*/ 44 w 940"/>
                <a:gd name="T23" fmla="*/ 26 h 872"/>
                <a:gd name="T24" fmla="*/ 66 w 940"/>
                <a:gd name="T25" fmla="*/ 19 h 872"/>
                <a:gd name="T26" fmla="*/ 75 w 940"/>
                <a:gd name="T27" fmla="*/ 13 h 872"/>
                <a:gd name="T28" fmla="*/ 77 w 940"/>
                <a:gd name="T29" fmla="*/ 11 h 872"/>
                <a:gd name="T30" fmla="*/ 85 w 940"/>
                <a:gd name="T31" fmla="*/ 11 h 872"/>
                <a:gd name="T32" fmla="*/ 92 w 940"/>
                <a:gd name="T33" fmla="*/ 11 h 872"/>
                <a:gd name="T34" fmla="*/ 101 w 940"/>
                <a:gd name="T35" fmla="*/ 1 h 872"/>
                <a:gd name="T36" fmla="*/ 113 w 940"/>
                <a:gd name="T37" fmla="*/ 1 h 872"/>
                <a:gd name="T38" fmla="*/ 128 w 940"/>
                <a:gd name="T39" fmla="*/ 9 h 872"/>
                <a:gd name="T40" fmla="*/ 128 w 940"/>
                <a:gd name="T41" fmla="*/ 14 h 872"/>
                <a:gd name="T42" fmla="*/ 119 w 940"/>
                <a:gd name="T43" fmla="*/ 14 h 872"/>
                <a:gd name="T44" fmla="*/ 120 w 940"/>
                <a:gd name="T45" fmla="*/ 25 h 872"/>
                <a:gd name="T46" fmla="*/ 157 w 940"/>
                <a:gd name="T47" fmla="*/ 42 h 872"/>
                <a:gd name="T48" fmla="*/ 213 w 940"/>
                <a:gd name="T49" fmla="*/ 44 h 872"/>
                <a:gd name="T50" fmla="*/ 260 w 940"/>
                <a:gd name="T51" fmla="*/ 62 h 872"/>
                <a:gd name="T52" fmla="*/ 265 w 940"/>
                <a:gd name="T53" fmla="*/ 74 h 872"/>
                <a:gd name="T54" fmla="*/ 264 w 940"/>
                <a:gd name="T55" fmla="*/ 81 h 872"/>
                <a:gd name="T56" fmla="*/ 275 w 940"/>
                <a:gd name="T57" fmla="*/ 87 h 872"/>
                <a:gd name="T58" fmla="*/ 271 w 940"/>
                <a:gd name="T59" fmla="*/ 96 h 872"/>
                <a:gd name="T60" fmla="*/ 270 w 940"/>
                <a:gd name="T61" fmla="*/ 101 h 872"/>
                <a:gd name="T62" fmla="*/ 273 w 940"/>
                <a:gd name="T63" fmla="*/ 110 h 872"/>
                <a:gd name="T64" fmla="*/ 266 w 940"/>
                <a:gd name="T65" fmla="*/ 121 h 872"/>
                <a:gd name="T66" fmla="*/ 270 w 940"/>
                <a:gd name="T67" fmla="*/ 132 h 872"/>
                <a:gd name="T68" fmla="*/ 283 w 940"/>
                <a:gd name="T69" fmla="*/ 136 h 872"/>
                <a:gd name="T70" fmla="*/ 312 w 940"/>
                <a:gd name="T71" fmla="*/ 140 h 872"/>
                <a:gd name="T72" fmla="*/ 297 w 940"/>
                <a:gd name="T73" fmla="*/ 150 h 872"/>
                <a:gd name="T74" fmla="*/ 257 w 940"/>
                <a:gd name="T75" fmla="*/ 160 h 872"/>
                <a:gd name="T76" fmla="*/ 255 w 940"/>
                <a:gd name="T77" fmla="*/ 176 h 872"/>
                <a:gd name="T78" fmla="*/ 246 w 940"/>
                <a:gd name="T79" fmla="*/ 190 h 872"/>
                <a:gd name="T80" fmla="*/ 227 w 940"/>
                <a:gd name="T81" fmla="*/ 193 h 872"/>
                <a:gd name="T82" fmla="*/ 216 w 940"/>
                <a:gd name="T83" fmla="*/ 188 h 872"/>
                <a:gd name="T84" fmla="*/ 207 w 940"/>
                <a:gd name="T85" fmla="*/ 187 h 872"/>
                <a:gd name="T86" fmla="*/ 201 w 940"/>
                <a:gd name="T87" fmla="*/ 204 h 872"/>
                <a:gd name="T88" fmla="*/ 207 w 940"/>
                <a:gd name="T89" fmla="*/ 232 h 872"/>
                <a:gd name="T90" fmla="*/ 185 w 940"/>
                <a:gd name="T91" fmla="*/ 230 h 872"/>
                <a:gd name="T92" fmla="*/ 175 w 940"/>
                <a:gd name="T93" fmla="*/ 238 h 872"/>
                <a:gd name="T94" fmla="*/ 184 w 940"/>
                <a:gd name="T95" fmla="*/ 251 h 872"/>
                <a:gd name="T96" fmla="*/ 196 w 940"/>
                <a:gd name="T97" fmla="*/ 266 h 872"/>
                <a:gd name="T98" fmla="*/ 187 w 940"/>
                <a:gd name="T99" fmla="*/ 279 h 872"/>
                <a:gd name="T100" fmla="*/ 169 w 940"/>
                <a:gd name="T101" fmla="*/ 282 h 872"/>
                <a:gd name="T102" fmla="*/ 128 w 940"/>
                <a:gd name="T103" fmla="*/ 287 h 872"/>
                <a:gd name="T104" fmla="*/ 111 w 940"/>
                <a:gd name="T105" fmla="*/ 278 h 872"/>
                <a:gd name="T106" fmla="*/ 85 w 940"/>
                <a:gd name="T107" fmla="*/ 263 h 872"/>
                <a:gd name="T108" fmla="*/ 70 w 940"/>
                <a:gd name="T109" fmla="*/ 255 h 872"/>
                <a:gd name="T110" fmla="*/ 64 w 940"/>
                <a:gd name="T111" fmla="*/ 240 h 872"/>
                <a:gd name="T112" fmla="*/ 50 w 940"/>
                <a:gd name="T113" fmla="*/ 224 h 872"/>
                <a:gd name="T114" fmla="*/ 48 w 940"/>
                <a:gd name="T115" fmla="*/ 210 h 872"/>
                <a:gd name="T116" fmla="*/ 81 w 940"/>
                <a:gd name="T117" fmla="*/ 217 h 872"/>
                <a:gd name="T118" fmla="*/ 101 w 940"/>
                <a:gd name="T119" fmla="*/ 213 h 872"/>
                <a:gd name="T120" fmla="*/ 96 w 940"/>
                <a:gd name="T121" fmla="*/ 204 h 872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940" h="872">
                  <a:moveTo>
                    <a:pt x="275" y="572"/>
                  </a:moveTo>
                  <a:lnTo>
                    <a:pt x="274" y="568"/>
                  </a:lnTo>
                  <a:lnTo>
                    <a:pt x="274" y="563"/>
                  </a:lnTo>
                  <a:lnTo>
                    <a:pt x="275" y="560"/>
                  </a:lnTo>
                  <a:lnTo>
                    <a:pt x="275" y="558"/>
                  </a:lnTo>
                  <a:lnTo>
                    <a:pt x="278" y="554"/>
                  </a:lnTo>
                  <a:lnTo>
                    <a:pt x="282" y="551"/>
                  </a:lnTo>
                  <a:lnTo>
                    <a:pt x="286" y="548"/>
                  </a:lnTo>
                  <a:lnTo>
                    <a:pt x="289" y="544"/>
                  </a:lnTo>
                  <a:lnTo>
                    <a:pt x="292" y="542"/>
                  </a:lnTo>
                  <a:lnTo>
                    <a:pt x="293" y="540"/>
                  </a:lnTo>
                  <a:lnTo>
                    <a:pt x="294" y="537"/>
                  </a:lnTo>
                  <a:lnTo>
                    <a:pt x="294" y="534"/>
                  </a:lnTo>
                  <a:lnTo>
                    <a:pt x="278" y="519"/>
                  </a:lnTo>
                  <a:lnTo>
                    <a:pt x="263" y="504"/>
                  </a:lnTo>
                  <a:lnTo>
                    <a:pt x="260" y="499"/>
                  </a:lnTo>
                  <a:lnTo>
                    <a:pt x="258" y="495"/>
                  </a:lnTo>
                  <a:lnTo>
                    <a:pt x="256" y="489"/>
                  </a:lnTo>
                  <a:lnTo>
                    <a:pt x="254" y="482"/>
                  </a:lnTo>
                  <a:lnTo>
                    <a:pt x="254" y="476"/>
                  </a:lnTo>
                  <a:lnTo>
                    <a:pt x="254" y="469"/>
                  </a:lnTo>
                  <a:lnTo>
                    <a:pt x="255" y="459"/>
                  </a:lnTo>
                  <a:lnTo>
                    <a:pt x="257" y="450"/>
                  </a:lnTo>
                  <a:lnTo>
                    <a:pt x="228" y="429"/>
                  </a:lnTo>
                  <a:lnTo>
                    <a:pt x="201" y="408"/>
                  </a:lnTo>
                  <a:lnTo>
                    <a:pt x="187" y="396"/>
                  </a:lnTo>
                  <a:lnTo>
                    <a:pt x="176" y="383"/>
                  </a:lnTo>
                  <a:lnTo>
                    <a:pt x="164" y="371"/>
                  </a:lnTo>
                  <a:lnTo>
                    <a:pt x="154" y="356"/>
                  </a:lnTo>
                  <a:lnTo>
                    <a:pt x="141" y="362"/>
                  </a:lnTo>
                  <a:lnTo>
                    <a:pt x="129" y="365"/>
                  </a:lnTo>
                  <a:lnTo>
                    <a:pt x="119" y="367"/>
                  </a:lnTo>
                  <a:lnTo>
                    <a:pt x="108" y="367"/>
                  </a:lnTo>
                  <a:lnTo>
                    <a:pt x="98" y="365"/>
                  </a:lnTo>
                  <a:lnTo>
                    <a:pt x="88" y="362"/>
                  </a:lnTo>
                  <a:lnTo>
                    <a:pt x="78" y="358"/>
                  </a:lnTo>
                  <a:lnTo>
                    <a:pt x="69" y="354"/>
                  </a:lnTo>
                  <a:lnTo>
                    <a:pt x="35" y="331"/>
                  </a:lnTo>
                  <a:lnTo>
                    <a:pt x="3" y="310"/>
                  </a:lnTo>
                  <a:lnTo>
                    <a:pt x="1" y="295"/>
                  </a:lnTo>
                  <a:lnTo>
                    <a:pt x="0" y="282"/>
                  </a:lnTo>
                  <a:lnTo>
                    <a:pt x="0" y="272"/>
                  </a:lnTo>
                  <a:lnTo>
                    <a:pt x="3" y="263"/>
                  </a:lnTo>
                  <a:lnTo>
                    <a:pt x="6" y="256"/>
                  </a:lnTo>
                  <a:lnTo>
                    <a:pt x="10" y="250"/>
                  </a:lnTo>
                  <a:lnTo>
                    <a:pt x="16" y="244"/>
                  </a:lnTo>
                  <a:lnTo>
                    <a:pt x="21" y="240"/>
                  </a:lnTo>
                  <a:lnTo>
                    <a:pt x="30" y="233"/>
                  </a:lnTo>
                  <a:lnTo>
                    <a:pt x="39" y="225"/>
                  </a:lnTo>
                  <a:lnTo>
                    <a:pt x="42" y="222"/>
                  </a:lnTo>
                  <a:lnTo>
                    <a:pt x="43" y="217"/>
                  </a:lnTo>
                  <a:lnTo>
                    <a:pt x="43" y="213"/>
                  </a:lnTo>
                  <a:lnTo>
                    <a:pt x="41" y="206"/>
                  </a:lnTo>
                  <a:lnTo>
                    <a:pt x="48" y="204"/>
                  </a:lnTo>
                  <a:lnTo>
                    <a:pt x="49" y="204"/>
                  </a:lnTo>
                  <a:lnTo>
                    <a:pt x="54" y="201"/>
                  </a:lnTo>
                  <a:lnTo>
                    <a:pt x="60" y="195"/>
                  </a:lnTo>
                  <a:lnTo>
                    <a:pt x="68" y="186"/>
                  </a:lnTo>
                  <a:lnTo>
                    <a:pt x="86" y="166"/>
                  </a:lnTo>
                  <a:lnTo>
                    <a:pt x="105" y="144"/>
                  </a:lnTo>
                  <a:lnTo>
                    <a:pt x="121" y="125"/>
                  </a:lnTo>
                  <a:lnTo>
                    <a:pt x="130" y="114"/>
                  </a:lnTo>
                  <a:lnTo>
                    <a:pt x="130" y="115"/>
                  </a:lnTo>
                  <a:lnTo>
                    <a:pt x="116" y="132"/>
                  </a:lnTo>
                  <a:lnTo>
                    <a:pt x="113" y="136"/>
                  </a:lnTo>
                  <a:lnTo>
                    <a:pt x="110" y="137"/>
                  </a:lnTo>
                  <a:lnTo>
                    <a:pt x="108" y="136"/>
                  </a:lnTo>
                  <a:lnTo>
                    <a:pt x="108" y="133"/>
                  </a:lnTo>
                  <a:lnTo>
                    <a:pt x="110" y="122"/>
                  </a:lnTo>
                  <a:lnTo>
                    <a:pt x="116" y="109"/>
                  </a:lnTo>
                  <a:lnTo>
                    <a:pt x="123" y="92"/>
                  </a:lnTo>
                  <a:lnTo>
                    <a:pt x="133" y="77"/>
                  </a:lnTo>
                  <a:lnTo>
                    <a:pt x="138" y="70"/>
                  </a:lnTo>
                  <a:lnTo>
                    <a:pt x="143" y="64"/>
                  </a:lnTo>
                  <a:lnTo>
                    <a:pt x="148" y="60"/>
                  </a:lnTo>
                  <a:lnTo>
                    <a:pt x="154" y="57"/>
                  </a:lnTo>
                  <a:lnTo>
                    <a:pt x="171" y="56"/>
                  </a:lnTo>
                  <a:lnTo>
                    <a:pt x="198" y="56"/>
                  </a:lnTo>
                  <a:lnTo>
                    <a:pt x="204" y="55"/>
                  </a:lnTo>
                  <a:lnTo>
                    <a:pt x="210" y="54"/>
                  </a:lnTo>
                  <a:lnTo>
                    <a:pt x="216" y="52"/>
                  </a:lnTo>
                  <a:lnTo>
                    <a:pt x="220" y="50"/>
                  </a:lnTo>
                  <a:lnTo>
                    <a:pt x="223" y="45"/>
                  </a:lnTo>
                  <a:lnTo>
                    <a:pt x="225" y="40"/>
                  </a:lnTo>
                  <a:lnTo>
                    <a:pt x="226" y="35"/>
                  </a:lnTo>
                  <a:lnTo>
                    <a:pt x="226" y="27"/>
                  </a:lnTo>
                  <a:lnTo>
                    <a:pt x="226" y="30"/>
                  </a:lnTo>
                  <a:lnTo>
                    <a:pt x="227" y="31"/>
                  </a:lnTo>
                  <a:lnTo>
                    <a:pt x="229" y="32"/>
                  </a:lnTo>
                  <a:lnTo>
                    <a:pt x="231" y="32"/>
                  </a:lnTo>
                  <a:lnTo>
                    <a:pt x="236" y="32"/>
                  </a:lnTo>
                  <a:lnTo>
                    <a:pt x="241" y="32"/>
                  </a:lnTo>
                  <a:lnTo>
                    <a:pt x="246" y="32"/>
                  </a:lnTo>
                  <a:lnTo>
                    <a:pt x="250" y="33"/>
                  </a:lnTo>
                  <a:lnTo>
                    <a:pt x="253" y="33"/>
                  </a:lnTo>
                  <a:lnTo>
                    <a:pt x="255" y="34"/>
                  </a:lnTo>
                  <a:lnTo>
                    <a:pt x="256" y="36"/>
                  </a:lnTo>
                  <a:lnTo>
                    <a:pt x="257" y="38"/>
                  </a:lnTo>
                  <a:lnTo>
                    <a:pt x="262" y="38"/>
                  </a:lnTo>
                  <a:lnTo>
                    <a:pt x="267" y="37"/>
                  </a:lnTo>
                  <a:lnTo>
                    <a:pt x="272" y="36"/>
                  </a:lnTo>
                  <a:lnTo>
                    <a:pt x="276" y="34"/>
                  </a:lnTo>
                  <a:lnTo>
                    <a:pt x="282" y="29"/>
                  </a:lnTo>
                  <a:lnTo>
                    <a:pt x="287" y="22"/>
                  </a:lnTo>
                  <a:lnTo>
                    <a:pt x="293" y="16"/>
                  </a:lnTo>
                  <a:lnTo>
                    <a:pt x="298" y="10"/>
                  </a:lnTo>
                  <a:lnTo>
                    <a:pt x="301" y="6"/>
                  </a:lnTo>
                  <a:lnTo>
                    <a:pt x="304" y="4"/>
                  </a:lnTo>
                  <a:lnTo>
                    <a:pt x="308" y="2"/>
                  </a:lnTo>
                  <a:lnTo>
                    <a:pt x="313" y="0"/>
                  </a:lnTo>
                  <a:lnTo>
                    <a:pt x="320" y="0"/>
                  </a:lnTo>
                  <a:lnTo>
                    <a:pt x="326" y="1"/>
                  </a:lnTo>
                  <a:lnTo>
                    <a:pt x="333" y="2"/>
                  </a:lnTo>
                  <a:lnTo>
                    <a:pt x="338" y="3"/>
                  </a:lnTo>
                  <a:lnTo>
                    <a:pt x="347" y="7"/>
                  </a:lnTo>
                  <a:lnTo>
                    <a:pt x="357" y="13"/>
                  </a:lnTo>
                  <a:lnTo>
                    <a:pt x="365" y="18"/>
                  </a:lnTo>
                  <a:lnTo>
                    <a:pt x="374" y="23"/>
                  </a:lnTo>
                  <a:lnTo>
                    <a:pt x="379" y="25"/>
                  </a:lnTo>
                  <a:lnTo>
                    <a:pt x="384" y="27"/>
                  </a:lnTo>
                  <a:lnTo>
                    <a:pt x="390" y="29"/>
                  </a:lnTo>
                  <a:lnTo>
                    <a:pt x="397" y="29"/>
                  </a:lnTo>
                  <a:lnTo>
                    <a:pt x="394" y="34"/>
                  </a:lnTo>
                  <a:lnTo>
                    <a:pt x="392" y="37"/>
                  </a:lnTo>
                  <a:lnTo>
                    <a:pt x="388" y="39"/>
                  </a:lnTo>
                  <a:lnTo>
                    <a:pt x="385" y="41"/>
                  </a:lnTo>
                  <a:lnTo>
                    <a:pt x="380" y="42"/>
                  </a:lnTo>
                  <a:lnTo>
                    <a:pt x="374" y="42"/>
                  </a:lnTo>
                  <a:lnTo>
                    <a:pt x="368" y="42"/>
                  </a:lnTo>
                  <a:lnTo>
                    <a:pt x="362" y="42"/>
                  </a:lnTo>
                  <a:lnTo>
                    <a:pt x="359" y="42"/>
                  </a:lnTo>
                  <a:lnTo>
                    <a:pt x="356" y="43"/>
                  </a:lnTo>
                  <a:lnTo>
                    <a:pt x="353" y="45"/>
                  </a:lnTo>
                  <a:lnTo>
                    <a:pt x="349" y="47"/>
                  </a:lnTo>
                  <a:lnTo>
                    <a:pt x="352" y="56"/>
                  </a:lnTo>
                  <a:lnTo>
                    <a:pt x="353" y="63"/>
                  </a:lnTo>
                  <a:lnTo>
                    <a:pt x="356" y="70"/>
                  </a:lnTo>
                  <a:lnTo>
                    <a:pt x="359" y="76"/>
                  </a:lnTo>
                  <a:lnTo>
                    <a:pt x="366" y="87"/>
                  </a:lnTo>
                  <a:lnTo>
                    <a:pt x="375" y="97"/>
                  </a:lnTo>
                  <a:lnTo>
                    <a:pt x="396" y="115"/>
                  </a:lnTo>
                  <a:lnTo>
                    <a:pt x="416" y="132"/>
                  </a:lnTo>
                  <a:lnTo>
                    <a:pt x="444" y="127"/>
                  </a:lnTo>
                  <a:lnTo>
                    <a:pt x="473" y="125"/>
                  </a:lnTo>
                  <a:lnTo>
                    <a:pt x="501" y="123"/>
                  </a:lnTo>
                  <a:lnTo>
                    <a:pt x="529" y="123"/>
                  </a:lnTo>
                  <a:lnTo>
                    <a:pt x="557" y="123"/>
                  </a:lnTo>
                  <a:lnTo>
                    <a:pt x="585" y="125"/>
                  </a:lnTo>
                  <a:lnTo>
                    <a:pt x="613" y="129"/>
                  </a:lnTo>
                  <a:lnTo>
                    <a:pt x="639" y="133"/>
                  </a:lnTo>
                  <a:lnTo>
                    <a:pt x="665" y="138"/>
                  </a:lnTo>
                  <a:lnTo>
                    <a:pt x="691" y="144"/>
                  </a:lnTo>
                  <a:lnTo>
                    <a:pt x="715" y="153"/>
                  </a:lnTo>
                  <a:lnTo>
                    <a:pt x="738" y="162"/>
                  </a:lnTo>
                  <a:lnTo>
                    <a:pt x="760" y="174"/>
                  </a:lnTo>
                  <a:lnTo>
                    <a:pt x="781" y="186"/>
                  </a:lnTo>
                  <a:lnTo>
                    <a:pt x="791" y="193"/>
                  </a:lnTo>
                  <a:lnTo>
                    <a:pt x="800" y="200"/>
                  </a:lnTo>
                  <a:lnTo>
                    <a:pt x="810" y="208"/>
                  </a:lnTo>
                  <a:lnTo>
                    <a:pt x="818" y="216"/>
                  </a:lnTo>
                  <a:lnTo>
                    <a:pt x="805" y="218"/>
                  </a:lnTo>
                  <a:lnTo>
                    <a:pt x="795" y="221"/>
                  </a:lnTo>
                  <a:lnTo>
                    <a:pt x="791" y="223"/>
                  </a:lnTo>
                  <a:lnTo>
                    <a:pt x="786" y="226"/>
                  </a:lnTo>
                  <a:lnTo>
                    <a:pt x="783" y="231"/>
                  </a:lnTo>
                  <a:lnTo>
                    <a:pt x="781" y="235"/>
                  </a:lnTo>
                  <a:lnTo>
                    <a:pt x="785" y="239"/>
                  </a:lnTo>
                  <a:lnTo>
                    <a:pt x="792" y="243"/>
                  </a:lnTo>
                  <a:lnTo>
                    <a:pt x="798" y="245"/>
                  </a:lnTo>
                  <a:lnTo>
                    <a:pt x="804" y="249"/>
                  </a:lnTo>
                  <a:lnTo>
                    <a:pt x="811" y="252"/>
                  </a:lnTo>
                  <a:lnTo>
                    <a:pt x="817" y="255"/>
                  </a:lnTo>
                  <a:lnTo>
                    <a:pt x="823" y="258"/>
                  </a:lnTo>
                  <a:lnTo>
                    <a:pt x="827" y="262"/>
                  </a:lnTo>
                  <a:lnTo>
                    <a:pt x="829" y="266"/>
                  </a:lnTo>
                  <a:lnTo>
                    <a:pt x="827" y="270"/>
                  </a:lnTo>
                  <a:lnTo>
                    <a:pt x="826" y="274"/>
                  </a:lnTo>
                  <a:lnTo>
                    <a:pt x="824" y="277"/>
                  </a:lnTo>
                  <a:lnTo>
                    <a:pt x="819" y="282"/>
                  </a:lnTo>
                  <a:lnTo>
                    <a:pt x="813" y="288"/>
                  </a:lnTo>
                  <a:lnTo>
                    <a:pt x="811" y="291"/>
                  </a:lnTo>
                  <a:lnTo>
                    <a:pt x="809" y="293"/>
                  </a:lnTo>
                  <a:lnTo>
                    <a:pt x="806" y="296"/>
                  </a:lnTo>
                  <a:lnTo>
                    <a:pt x="806" y="298"/>
                  </a:lnTo>
                  <a:lnTo>
                    <a:pt x="807" y="301"/>
                  </a:lnTo>
                  <a:lnTo>
                    <a:pt x="810" y="303"/>
                  </a:lnTo>
                  <a:lnTo>
                    <a:pt x="813" y="307"/>
                  </a:lnTo>
                  <a:lnTo>
                    <a:pt x="818" y="310"/>
                  </a:lnTo>
                  <a:lnTo>
                    <a:pt x="814" y="314"/>
                  </a:lnTo>
                  <a:lnTo>
                    <a:pt x="818" y="319"/>
                  </a:lnTo>
                  <a:lnTo>
                    <a:pt x="819" y="325"/>
                  </a:lnTo>
                  <a:lnTo>
                    <a:pt x="819" y="331"/>
                  </a:lnTo>
                  <a:lnTo>
                    <a:pt x="819" y="336"/>
                  </a:lnTo>
                  <a:lnTo>
                    <a:pt x="818" y="340"/>
                  </a:lnTo>
                  <a:lnTo>
                    <a:pt x="814" y="347"/>
                  </a:lnTo>
                  <a:lnTo>
                    <a:pt x="809" y="352"/>
                  </a:lnTo>
                  <a:lnTo>
                    <a:pt x="803" y="357"/>
                  </a:lnTo>
                  <a:lnTo>
                    <a:pt x="800" y="363"/>
                  </a:lnTo>
                  <a:lnTo>
                    <a:pt x="798" y="368"/>
                  </a:lnTo>
                  <a:lnTo>
                    <a:pt x="798" y="373"/>
                  </a:lnTo>
                  <a:lnTo>
                    <a:pt x="798" y="378"/>
                  </a:lnTo>
                  <a:lnTo>
                    <a:pt x="799" y="384"/>
                  </a:lnTo>
                  <a:lnTo>
                    <a:pt x="805" y="390"/>
                  </a:lnTo>
                  <a:lnTo>
                    <a:pt x="811" y="395"/>
                  </a:lnTo>
                  <a:lnTo>
                    <a:pt x="817" y="398"/>
                  </a:lnTo>
                  <a:lnTo>
                    <a:pt x="823" y="401"/>
                  </a:lnTo>
                  <a:lnTo>
                    <a:pt x="830" y="403"/>
                  </a:lnTo>
                  <a:lnTo>
                    <a:pt x="836" y="405"/>
                  </a:lnTo>
                  <a:lnTo>
                    <a:pt x="843" y="407"/>
                  </a:lnTo>
                  <a:lnTo>
                    <a:pt x="851" y="407"/>
                  </a:lnTo>
                  <a:lnTo>
                    <a:pt x="885" y="407"/>
                  </a:lnTo>
                  <a:lnTo>
                    <a:pt x="931" y="403"/>
                  </a:lnTo>
                  <a:lnTo>
                    <a:pt x="931" y="409"/>
                  </a:lnTo>
                  <a:lnTo>
                    <a:pt x="932" y="414"/>
                  </a:lnTo>
                  <a:lnTo>
                    <a:pt x="934" y="418"/>
                  </a:lnTo>
                  <a:lnTo>
                    <a:pt x="936" y="421"/>
                  </a:lnTo>
                  <a:lnTo>
                    <a:pt x="937" y="425"/>
                  </a:lnTo>
                  <a:lnTo>
                    <a:pt x="939" y="430"/>
                  </a:lnTo>
                  <a:lnTo>
                    <a:pt x="940" y="435"/>
                  </a:lnTo>
                  <a:lnTo>
                    <a:pt x="940" y="440"/>
                  </a:lnTo>
                  <a:lnTo>
                    <a:pt x="914" y="446"/>
                  </a:lnTo>
                  <a:lnTo>
                    <a:pt x="891" y="450"/>
                  </a:lnTo>
                  <a:lnTo>
                    <a:pt x="870" y="452"/>
                  </a:lnTo>
                  <a:lnTo>
                    <a:pt x="851" y="455"/>
                  </a:lnTo>
                  <a:lnTo>
                    <a:pt x="832" y="458"/>
                  </a:lnTo>
                  <a:lnTo>
                    <a:pt x="812" y="462"/>
                  </a:lnTo>
                  <a:lnTo>
                    <a:pt x="793" y="470"/>
                  </a:lnTo>
                  <a:lnTo>
                    <a:pt x="772" y="478"/>
                  </a:lnTo>
                  <a:lnTo>
                    <a:pt x="774" y="489"/>
                  </a:lnTo>
                  <a:lnTo>
                    <a:pt x="774" y="498"/>
                  </a:lnTo>
                  <a:lnTo>
                    <a:pt x="774" y="507"/>
                  </a:lnTo>
                  <a:lnTo>
                    <a:pt x="773" y="514"/>
                  </a:lnTo>
                  <a:lnTo>
                    <a:pt x="771" y="521"/>
                  </a:lnTo>
                  <a:lnTo>
                    <a:pt x="767" y="527"/>
                  </a:lnTo>
                  <a:lnTo>
                    <a:pt x="764" y="533"/>
                  </a:lnTo>
                  <a:lnTo>
                    <a:pt x="760" y="537"/>
                  </a:lnTo>
                  <a:lnTo>
                    <a:pt x="753" y="547"/>
                  </a:lnTo>
                  <a:lnTo>
                    <a:pt x="744" y="557"/>
                  </a:lnTo>
                  <a:lnTo>
                    <a:pt x="741" y="562"/>
                  </a:lnTo>
                  <a:lnTo>
                    <a:pt x="738" y="568"/>
                  </a:lnTo>
                  <a:lnTo>
                    <a:pt x="736" y="574"/>
                  </a:lnTo>
                  <a:lnTo>
                    <a:pt x="734" y="581"/>
                  </a:lnTo>
                  <a:lnTo>
                    <a:pt x="722" y="578"/>
                  </a:lnTo>
                  <a:lnTo>
                    <a:pt x="710" y="578"/>
                  </a:lnTo>
                  <a:lnTo>
                    <a:pt x="697" y="578"/>
                  </a:lnTo>
                  <a:lnTo>
                    <a:pt x="683" y="577"/>
                  </a:lnTo>
                  <a:lnTo>
                    <a:pt x="677" y="577"/>
                  </a:lnTo>
                  <a:lnTo>
                    <a:pt x="671" y="576"/>
                  </a:lnTo>
                  <a:lnTo>
                    <a:pt x="664" y="574"/>
                  </a:lnTo>
                  <a:lnTo>
                    <a:pt x="659" y="572"/>
                  </a:lnTo>
                  <a:lnTo>
                    <a:pt x="654" y="569"/>
                  </a:lnTo>
                  <a:lnTo>
                    <a:pt x="648" y="564"/>
                  </a:lnTo>
                  <a:lnTo>
                    <a:pt x="644" y="559"/>
                  </a:lnTo>
                  <a:lnTo>
                    <a:pt x="640" y="553"/>
                  </a:lnTo>
                  <a:lnTo>
                    <a:pt x="635" y="555"/>
                  </a:lnTo>
                  <a:lnTo>
                    <a:pt x="630" y="556"/>
                  </a:lnTo>
                  <a:lnTo>
                    <a:pt x="625" y="558"/>
                  </a:lnTo>
                  <a:lnTo>
                    <a:pt x="621" y="561"/>
                  </a:lnTo>
                  <a:lnTo>
                    <a:pt x="615" y="567"/>
                  </a:lnTo>
                  <a:lnTo>
                    <a:pt x="610" y="574"/>
                  </a:lnTo>
                  <a:lnTo>
                    <a:pt x="606" y="582"/>
                  </a:lnTo>
                  <a:lnTo>
                    <a:pt x="604" y="592"/>
                  </a:lnTo>
                  <a:lnTo>
                    <a:pt x="603" y="601"/>
                  </a:lnTo>
                  <a:lnTo>
                    <a:pt x="603" y="612"/>
                  </a:lnTo>
                  <a:lnTo>
                    <a:pt x="604" y="622"/>
                  </a:lnTo>
                  <a:lnTo>
                    <a:pt x="605" y="634"/>
                  </a:lnTo>
                  <a:lnTo>
                    <a:pt x="608" y="645"/>
                  </a:lnTo>
                  <a:lnTo>
                    <a:pt x="611" y="655"/>
                  </a:lnTo>
                  <a:lnTo>
                    <a:pt x="616" y="676"/>
                  </a:lnTo>
                  <a:lnTo>
                    <a:pt x="621" y="694"/>
                  </a:lnTo>
                  <a:lnTo>
                    <a:pt x="605" y="691"/>
                  </a:lnTo>
                  <a:lnTo>
                    <a:pt x="591" y="689"/>
                  </a:lnTo>
                  <a:lnTo>
                    <a:pt x="578" y="688"/>
                  </a:lnTo>
                  <a:lnTo>
                    <a:pt x="566" y="688"/>
                  </a:lnTo>
                  <a:lnTo>
                    <a:pt x="560" y="689"/>
                  </a:lnTo>
                  <a:lnTo>
                    <a:pt x="555" y="690"/>
                  </a:lnTo>
                  <a:lnTo>
                    <a:pt x="551" y="692"/>
                  </a:lnTo>
                  <a:lnTo>
                    <a:pt x="545" y="695"/>
                  </a:lnTo>
                  <a:lnTo>
                    <a:pt x="541" y="698"/>
                  </a:lnTo>
                  <a:lnTo>
                    <a:pt x="536" y="701"/>
                  </a:lnTo>
                  <a:lnTo>
                    <a:pt x="532" y="707"/>
                  </a:lnTo>
                  <a:lnTo>
                    <a:pt x="527" y="712"/>
                  </a:lnTo>
                  <a:lnTo>
                    <a:pt x="529" y="719"/>
                  </a:lnTo>
                  <a:lnTo>
                    <a:pt x="532" y="725"/>
                  </a:lnTo>
                  <a:lnTo>
                    <a:pt x="534" y="731"/>
                  </a:lnTo>
                  <a:lnTo>
                    <a:pt x="537" y="736"/>
                  </a:lnTo>
                  <a:lnTo>
                    <a:pt x="544" y="746"/>
                  </a:lnTo>
                  <a:lnTo>
                    <a:pt x="553" y="753"/>
                  </a:lnTo>
                  <a:lnTo>
                    <a:pt x="562" y="760"/>
                  </a:lnTo>
                  <a:lnTo>
                    <a:pt x="572" y="767"/>
                  </a:lnTo>
                  <a:lnTo>
                    <a:pt x="582" y="772"/>
                  </a:lnTo>
                  <a:lnTo>
                    <a:pt x="594" y="778"/>
                  </a:lnTo>
                  <a:lnTo>
                    <a:pt x="592" y="789"/>
                  </a:lnTo>
                  <a:lnTo>
                    <a:pt x="588" y="798"/>
                  </a:lnTo>
                  <a:lnTo>
                    <a:pt x="585" y="807"/>
                  </a:lnTo>
                  <a:lnTo>
                    <a:pt x="582" y="814"/>
                  </a:lnTo>
                  <a:lnTo>
                    <a:pt x="578" y="820"/>
                  </a:lnTo>
                  <a:lnTo>
                    <a:pt x="574" y="827"/>
                  </a:lnTo>
                  <a:lnTo>
                    <a:pt x="568" y="831"/>
                  </a:lnTo>
                  <a:lnTo>
                    <a:pt x="563" y="835"/>
                  </a:lnTo>
                  <a:lnTo>
                    <a:pt x="558" y="838"/>
                  </a:lnTo>
                  <a:lnTo>
                    <a:pt x="552" y="840"/>
                  </a:lnTo>
                  <a:lnTo>
                    <a:pt x="545" y="842"/>
                  </a:lnTo>
                  <a:lnTo>
                    <a:pt x="538" y="844"/>
                  </a:lnTo>
                  <a:lnTo>
                    <a:pt x="523" y="846"/>
                  </a:lnTo>
                  <a:lnTo>
                    <a:pt x="507" y="846"/>
                  </a:lnTo>
                  <a:lnTo>
                    <a:pt x="475" y="846"/>
                  </a:lnTo>
                  <a:lnTo>
                    <a:pt x="439" y="847"/>
                  </a:lnTo>
                  <a:lnTo>
                    <a:pt x="421" y="849"/>
                  </a:lnTo>
                  <a:lnTo>
                    <a:pt x="403" y="854"/>
                  </a:lnTo>
                  <a:lnTo>
                    <a:pt x="395" y="857"/>
                  </a:lnTo>
                  <a:lnTo>
                    <a:pt x="385" y="861"/>
                  </a:lnTo>
                  <a:lnTo>
                    <a:pt x="377" y="866"/>
                  </a:lnTo>
                  <a:lnTo>
                    <a:pt x="368" y="872"/>
                  </a:lnTo>
                  <a:lnTo>
                    <a:pt x="358" y="864"/>
                  </a:lnTo>
                  <a:lnTo>
                    <a:pt x="348" y="854"/>
                  </a:lnTo>
                  <a:lnTo>
                    <a:pt x="340" y="845"/>
                  </a:lnTo>
                  <a:lnTo>
                    <a:pt x="332" y="834"/>
                  </a:lnTo>
                  <a:lnTo>
                    <a:pt x="317" y="811"/>
                  </a:lnTo>
                  <a:lnTo>
                    <a:pt x="303" y="788"/>
                  </a:lnTo>
                  <a:lnTo>
                    <a:pt x="289" y="786"/>
                  </a:lnTo>
                  <a:lnTo>
                    <a:pt x="276" y="786"/>
                  </a:lnTo>
                  <a:lnTo>
                    <a:pt x="264" y="787"/>
                  </a:lnTo>
                  <a:lnTo>
                    <a:pt x="254" y="789"/>
                  </a:lnTo>
                  <a:lnTo>
                    <a:pt x="231" y="793"/>
                  </a:lnTo>
                  <a:lnTo>
                    <a:pt x="209" y="796"/>
                  </a:lnTo>
                  <a:lnTo>
                    <a:pt x="210" y="788"/>
                  </a:lnTo>
                  <a:lnTo>
                    <a:pt x="211" y="779"/>
                  </a:lnTo>
                  <a:lnTo>
                    <a:pt x="211" y="771"/>
                  </a:lnTo>
                  <a:lnTo>
                    <a:pt x="211" y="764"/>
                  </a:lnTo>
                  <a:lnTo>
                    <a:pt x="210" y="756"/>
                  </a:lnTo>
                  <a:lnTo>
                    <a:pt x="209" y="750"/>
                  </a:lnTo>
                  <a:lnTo>
                    <a:pt x="207" y="743"/>
                  </a:lnTo>
                  <a:lnTo>
                    <a:pt x="205" y="738"/>
                  </a:lnTo>
                  <a:lnTo>
                    <a:pt x="199" y="728"/>
                  </a:lnTo>
                  <a:lnTo>
                    <a:pt x="193" y="718"/>
                  </a:lnTo>
                  <a:lnTo>
                    <a:pt x="185" y="710"/>
                  </a:lnTo>
                  <a:lnTo>
                    <a:pt x="177" y="701"/>
                  </a:lnTo>
                  <a:lnTo>
                    <a:pt x="169" y="694"/>
                  </a:lnTo>
                  <a:lnTo>
                    <a:pt x="162" y="687"/>
                  </a:lnTo>
                  <a:lnTo>
                    <a:pt x="156" y="679"/>
                  </a:lnTo>
                  <a:lnTo>
                    <a:pt x="149" y="671"/>
                  </a:lnTo>
                  <a:lnTo>
                    <a:pt x="145" y="662"/>
                  </a:lnTo>
                  <a:lnTo>
                    <a:pt x="143" y="652"/>
                  </a:lnTo>
                  <a:lnTo>
                    <a:pt x="142" y="647"/>
                  </a:lnTo>
                  <a:lnTo>
                    <a:pt x="142" y="640"/>
                  </a:lnTo>
                  <a:lnTo>
                    <a:pt x="143" y="635"/>
                  </a:lnTo>
                  <a:lnTo>
                    <a:pt x="144" y="628"/>
                  </a:lnTo>
                  <a:lnTo>
                    <a:pt x="168" y="632"/>
                  </a:lnTo>
                  <a:lnTo>
                    <a:pt x="190" y="637"/>
                  </a:lnTo>
                  <a:lnTo>
                    <a:pt x="208" y="641"/>
                  </a:lnTo>
                  <a:lnTo>
                    <a:pt x="226" y="646"/>
                  </a:lnTo>
                  <a:lnTo>
                    <a:pt x="235" y="648"/>
                  </a:lnTo>
                  <a:lnTo>
                    <a:pt x="243" y="649"/>
                  </a:lnTo>
                  <a:lnTo>
                    <a:pt x="252" y="649"/>
                  </a:lnTo>
                  <a:lnTo>
                    <a:pt x="261" y="649"/>
                  </a:lnTo>
                  <a:lnTo>
                    <a:pt x="270" y="648"/>
                  </a:lnTo>
                  <a:lnTo>
                    <a:pt x="281" y="646"/>
                  </a:lnTo>
                  <a:lnTo>
                    <a:pt x="292" y="642"/>
                  </a:lnTo>
                  <a:lnTo>
                    <a:pt x="303" y="637"/>
                  </a:lnTo>
                  <a:lnTo>
                    <a:pt x="300" y="635"/>
                  </a:lnTo>
                  <a:lnTo>
                    <a:pt x="297" y="633"/>
                  </a:lnTo>
                  <a:lnTo>
                    <a:pt x="295" y="630"/>
                  </a:lnTo>
                  <a:lnTo>
                    <a:pt x="294" y="627"/>
                  </a:lnTo>
                  <a:lnTo>
                    <a:pt x="290" y="618"/>
                  </a:lnTo>
                  <a:lnTo>
                    <a:pt x="288" y="611"/>
                  </a:lnTo>
                  <a:lnTo>
                    <a:pt x="285" y="602"/>
                  </a:lnTo>
                  <a:lnTo>
                    <a:pt x="283" y="594"/>
                  </a:lnTo>
                  <a:lnTo>
                    <a:pt x="280" y="587"/>
                  </a:lnTo>
                  <a:lnTo>
                    <a:pt x="275" y="581"/>
                  </a:lnTo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130" name="Viborg"/>
            <p:cNvSpPr>
              <a:spLocks/>
            </p:cNvSpPr>
            <p:nvPr/>
          </p:nvSpPr>
          <p:spPr bwMode="auto">
            <a:xfrm>
              <a:off x="1211264" y="3649668"/>
              <a:ext cx="620714" cy="579438"/>
            </a:xfrm>
            <a:custGeom>
              <a:avLst/>
              <a:gdLst>
                <a:gd name="T0" fmla="*/ 188 w 1174"/>
                <a:gd name="T1" fmla="*/ 265 h 1096"/>
                <a:gd name="T2" fmla="*/ 165 w 1174"/>
                <a:gd name="T3" fmla="*/ 268 h 1096"/>
                <a:gd name="T4" fmla="*/ 144 w 1174"/>
                <a:gd name="T5" fmla="*/ 299 h 1096"/>
                <a:gd name="T6" fmla="*/ 129 w 1174"/>
                <a:gd name="T7" fmla="*/ 316 h 1096"/>
                <a:gd name="T8" fmla="*/ 123 w 1174"/>
                <a:gd name="T9" fmla="*/ 330 h 1096"/>
                <a:gd name="T10" fmla="*/ 120 w 1174"/>
                <a:gd name="T11" fmla="*/ 359 h 1096"/>
                <a:gd name="T12" fmla="*/ 111 w 1174"/>
                <a:gd name="T13" fmla="*/ 357 h 1096"/>
                <a:gd name="T14" fmla="*/ 111 w 1174"/>
                <a:gd name="T15" fmla="*/ 331 h 1096"/>
                <a:gd name="T16" fmla="*/ 75 w 1174"/>
                <a:gd name="T17" fmla="*/ 326 h 1096"/>
                <a:gd name="T18" fmla="*/ 47 w 1174"/>
                <a:gd name="T19" fmla="*/ 302 h 1096"/>
                <a:gd name="T20" fmla="*/ 40 w 1174"/>
                <a:gd name="T21" fmla="*/ 302 h 1096"/>
                <a:gd name="T22" fmla="*/ 30 w 1174"/>
                <a:gd name="T23" fmla="*/ 286 h 1096"/>
                <a:gd name="T24" fmla="*/ 37 w 1174"/>
                <a:gd name="T25" fmla="*/ 279 h 1096"/>
                <a:gd name="T26" fmla="*/ 57 w 1174"/>
                <a:gd name="T27" fmla="*/ 283 h 1096"/>
                <a:gd name="T28" fmla="*/ 59 w 1174"/>
                <a:gd name="T29" fmla="*/ 261 h 1096"/>
                <a:gd name="T30" fmla="*/ 30 w 1174"/>
                <a:gd name="T31" fmla="*/ 236 h 1096"/>
                <a:gd name="T32" fmla="*/ 15 w 1174"/>
                <a:gd name="T33" fmla="*/ 218 h 1096"/>
                <a:gd name="T34" fmla="*/ 10 w 1174"/>
                <a:gd name="T35" fmla="*/ 191 h 1096"/>
                <a:gd name="T36" fmla="*/ 2 w 1174"/>
                <a:gd name="T37" fmla="*/ 138 h 1096"/>
                <a:gd name="T38" fmla="*/ 43 w 1174"/>
                <a:gd name="T39" fmla="*/ 131 h 1096"/>
                <a:gd name="T40" fmla="*/ 67 w 1174"/>
                <a:gd name="T41" fmla="*/ 134 h 1096"/>
                <a:gd name="T42" fmla="*/ 98 w 1174"/>
                <a:gd name="T43" fmla="*/ 135 h 1096"/>
                <a:gd name="T44" fmla="*/ 124 w 1174"/>
                <a:gd name="T45" fmla="*/ 112 h 1096"/>
                <a:gd name="T46" fmla="*/ 141 w 1174"/>
                <a:gd name="T47" fmla="*/ 116 h 1096"/>
                <a:gd name="T48" fmla="*/ 161 w 1174"/>
                <a:gd name="T49" fmla="*/ 138 h 1096"/>
                <a:gd name="T50" fmla="*/ 180 w 1174"/>
                <a:gd name="T51" fmla="*/ 127 h 1096"/>
                <a:gd name="T52" fmla="*/ 191 w 1174"/>
                <a:gd name="T53" fmla="*/ 119 h 1096"/>
                <a:gd name="T54" fmla="*/ 195 w 1174"/>
                <a:gd name="T55" fmla="*/ 102 h 1096"/>
                <a:gd name="T56" fmla="*/ 172 w 1174"/>
                <a:gd name="T57" fmla="*/ 111 h 1096"/>
                <a:gd name="T58" fmla="*/ 157 w 1174"/>
                <a:gd name="T59" fmla="*/ 113 h 1096"/>
                <a:gd name="T60" fmla="*/ 159 w 1174"/>
                <a:gd name="T61" fmla="*/ 77 h 1096"/>
                <a:gd name="T62" fmla="*/ 169 w 1174"/>
                <a:gd name="T63" fmla="*/ 33 h 1096"/>
                <a:gd name="T64" fmla="*/ 186 w 1174"/>
                <a:gd name="T65" fmla="*/ 27 h 1096"/>
                <a:gd name="T66" fmla="*/ 201 w 1174"/>
                <a:gd name="T67" fmla="*/ 35 h 1096"/>
                <a:gd name="T68" fmla="*/ 220 w 1174"/>
                <a:gd name="T69" fmla="*/ 46 h 1096"/>
                <a:gd name="T70" fmla="*/ 232 w 1174"/>
                <a:gd name="T71" fmla="*/ 29 h 1096"/>
                <a:gd name="T72" fmla="*/ 246 w 1174"/>
                <a:gd name="T73" fmla="*/ 2 h 1096"/>
                <a:gd name="T74" fmla="*/ 250 w 1174"/>
                <a:gd name="T75" fmla="*/ 31 h 1096"/>
                <a:gd name="T76" fmla="*/ 268 w 1174"/>
                <a:gd name="T77" fmla="*/ 49 h 1096"/>
                <a:gd name="T78" fmla="*/ 313 w 1174"/>
                <a:gd name="T79" fmla="*/ 55 h 1096"/>
                <a:gd name="T80" fmla="*/ 339 w 1174"/>
                <a:gd name="T81" fmla="*/ 63 h 1096"/>
                <a:gd name="T82" fmla="*/ 324 w 1174"/>
                <a:gd name="T83" fmla="*/ 88 h 1096"/>
                <a:gd name="T84" fmla="*/ 345 w 1174"/>
                <a:gd name="T85" fmla="*/ 84 h 1096"/>
                <a:gd name="T86" fmla="*/ 367 w 1174"/>
                <a:gd name="T87" fmla="*/ 97 h 1096"/>
                <a:gd name="T88" fmla="*/ 387 w 1174"/>
                <a:gd name="T89" fmla="*/ 113 h 1096"/>
                <a:gd name="T90" fmla="*/ 387 w 1174"/>
                <a:gd name="T91" fmla="*/ 195 h 1096"/>
                <a:gd name="T92" fmla="*/ 369 w 1174"/>
                <a:gd name="T93" fmla="*/ 226 h 1096"/>
                <a:gd name="T94" fmla="*/ 353 w 1174"/>
                <a:gd name="T95" fmla="*/ 258 h 1096"/>
                <a:gd name="T96" fmla="*/ 360 w 1174"/>
                <a:gd name="T97" fmla="*/ 279 h 1096"/>
                <a:gd name="T98" fmla="*/ 339 w 1174"/>
                <a:gd name="T99" fmla="*/ 283 h 1096"/>
                <a:gd name="T100" fmla="*/ 325 w 1174"/>
                <a:gd name="T101" fmla="*/ 294 h 1096"/>
                <a:gd name="T102" fmla="*/ 277 w 1174"/>
                <a:gd name="T103" fmla="*/ 289 h 1096"/>
                <a:gd name="T104" fmla="*/ 243 w 1174"/>
                <a:gd name="T105" fmla="*/ 276 h 1096"/>
                <a:gd name="T106" fmla="*/ 254 w 1174"/>
                <a:gd name="T107" fmla="*/ 266 h 1096"/>
                <a:gd name="T108" fmla="*/ 231 w 1174"/>
                <a:gd name="T109" fmla="*/ 251 h 1096"/>
                <a:gd name="T110" fmla="*/ 201 w 1174"/>
                <a:gd name="T111" fmla="*/ 256 h 109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174" h="1096">
                  <a:moveTo>
                    <a:pt x="592" y="769"/>
                  </a:moveTo>
                  <a:lnTo>
                    <a:pt x="580" y="768"/>
                  </a:lnTo>
                  <a:lnTo>
                    <a:pt x="579" y="774"/>
                  </a:lnTo>
                  <a:lnTo>
                    <a:pt x="577" y="779"/>
                  </a:lnTo>
                  <a:lnTo>
                    <a:pt x="574" y="784"/>
                  </a:lnTo>
                  <a:lnTo>
                    <a:pt x="570" y="789"/>
                  </a:lnTo>
                  <a:lnTo>
                    <a:pt x="567" y="793"/>
                  </a:lnTo>
                  <a:lnTo>
                    <a:pt x="563" y="796"/>
                  </a:lnTo>
                  <a:lnTo>
                    <a:pt x="559" y="799"/>
                  </a:lnTo>
                  <a:lnTo>
                    <a:pt x="554" y="802"/>
                  </a:lnTo>
                  <a:lnTo>
                    <a:pt x="548" y="804"/>
                  </a:lnTo>
                  <a:lnTo>
                    <a:pt x="542" y="805"/>
                  </a:lnTo>
                  <a:lnTo>
                    <a:pt x="536" y="807"/>
                  </a:lnTo>
                  <a:lnTo>
                    <a:pt x="528" y="808"/>
                  </a:lnTo>
                  <a:lnTo>
                    <a:pt x="514" y="808"/>
                  </a:lnTo>
                  <a:lnTo>
                    <a:pt x="496" y="805"/>
                  </a:lnTo>
                  <a:lnTo>
                    <a:pt x="494" y="818"/>
                  </a:lnTo>
                  <a:lnTo>
                    <a:pt x="490" y="829"/>
                  </a:lnTo>
                  <a:lnTo>
                    <a:pt x="486" y="837"/>
                  </a:lnTo>
                  <a:lnTo>
                    <a:pt x="482" y="845"/>
                  </a:lnTo>
                  <a:lnTo>
                    <a:pt x="470" y="859"/>
                  </a:lnTo>
                  <a:lnTo>
                    <a:pt x="459" y="872"/>
                  </a:lnTo>
                  <a:lnTo>
                    <a:pt x="446" y="884"/>
                  </a:lnTo>
                  <a:lnTo>
                    <a:pt x="433" y="899"/>
                  </a:lnTo>
                  <a:lnTo>
                    <a:pt x="427" y="909"/>
                  </a:lnTo>
                  <a:lnTo>
                    <a:pt x="422" y="919"/>
                  </a:lnTo>
                  <a:lnTo>
                    <a:pt x="417" y="932"/>
                  </a:lnTo>
                  <a:lnTo>
                    <a:pt x="411" y="946"/>
                  </a:lnTo>
                  <a:lnTo>
                    <a:pt x="404" y="946"/>
                  </a:lnTo>
                  <a:lnTo>
                    <a:pt x="397" y="946"/>
                  </a:lnTo>
                  <a:lnTo>
                    <a:pt x="391" y="947"/>
                  </a:lnTo>
                  <a:lnTo>
                    <a:pt x="386" y="948"/>
                  </a:lnTo>
                  <a:lnTo>
                    <a:pt x="382" y="951"/>
                  </a:lnTo>
                  <a:lnTo>
                    <a:pt x="378" y="954"/>
                  </a:lnTo>
                  <a:lnTo>
                    <a:pt x="376" y="959"/>
                  </a:lnTo>
                  <a:lnTo>
                    <a:pt x="375" y="964"/>
                  </a:lnTo>
                  <a:lnTo>
                    <a:pt x="384" y="974"/>
                  </a:lnTo>
                  <a:lnTo>
                    <a:pt x="378" y="978"/>
                  </a:lnTo>
                  <a:lnTo>
                    <a:pt x="373" y="983"/>
                  </a:lnTo>
                  <a:lnTo>
                    <a:pt x="369" y="990"/>
                  </a:lnTo>
                  <a:lnTo>
                    <a:pt x="365" y="996"/>
                  </a:lnTo>
                  <a:lnTo>
                    <a:pt x="362" y="1003"/>
                  </a:lnTo>
                  <a:lnTo>
                    <a:pt x="360" y="1011"/>
                  </a:lnTo>
                  <a:lnTo>
                    <a:pt x="359" y="1019"/>
                  </a:lnTo>
                  <a:lnTo>
                    <a:pt x="358" y="1027"/>
                  </a:lnTo>
                  <a:lnTo>
                    <a:pt x="357" y="1044"/>
                  </a:lnTo>
                  <a:lnTo>
                    <a:pt x="358" y="1061"/>
                  </a:lnTo>
                  <a:lnTo>
                    <a:pt x="361" y="1079"/>
                  </a:lnTo>
                  <a:lnTo>
                    <a:pt x="365" y="1096"/>
                  </a:lnTo>
                  <a:lnTo>
                    <a:pt x="361" y="1095"/>
                  </a:lnTo>
                  <a:lnTo>
                    <a:pt x="357" y="1094"/>
                  </a:lnTo>
                  <a:lnTo>
                    <a:pt x="353" y="1093"/>
                  </a:lnTo>
                  <a:lnTo>
                    <a:pt x="349" y="1091"/>
                  </a:lnTo>
                  <a:lnTo>
                    <a:pt x="343" y="1086"/>
                  </a:lnTo>
                  <a:lnTo>
                    <a:pt x="338" y="1079"/>
                  </a:lnTo>
                  <a:lnTo>
                    <a:pt x="333" y="1071"/>
                  </a:lnTo>
                  <a:lnTo>
                    <a:pt x="330" y="1062"/>
                  </a:lnTo>
                  <a:lnTo>
                    <a:pt x="328" y="1053"/>
                  </a:lnTo>
                  <a:lnTo>
                    <a:pt x="327" y="1042"/>
                  </a:lnTo>
                  <a:lnTo>
                    <a:pt x="326" y="1033"/>
                  </a:lnTo>
                  <a:lnTo>
                    <a:pt x="326" y="1022"/>
                  </a:lnTo>
                  <a:lnTo>
                    <a:pt x="327" y="1012"/>
                  </a:lnTo>
                  <a:lnTo>
                    <a:pt x="329" y="1002"/>
                  </a:lnTo>
                  <a:lnTo>
                    <a:pt x="332" y="994"/>
                  </a:lnTo>
                  <a:lnTo>
                    <a:pt x="337" y="986"/>
                  </a:lnTo>
                  <a:lnTo>
                    <a:pt x="341" y="979"/>
                  </a:lnTo>
                  <a:lnTo>
                    <a:pt x="346" y="974"/>
                  </a:lnTo>
                  <a:lnTo>
                    <a:pt x="311" y="975"/>
                  </a:lnTo>
                  <a:lnTo>
                    <a:pt x="280" y="975"/>
                  </a:lnTo>
                  <a:lnTo>
                    <a:pt x="263" y="976"/>
                  </a:lnTo>
                  <a:lnTo>
                    <a:pt x="245" y="977"/>
                  </a:lnTo>
                  <a:lnTo>
                    <a:pt x="226" y="980"/>
                  </a:lnTo>
                  <a:lnTo>
                    <a:pt x="206" y="983"/>
                  </a:lnTo>
                  <a:lnTo>
                    <a:pt x="192" y="963"/>
                  </a:lnTo>
                  <a:lnTo>
                    <a:pt x="180" y="948"/>
                  </a:lnTo>
                  <a:lnTo>
                    <a:pt x="169" y="935"/>
                  </a:lnTo>
                  <a:lnTo>
                    <a:pt x="160" y="924"/>
                  </a:lnTo>
                  <a:lnTo>
                    <a:pt x="152" y="916"/>
                  </a:lnTo>
                  <a:lnTo>
                    <a:pt x="145" y="911"/>
                  </a:lnTo>
                  <a:lnTo>
                    <a:pt x="140" y="908"/>
                  </a:lnTo>
                  <a:lnTo>
                    <a:pt x="134" y="906"/>
                  </a:lnTo>
                  <a:lnTo>
                    <a:pt x="130" y="904"/>
                  </a:lnTo>
                  <a:lnTo>
                    <a:pt x="127" y="904"/>
                  </a:lnTo>
                  <a:lnTo>
                    <a:pt x="125" y="904"/>
                  </a:lnTo>
                  <a:lnTo>
                    <a:pt x="123" y="906"/>
                  </a:lnTo>
                  <a:lnTo>
                    <a:pt x="121" y="907"/>
                  </a:lnTo>
                  <a:lnTo>
                    <a:pt x="120" y="908"/>
                  </a:lnTo>
                  <a:lnTo>
                    <a:pt x="119" y="908"/>
                  </a:lnTo>
                  <a:lnTo>
                    <a:pt x="118" y="907"/>
                  </a:lnTo>
                  <a:lnTo>
                    <a:pt x="105" y="890"/>
                  </a:lnTo>
                  <a:lnTo>
                    <a:pt x="94" y="878"/>
                  </a:lnTo>
                  <a:lnTo>
                    <a:pt x="92" y="875"/>
                  </a:lnTo>
                  <a:lnTo>
                    <a:pt x="90" y="872"/>
                  </a:lnTo>
                  <a:lnTo>
                    <a:pt x="89" y="869"/>
                  </a:lnTo>
                  <a:lnTo>
                    <a:pt x="89" y="864"/>
                  </a:lnTo>
                  <a:lnTo>
                    <a:pt x="89" y="860"/>
                  </a:lnTo>
                  <a:lnTo>
                    <a:pt x="89" y="855"/>
                  </a:lnTo>
                  <a:lnTo>
                    <a:pt x="91" y="850"/>
                  </a:lnTo>
                  <a:lnTo>
                    <a:pt x="93" y="843"/>
                  </a:lnTo>
                  <a:lnTo>
                    <a:pt x="97" y="840"/>
                  </a:lnTo>
                  <a:lnTo>
                    <a:pt x="101" y="838"/>
                  </a:lnTo>
                  <a:lnTo>
                    <a:pt x="104" y="837"/>
                  </a:lnTo>
                  <a:lnTo>
                    <a:pt x="107" y="837"/>
                  </a:lnTo>
                  <a:lnTo>
                    <a:pt x="110" y="837"/>
                  </a:lnTo>
                  <a:lnTo>
                    <a:pt x="113" y="839"/>
                  </a:lnTo>
                  <a:lnTo>
                    <a:pt x="117" y="841"/>
                  </a:lnTo>
                  <a:lnTo>
                    <a:pt x="120" y="843"/>
                  </a:lnTo>
                  <a:lnTo>
                    <a:pt x="130" y="857"/>
                  </a:lnTo>
                  <a:lnTo>
                    <a:pt x="140" y="871"/>
                  </a:lnTo>
                  <a:lnTo>
                    <a:pt x="152" y="862"/>
                  </a:lnTo>
                  <a:lnTo>
                    <a:pt x="166" y="855"/>
                  </a:lnTo>
                  <a:lnTo>
                    <a:pt x="172" y="851"/>
                  </a:lnTo>
                  <a:lnTo>
                    <a:pt x="179" y="847"/>
                  </a:lnTo>
                  <a:lnTo>
                    <a:pt x="183" y="840"/>
                  </a:lnTo>
                  <a:lnTo>
                    <a:pt x="187" y="834"/>
                  </a:lnTo>
                  <a:lnTo>
                    <a:pt x="187" y="822"/>
                  </a:lnTo>
                  <a:lnTo>
                    <a:pt x="186" y="812"/>
                  </a:lnTo>
                  <a:lnTo>
                    <a:pt x="184" y="802"/>
                  </a:lnTo>
                  <a:lnTo>
                    <a:pt x="182" y="794"/>
                  </a:lnTo>
                  <a:lnTo>
                    <a:pt x="178" y="785"/>
                  </a:lnTo>
                  <a:lnTo>
                    <a:pt x="173" y="778"/>
                  </a:lnTo>
                  <a:lnTo>
                    <a:pt x="168" y="771"/>
                  </a:lnTo>
                  <a:lnTo>
                    <a:pt x="163" y="763"/>
                  </a:lnTo>
                  <a:lnTo>
                    <a:pt x="150" y="751"/>
                  </a:lnTo>
                  <a:lnTo>
                    <a:pt x="137" y="740"/>
                  </a:lnTo>
                  <a:lnTo>
                    <a:pt x="122" y="730"/>
                  </a:lnTo>
                  <a:lnTo>
                    <a:pt x="106" y="720"/>
                  </a:lnTo>
                  <a:lnTo>
                    <a:pt x="91" y="710"/>
                  </a:lnTo>
                  <a:lnTo>
                    <a:pt x="78" y="700"/>
                  </a:lnTo>
                  <a:lnTo>
                    <a:pt x="71" y="695"/>
                  </a:lnTo>
                  <a:lnTo>
                    <a:pt x="65" y="689"/>
                  </a:lnTo>
                  <a:lnTo>
                    <a:pt x="60" y="683"/>
                  </a:lnTo>
                  <a:lnTo>
                    <a:pt x="54" y="677"/>
                  </a:lnTo>
                  <a:lnTo>
                    <a:pt x="50" y="671"/>
                  </a:lnTo>
                  <a:lnTo>
                    <a:pt x="47" y="663"/>
                  </a:lnTo>
                  <a:lnTo>
                    <a:pt x="45" y="656"/>
                  </a:lnTo>
                  <a:lnTo>
                    <a:pt x="43" y="648"/>
                  </a:lnTo>
                  <a:lnTo>
                    <a:pt x="42" y="639"/>
                  </a:lnTo>
                  <a:lnTo>
                    <a:pt x="43" y="630"/>
                  </a:lnTo>
                  <a:lnTo>
                    <a:pt x="44" y="619"/>
                  </a:lnTo>
                  <a:lnTo>
                    <a:pt x="46" y="609"/>
                  </a:lnTo>
                  <a:lnTo>
                    <a:pt x="40" y="598"/>
                  </a:lnTo>
                  <a:lnTo>
                    <a:pt x="34" y="586"/>
                  </a:lnTo>
                  <a:lnTo>
                    <a:pt x="29" y="575"/>
                  </a:lnTo>
                  <a:lnTo>
                    <a:pt x="25" y="562"/>
                  </a:lnTo>
                  <a:lnTo>
                    <a:pt x="19" y="538"/>
                  </a:lnTo>
                  <a:lnTo>
                    <a:pt x="13" y="513"/>
                  </a:lnTo>
                  <a:lnTo>
                    <a:pt x="10" y="486"/>
                  </a:lnTo>
                  <a:lnTo>
                    <a:pt x="7" y="461"/>
                  </a:lnTo>
                  <a:lnTo>
                    <a:pt x="4" y="436"/>
                  </a:lnTo>
                  <a:lnTo>
                    <a:pt x="0" y="412"/>
                  </a:lnTo>
                  <a:lnTo>
                    <a:pt x="6" y="414"/>
                  </a:lnTo>
                  <a:lnTo>
                    <a:pt x="12" y="415"/>
                  </a:lnTo>
                  <a:lnTo>
                    <a:pt x="20" y="416"/>
                  </a:lnTo>
                  <a:lnTo>
                    <a:pt x="27" y="416"/>
                  </a:lnTo>
                  <a:lnTo>
                    <a:pt x="41" y="414"/>
                  </a:lnTo>
                  <a:lnTo>
                    <a:pt x="55" y="412"/>
                  </a:lnTo>
                  <a:lnTo>
                    <a:pt x="85" y="403"/>
                  </a:lnTo>
                  <a:lnTo>
                    <a:pt x="114" y="395"/>
                  </a:lnTo>
                  <a:lnTo>
                    <a:pt x="129" y="392"/>
                  </a:lnTo>
                  <a:lnTo>
                    <a:pt x="143" y="390"/>
                  </a:lnTo>
                  <a:lnTo>
                    <a:pt x="157" y="388"/>
                  </a:lnTo>
                  <a:lnTo>
                    <a:pt x="170" y="390"/>
                  </a:lnTo>
                  <a:lnTo>
                    <a:pt x="177" y="391"/>
                  </a:lnTo>
                  <a:lnTo>
                    <a:pt x="183" y="393"/>
                  </a:lnTo>
                  <a:lnTo>
                    <a:pt x="188" y="396"/>
                  </a:lnTo>
                  <a:lnTo>
                    <a:pt x="194" y="399"/>
                  </a:lnTo>
                  <a:lnTo>
                    <a:pt x="200" y="403"/>
                  </a:lnTo>
                  <a:lnTo>
                    <a:pt x="205" y="408"/>
                  </a:lnTo>
                  <a:lnTo>
                    <a:pt x="210" y="415"/>
                  </a:lnTo>
                  <a:lnTo>
                    <a:pt x="216" y="421"/>
                  </a:lnTo>
                  <a:lnTo>
                    <a:pt x="233" y="421"/>
                  </a:lnTo>
                  <a:lnTo>
                    <a:pt x="249" y="419"/>
                  </a:lnTo>
                  <a:lnTo>
                    <a:pt x="265" y="416"/>
                  </a:lnTo>
                  <a:lnTo>
                    <a:pt x="280" y="412"/>
                  </a:lnTo>
                  <a:lnTo>
                    <a:pt x="293" y="406"/>
                  </a:lnTo>
                  <a:lnTo>
                    <a:pt x="306" y="400"/>
                  </a:lnTo>
                  <a:lnTo>
                    <a:pt x="318" y="393"/>
                  </a:lnTo>
                  <a:lnTo>
                    <a:pt x="328" y="385"/>
                  </a:lnTo>
                  <a:lnTo>
                    <a:pt x="339" y="376"/>
                  </a:lnTo>
                  <a:lnTo>
                    <a:pt x="348" y="367"/>
                  </a:lnTo>
                  <a:lnTo>
                    <a:pt x="357" y="357"/>
                  </a:lnTo>
                  <a:lnTo>
                    <a:pt x="365" y="346"/>
                  </a:lnTo>
                  <a:lnTo>
                    <a:pt x="372" y="336"/>
                  </a:lnTo>
                  <a:lnTo>
                    <a:pt x="380" y="324"/>
                  </a:lnTo>
                  <a:lnTo>
                    <a:pt x="386" y="312"/>
                  </a:lnTo>
                  <a:lnTo>
                    <a:pt x="393" y="300"/>
                  </a:lnTo>
                  <a:lnTo>
                    <a:pt x="396" y="310"/>
                  </a:lnTo>
                  <a:lnTo>
                    <a:pt x="400" y="319"/>
                  </a:lnTo>
                  <a:lnTo>
                    <a:pt x="405" y="326"/>
                  </a:lnTo>
                  <a:lnTo>
                    <a:pt x="410" y="334"/>
                  </a:lnTo>
                  <a:lnTo>
                    <a:pt x="423" y="347"/>
                  </a:lnTo>
                  <a:lnTo>
                    <a:pt x="437" y="359"/>
                  </a:lnTo>
                  <a:lnTo>
                    <a:pt x="450" y="372"/>
                  </a:lnTo>
                  <a:lnTo>
                    <a:pt x="462" y="385"/>
                  </a:lnTo>
                  <a:lnTo>
                    <a:pt x="467" y="393"/>
                  </a:lnTo>
                  <a:lnTo>
                    <a:pt x="471" y="401"/>
                  </a:lnTo>
                  <a:lnTo>
                    <a:pt x="475" y="411"/>
                  </a:lnTo>
                  <a:lnTo>
                    <a:pt x="478" y="421"/>
                  </a:lnTo>
                  <a:lnTo>
                    <a:pt x="482" y="414"/>
                  </a:lnTo>
                  <a:lnTo>
                    <a:pt x="487" y="406"/>
                  </a:lnTo>
                  <a:lnTo>
                    <a:pt x="492" y="401"/>
                  </a:lnTo>
                  <a:lnTo>
                    <a:pt x="498" y="396"/>
                  </a:lnTo>
                  <a:lnTo>
                    <a:pt x="504" y="392"/>
                  </a:lnTo>
                  <a:lnTo>
                    <a:pt x="511" y="388"/>
                  </a:lnTo>
                  <a:lnTo>
                    <a:pt x="518" y="385"/>
                  </a:lnTo>
                  <a:lnTo>
                    <a:pt x="525" y="383"/>
                  </a:lnTo>
                  <a:lnTo>
                    <a:pt x="541" y="380"/>
                  </a:lnTo>
                  <a:lnTo>
                    <a:pt x="557" y="378"/>
                  </a:lnTo>
                  <a:lnTo>
                    <a:pt x="572" y="376"/>
                  </a:lnTo>
                  <a:lnTo>
                    <a:pt x="589" y="375"/>
                  </a:lnTo>
                  <a:lnTo>
                    <a:pt x="584" y="372"/>
                  </a:lnTo>
                  <a:lnTo>
                    <a:pt x="580" y="370"/>
                  </a:lnTo>
                  <a:lnTo>
                    <a:pt x="577" y="365"/>
                  </a:lnTo>
                  <a:lnTo>
                    <a:pt x="575" y="362"/>
                  </a:lnTo>
                  <a:lnTo>
                    <a:pt x="574" y="358"/>
                  </a:lnTo>
                  <a:lnTo>
                    <a:pt x="572" y="354"/>
                  </a:lnTo>
                  <a:lnTo>
                    <a:pt x="572" y="350"/>
                  </a:lnTo>
                  <a:lnTo>
                    <a:pt x="574" y="344"/>
                  </a:lnTo>
                  <a:lnTo>
                    <a:pt x="576" y="336"/>
                  </a:lnTo>
                  <a:lnTo>
                    <a:pt x="580" y="326"/>
                  </a:lnTo>
                  <a:lnTo>
                    <a:pt x="585" y="317"/>
                  </a:lnTo>
                  <a:lnTo>
                    <a:pt x="589" y="310"/>
                  </a:lnTo>
                  <a:lnTo>
                    <a:pt x="585" y="307"/>
                  </a:lnTo>
                  <a:lnTo>
                    <a:pt x="581" y="305"/>
                  </a:lnTo>
                  <a:lnTo>
                    <a:pt x="578" y="305"/>
                  </a:lnTo>
                  <a:lnTo>
                    <a:pt x="574" y="305"/>
                  </a:lnTo>
                  <a:lnTo>
                    <a:pt x="565" y="305"/>
                  </a:lnTo>
                  <a:lnTo>
                    <a:pt x="557" y="308"/>
                  </a:lnTo>
                  <a:lnTo>
                    <a:pt x="540" y="317"/>
                  </a:lnTo>
                  <a:lnTo>
                    <a:pt x="524" y="327"/>
                  </a:lnTo>
                  <a:lnTo>
                    <a:pt x="516" y="333"/>
                  </a:lnTo>
                  <a:lnTo>
                    <a:pt x="507" y="337"/>
                  </a:lnTo>
                  <a:lnTo>
                    <a:pt x="499" y="340"/>
                  </a:lnTo>
                  <a:lnTo>
                    <a:pt x="491" y="342"/>
                  </a:lnTo>
                  <a:lnTo>
                    <a:pt x="487" y="342"/>
                  </a:lnTo>
                  <a:lnTo>
                    <a:pt x="483" y="342"/>
                  </a:lnTo>
                  <a:lnTo>
                    <a:pt x="479" y="341"/>
                  </a:lnTo>
                  <a:lnTo>
                    <a:pt x="475" y="340"/>
                  </a:lnTo>
                  <a:lnTo>
                    <a:pt x="470" y="338"/>
                  </a:lnTo>
                  <a:lnTo>
                    <a:pt x="466" y="336"/>
                  </a:lnTo>
                  <a:lnTo>
                    <a:pt x="463" y="332"/>
                  </a:lnTo>
                  <a:lnTo>
                    <a:pt x="459" y="327"/>
                  </a:lnTo>
                  <a:lnTo>
                    <a:pt x="459" y="311"/>
                  </a:lnTo>
                  <a:lnTo>
                    <a:pt x="461" y="294"/>
                  </a:lnTo>
                  <a:lnTo>
                    <a:pt x="463" y="278"/>
                  </a:lnTo>
                  <a:lnTo>
                    <a:pt x="467" y="261"/>
                  </a:lnTo>
                  <a:lnTo>
                    <a:pt x="478" y="231"/>
                  </a:lnTo>
                  <a:lnTo>
                    <a:pt x="488" y="201"/>
                  </a:lnTo>
                  <a:lnTo>
                    <a:pt x="494" y="186"/>
                  </a:lnTo>
                  <a:lnTo>
                    <a:pt x="499" y="172"/>
                  </a:lnTo>
                  <a:lnTo>
                    <a:pt x="503" y="158"/>
                  </a:lnTo>
                  <a:lnTo>
                    <a:pt x="506" y="143"/>
                  </a:lnTo>
                  <a:lnTo>
                    <a:pt x="508" y="128"/>
                  </a:lnTo>
                  <a:lnTo>
                    <a:pt x="509" y="114"/>
                  </a:lnTo>
                  <a:lnTo>
                    <a:pt x="508" y="99"/>
                  </a:lnTo>
                  <a:lnTo>
                    <a:pt x="505" y="84"/>
                  </a:lnTo>
                  <a:lnTo>
                    <a:pt x="509" y="80"/>
                  </a:lnTo>
                  <a:lnTo>
                    <a:pt x="515" y="77"/>
                  </a:lnTo>
                  <a:lnTo>
                    <a:pt x="520" y="75"/>
                  </a:lnTo>
                  <a:lnTo>
                    <a:pt x="525" y="74"/>
                  </a:lnTo>
                  <a:lnTo>
                    <a:pt x="536" y="75"/>
                  </a:lnTo>
                  <a:lnTo>
                    <a:pt x="547" y="78"/>
                  </a:lnTo>
                  <a:lnTo>
                    <a:pt x="559" y="82"/>
                  </a:lnTo>
                  <a:lnTo>
                    <a:pt x="572" y="85"/>
                  </a:lnTo>
                  <a:lnTo>
                    <a:pt x="579" y="86"/>
                  </a:lnTo>
                  <a:lnTo>
                    <a:pt x="585" y="86"/>
                  </a:lnTo>
                  <a:lnTo>
                    <a:pt x="592" y="86"/>
                  </a:lnTo>
                  <a:lnTo>
                    <a:pt x="599" y="84"/>
                  </a:lnTo>
                  <a:lnTo>
                    <a:pt x="600" y="93"/>
                  </a:lnTo>
                  <a:lnTo>
                    <a:pt x="602" y="99"/>
                  </a:lnTo>
                  <a:lnTo>
                    <a:pt x="605" y="104"/>
                  </a:lnTo>
                  <a:lnTo>
                    <a:pt x="609" y="109"/>
                  </a:lnTo>
                  <a:lnTo>
                    <a:pt x="614" y="114"/>
                  </a:lnTo>
                  <a:lnTo>
                    <a:pt x="619" y="117"/>
                  </a:lnTo>
                  <a:lnTo>
                    <a:pt x="624" y="120"/>
                  </a:lnTo>
                  <a:lnTo>
                    <a:pt x="630" y="123"/>
                  </a:lnTo>
                  <a:lnTo>
                    <a:pt x="643" y="128"/>
                  </a:lnTo>
                  <a:lnTo>
                    <a:pt x="655" y="134"/>
                  </a:lnTo>
                  <a:lnTo>
                    <a:pt x="661" y="137"/>
                  </a:lnTo>
                  <a:lnTo>
                    <a:pt x="665" y="141"/>
                  </a:lnTo>
                  <a:lnTo>
                    <a:pt x="670" y="145"/>
                  </a:lnTo>
                  <a:lnTo>
                    <a:pt x="674" y="149"/>
                  </a:lnTo>
                  <a:lnTo>
                    <a:pt x="679" y="141"/>
                  </a:lnTo>
                  <a:lnTo>
                    <a:pt x="683" y="132"/>
                  </a:lnTo>
                  <a:lnTo>
                    <a:pt x="687" y="121"/>
                  </a:lnTo>
                  <a:lnTo>
                    <a:pt x="690" y="110"/>
                  </a:lnTo>
                  <a:lnTo>
                    <a:pt x="697" y="88"/>
                  </a:lnTo>
                  <a:lnTo>
                    <a:pt x="702" y="66"/>
                  </a:lnTo>
                  <a:lnTo>
                    <a:pt x="705" y="56"/>
                  </a:lnTo>
                  <a:lnTo>
                    <a:pt x="709" y="45"/>
                  </a:lnTo>
                  <a:lnTo>
                    <a:pt x="714" y="36"/>
                  </a:lnTo>
                  <a:lnTo>
                    <a:pt x="719" y="26"/>
                  </a:lnTo>
                  <a:lnTo>
                    <a:pt x="725" y="18"/>
                  </a:lnTo>
                  <a:lnTo>
                    <a:pt x="731" y="10"/>
                  </a:lnTo>
                  <a:lnTo>
                    <a:pt x="740" y="5"/>
                  </a:lnTo>
                  <a:lnTo>
                    <a:pt x="748" y="0"/>
                  </a:lnTo>
                  <a:lnTo>
                    <a:pt x="745" y="16"/>
                  </a:lnTo>
                  <a:lnTo>
                    <a:pt x="744" y="32"/>
                  </a:lnTo>
                  <a:lnTo>
                    <a:pt x="743" y="45"/>
                  </a:lnTo>
                  <a:lnTo>
                    <a:pt x="743" y="59"/>
                  </a:lnTo>
                  <a:lnTo>
                    <a:pt x="744" y="70"/>
                  </a:lnTo>
                  <a:lnTo>
                    <a:pt x="747" y="82"/>
                  </a:lnTo>
                  <a:lnTo>
                    <a:pt x="750" y="92"/>
                  </a:lnTo>
                  <a:lnTo>
                    <a:pt x="755" y="101"/>
                  </a:lnTo>
                  <a:lnTo>
                    <a:pt x="760" y="110"/>
                  </a:lnTo>
                  <a:lnTo>
                    <a:pt x="765" y="118"/>
                  </a:lnTo>
                  <a:lnTo>
                    <a:pt x="773" y="125"/>
                  </a:lnTo>
                  <a:lnTo>
                    <a:pt x="780" y="132"/>
                  </a:lnTo>
                  <a:lnTo>
                    <a:pt x="788" y="137"/>
                  </a:lnTo>
                  <a:lnTo>
                    <a:pt x="797" y="142"/>
                  </a:lnTo>
                  <a:lnTo>
                    <a:pt x="806" y="146"/>
                  </a:lnTo>
                  <a:lnTo>
                    <a:pt x="817" y="151"/>
                  </a:lnTo>
                  <a:lnTo>
                    <a:pt x="827" y="154"/>
                  </a:lnTo>
                  <a:lnTo>
                    <a:pt x="838" y="157"/>
                  </a:lnTo>
                  <a:lnTo>
                    <a:pt x="849" y="159"/>
                  </a:lnTo>
                  <a:lnTo>
                    <a:pt x="862" y="160"/>
                  </a:lnTo>
                  <a:lnTo>
                    <a:pt x="886" y="163"/>
                  </a:lnTo>
                  <a:lnTo>
                    <a:pt x="913" y="164"/>
                  </a:lnTo>
                  <a:lnTo>
                    <a:pt x="939" y="164"/>
                  </a:lnTo>
                  <a:lnTo>
                    <a:pt x="966" y="163"/>
                  </a:lnTo>
                  <a:lnTo>
                    <a:pt x="994" y="161"/>
                  </a:lnTo>
                  <a:lnTo>
                    <a:pt x="1020" y="159"/>
                  </a:lnTo>
                  <a:lnTo>
                    <a:pt x="1022" y="167"/>
                  </a:lnTo>
                  <a:lnTo>
                    <a:pt x="1022" y="174"/>
                  </a:lnTo>
                  <a:lnTo>
                    <a:pt x="1022" y="180"/>
                  </a:lnTo>
                  <a:lnTo>
                    <a:pt x="1021" y="185"/>
                  </a:lnTo>
                  <a:lnTo>
                    <a:pt x="1019" y="189"/>
                  </a:lnTo>
                  <a:lnTo>
                    <a:pt x="1016" y="194"/>
                  </a:lnTo>
                  <a:lnTo>
                    <a:pt x="1013" y="197"/>
                  </a:lnTo>
                  <a:lnTo>
                    <a:pt x="1008" y="199"/>
                  </a:lnTo>
                  <a:lnTo>
                    <a:pt x="991" y="207"/>
                  </a:lnTo>
                  <a:lnTo>
                    <a:pt x="974" y="216"/>
                  </a:lnTo>
                  <a:lnTo>
                    <a:pt x="974" y="232"/>
                  </a:lnTo>
                  <a:lnTo>
                    <a:pt x="974" y="248"/>
                  </a:lnTo>
                  <a:lnTo>
                    <a:pt x="974" y="264"/>
                  </a:lnTo>
                  <a:lnTo>
                    <a:pt x="974" y="281"/>
                  </a:lnTo>
                  <a:lnTo>
                    <a:pt x="984" y="278"/>
                  </a:lnTo>
                  <a:lnTo>
                    <a:pt x="995" y="274"/>
                  </a:lnTo>
                  <a:lnTo>
                    <a:pt x="1003" y="268"/>
                  </a:lnTo>
                  <a:lnTo>
                    <a:pt x="1012" y="263"/>
                  </a:lnTo>
                  <a:lnTo>
                    <a:pt x="1021" y="258"/>
                  </a:lnTo>
                  <a:lnTo>
                    <a:pt x="1032" y="255"/>
                  </a:lnTo>
                  <a:lnTo>
                    <a:pt x="1037" y="253"/>
                  </a:lnTo>
                  <a:lnTo>
                    <a:pt x="1043" y="253"/>
                  </a:lnTo>
                  <a:lnTo>
                    <a:pt x="1051" y="253"/>
                  </a:lnTo>
                  <a:lnTo>
                    <a:pt x="1058" y="253"/>
                  </a:lnTo>
                  <a:lnTo>
                    <a:pt x="1066" y="257"/>
                  </a:lnTo>
                  <a:lnTo>
                    <a:pt x="1074" y="263"/>
                  </a:lnTo>
                  <a:lnTo>
                    <a:pt x="1081" y="268"/>
                  </a:lnTo>
                  <a:lnTo>
                    <a:pt x="1087" y="276"/>
                  </a:lnTo>
                  <a:lnTo>
                    <a:pt x="1101" y="291"/>
                  </a:lnTo>
                  <a:lnTo>
                    <a:pt x="1114" y="306"/>
                  </a:lnTo>
                  <a:lnTo>
                    <a:pt x="1120" y="313"/>
                  </a:lnTo>
                  <a:lnTo>
                    <a:pt x="1127" y="320"/>
                  </a:lnTo>
                  <a:lnTo>
                    <a:pt x="1134" y="325"/>
                  </a:lnTo>
                  <a:lnTo>
                    <a:pt x="1140" y="331"/>
                  </a:lnTo>
                  <a:lnTo>
                    <a:pt x="1147" y="335"/>
                  </a:lnTo>
                  <a:lnTo>
                    <a:pt x="1155" y="337"/>
                  </a:lnTo>
                  <a:lnTo>
                    <a:pt x="1162" y="338"/>
                  </a:lnTo>
                  <a:lnTo>
                    <a:pt x="1171" y="337"/>
                  </a:lnTo>
                  <a:lnTo>
                    <a:pt x="1173" y="374"/>
                  </a:lnTo>
                  <a:lnTo>
                    <a:pt x="1174" y="412"/>
                  </a:lnTo>
                  <a:lnTo>
                    <a:pt x="1174" y="452"/>
                  </a:lnTo>
                  <a:lnTo>
                    <a:pt x="1173" y="492"/>
                  </a:lnTo>
                  <a:lnTo>
                    <a:pt x="1171" y="531"/>
                  </a:lnTo>
                  <a:lnTo>
                    <a:pt x="1166" y="569"/>
                  </a:lnTo>
                  <a:lnTo>
                    <a:pt x="1163" y="586"/>
                  </a:lnTo>
                  <a:lnTo>
                    <a:pt x="1160" y="604"/>
                  </a:lnTo>
                  <a:lnTo>
                    <a:pt x="1156" y="621"/>
                  </a:lnTo>
                  <a:lnTo>
                    <a:pt x="1152" y="637"/>
                  </a:lnTo>
                  <a:lnTo>
                    <a:pt x="1142" y="643"/>
                  </a:lnTo>
                  <a:lnTo>
                    <a:pt x="1134" y="650"/>
                  </a:lnTo>
                  <a:lnTo>
                    <a:pt x="1126" y="657"/>
                  </a:lnTo>
                  <a:lnTo>
                    <a:pt x="1120" y="663"/>
                  </a:lnTo>
                  <a:lnTo>
                    <a:pt x="1108" y="678"/>
                  </a:lnTo>
                  <a:lnTo>
                    <a:pt x="1100" y="694"/>
                  </a:lnTo>
                  <a:lnTo>
                    <a:pt x="1092" y="709"/>
                  </a:lnTo>
                  <a:lnTo>
                    <a:pt x="1083" y="723"/>
                  </a:lnTo>
                  <a:lnTo>
                    <a:pt x="1078" y="730"/>
                  </a:lnTo>
                  <a:lnTo>
                    <a:pt x="1072" y="737"/>
                  </a:lnTo>
                  <a:lnTo>
                    <a:pt x="1065" y="743"/>
                  </a:lnTo>
                  <a:lnTo>
                    <a:pt x="1058" y="750"/>
                  </a:lnTo>
                  <a:lnTo>
                    <a:pt x="1060" y="775"/>
                  </a:lnTo>
                  <a:lnTo>
                    <a:pt x="1063" y="799"/>
                  </a:lnTo>
                  <a:lnTo>
                    <a:pt x="1066" y="811"/>
                  </a:lnTo>
                  <a:lnTo>
                    <a:pt x="1072" y="820"/>
                  </a:lnTo>
                  <a:lnTo>
                    <a:pt x="1074" y="824"/>
                  </a:lnTo>
                  <a:lnTo>
                    <a:pt x="1078" y="828"/>
                  </a:lnTo>
                  <a:lnTo>
                    <a:pt x="1081" y="831"/>
                  </a:lnTo>
                  <a:lnTo>
                    <a:pt x="1086" y="834"/>
                  </a:lnTo>
                  <a:lnTo>
                    <a:pt x="1080" y="838"/>
                  </a:lnTo>
                  <a:lnTo>
                    <a:pt x="1075" y="842"/>
                  </a:lnTo>
                  <a:lnTo>
                    <a:pt x="1067" y="844"/>
                  </a:lnTo>
                  <a:lnTo>
                    <a:pt x="1061" y="845"/>
                  </a:lnTo>
                  <a:lnTo>
                    <a:pt x="1046" y="847"/>
                  </a:lnTo>
                  <a:lnTo>
                    <a:pt x="1034" y="847"/>
                  </a:lnTo>
                  <a:lnTo>
                    <a:pt x="1027" y="847"/>
                  </a:lnTo>
                  <a:lnTo>
                    <a:pt x="1023" y="848"/>
                  </a:lnTo>
                  <a:lnTo>
                    <a:pt x="1019" y="850"/>
                  </a:lnTo>
                  <a:lnTo>
                    <a:pt x="1016" y="853"/>
                  </a:lnTo>
                  <a:lnTo>
                    <a:pt x="1015" y="857"/>
                  </a:lnTo>
                  <a:lnTo>
                    <a:pt x="1015" y="862"/>
                  </a:lnTo>
                  <a:lnTo>
                    <a:pt x="1017" y="871"/>
                  </a:lnTo>
                  <a:lnTo>
                    <a:pt x="1020" y="880"/>
                  </a:lnTo>
                  <a:lnTo>
                    <a:pt x="1006" y="883"/>
                  </a:lnTo>
                  <a:lnTo>
                    <a:pt x="992" y="884"/>
                  </a:lnTo>
                  <a:lnTo>
                    <a:pt x="977" y="883"/>
                  </a:lnTo>
                  <a:lnTo>
                    <a:pt x="963" y="882"/>
                  </a:lnTo>
                  <a:lnTo>
                    <a:pt x="935" y="877"/>
                  </a:lnTo>
                  <a:lnTo>
                    <a:pt x="906" y="872"/>
                  </a:lnTo>
                  <a:lnTo>
                    <a:pt x="892" y="869"/>
                  </a:lnTo>
                  <a:lnTo>
                    <a:pt x="877" y="867"/>
                  </a:lnTo>
                  <a:lnTo>
                    <a:pt x="862" y="865"/>
                  </a:lnTo>
                  <a:lnTo>
                    <a:pt x="847" y="865"/>
                  </a:lnTo>
                  <a:lnTo>
                    <a:pt x="833" y="867"/>
                  </a:lnTo>
                  <a:lnTo>
                    <a:pt x="818" y="869"/>
                  </a:lnTo>
                  <a:lnTo>
                    <a:pt x="802" y="874"/>
                  </a:lnTo>
                  <a:lnTo>
                    <a:pt x="786" y="880"/>
                  </a:lnTo>
                  <a:lnTo>
                    <a:pt x="772" y="870"/>
                  </a:lnTo>
                  <a:lnTo>
                    <a:pt x="758" y="857"/>
                  </a:lnTo>
                  <a:lnTo>
                    <a:pt x="744" y="845"/>
                  </a:lnTo>
                  <a:lnTo>
                    <a:pt x="730" y="834"/>
                  </a:lnTo>
                  <a:lnTo>
                    <a:pt x="729" y="828"/>
                  </a:lnTo>
                  <a:lnTo>
                    <a:pt x="729" y="822"/>
                  </a:lnTo>
                  <a:lnTo>
                    <a:pt x="730" y="818"/>
                  </a:lnTo>
                  <a:lnTo>
                    <a:pt x="733" y="815"/>
                  </a:lnTo>
                  <a:lnTo>
                    <a:pt x="739" y="811"/>
                  </a:lnTo>
                  <a:lnTo>
                    <a:pt x="745" y="807"/>
                  </a:lnTo>
                  <a:lnTo>
                    <a:pt x="754" y="803"/>
                  </a:lnTo>
                  <a:lnTo>
                    <a:pt x="760" y="800"/>
                  </a:lnTo>
                  <a:lnTo>
                    <a:pt x="763" y="798"/>
                  </a:lnTo>
                  <a:lnTo>
                    <a:pt x="765" y="795"/>
                  </a:lnTo>
                  <a:lnTo>
                    <a:pt x="766" y="791"/>
                  </a:lnTo>
                  <a:lnTo>
                    <a:pt x="767" y="787"/>
                  </a:lnTo>
                  <a:lnTo>
                    <a:pt x="748" y="776"/>
                  </a:lnTo>
                  <a:lnTo>
                    <a:pt x="727" y="765"/>
                  </a:lnTo>
                  <a:lnTo>
                    <a:pt x="717" y="761"/>
                  </a:lnTo>
                  <a:lnTo>
                    <a:pt x="706" y="757"/>
                  </a:lnTo>
                  <a:lnTo>
                    <a:pt x="695" y="753"/>
                  </a:lnTo>
                  <a:lnTo>
                    <a:pt x="683" y="750"/>
                  </a:lnTo>
                  <a:lnTo>
                    <a:pt x="669" y="758"/>
                  </a:lnTo>
                  <a:lnTo>
                    <a:pt x="658" y="764"/>
                  </a:lnTo>
                  <a:lnTo>
                    <a:pt x="646" y="769"/>
                  </a:lnTo>
                  <a:lnTo>
                    <a:pt x="637" y="771"/>
                  </a:lnTo>
                  <a:lnTo>
                    <a:pt x="627" y="771"/>
                  </a:lnTo>
                  <a:lnTo>
                    <a:pt x="617" y="771"/>
                  </a:lnTo>
                  <a:lnTo>
                    <a:pt x="605" y="770"/>
                  </a:lnTo>
                  <a:lnTo>
                    <a:pt x="592" y="769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131" name="Viborg kant"/>
            <p:cNvSpPr>
              <a:spLocks/>
            </p:cNvSpPr>
            <p:nvPr/>
          </p:nvSpPr>
          <p:spPr bwMode="auto">
            <a:xfrm>
              <a:off x="1211264" y="3649668"/>
              <a:ext cx="620714" cy="579438"/>
            </a:xfrm>
            <a:custGeom>
              <a:avLst/>
              <a:gdLst>
                <a:gd name="T0" fmla="*/ 188 w 1174"/>
                <a:gd name="T1" fmla="*/ 265 h 1096"/>
                <a:gd name="T2" fmla="*/ 165 w 1174"/>
                <a:gd name="T3" fmla="*/ 268 h 1096"/>
                <a:gd name="T4" fmla="*/ 144 w 1174"/>
                <a:gd name="T5" fmla="*/ 299 h 1096"/>
                <a:gd name="T6" fmla="*/ 129 w 1174"/>
                <a:gd name="T7" fmla="*/ 316 h 1096"/>
                <a:gd name="T8" fmla="*/ 123 w 1174"/>
                <a:gd name="T9" fmla="*/ 330 h 1096"/>
                <a:gd name="T10" fmla="*/ 120 w 1174"/>
                <a:gd name="T11" fmla="*/ 359 h 1096"/>
                <a:gd name="T12" fmla="*/ 111 w 1174"/>
                <a:gd name="T13" fmla="*/ 357 h 1096"/>
                <a:gd name="T14" fmla="*/ 111 w 1174"/>
                <a:gd name="T15" fmla="*/ 331 h 1096"/>
                <a:gd name="T16" fmla="*/ 75 w 1174"/>
                <a:gd name="T17" fmla="*/ 326 h 1096"/>
                <a:gd name="T18" fmla="*/ 47 w 1174"/>
                <a:gd name="T19" fmla="*/ 302 h 1096"/>
                <a:gd name="T20" fmla="*/ 40 w 1174"/>
                <a:gd name="T21" fmla="*/ 302 h 1096"/>
                <a:gd name="T22" fmla="*/ 30 w 1174"/>
                <a:gd name="T23" fmla="*/ 286 h 1096"/>
                <a:gd name="T24" fmla="*/ 37 w 1174"/>
                <a:gd name="T25" fmla="*/ 279 h 1096"/>
                <a:gd name="T26" fmla="*/ 57 w 1174"/>
                <a:gd name="T27" fmla="*/ 283 h 1096"/>
                <a:gd name="T28" fmla="*/ 59 w 1174"/>
                <a:gd name="T29" fmla="*/ 261 h 1096"/>
                <a:gd name="T30" fmla="*/ 30 w 1174"/>
                <a:gd name="T31" fmla="*/ 236 h 1096"/>
                <a:gd name="T32" fmla="*/ 15 w 1174"/>
                <a:gd name="T33" fmla="*/ 218 h 1096"/>
                <a:gd name="T34" fmla="*/ 10 w 1174"/>
                <a:gd name="T35" fmla="*/ 191 h 1096"/>
                <a:gd name="T36" fmla="*/ 2 w 1174"/>
                <a:gd name="T37" fmla="*/ 138 h 1096"/>
                <a:gd name="T38" fmla="*/ 43 w 1174"/>
                <a:gd name="T39" fmla="*/ 131 h 1096"/>
                <a:gd name="T40" fmla="*/ 67 w 1174"/>
                <a:gd name="T41" fmla="*/ 134 h 1096"/>
                <a:gd name="T42" fmla="*/ 98 w 1174"/>
                <a:gd name="T43" fmla="*/ 135 h 1096"/>
                <a:gd name="T44" fmla="*/ 124 w 1174"/>
                <a:gd name="T45" fmla="*/ 112 h 1096"/>
                <a:gd name="T46" fmla="*/ 141 w 1174"/>
                <a:gd name="T47" fmla="*/ 116 h 1096"/>
                <a:gd name="T48" fmla="*/ 161 w 1174"/>
                <a:gd name="T49" fmla="*/ 138 h 1096"/>
                <a:gd name="T50" fmla="*/ 180 w 1174"/>
                <a:gd name="T51" fmla="*/ 127 h 1096"/>
                <a:gd name="T52" fmla="*/ 191 w 1174"/>
                <a:gd name="T53" fmla="*/ 119 h 1096"/>
                <a:gd name="T54" fmla="*/ 195 w 1174"/>
                <a:gd name="T55" fmla="*/ 102 h 1096"/>
                <a:gd name="T56" fmla="*/ 172 w 1174"/>
                <a:gd name="T57" fmla="*/ 111 h 1096"/>
                <a:gd name="T58" fmla="*/ 157 w 1174"/>
                <a:gd name="T59" fmla="*/ 113 h 1096"/>
                <a:gd name="T60" fmla="*/ 159 w 1174"/>
                <a:gd name="T61" fmla="*/ 77 h 1096"/>
                <a:gd name="T62" fmla="*/ 169 w 1174"/>
                <a:gd name="T63" fmla="*/ 33 h 1096"/>
                <a:gd name="T64" fmla="*/ 186 w 1174"/>
                <a:gd name="T65" fmla="*/ 27 h 1096"/>
                <a:gd name="T66" fmla="*/ 201 w 1174"/>
                <a:gd name="T67" fmla="*/ 35 h 1096"/>
                <a:gd name="T68" fmla="*/ 220 w 1174"/>
                <a:gd name="T69" fmla="*/ 46 h 1096"/>
                <a:gd name="T70" fmla="*/ 232 w 1174"/>
                <a:gd name="T71" fmla="*/ 29 h 1096"/>
                <a:gd name="T72" fmla="*/ 246 w 1174"/>
                <a:gd name="T73" fmla="*/ 2 h 1096"/>
                <a:gd name="T74" fmla="*/ 250 w 1174"/>
                <a:gd name="T75" fmla="*/ 31 h 1096"/>
                <a:gd name="T76" fmla="*/ 268 w 1174"/>
                <a:gd name="T77" fmla="*/ 49 h 1096"/>
                <a:gd name="T78" fmla="*/ 313 w 1174"/>
                <a:gd name="T79" fmla="*/ 55 h 1096"/>
                <a:gd name="T80" fmla="*/ 339 w 1174"/>
                <a:gd name="T81" fmla="*/ 63 h 1096"/>
                <a:gd name="T82" fmla="*/ 324 w 1174"/>
                <a:gd name="T83" fmla="*/ 88 h 1096"/>
                <a:gd name="T84" fmla="*/ 345 w 1174"/>
                <a:gd name="T85" fmla="*/ 84 h 1096"/>
                <a:gd name="T86" fmla="*/ 367 w 1174"/>
                <a:gd name="T87" fmla="*/ 97 h 1096"/>
                <a:gd name="T88" fmla="*/ 387 w 1174"/>
                <a:gd name="T89" fmla="*/ 113 h 1096"/>
                <a:gd name="T90" fmla="*/ 387 w 1174"/>
                <a:gd name="T91" fmla="*/ 195 h 1096"/>
                <a:gd name="T92" fmla="*/ 369 w 1174"/>
                <a:gd name="T93" fmla="*/ 226 h 1096"/>
                <a:gd name="T94" fmla="*/ 353 w 1174"/>
                <a:gd name="T95" fmla="*/ 258 h 1096"/>
                <a:gd name="T96" fmla="*/ 360 w 1174"/>
                <a:gd name="T97" fmla="*/ 279 h 1096"/>
                <a:gd name="T98" fmla="*/ 339 w 1174"/>
                <a:gd name="T99" fmla="*/ 283 h 1096"/>
                <a:gd name="T100" fmla="*/ 325 w 1174"/>
                <a:gd name="T101" fmla="*/ 294 h 1096"/>
                <a:gd name="T102" fmla="*/ 277 w 1174"/>
                <a:gd name="T103" fmla="*/ 289 h 1096"/>
                <a:gd name="T104" fmla="*/ 243 w 1174"/>
                <a:gd name="T105" fmla="*/ 276 h 1096"/>
                <a:gd name="T106" fmla="*/ 254 w 1174"/>
                <a:gd name="T107" fmla="*/ 266 h 1096"/>
                <a:gd name="T108" fmla="*/ 231 w 1174"/>
                <a:gd name="T109" fmla="*/ 251 h 1096"/>
                <a:gd name="T110" fmla="*/ 201 w 1174"/>
                <a:gd name="T111" fmla="*/ 256 h 109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174" h="1096">
                  <a:moveTo>
                    <a:pt x="592" y="769"/>
                  </a:moveTo>
                  <a:lnTo>
                    <a:pt x="580" y="768"/>
                  </a:lnTo>
                  <a:lnTo>
                    <a:pt x="579" y="774"/>
                  </a:lnTo>
                  <a:lnTo>
                    <a:pt x="577" y="779"/>
                  </a:lnTo>
                  <a:lnTo>
                    <a:pt x="574" y="784"/>
                  </a:lnTo>
                  <a:lnTo>
                    <a:pt x="570" y="789"/>
                  </a:lnTo>
                  <a:lnTo>
                    <a:pt x="567" y="793"/>
                  </a:lnTo>
                  <a:lnTo>
                    <a:pt x="563" y="796"/>
                  </a:lnTo>
                  <a:lnTo>
                    <a:pt x="559" y="799"/>
                  </a:lnTo>
                  <a:lnTo>
                    <a:pt x="554" y="802"/>
                  </a:lnTo>
                  <a:lnTo>
                    <a:pt x="548" y="804"/>
                  </a:lnTo>
                  <a:lnTo>
                    <a:pt x="542" y="805"/>
                  </a:lnTo>
                  <a:lnTo>
                    <a:pt x="536" y="807"/>
                  </a:lnTo>
                  <a:lnTo>
                    <a:pt x="528" y="808"/>
                  </a:lnTo>
                  <a:lnTo>
                    <a:pt x="514" y="808"/>
                  </a:lnTo>
                  <a:lnTo>
                    <a:pt x="496" y="805"/>
                  </a:lnTo>
                  <a:lnTo>
                    <a:pt x="494" y="818"/>
                  </a:lnTo>
                  <a:lnTo>
                    <a:pt x="490" y="829"/>
                  </a:lnTo>
                  <a:lnTo>
                    <a:pt x="486" y="837"/>
                  </a:lnTo>
                  <a:lnTo>
                    <a:pt x="482" y="845"/>
                  </a:lnTo>
                  <a:lnTo>
                    <a:pt x="470" y="859"/>
                  </a:lnTo>
                  <a:lnTo>
                    <a:pt x="459" y="872"/>
                  </a:lnTo>
                  <a:lnTo>
                    <a:pt x="446" y="884"/>
                  </a:lnTo>
                  <a:lnTo>
                    <a:pt x="433" y="899"/>
                  </a:lnTo>
                  <a:lnTo>
                    <a:pt x="427" y="909"/>
                  </a:lnTo>
                  <a:lnTo>
                    <a:pt x="422" y="919"/>
                  </a:lnTo>
                  <a:lnTo>
                    <a:pt x="417" y="932"/>
                  </a:lnTo>
                  <a:lnTo>
                    <a:pt x="411" y="946"/>
                  </a:lnTo>
                  <a:lnTo>
                    <a:pt x="404" y="946"/>
                  </a:lnTo>
                  <a:lnTo>
                    <a:pt x="397" y="946"/>
                  </a:lnTo>
                  <a:lnTo>
                    <a:pt x="391" y="947"/>
                  </a:lnTo>
                  <a:lnTo>
                    <a:pt x="386" y="948"/>
                  </a:lnTo>
                  <a:lnTo>
                    <a:pt x="382" y="951"/>
                  </a:lnTo>
                  <a:lnTo>
                    <a:pt x="378" y="954"/>
                  </a:lnTo>
                  <a:lnTo>
                    <a:pt x="376" y="959"/>
                  </a:lnTo>
                  <a:lnTo>
                    <a:pt x="375" y="964"/>
                  </a:lnTo>
                  <a:lnTo>
                    <a:pt x="384" y="974"/>
                  </a:lnTo>
                  <a:lnTo>
                    <a:pt x="378" y="978"/>
                  </a:lnTo>
                  <a:lnTo>
                    <a:pt x="373" y="983"/>
                  </a:lnTo>
                  <a:lnTo>
                    <a:pt x="369" y="990"/>
                  </a:lnTo>
                  <a:lnTo>
                    <a:pt x="365" y="996"/>
                  </a:lnTo>
                  <a:lnTo>
                    <a:pt x="362" y="1003"/>
                  </a:lnTo>
                  <a:lnTo>
                    <a:pt x="360" y="1011"/>
                  </a:lnTo>
                  <a:lnTo>
                    <a:pt x="359" y="1019"/>
                  </a:lnTo>
                  <a:lnTo>
                    <a:pt x="358" y="1027"/>
                  </a:lnTo>
                  <a:lnTo>
                    <a:pt x="357" y="1044"/>
                  </a:lnTo>
                  <a:lnTo>
                    <a:pt x="358" y="1061"/>
                  </a:lnTo>
                  <a:lnTo>
                    <a:pt x="361" y="1079"/>
                  </a:lnTo>
                  <a:lnTo>
                    <a:pt x="365" y="1096"/>
                  </a:lnTo>
                  <a:lnTo>
                    <a:pt x="361" y="1095"/>
                  </a:lnTo>
                  <a:lnTo>
                    <a:pt x="357" y="1094"/>
                  </a:lnTo>
                  <a:lnTo>
                    <a:pt x="353" y="1093"/>
                  </a:lnTo>
                  <a:lnTo>
                    <a:pt x="349" y="1091"/>
                  </a:lnTo>
                  <a:lnTo>
                    <a:pt x="343" y="1086"/>
                  </a:lnTo>
                  <a:lnTo>
                    <a:pt x="338" y="1079"/>
                  </a:lnTo>
                  <a:lnTo>
                    <a:pt x="333" y="1071"/>
                  </a:lnTo>
                  <a:lnTo>
                    <a:pt x="330" y="1062"/>
                  </a:lnTo>
                  <a:lnTo>
                    <a:pt x="328" y="1053"/>
                  </a:lnTo>
                  <a:lnTo>
                    <a:pt x="327" y="1042"/>
                  </a:lnTo>
                  <a:lnTo>
                    <a:pt x="326" y="1033"/>
                  </a:lnTo>
                  <a:lnTo>
                    <a:pt x="326" y="1022"/>
                  </a:lnTo>
                  <a:lnTo>
                    <a:pt x="327" y="1012"/>
                  </a:lnTo>
                  <a:lnTo>
                    <a:pt x="329" y="1002"/>
                  </a:lnTo>
                  <a:lnTo>
                    <a:pt x="332" y="994"/>
                  </a:lnTo>
                  <a:lnTo>
                    <a:pt x="337" y="986"/>
                  </a:lnTo>
                  <a:lnTo>
                    <a:pt x="341" y="979"/>
                  </a:lnTo>
                  <a:lnTo>
                    <a:pt x="346" y="974"/>
                  </a:lnTo>
                  <a:lnTo>
                    <a:pt x="311" y="975"/>
                  </a:lnTo>
                  <a:lnTo>
                    <a:pt x="280" y="975"/>
                  </a:lnTo>
                  <a:lnTo>
                    <a:pt x="263" y="976"/>
                  </a:lnTo>
                  <a:lnTo>
                    <a:pt x="245" y="977"/>
                  </a:lnTo>
                  <a:lnTo>
                    <a:pt x="226" y="980"/>
                  </a:lnTo>
                  <a:lnTo>
                    <a:pt x="206" y="983"/>
                  </a:lnTo>
                  <a:lnTo>
                    <a:pt x="192" y="963"/>
                  </a:lnTo>
                  <a:lnTo>
                    <a:pt x="180" y="948"/>
                  </a:lnTo>
                  <a:lnTo>
                    <a:pt x="169" y="935"/>
                  </a:lnTo>
                  <a:lnTo>
                    <a:pt x="160" y="924"/>
                  </a:lnTo>
                  <a:lnTo>
                    <a:pt x="152" y="916"/>
                  </a:lnTo>
                  <a:lnTo>
                    <a:pt x="145" y="911"/>
                  </a:lnTo>
                  <a:lnTo>
                    <a:pt x="140" y="908"/>
                  </a:lnTo>
                  <a:lnTo>
                    <a:pt x="134" y="906"/>
                  </a:lnTo>
                  <a:lnTo>
                    <a:pt x="130" y="904"/>
                  </a:lnTo>
                  <a:lnTo>
                    <a:pt x="127" y="904"/>
                  </a:lnTo>
                  <a:lnTo>
                    <a:pt x="125" y="904"/>
                  </a:lnTo>
                  <a:lnTo>
                    <a:pt x="123" y="906"/>
                  </a:lnTo>
                  <a:lnTo>
                    <a:pt x="121" y="907"/>
                  </a:lnTo>
                  <a:lnTo>
                    <a:pt x="120" y="908"/>
                  </a:lnTo>
                  <a:lnTo>
                    <a:pt x="119" y="908"/>
                  </a:lnTo>
                  <a:lnTo>
                    <a:pt x="118" y="907"/>
                  </a:lnTo>
                  <a:lnTo>
                    <a:pt x="105" y="890"/>
                  </a:lnTo>
                  <a:lnTo>
                    <a:pt x="94" y="878"/>
                  </a:lnTo>
                  <a:lnTo>
                    <a:pt x="92" y="875"/>
                  </a:lnTo>
                  <a:lnTo>
                    <a:pt x="90" y="872"/>
                  </a:lnTo>
                  <a:lnTo>
                    <a:pt x="89" y="869"/>
                  </a:lnTo>
                  <a:lnTo>
                    <a:pt x="89" y="864"/>
                  </a:lnTo>
                  <a:lnTo>
                    <a:pt x="89" y="860"/>
                  </a:lnTo>
                  <a:lnTo>
                    <a:pt x="89" y="855"/>
                  </a:lnTo>
                  <a:lnTo>
                    <a:pt x="91" y="850"/>
                  </a:lnTo>
                  <a:lnTo>
                    <a:pt x="93" y="843"/>
                  </a:lnTo>
                  <a:lnTo>
                    <a:pt x="97" y="840"/>
                  </a:lnTo>
                  <a:lnTo>
                    <a:pt x="101" y="838"/>
                  </a:lnTo>
                  <a:lnTo>
                    <a:pt x="104" y="837"/>
                  </a:lnTo>
                  <a:lnTo>
                    <a:pt x="107" y="837"/>
                  </a:lnTo>
                  <a:lnTo>
                    <a:pt x="110" y="837"/>
                  </a:lnTo>
                  <a:lnTo>
                    <a:pt x="113" y="839"/>
                  </a:lnTo>
                  <a:lnTo>
                    <a:pt x="117" y="841"/>
                  </a:lnTo>
                  <a:lnTo>
                    <a:pt x="120" y="843"/>
                  </a:lnTo>
                  <a:lnTo>
                    <a:pt x="130" y="857"/>
                  </a:lnTo>
                  <a:lnTo>
                    <a:pt x="140" y="871"/>
                  </a:lnTo>
                  <a:lnTo>
                    <a:pt x="152" y="862"/>
                  </a:lnTo>
                  <a:lnTo>
                    <a:pt x="166" y="855"/>
                  </a:lnTo>
                  <a:lnTo>
                    <a:pt x="172" y="851"/>
                  </a:lnTo>
                  <a:lnTo>
                    <a:pt x="179" y="847"/>
                  </a:lnTo>
                  <a:lnTo>
                    <a:pt x="183" y="840"/>
                  </a:lnTo>
                  <a:lnTo>
                    <a:pt x="187" y="834"/>
                  </a:lnTo>
                  <a:lnTo>
                    <a:pt x="187" y="822"/>
                  </a:lnTo>
                  <a:lnTo>
                    <a:pt x="186" y="812"/>
                  </a:lnTo>
                  <a:lnTo>
                    <a:pt x="184" y="802"/>
                  </a:lnTo>
                  <a:lnTo>
                    <a:pt x="182" y="794"/>
                  </a:lnTo>
                  <a:lnTo>
                    <a:pt x="178" y="785"/>
                  </a:lnTo>
                  <a:lnTo>
                    <a:pt x="173" y="778"/>
                  </a:lnTo>
                  <a:lnTo>
                    <a:pt x="168" y="771"/>
                  </a:lnTo>
                  <a:lnTo>
                    <a:pt x="163" y="763"/>
                  </a:lnTo>
                  <a:lnTo>
                    <a:pt x="150" y="751"/>
                  </a:lnTo>
                  <a:lnTo>
                    <a:pt x="137" y="740"/>
                  </a:lnTo>
                  <a:lnTo>
                    <a:pt x="122" y="730"/>
                  </a:lnTo>
                  <a:lnTo>
                    <a:pt x="106" y="720"/>
                  </a:lnTo>
                  <a:lnTo>
                    <a:pt x="91" y="710"/>
                  </a:lnTo>
                  <a:lnTo>
                    <a:pt x="78" y="700"/>
                  </a:lnTo>
                  <a:lnTo>
                    <a:pt x="71" y="695"/>
                  </a:lnTo>
                  <a:lnTo>
                    <a:pt x="65" y="689"/>
                  </a:lnTo>
                  <a:lnTo>
                    <a:pt x="60" y="683"/>
                  </a:lnTo>
                  <a:lnTo>
                    <a:pt x="54" y="677"/>
                  </a:lnTo>
                  <a:lnTo>
                    <a:pt x="50" y="671"/>
                  </a:lnTo>
                  <a:lnTo>
                    <a:pt x="47" y="663"/>
                  </a:lnTo>
                  <a:lnTo>
                    <a:pt x="45" y="656"/>
                  </a:lnTo>
                  <a:lnTo>
                    <a:pt x="43" y="648"/>
                  </a:lnTo>
                  <a:lnTo>
                    <a:pt x="42" y="639"/>
                  </a:lnTo>
                  <a:lnTo>
                    <a:pt x="43" y="630"/>
                  </a:lnTo>
                  <a:lnTo>
                    <a:pt x="44" y="619"/>
                  </a:lnTo>
                  <a:lnTo>
                    <a:pt x="46" y="609"/>
                  </a:lnTo>
                  <a:lnTo>
                    <a:pt x="40" y="598"/>
                  </a:lnTo>
                  <a:lnTo>
                    <a:pt x="34" y="586"/>
                  </a:lnTo>
                  <a:lnTo>
                    <a:pt x="29" y="575"/>
                  </a:lnTo>
                  <a:lnTo>
                    <a:pt x="25" y="562"/>
                  </a:lnTo>
                  <a:lnTo>
                    <a:pt x="19" y="538"/>
                  </a:lnTo>
                  <a:lnTo>
                    <a:pt x="13" y="513"/>
                  </a:lnTo>
                  <a:lnTo>
                    <a:pt x="10" y="486"/>
                  </a:lnTo>
                  <a:lnTo>
                    <a:pt x="7" y="461"/>
                  </a:lnTo>
                  <a:lnTo>
                    <a:pt x="4" y="436"/>
                  </a:lnTo>
                  <a:lnTo>
                    <a:pt x="0" y="412"/>
                  </a:lnTo>
                  <a:lnTo>
                    <a:pt x="6" y="414"/>
                  </a:lnTo>
                  <a:lnTo>
                    <a:pt x="12" y="415"/>
                  </a:lnTo>
                  <a:lnTo>
                    <a:pt x="20" y="416"/>
                  </a:lnTo>
                  <a:lnTo>
                    <a:pt x="27" y="416"/>
                  </a:lnTo>
                  <a:lnTo>
                    <a:pt x="41" y="414"/>
                  </a:lnTo>
                  <a:lnTo>
                    <a:pt x="55" y="412"/>
                  </a:lnTo>
                  <a:lnTo>
                    <a:pt x="85" y="403"/>
                  </a:lnTo>
                  <a:lnTo>
                    <a:pt x="114" y="395"/>
                  </a:lnTo>
                  <a:lnTo>
                    <a:pt x="129" y="392"/>
                  </a:lnTo>
                  <a:lnTo>
                    <a:pt x="143" y="390"/>
                  </a:lnTo>
                  <a:lnTo>
                    <a:pt x="157" y="388"/>
                  </a:lnTo>
                  <a:lnTo>
                    <a:pt x="170" y="390"/>
                  </a:lnTo>
                  <a:lnTo>
                    <a:pt x="177" y="391"/>
                  </a:lnTo>
                  <a:lnTo>
                    <a:pt x="183" y="393"/>
                  </a:lnTo>
                  <a:lnTo>
                    <a:pt x="188" y="396"/>
                  </a:lnTo>
                  <a:lnTo>
                    <a:pt x="194" y="399"/>
                  </a:lnTo>
                  <a:lnTo>
                    <a:pt x="200" y="403"/>
                  </a:lnTo>
                  <a:lnTo>
                    <a:pt x="205" y="408"/>
                  </a:lnTo>
                  <a:lnTo>
                    <a:pt x="210" y="415"/>
                  </a:lnTo>
                  <a:lnTo>
                    <a:pt x="216" y="421"/>
                  </a:lnTo>
                  <a:lnTo>
                    <a:pt x="233" y="421"/>
                  </a:lnTo>
                  <a:lnTo>
                    <a:pt x="249" y="419"/>
                  </a:lnTo>
                  <a:lnTo>
                    <a:pt x="265" y="416"/>
                  </a:lnTo>
                  <a:lnTo>
                    <a:pt x="280" y="412"/>
                  </a:lnTo>
                  <a:lnTo>
                    <a:pt x="293" y="406"/>
                  </a:lnTo>
                  <a:lnTo>
                    <a:pt x="306" y="400"/>
                  </a:lnTo>
                  <a:lnTo>
                    <a:pt x="318" y="393"/>
                  </a:lnTo>
                  <a:lnTo>
                    <a:pt x="328" y="385"/>
                  </a:lnTo>
                  <a:lnTo>
                    <a:pt x="339" y="376"/>
                  </a:lnTo>
                  <a:lnTo>
                    <a:pt x="348" y="367"/>
                  </a:lnTo>
                  <a:lnTo>
                    <a:pt x="357" y="357"/>
                  </a:lnTo>
                  <a:lnTo>
                    <a:pt x="365" y="346"/>
                  </a:lnTo>
                  <a:lnTo>
                    <a:pt x="372" y="336"/>
                  </a:lnTo>
                  <a:lnTo>
                    <a:pt x="380" y="324"/>
                  </a:lnTo>
                  <a:lnTo>
                    <a:pt x="386" y="312"/>
                  </a:lnTo>
                  <a:lnTo>
                    <a:pt x="393" y="300"/>
                  </a:lnTo>
                  <a:lnTo>
                    <a:pt x="396" y="310"/>
                  </a:lnTo>
                  <a:lnTo>
                    <a:pt x="400" y="319"/>
                  </a:lnTo>
                  <a:lnTo>
                    <a:pt x="405" y="326"/>
                  </a:lnTo>
                  <a:lnTo>
                    <a:pt x="410" y="334"/>
                  </a:lnTo>
                  <a:lnTo>
                    <a:pt x="423" y="347"/>
                  </a:lnTo>
                  <a:lnTo>
                    <a:pt x="437" y="359"/>
                  </a:lnTo>
                  <a:lnTo>
                    <a:pt x="450" y="372"/>
                  </a:lnTo>
                  <a:lnTo>
                    <a:pt x="462" y="385"/>
                  </a:lnTo>
                  <a:lnTo>
                    <a:pt x="467" y="393"/>
                  </a:lnTo>
                  <a:lnTo>
                    <a:pt x="471" y="401"/>
                  </a:lnTo>
                  <a:lnTo>
                    <a:pt x="475" y="411"/>
                  </a:lnTo>
                  <a:lnTo>
                    <a:pt x="478" y="421"/>
                  </a:lnTo>
                  <a:lnTo>
                    <a:pt x="482" y="414"/>
                  </a:lnTo>
                  <a:lnTo>
                    <a:pt x="487" y="406"/>
                  </a:lnTo>
                  <a:lnTo>
                    <a:pt x="492" y="401"/>
                  </a:lnTo>
                  <a:lnTo>
                    <a:pt x="498" y="396"/>
                  </a:lnTo>
                  <a:lnTo>
                    <a:pt x="504" y="392"/>
                  </a:lnTo>
                  <a:lnTo>
                    <a:pt x="511" y="388"/>
                  </a:lnTo>
                  <a:lnTo>
                    <a:pt x="518" y="385"/>
                  </a:lnTo>
                  <a:lnTo>
                    <a:pt x="525" y="383"/>
                  </a:lnTo>
                  <a:lnTo>
                    <a:pt x="541" y="380"/>
                  </a:lnTo>
                  <a:lnTo>
                    <a:pt x="557" y="378"/>
                  </a:lnTo>
                  <a:lnTo>
                    <a:pt x="572" y="376"/>
                  </a:lnTo>
                  <a:lnTo>
                    <a:pt x="589" y="375"/>
                  </a:lnTo>
                  <a:lnTo>
                    <a:pt x="584" y="372"/>
                  </a:lnTo>
                  <a:lnTo>
                    <a:pt x="580" y="370"/>
                  </a:lnTo>
                  <a:lnTo>
                    <a:pt x="577" y="365"/>
                  </a:lnTo>
                  <a:lnTo>
                    <a:pt x="575" y="362"/>
                  </a:lnTo>
                  <a:lnTo>
                    <a:pt x="574" y="358"/>
                  </a:lnTo>
                  <a:lnTo>
                    <a:pt x="572" y="354"/>
                  </a:lnTo>
                  <a:lnTo>
                    <a:pt x="572" y="350"/>
                  </a:lnTo>
                  <a:lnTo>
                    <a:pt x="574" y="344"/>
                  </a:lnTo>
                  <a:lnTo>
                    <a:pt x="576" y="336"/>
                  </a:lnTo>
                  <a:lnTo>
                    <a:pt x="580" y="326"/>
                  </a:lnTo>
                  <a:lnTo>
                    <a:pt x="585" y="317"/>
                  </a:lnTo>
                  <a:lnTo>
                    <a:pt x="589" y="310"/>
                  </a:lnTo>
                  <a:lnTo>
                    <a:pt x="585" y="307"/>
                  </a:lnTo>
                  <a:lnTo>
                    <a:pt x="581" y="305"/>
                  </a:lnTo>
                  <a:lnTo>
                    <a:pt x="578" y="305"/>
                  </a:lnTo>
                  <a:lnTo>
                    <a:pt x="574" y="305"/>
                  </a:lnTo>
                  <a:lnTo>
                    <a:pt x="565" y="305"/>
                  </a:lnTo>
                  <a:lnTo>
                    <a:pt x="557" y="308"/>
                  </a:lnTo>
                  <a:lnTo>
                    <a:pt x="540" y="317"/>
                  </a:lnTo>
                  <a:lnTo>
                    <a:pt x="524" y="327"/>
                  </a:lnTo>
                  <a:lnTo>
                    <a:pt x="516" y="333"/>
                  </a:lnTo>
                  <a:lnTo>
                    <a:pt x="507" y="337"/>
                  </a:lnTo>
                  <a:lnTo>
                    <a:pt x="499" y="340"/>
                  </a:lnTo>
                  <a:lnTo>
                    <a:pt x="491" y="342"/>
                  </a:lnTo>
                  <a:lnTo>
                    <a:pt x="487" y="342"/>
                  </a:lnTo>
                  <a:lnTo>
                    <a:pt x="483" y="342"/>
                  </a:lnTo>
                  <a:lnTo>
                    <a:pt x="479" y="341"/>
                  </a:lnTo>
                  <a:lnTo>
                    <a:pt x="475" y="340"/>
                  </a:lnTo>
                  <a:lnTo>
                    <a:pt x="470" y="338"/>
                  </a:lnTo>
                  <a:lnTo>
                    <a:pt x="466" y="336"/>
                  </a:lnTo>
                  <a:lnTo>
                    <a:pt x="463" y="332"/>
                  </a:lnTo>
                  <a:lnTo>
                    <a:pt x="459" y="327"/>
                  </a:lnTo>
                  <a:lnTo>
                    <a:pt x="459" y="311"/>
                  </a:lnTo>
                  <a:lnTo>
                    <a:pt x="461" y="294"/>
                  </a:lnTo>
                  <a:lnTo>
                    <a:pt x="463" y="278"/>
                  </a:lnTo>
                  <a:lnTo>
                    <a:pt x="467" y="261"/>
                  </a:lnTo>
                  <a:lnTo>
                    <a:pt x="478" y="231"/>
                  </a:lnTo>
                  <a:lnTo>
                    <a:pt x="488" y="201"/>
                  </a:lnTo>
                  <a:lnTo>
                    <a:pt x="494" y="186"/>
                  </a:lnTo>
                  <a:lnTo>
                    <a:pt x="499" y="172"/>
                  </a:lnTo>
                  <a:lnTo>
                    <a:pt x="503" y="158"/>
                  </a:lnTo>
                  <a:lnTo>
                    <a:pt x="506" y="143"/>
                  </a:lnTo>
                  <a:lnTo>
                    <a:pt x="508" y="128"/>
                  </a:lnTo>
                  <a:lnTo>
                    <a:pt x="509" y="114"/>
                  </a:lnTo>
                  <a:lnTo>
                    <a:pt x="508" y="99"/>
                  </a:lnTo>
                  <a:lnTo>
                    <a:pt x="505" y="84"/>
                  </a:lnTo>
                  <a:lnTo>
                    <a:pt x="509" y="80"/>
                  </a:lnTo>
                  <a:lnTo>
                    <a:pt x="515" y="77"/>
                  </a:lnTo>
                  <a:lnTo>
                    <a:pt x="520" y="75"/>
                  </a:lnTo>
                  <a:lnTo>
                    <a:pt x="525" y="74"/>
                  </a:lnTo>
                  <a:lnTo>
                    <a:pt x="536" y="75"/>
                  </a:lnTo>
                  <a:lnTo>
                    <a:pt x="547" y="78"/>
                  </a:lnTo>
                  <a:lnTo>
                    <a:pt x="559" y="82"/>
                  </a:lnTo>
                  <a:lnTo>
                    <a:pt x="572" y="85"/>
                  </a:lnTo>
                  <a:lnTo>
                    <a:pt x="579" y="86"/>
                  </a:lnTo>
                  <a:lnTo>
                    <a:pt x="585" y="86"/>
                  </a:lnTo>
                  <a:lnTo>
                    <a:pt x="592" y="86"/>
                  </a:lnTo>
                  <a:lnTo>
                    <a:pt x="599" y="84"/>
                  </a:lnTo>
                  <a:lnTo>
                    <a:pt x="600" y="93"/>
                  </a:lnTo>
                  <a:lnTo>
                    <a:pt x="602" y="99"/>
                  </a:lnTo>
                  <a:lnTo>
                    <a:pt x="605" y="104"/>
                  </a:lnTo>
                  <a:lnTo>
                    <a:pt x="609" y="109"/>
                  </a:lnTo>
                  <a:lnTo>
                    <a:pt x="614" y="114"/>
                  </a:lnTo>
                  <a:lnTo>
                    <a:pt x="619" y="117"/>
                  </a:lnTo>
                  <a:lnTo>
                    <a:pt x="624" y="120"/>
                  </a:lnTo>
                  <a:lnTo>
                    <a:pt x="630" y="123"/>
                  </a:lnTo>
                  <a:lnTo>
                    <a:pt x="643" y="128"/>
                  </a:lnTo>
                  <a:lnTo>
                    <a:pt x="655" y="134"/>
                  </a:lnTo>
                  <a:lnTo>
                    <a:pt x="661" y="137"/>
                  </a:lnTo>
                  <a:lnTo>
                    <a:pt x="665" y="141"/>
                  </a:lnTo>
                  <a:lnTo>
                    <a:pt x="670" y="145"/>
                  </a:lnTo>
                  <a:lnTo>
                    <a:pt x="674" y="149"/>
                  </a:lnTo>
                  <a:lnTo>
                    <a:pt x="679" y="141"/>
                  </a:lnTo>
                  <a:lnTo>
                    <a:pt x="683" y="132"/>
                  </a:lnTo>
                  <a:lnTo>
                    <a:pt x="687" y="121"/>
                  </a:lnTo>
                  <a:lnTo>
                    <a:pt x="690" y="110"/>
                  </a:lnTo>
                  <a:lnTo>
                    <a:pt x="697" y="88"/>
                  </a:lnTo>
                  <a:lnTo>
                    <a:pt x="702" y="66"/>
                  </a:lnTo>
                  <a:lnTo>
                    <a:pt x="705" y="56"/>
                  </a:lnTo>
                  <a:lnTo>
                    <a:pt x="709" y="45"/>
                  </a:lnTo>
                  <a:lnTo>
                    <a:pt x="714" y="36"/>
                  </a:lnTo>
                  <a:lnTo>
                    <a:pt x="719" y="26"/>
                  </a:lnTo>
                  <a:lnTo>
                    <a:pt x="725" y="18"/>
                  </a:lnTo>
                  <a:lnTo>
                    <a:pt x="731" y="10"/>
                  </a:lnTo>
                  <a:lnTo>
                    <a:pt x="740" y="5"/>
                  </a:lnTo>
                  <a:lnTo>
                    <a:pt x="748" y="0"/>
                  </a:lnTo>
                  <a:lnTo>
                    <a:pt x="745" y="16"/>
                  </a:lnTo>
                  <a:lnTo>
                    <a:pt x="744" y="32"/>
                  </a:lnTo>
                  <a:lnTo>
                    <a:pt x="743" y="45"/>
                  </a:lnTo>
                  <a:lnTo>
                    <a:pt x="743" y="59"/>
                  </a:lnTo>
                  <a:lnTo>
                    <a:pt x="744" y="70"/>
                  </a:lnTo>
                  <a:lnTo>
                    <a:pt x="747" y="82"/>
                  </a:lnTo>
                  <a:lnTo>
                    <a:pt x="750" y="92"/>
                  </a:lnTo>
                  <a:lnTo>
                    <a:pt x="755" y="101"/>
                  </a:lnTo>
                  <a:lnTo>
                    <a:pt x="760" y="110"/>
                  </a:lnTo>
                  <a:lnTo>
                    <a:pt x="765" y="118"/>
                  </a:lnTo>
                  <a:lnTo>
                    <a:pt x="773" y="125"/>
                  </a:lnTo>
                  <a:lnTo>
                    <a:pt x="780" y="132"/>
                  </a:lnTo>
                  <a:lnTo>
                    <a:pt x="788" y="137"/>
                  </a:lnTo>
                  <a:lnTo>
                    <a:pt x="797" y="142"/>
                  </a:lnTo>
                  <a:lnTo>
                    <a:pt x="806" y="146"/>
                  </a:lnTo>
                  <a:lnTo>
                    <a:pt x="817" y="151"/>
                  </a:lnTo>
                  <a:lnTo>
                    <a:pt x="827" y="154"/>
                  </a:lnTo>
                  <a:lnTo>
                    <a:pt x="838" y="157"/>
                  </a:lnTo>
                  <a:lnTo>
                    <a:pt x="849" y="159"/>
                  </a:lnTo>
                  <a:lnTo>
                    <a:pt x="862" y="160"/>
                  </a:lnTo>
                  <a:lnTo>
                    <a:pt x="886" y="163"/>
                  </a:lnTo>
                  <a:lnTo>
                    <a:pt x="913" y="164"/>
                  </a:lnTo>
                  <a:lnTo>
                    <a:pt x="939" y="164"/>
                  </a:lnTo>
                  <a:lnTo>
                    <a:pt x="966" y="163"/>
                  </a:lnTo>
                  <a:lnTo>
                    <a:pt x="994" y="161"/>
                  </a:lnTo>
                  <a:lnTo>
                    <a:pt x="1020" y="159"/>
                  </a:lnTo>
                  <a:lnTo>
                    <a:pt x="1022" y="167"/>
                  </a:lnTo>
                  <a:lnTo>
                    <a:pt x="1022" y="174"/>
                  </a:lnTo>
                  <a:lnTo>
                    <a:pt x="1022" y="180"/>
                  </a:lnTo>
                  <a:lnTo>
                    <a:pt x="1021" y="185"/>
                  </a:lnTo>
                  <a:lnTo>
                    <a:pt x="1019" y="189"/>
                  </a:lnTo>
                  <a:lnTo>
                    <a:pt x="1016" y="194"/>
                  </a:lnTo>
                  <a:lnTo>
                    <a:pt x="1013" y="197"/>
                  </a:lnTo>
                  <a:lnTo>
                    <a:pt x="1008" y="199"/>
                  </a:lnTo>
                  <a:lnTo>
                    <a:pt x="991" y="207"/>
                  </a:lnTo>
                  <a:lnTo>
                    <a:pt x="974" y="216"/>
                  </a:lnTo>
                  <a:lnTo>
                    <a:pt x="974" y="232"/>
                  </a:lnTo>
                  <a:lnTo>
                    <a:pt x="974" y="248"/>
                  </a:lnTo>
                  <a:lnTo>
                    <a:pt x="974" y="264"/>
                  </a:lnTo>
                  <a:lnTo>
                    <a:pt x="974" y="281"/>
                  </a:lnTo>
                  <a:lnTo>
                    <a:pt x="984" y="278"/>
                  </a:lnTo>
                  <a:lnTo>
                    <a:pt x="995" y="274"/>
                  </a:lnTo>
                  <a:lnTo>
                    <a:pt x="1003" y="268"/>
                  </a:lnTo>
                  <a:lnTo>
                    <a:pt x="1012" y="263"/>
                  </a:lnTo>
                  <a:lnTo>
                    <a:pt x="1021" y="258"/>
                  </a:lnTo>
                  <a:lnTo>
                    <a:pt x="1032" y="255"/>
                  </a:lnTo>
                  <a:lnTo>
                    <a:pt x="1037" y="253"/>
                  </a:lnTo>
                  <a:lnTo>
                    <a:pt x="1043" y="253"/>
                  </a:lnTo>
                  <a:lnTo>
                    <a:pt x="1051" y="253"/>
                  </a:lnTo>
                  <a:lnTo>
                    <a:pt x="1058" y="253"/>
                  </a:lnTo>
                  <a:lnTo>
                    <a:pt x="1066" y="257"/>
                  </a:lnTo>
                  <a:lnTo>
                    <a:pt x="1074" y="263"/>
                  </a:lnTo>
                  <a:lnTo>
                    <a:pt x="1081" y="268"/>
                  </a:lnTo>
                  <a:lnTo>
                    <a:pt x="1087" y="276"/>
                  </a:lnTo>
                  <a:lnTo>
                    <a:pt x="1101" y="291"/>
                  </a:lnTo>
                  <a:lnTo>
                    <a:pt x="1114" y="306"/>
                  </a:lnTo>
                  <a:lnTo>
                    <a:pt x="1120" y="313"/>
                  </a:lnTo>
                  <a:lnTo>
                    <a:pt x="1127" y="320"/>
                  </a:lnTo>
                  <a:lnTo>
                    <a:pt x="1134" y="325"/>
                  </a:lnTo>
                  <a:lnTo>
                    <a:pt x="1140" y="331"/>
                  </a:lnTo>
                  <a:lnTo>
                    <a:pt x="1147" y="335"/>
                  </a:lnTo>
                  <a:lnTo>
                    <a:pt x="1155" y="337"/>
                  </a:lnTo>
                  <a:lnTo>
                    <a:pt x="1162" y="338"/>
                  </a:lnTo>
                  <a:lnTo>
                    <a:pt x="1171" y="337"/>
                  </a:lnTo>
                  <a:lnTo>
                    <a:pt x="1173" y="374"/>
                  </a:lnTo>
                  <a:lnTo>
                    <a:pt x="1174" y="412"/>
                  </a:lnTo>
                  <a:lnTo>
                    <a:pt x="1174" y="452"/>
                  </a:lnTo>
                  <a:lnTo>
                    <a:pt x="1173" y="492"/>
                  </a:lnTo>
                  <a:lnTo>
                    <a:pt x="1171" y="531"/>
                  </a:lnTo>
                  <a:lnTo>
                    <a:pt x="1166" y="569"/>
                  </a:lnTo>
                  <a:lnTo>
                    <a:pt x="1163" y="586"/>
                  </a:lnTo>
                  <a:lnTo>
                    <a:pt x="1160" y="604"/>
                  </a:lnTo>
                  <a:lnTo>
                    <a:pt x="1156" y="621"/>
                  </a:lnTo>
                  <a:lnTo>
                    <a:pt x="1152" y="637"/>
                  </a:lnTo>
                  <a:lnTo>
                    <a:pt x="1142" y="643"/>
                  </a:lnTo>
                  <a:lnTo>
                    <a:pt x="1134" y="650"/>
                  </a:lnTo>
                  <a:lnTo>
                    <a:pt x="1126" y="657"/>
                  </a:lnTo>
                  <a:lnTo>
                    <a:pt x="1120" y="663"/>
                  </a:lnTo>
                  <a:lnTo>
                    <a:pt x="1108" y="678"/>
                  </a:lnTo>
                  <a:lnTo>
                    <a:pt x="1100" y="694"/>
                  </a:lnTo>
                  <a:lnTo>
                    <a:pt x="1092" y="709"/>
                  </a:lnTo>
                  <a:lnTo>
                    <a:pt x="1083" y="723"/>
                  </a:lnTo>
                  <a:lnTo>
                    <a:pt x="1078" y="730"/>
                  </a:lnTo>
                  <a:lnTo>
                    <a:pt x="1072" y="737"/>
                  </a:lnTo>
                  <a:lnTo>
                    <a:pt x="1065" y="743"/>
                  </a:lnTo>
                  <a:lnTo>
                    <a:pt x="1058" y="750"/>
                  </a:lnTo>
                  <a:lnTo>
                    <a:pt x="1060" y="775"/>
                  </a:lnTo>
                  <a:lnTo>
                    <a:pt x="1063" y="799"/>
                  </a:lnTo>
                  <a:lnTo>
                    <a:pt x="1066" y="811"/>
                  </a:lnTo>
                  <a:lnTo>
                    <a:pt x="1072" y="820"/>
                  </a:lnTo>
                  <a:lnTo>
                    <a:pt x="1074" y="824"/>
                  </a:lnTo>
                  <a:lnTo>
                    <a:pt x="1078" y="828"/>
                  </a:lnTo>
                  <a:lnTo>
                    <a:pt x="1081" y="831"/>
                  </a:lnTo>
                  <a:lnTo>
                    <a:pt x="1086" y="834"/>
                  </a:lnTo>
                  <a:lnTo>
                    <a:pt x="1080" y="838"/>
                  </a:lnTo>
                  <a:lnTo>
                    <a:pt x="1075" y="842"/>
                  </a:lnTo>
                  <a:lnTo>
                    <a:pt x="1067" y="844"/>
                  </a:lnTo>
                  <a:lnTo>
                    <a:pt x="1061" y="845"/>
                  </a:lnTo>
                  <a:lnTo>
                    <a:pt x="1046" y="847"/>
                  </a:lnTo>
                  <a:lnTo>
                    <a:pt x="1034" y="847"/>
                  </a:lnTo>
                  <a:lnTo>
                    <a:pt x="1027" y="847"/>
                  </a:lnTo>
                  <a:lnTo>
                    <a:pt x="1023" y="848"/>
                  </a:lnTo>
                  <a:lnTo>
                    <a:pt x="1019" y="850"/>
                  </a:lnTo>
                  <a:lnTo>
                    <a:pt x="1016" y="853"/>
                  </a:lnTo>
                  <a:lnTo>
                    <a:pt x="1015" y="857"/>
                  </a:lnTo>
                  <a:lnTo>
                    <a:pt x="1015" y="862"/>
                  </a:lnTo>
                  <a:lnTo>
                    <a:pt x="1017" y="871"/>
                  </a:lnTo>
                  <a:lnTo>
                    <a:pt x="1020" y="880"/>
                  </a:lnTo>
                  <a:lnTo>
                    <a:pt x="1006" y="883"/>
                  </a:lnTo>
                  <a:lnTo>
                    <a:pt x="992" y="884"/>
                  </a:lnTo>
                  <a:lnTo>
                    <a:pt x="977" y="883"/>
                  </a:lnTo>
                  <a:lnTo>
                    <a:pt x="963" y="882"/>
                  </a:lnTo>
                  <a:lnTo>
                    <a:pt x="935" y="877"/>
                  </a:lnTo>
                  <a:lnTo>
                    <a:pt x="906" y="872"/>
                  </a:lnTo>
                  <a:lnTo>
                    <a:pt x="892" y="869"/>
                  </a:lnTo>
                  <a:lnTo>
                    <a:pt x="877" y="867"/>
                  </a:lnTo>
                  <a:lnTo>
                    <a:pt x="862" y="865"/>
                  </a:lnTo>
                  <a:lnTo>
                    <a:pt x="847" y="865"/>
                  </a:lnTo>
                  <a:lnTo>
                    <a:pt x="833" y="867"/>
                  </a:lnTo>
                  <a:lnTo>
                    <a:pt x="818" y="869"/>
                  </a:lnTo>
                  <a:lnTo>
                    <a:pt x="802" y="874"/>
                  </a:lnTo>
                  <a:lnTo>
                    <a:pt x="786" y="880"/>
                  </a:lnTo>
                  <a:lnTo>
                    <a:pt x="772" y="870"/>
                  </a:lnTo>
                  <a:lnTo>
                    <a:pt x="758" y="857"/>
                  </a:lnTo>
                  <a:lnTo>
                    <a:pt x="744" y="845"/>
                  </a:lnTo>
                  <a:lnTo>
                    <a:pt x="730" y="834"/>
                  </a:lnTo>
                  <a:lnTo>
                    <a:pt x="729" y="828"/>
                  </a:lnTo>
                  <a:lnTo>
                    <a:pt x="729" y="822"/>
                  </a:lnTo>
                  <a:lnTo>
                    <a:pt x="730" y="818"/>
                  </a:lnTo>
                  <a:lnTo>
                    <a:pt x="733" y="815"/>
                  </a:lnTo>
                  <a:lnTo>
                    <a:pt x="739" y="811"/>
                  </a:lnTo>
                  <a:lnTo>
                    <a:pt x="745" y="807"/>
                  </a:lnTo>
                  <a:lnTo>
                    <a:pt x="754" y="803"/>
                  </a:lnTo>
                  <a:lnTo>
                    <a:pt x="760" y="800"/>
                  </a:lnTo>
                  <a:lnTo>
                    <a:pt x="763" y="798"/>
                  </a:lnTo>
                  <a:lnTo>
                    <a:pt x="765" y="795"/>
                  </a:lnTo>
                  <a:lnTo>
                    <a:pt x="766" y="791"/>
                  </a:lnTo>
                  <a:lnTo>
                    <a:pt x="767" y="787"/>
                  </a:lnTo>
                  <a:lnTo>
                    <a:pt x="748" y="776"/>
                  </a:lnTo>
                  <a:lnTo>
                    <a:pt x="727" y="765"/>
                  </a:lnTo>
                  <a:lnTo>
                    <a:pt x="717" y="761"/>
                  </a:lnTo>
                  <a:lnTo>
                    <a:pt x="706" y="757"/>
                  </a:lnTo>
                  <a:lnTo>
                    <a:pt x="695" y="753"/>
                  </a:lnTo>
                  <a:lnTo>
                    <a:pt x="683" y="750"/>
                  </a:lnTo>
                  <a:lnTo>
                    <a:pt x="669" y="758"/>
                  </a:lnTo>
                  <a:lnTo>
                    <a:pt x="658" y="764"/>
                  </a:lnTo>
                  <a:lnTo>
                    <a:pt x="646" y="769"/>
                  </a:lnTo>
                  <a:lnTo>
                    <a:pt x="637" y="771"/>
                  </a:lnTo>
                  <a:lnTo>
                    <a:pt x="627" y="771"/>
                  </a:lnTo>
                  <a:lnTo>
                    <a:pt x="617" y="771"/>
                  </a:lnTo>
                  <a:lnTo>
                    <a:pt x="605" y="770"/>
                  </a:lnTo>
                  <a:lnTo>
                    <a:pt x="592" y="769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132" name="Skanderborg"/>
            <p:cNvGrpSpPr/>
            <p:nvPr/>
          </p:nvGrpSpPr>
          <p:grpSpPr>
            <a:xfrm>
              <a:off x="1725615" y="4237044"/>
              <a:ext cx="377825" cy="323851"/>
              <a:chOff x="1725615" y="4237044"/>
              <a:chExt cx="377825" cy="323851"/>
            </a:xfrm>
            <a:grpFill/>
          </p:grpSpPr>
          <p:sp>
            <p:nvSpPr>
              <p:cNvPr id="1162" name="Line 151"/>
              <p:cNvSpPr>
                <a:spLocks noChangeShapeType="1"/>
              </p:cNvSpPr>
              <p:nvPr/>
            </p:nvSpPr>
            <p:spPr bwMode="auto">
              <a:xfrm flipH="1" flipV="1">
                <a:off x="2070103" y="4484694"/>
                <a:ext cx="3175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63" name="Line 153"/>
              <p:cNvSpPr>
                <a:spLocks noChangeShapeType="1"/>
              </p:cNvSpPr>
              <p:nvPr/>
            </p:nvSpPr>
            <p:spPr bwMode="auto">
              <a:xfrm>
                <a:off x="2065340" y="4484694"/>
                <a:ext cx="1588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64" name="Skanderborg kant"/>
              <p:cNvSpPr>
                <a:spLocks/>
              </p:cNvSpPr>
              <p:nvPr/>
            </p:nvSpPr>
            <p:spPr bwMode="auto">
              <a:xfrm>
                <a:off x="1725615" y="4237044"/>
                <a:ext cx="371476" cy="323851"/>
              </a:xfrm>
              <a:custGeom>
                <a:avLst/>
                <a:gdLst>
                  <a:gd name="T0" fmla="*/ 202 w 703"/>
                  <a:gd name="T1" fmla="*/ 175 h 612"/>
                  <a:gd name="T2" fmla="*/ 193 w 703"/>
                  <a:gd name="T3" fmla="*/ 181 h 612"/>
                  <a:gd name="T4" fmla="*/ 186 w 703"/>
                  <a:gd name="T5" fmla="*/ 182 h 612"/>
                  <a:gd name="T6" fmla="*/ 183 w 703"/>
                  <a:gd name="T7" fmla="*/ 176 h 612"/>
                  <a:gd name="T8" fmla="*/ 179 w 703"/>
                  <a:gd name="T9" fmla="*/ 173 h 612"/>
                  <a:gd name="T10" fmla="*/ 169 w 703"/>
                  <a:gd name="T11" fmla="*/ 180 h 612"/>
                  <a:gd name="T12" fmla="*/ 144 w 703"/>
                  <a:gd name="T13" fmla="*/ 188 h 612"/>
                  <a:gd name="T14" fmla="*/ 129 w 703"/>
                  <a:gd name="T15" fmla="*/ 195 h 612"/>
                  <a:gd name="T16" fmla="*/ 122 w 703"/>
                  <a:gd name="T17" fmla="*/ 202 h 612"/>
                  <a:gd name="T18" fmla="*/ 117 w 703"/>
                  <a:gd name="T19" fmla="*/ 199 h 612"/>
                  <a:gd name="T20" fmla="*/ 102 w 703"/>
                  <a:gd name="T21" fmla="*/ 189 h 612"/>
                  <a:gd name="T22" fmla="*/ 92 w 703"/>
                  <a:gd name="T23" fmla="*/ 181 h 612"/>
                  <a:gd name="T24" fmla="*/ 99 w 703"/>
                  <a:gd name="T25" fmla="*/ 160 h 612"/>
                  <a:gd name="T26" fmla="*/ 109 w 703"/>
                  <a:gd name="T27" fmla="*/ 128 h 612"/>
                  <a:gd name="T28" fmla="*/ 93 w 703"/>
                  <a:gd name="T29" fmla="*/ 125 h 612"/>
                  <a:gd name="T30" fmla="*/ 75 w 703"/>
                  <a:gd name="T31" fmla="*/ 125 h 612"/>
                  <a:gd name="T32" fmla="*/ 56 w 703"/>
                  <a:gd name="T33" fmla="*/ 128 h 612"/>
                  <a:gd name="T34" fmla="*/ 41 w 703"/>
                  <a:gd name="T35" fmla="*/ 130 h 612"/>
                  <a:gd name="T36" fmla="*/ 37 w 703"/>
                  <a:gd name="T37" fmla="*/ 122 h 612"/>
                  <a:gd name="T38" fmla="*/ 19 w 703"/>
                  <a:gd name="T39" fmla="*/ 116 h 612"/>
                  <a:gd name="T40" fmla="*/ 5 w 703"/>
                  <a:gd name="T41" fmla="*/ 106 h 612"/>
                  <a:gd name="T42" fmla="*/ 1 w 703"/>
                  <a:gd name="T43" fmla="*/ 91 h 612"/>
                  <a:gd name="T44" fmla="*/ 0 w 703"/>
                  <a:gd name="T45" fmla="*/ 80 h 612"/>
                  <a:gd name="T46" fmla="*/ 8 w 703"/>
                  <a:gd name="T47" fmla="*/ 75 h 612"/>
                  <a:gd name="T48" fmla="*/ 30 w 703"/>
                  <a:gd name="T49" fmla="*/ 81 h 612"/>
                  <a:gd name="T50" fmla="*/ 48 w 703"/>
                  <a:gd name="T51" fmla="*/ 71 h 612"/>
                  <a:gd name="T52" fmla="*/ 55 w 703"/>
                  <a:gd name="T53" fmla="*/ 59 h 612"/>
                  <a:gd name="T54" fmla="*/ 56 w 703"/>
                  <a:gd name="T55" fmla="*/ 46 h 612"/>
                  <a:gd name="T56" fmla="*/ 78 w 703"/>
                  <a:gd name="T57" fmla="*/ 38 h 612"/>
                  <a:gd name="T58" fmla="*/ 104 w 703"/>
                  <a:gd name="T59" fmla="*/ 34 h 612"/>
                  <a:gd name="T60" fmla="*/ 112 w 703"/>
                  <a:gd name="T61" fmla="*/ 24 h 612"/>
                  <a:gd name="T62" fmla="*/ 115 w 703"/>
                  <a:gd name="T63" fmla="*/ 15 h 612"/>
                  <a:gd name="T64" fmla="*/ 120 w 703"/>
                  <a:gd name="T65" fmla="*/ 8 h 612"/>
                  <a:gd name="T66" fmla="*/ 136 w 703"/>
                  <a:gd name="T67" fmla="*/ 1 h 612"/>
                  <a:gd name="T68" fmla="*/ 157 w 703"/>
                  <a:gd name="T69" fmla="*/ 1 h 612"/>
                  <a:gd name="T70" fmla="*/ 172 w 703"/>
                  <a:gd name="T71" fmla="*/ 8 h 612"/>
                  <a:gd name="T72" fmla="*/ 169 w 703"/>
                  <a:gd name="T73" fmla="*/ 15 h 612"/>
                  <a:gd name="T74" fmla="*/ 170 w 703"/>
                  <a:gd name="T75" fmla="*/ 18 h 612"/>
                  <a:gd name="T76" fmla="*/ 174 w 703"/>
                  <a:gd name="T77" fmla="*/ 22 h 612"/>
                  <a:gd name="T78" fmla="*/ 169 w 703"/>
                  <a:gd name="T79" fmla="*/ 26 h 612"/>
                  <a:gd name="T80" fmla="*/ 162 w 703"/>
                  <a:gd name="T81" fmla="*/ 29 h 612"/>
                  <a:gd name="T82" fmla="*/ 159 w 703"/>
                  <a:gd name="T83" fmla="*/ 39 h 612"/>
                  <a:gd name="T84" fmla="*/ 156 w 703"/>
                  <a:gd name="T85" fmla="*/ 47 h 612"/>
                  <a:gd name="T86" fmla="*/ 160 w 703"/>
                  <a:gd name="T87" fmla="*/ 63 h 612"/>
                  <a:gd name="T88" fmla="*/ 164 w 703"/>
                  <a:gd name="T89" fmla="*/ 66 h 612"/>
                  <a:gd name="T90" fmla="*/ 166 w 703"/>
                  <a:gd name="T91" fmla="*/ 75 h 612"/>
                  <a:gd name="T92" fmla="*/ 177 w 703"/>
                  <a:gd name="T93" fmla="*/ 81 h 612"/>
                  <a:gd name="T94" fmla="*/ 196 w 703"/>
                  <a:gd name="T95" fmla="*/ 87 h 612"/>
                  <a:gd name="T96" fmla="*/ 213 w 703"/>
                  <a:gd name="T97" fmla="*/ 99 h 612"/>
                  <a:gd name="T98" fmla="*/ 234 w 703"/>
                  <a:gd name="T99" fmla="*/ 120 h 612"/>
                  <a:gd name="T100" fmla="*/ 227 w 703"/>
                  <a:gd name="T101" fmla="*/ 122 h 612"/>
                  <a:gd name="T102" fmla="*/ 219 w 703"/>
                  <a:gd name="T103" fmla="*/ 133 h 612"/>
                  <a:gd name="T104" fmla="*/ 212 w 703"/>
                  <a:gd name="T105" fmla="*/ 135 h 612"/>
                  <a:gd name="T106" fmla="*/ 214 w 703"/>
                  <a:gd name="T107" fmla="*/ 144 h 612"/>
                  <a:gd name="T108" fmla="*/ 215 w 703"/>
                  <a:gd name="T109" fmla="*/ 154 h 612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0" t="0" r="r" b="b"/>
                <a:pathLst>
                  <a:path w="703" h="612">
                    <a:moveTo>
                      <a:pt x="646" y="472"/>
                    </a:moveTo>
                    <a:lnTo>
                      <a:pt x="630" y="493"/>
                    </a:lnTo>
                    <a:lnTo>
                      <a:pt x="615" y="515"/>
                    </a:lnTo>
                    <a:lnTo>
                      <a:pt x="606" y="524"/>
                    </a:lnTo>
                    <a:lnTo>
                      <a:pt x="597" y="534"/>
                    </a:lnTo>
                    <a:lnTo>
                      <a:pt x="590" y="538"/>
                    </a:lnTo>
                    <a:lnTo>
                      <a:pt x="585" y="541"/>
                    </a:lnTo>
                    <a:lnTo>
                      <a:pt x="579" y="544"/>
                    </a:lnTo>
                    <a:lnTo>
                      <a:pt x="571" y="546"/>
                    </a:lnTo>
                    <a:lnTo>
                      <a:pt x="566" y="547"/>
                    </a:lnTo>
                    <a:lnTo>
                      <a:pt x="563" y="547"/>
                    </a:lnTo>
                    <a:lnTo>
                      <a:pt x="559" y="546"/>
                    </a:lnTo>
                    <a:lnTo>
                      <a:pt x="557" y="545"/>
                    </a:lnTo>
                    <a:lnTo>
                      <a:pt x="554" y="541"/>
                    </a:lnTo>
                    <a:lnTo>
                      <a:pt x="551" y="535"/>
                    </a:lnTo>
                    <a:lnTo>
                      <a:pt x="549" y="528"/>
                    </a:lnTo>
                    <a:lnTo>
                      <a:pt x="546" y="523"/>
                    </a:lnTo>
                    <a:lnTo>
                      <a:pt x="544" y="521"/>
                    </a:lnTo>
                    <a:lnTo>
                      <a:pt x="542" y="519"/>
                    </a:lnTo>
                    <a:lnTo>
                      <a:pt x="539" y="519"/>
                    </a:lnTo>
                    <a:lnTo>
                      <a:pt x="535" y="519"/>
                    </a:lnTo>
                    <a:lnTo>
                      <a:pt x="526" y="527"/>
                    </a:lnTo>
                    <a:lnTo>
                      <a:pt x="518" y="535"/>
                    </a:lnTo>
                    <a:lnTo>
                      <a:pt x="507" y="541"/>
                    </a:lnTo>
                    <a:lnTo>
                      <a:pt x="496" y="546"/>
                    </a:lnTo>
                    <a:lnTo>
                      <a:pt x="471" y="554"/>
                    </a:lnTo>
                    <a:lnTo>
                      <a:pt x="446" y="561"/>
                    </a:lnTo>
                    <a:lnTo>
                      <a:pt x="433" y="564"/>
                    </a:lnTo>
                    <a:lnTo>
                      <a:pt x="421" y="568"/>
                    </a:lnTo>
                    <a:lnTo>
                      <a:pt x="409" y="574"/>
                    </a:lnTo>
                    <a:lnTo>
                      <a:pt x="398" y="579"/>
                    </a:lnTo>
                    <a:lnTo>
                      <a:pt x="388" y="585"/>
                    </a:lnTo>
                    <a:lnTo>
                      <a:pt x="379" y="593"/>
                    </a:lnTo>
                    <a:lnTo>
                      <a:pt x="374" y="597"/>
                    </a:lnTo>
                    <a:lnTo>
                      <a:pt x="371" y="601"/>
                    </a:lnTo>
                    <a:lnTo>
                      <a:pt x="368" y="606"/>
                    </a:lnTo>
                    <a:lnTo>
                      <a:pt x="366" y="612"/>
                    </a:lnTo>
                    <a:lnTo>
                      <a:pt x="361" y="606"/>
                    </a:lnTo>
                    <a:lnTo>
                      <a:pt x="356" y="601"/>
                    </a:lnTo>
                    <a:lnTo>
                      <a:pt x="350" y="597"/>
                    </a:lnTo>
                    <a:lnTo>
                      <a:pt x="344" y="592"/>
                    </a:lnTo>
                    <a:lnTo>
                      <a:pt x="331" y="583"/>
                    </a:lnTo>
                    <a:lnTo>
                      <a:pt x="318" y="576"/>
                    </a:lnTo>
                    <a:lnTo>
                      <a:pt x="305" y="567"/>
                    </a:lnTo>
                    <a:lnTo>
                      <a:pt x="292" y="559"/>
                    </a:lnTo>
                    <a:lnTo>
                      <a:pt x="287" y="554"/>
                    </a:lnTo>
                    <a:lnTo>
                      <a:pt x="282" y="548"/>
                    </a:lnTo>
                    <a:lnTo>
                      <a:pt x="277" y="543"/>
                    </a:lnTo>
                    <a:lnTo>
                      <a:pt x="272" y="537"/>
                    </a:lnTo>
                    <a:lnTo>
                      <a:pt x="280" y="518"/>
                    </a:lnTo>
                    <a:lnTo>
                      <a:pt x="287" y="498"/>
                    </a:lnTo>
                    <a:lnTo>
                      <a:pt x="296" y="480"/>
                    </a:lnTo>
                    <a:lnTo>
                      <a:pt x="304" y="462"/>
                    </a:lnTo>
                    <a:lnTo>
                      <a:pt x="322" y="425"/>
                    </a:lnTo>
                    <a:lnTo>
                      <a:pt x="338" y="387"/>
                    </a:lnTo>
                    <a:lnTo>
                      <a:pt x="327" y="384"/>
                    </a:lnTo>
                    <a:lnTo>
                      <a:pt x="316" y="381"/>
                    </a:lnTo>
                    <a:lnTo>
                      <a:pt x="304" y="378"/>
                    </a:lnTo>
                    <a:lnTo>
                      <a:pt x="291" y="376"/>
                    </a:lnTo>
                    <a:lnTo>
                      <a:pt x="279" y="375"/>
                    </a:lnTo>
                    <a:lnTo>
                      <a:pt x="266" y="374"/>
                    </a:lnTo>
                    <a:lnTo>
                      <a:pt x="252" y="374"/>
                    </a:lnTo>
                    <a:lnTo>
                      <a:pt x="239" y="374"/>
                    </a:lnTo>
                    <a:lnTo>
                      <a:pt x="225" y="375"/>
                    </a:lnTo>
                    <a:lnTo>
                      <a:pt x="211" y="376"/>
                    </a:lnTo>
                    <a:lnTo>
                      <a:pt x="197" y="378"/>
                    </a:lnTo>
                    <a:lnTo>
                      <a:pt x="182" y="380"/>
                    </a:lnTo>
                    <a:lnTo>
                      <a:pt x="167" y="383"/>
                    </a:lnTo>
                    <a:lnTo>
                      <a:pt x="152" y="387"/>
                    </a:lnTo>
                    <a:lnTo>
                      <a:pt x="138" y="392"/>
                    </a:lnTo>
                    <a:lnTo>
                      <a:pt x="122" y="397"/>
                    </a:lnTo>
                    <a:lnTo>
                      <a:pt x="123" y="389"/>
                    </a:lnTo>
                    <a:lnTo>
                      <a:pt x="123" y="383"/>
                    </a:lnTo>
                    <a:lnTo>
                      <a:pt x="120" y="377"/>
                    </a:lnTo>
                    <a:lnTo>
                      <a:pt x="117" y="372"/>
                    </a:lnTo>
                    <a:lnTo>
                      <a:pt x="112" y="367"/>
                    </a:lnTo>
                    <a:lnTo>
                      <a:pt x="106" y="363"/>
                    </a:lnTo>
                    <a:lnTo>
                      <a:pt x="100" y="360"/>
                    </a:lnTo>
                    <a:lnTo>
                      <a:pt x="92" y="357"/>
                    </a:lnTo>
                    <a:lnTo>
                      <a:pt x="56" y="348"/>
                    </a:lnTo>
                    <a:lnTo>
                      <a:pt x="20" y="341"/>
                    </a:lnTo>
                    <a:lnTo>
                      <a:pt x="19" y="333"/>
                    </a:lnTo>
                    <a:lnTo>
                      <a:pt x="18" y="325"/>
                    </a:lnTo>
                    <a:lnTo>
                      <a:pt x="15" y="318"/>
                    </a:lnTo>
                    <a:lnTo>
                      <a:pt x="13" y="309"/>
                    </a:lnTo>
                    <a:lnTo>
                      <a:pt x="9" y="295"/>
                    </a:lnTo>
                    <a:lnTo>
                      <a:pt x="4" y="279"/>
                    </a:lnTo>
                    <a:lnTo>
                      <a:pt x="2" y="272"/>
                    </a:lnTo>
                    <a:lnTo>
                      <a:pt x="1" y="264"/>
                    </a:lnTo>
                    <a:lnTo>
                      <a:pt x="0" y="256"/>
                    </a:lnTo>
                    <a:lnTo>
                      <a:pt x="0" y="248"/>
                    </a:lnTo>
                    <a:lnTo>
                      <a:pt x="1" y="241"/>
                    </a:lnTo>
                    <a:lnTo>
                      <a:pt x="3" y="234"/>
                    </a:lnTo>
                    <a:lnTo>
                      <a:pt x="6" y="226"/>
                    </a:lnTo>
                    <a:lnTo>
                      <a:pt x="10" y="219"/>
                    </a:lnTo>
                    <a:lnTo>
                      <a:pt x="24" y="225"/>
                    </a:lnTo>
                    <a:lnTo>
                      <a:pt x="39" y="230"/>
                    </a:lnTo>
                    <a:lnTo>
                      <a:pt x="51" y="234"/>
                    </a:lnTo>
                    <a:lnTo>
                      <a:pt x="65" y="237"/>
                    </a:lnTo>
                    <a:lnTo>
                      <a:pt x="89" y="242"/>
                    </a:lnTo>
                    <a:lnTo>
                      <a:pt x="113" y="247"/>
                    </a:lnTo>
                    <a:lnTo>
                      <a:pt x="124" y="236"/>
                    </a:lnTo>
                    <a:lnTo>
                      <a:pt x="134" y="224"/>
                    </a:lnTo>
                    <a:lnTo>
                      <a:pt x="145" y="213"/>
                    </a:lnTo>
                    <a:lnTo>
                      <a:pt x="153" y="199"/>
                    </a:lnTo>
                    <a:lnTo>
                      <a:pt x="158" y="191"/>
                    </a:lnTo>
                    <a:lnTo>
                      <a:pt x="161" y="184"/>
                    </a:lnTo>
                    <a:lnTo>
                      <a:pt x="164" y="176"/>
                    </a:lnTo>
                    <a:lnTo>
                      <a:pt x="166" y="167"/>
                    </a:lnTo>
                    <a:lnTo>
                      <a:pt x="168" y="158"/>
                    </a:lnTo>
                    <a:lnTo>
                      <a:pt x="169" y="147"/>
                    </a:lnTo>
                    <a:lnTo>
                      <a:pt x="169" y="137"/>
                    </a:lnTo>
                    <a:lnTo>
                      <a:pt x="169" y="125"/>
                    </a:lnTo>
                    <a:lnTo>
                      <a:pt x="194" y="119"/>
                    </a:lnTo>
                    <a:lnTo>
                      <a:pt x="217" y="115"/>
                    </a:lnTo>
                    <a:lnTo>
                      <a:pt x="234" y="113"/>
                    </a:lnTo>
                    <a:lnTo>
                      <a:pt x="252" y="111"/>
                    </a:lnTo>
                    <a:lnTo>
                      <a:pt x="270" y="109"/>
                    </a:lnTo>
                    <a:lnTo>
                      <a:pt x="289" y="107"/>
                    </a:lnTo>
                    <a:lnTo>
                      <a:pt x="311" y="103"/>
                    </a:lnTo>
                    <a:lnTo>
                      <a:pt x="338" y="97"/>
                    </a:lnTo>
                    <a:lnTo>
                      <a:pt x="337" y="88"/>
                    </a:lnTo>
                    <a:lnTo>
                      <a:pt x="336" y="80"/>
                    </a:lnTo>
                    <a:lnTo>
                      <a:pt x="336" y="72"/>
                    </a:lnTo>
                    <a:lnTo>
                      <a:pt x="337" y="65"/>
                    </a:lnTo>
                    <a:lnTo>
                      <a:pt x="339" y="58"/>
                    </a:lnTo>
                    <a:lnTo>
                      <a:pt x="341" y="51"/>
                    </a:lnTo>
                    <a:lnTo>
                      <a:pt x="344" y="45"/>
                    </a:lnTo>
                    <a:lnTo>
                      <a:pt x="347" y="40"/>
                    </a:lnTo>
                    <a:lnTo>
                      <a:pt x="351" y="35"/>
                    </a:lnTo>
                    <a:lnTo>
                      <a:pt x="357" y="29"/>
                    </a:lnTo>
                    <a:lnTo>
                      <a:pt x="362" y="25"/>
                    </a:lnTo>
                    <a:lnTo>
                      <a:pt x="368" y="21"/>
                    </a:lnTo>
                    <a:lnTo>
                      <a:pt x="381" y="14"/>
                    </a:lnTo>
                    <a:lnTo>
                      <a:pt x="395" y="8"/>
                    </a:lnTo>
                    <a:lnTo>
                      <a:pt x="409" y="4"/>
                    </a:lnTo>
                    <a:lnTo>
                      <a:pt x="425" y="1"/>
                    </a:lnTo>
                    <a:lnTo>
                      <a:pt x="442" y="0"/>
                    </a:lnTo>
                    <a:lnTo>
                      <a:pt x="458" y="0"/>
                    </a:lnTo>
                    <a:lnTo>
                      <a:pt x="473" y="2"/>
                    </a:lnTo>
                    <a:lnTo>
                      <a:pt x="488" y="4"/>
                    </a:lnTo>
                    <a:lnTo>
                      <a:pt x="503" y="8"/>
                    </a:lnTo>
                    <a:lnTo>
                      <a:pt x="516" y="12"/>
                    </a:lnTo>
                    <a:lnTo>
                      <a:pt x="516" y="23"/>
                    </a:lnTo>
                    <a:lnTo>
                      <a:pt x="515" y="31"/>
                    </a:lnTo>
                    <a:lnTo>
                      <a:pt x="512" y="39"/>
                    </a:lnTo>
                    <a:lnTo>
                      <a:pt x="510" y="44"/>
                    </a:lnTo>
                    <a:lnTo>
                      <a:pt x="509" y="46"/>
                    </a:lnTo>
                    <a:lnTo>
                      <a:pt x="509" y="49"/>
                    </a:lnTo>
                    <a:lnTo>
                      <a:pt x="509" y="51"/>
                    </a:lnTo>
                    <a:lnTo>
                      <a:pt x="511" y="52"/>
                    </a:lnTo>
                    <a:lnTo>
                      <a:pt x="512" y="55"/>
                    </a:lnTo>
                    <a:lnTo>
                      <a:pt x="516" y="57"/>
                    </a:lnTo>
                    <a:lnTo>
                      <a:pt x="520" y="58"/>
                    </a:lnTo>
                    <a:lnTo>
                      <a:pt x="525" y="60"/>
                    </a:lnTo>
                    <a:lnTo>
                      <a:pt x="524" y="65"/>
                    </a:lnTo>
                    <a:lnTo>
                      <a:pt x="521" y="70"/>
                    </a:lnTo>
                    <a:lnTo>
                      <a:pt x="518" y="74"/>
                    </a:lnTo>
                    <a:lnTo>
                      <a:pt x="513" y="76"/>
                    </a:lnTo>
                    <a:lnTo>
                      <a:pt x="508" y="78"/>
                    </a:lnTo>
                    <a:lnTo>
                      <a:pt x="502" y="79"/>
                    </a:lnTo>
                    <a:lnTo>
                      <a:pt x="496" y="79"/>
                    </a:lnTo>
                    <a:lnTo>
                      <a:pt x="487" y="79"/>
                    </a:lnTo>
                    <a:lnTo>
                      <a:pt x="487" y="87"/>
                    </a:lnTo>
                    <a:lnTo>
                      <a:pt x="487" y="97"/>
                    </a:lnTo>
                    <a:lnTo>
                      <a:pt x="487" y="106"/>
                    </a:lnTo>
                    <a:lnTo>
                      <a:pt x="487" y="116"/>
                    </a:lnTo>
                    <a:lnTo>
                      <a:pt x="478" y="116"/>
                    </a:lnTo>
                    <a:lnTo>
                      <a:pt x="476" y="119"/>
                    </a:lnTo>
                    <a:lnTo>
                      <a:pt x="473" y="125"/>
                    </a:lnTo>
                    <a:lnTo>
                      <a:pt x="471" y="133"/>
                    </a:lnTo>
                    <a:lnTo>
                      <a:pt x="470" y="142"/>
                    </a:lnTo>
                    <a:lnTo>
                      <a:pt x="469" y="164"/>
                    </a:lnTo>
                    <a:lnTo>
                      <a:pt x="469" y="190"/>
                    </a:lnTo>
                    <a:lnTo>
                      <a:pt x="475" y="190"/>
                    </a:lnTo>
                    <a:lnTo>
                      <a:pt x="480" y="190"/>
                    </a:lnTo>
                    <a:lnTo>
                      <a:pt x="484" y="191"/>
                    </a:lnTo>
                    <a:lnTo>
                      <a:pt x="487" y="194"/>
                    </a:lnTo>
                    <a:lnTo>
                      <a:pt x="490" y="196"/>
                    </a:lnTo>
                    <a:lnTo>
                      <a:pt x="492" y="199"/>
                    </a:lnTo>
                    <a:lnTo>
                      <a:pt x="495" y="202"/>
                    </a:lnTo>
                    <a:lnTo>
                      <a:pt x="496" y="206"/>
                    </a:lnTo>
                    <a:lnTo>
                      <a:pt x="497" y="216"/>
                    </a:lnTo>
                    <a:lnTo>
                      <a:pt x="498" y="225"/>
                    </a:lnTo>
                    <a:lnTo>
                      <a:pt x="497" y="236"/>
                    </a:lnTo>
                    <a:lnTo>
                      <a:pt x="497" y="247"/>
                    </a:lnTo>
                    <a:lnTo>
                      <a:pt x="515" y="244"/>
                    </a:lnTo>
                    <a:lnTo>
                      <a:pt x="531" y="244"/>
                    </a:lnTo>
                    <a:lnTo>
                      <a:pt x="547" y="245"/>
                    </a:lnTo>
                    <a:lnTo>
                      <a:pt x="562" y="249"/>
                    </a:lnTo>
                    <a:lnTo>
                      <a:pt x="577" y="254"/>
                    </a:lnTo>
                    <a:lnTo>
                      <a:pt x="590" y="260"/>
                    </a:lnTo>
                    <a:lnTo>
                      <a:pt x="604" y="267"/>
                    </a:lnTo>
                    <a:lnTo>
                      <a:pt x="617" y="276"/>
                    </a:lnTo>
                    <a:lnTo>
                      <a:pt x="628" y="285"/>
                    </a:lnTo>
                    <a:lnTo>
                      <a:pt x="640" y="296"/>
                    </a:lnTo>
                    <a:lnTo>
                      <a:pt x="651" y="306"/>
                    </a:lnTo>
                    <a:lnTo>
                      <a:pt x="662" y="317"/>
                    </a:lnTo>
                    <a:lnTo>
                      <a:pt x="683" y="339"/>
                    </a:lnTo>
                    <a:lnTo>
                      <a:pt x="703" y="359"/>
                    </a:lnTo>
                    <a:lnTo>
                      <a:pt x="697" y="360"/>
                    </a:lnTo>
                    <a:lnTo>
                      <a:pt x="691" y="361"/>
                    </a:lnTo>
                    <a:lnTo>
                      <a:pt x="686" y="364"/>
                    </a:lnTo>
                    <a:lnTo>
                      <a:pt x="682" y="367"/>
                    </a:lnTo>
                    <a:lnTo>
                      <a:pt x="676" y="375"/>
                    </a:lnTo>
                    <a:lnTo>
                      <a:pt x="670" y="383"/>
                    </a:lnTo>
                    <a:lnTo>
                      <a:pt x="664" y="392"/>
                    </a:lnTo>
                    <a:lnTo>
                      <a:pt x="658" y="399"/>
                    </a:lnTo>
                    <a:lnTo>
                      <a:pt x="654" y="401"/>
                    </a:lnTo>
                    <a:lnTo>
                      <a:pt x="649" y="404"/>
                    </a:lnTo>
                    <a:lnTo>
                      <a:pt x="644" y="405"/>
                    </a:lnTo>
                    <a:lnTo>
                      <a:pt x="638" y="406"/>
                    </a:lnTo>
                    <a:lnTo>
                      <a:pt x="638" y="414"/>
                    </a:lnTo>
                    <a:lnTo>
                      <a:pt x="640" y="420"/>
                    </a:lnTo>
                    <a:lnTo>
                      <a:pt x="642" y="426"/>
                    </a:lnTo>
                    <a:lnTo>
                      <a:pt x="644" y="432"/>
                    </a:lnTo>
                    <a:lnTo>
                      <a:pt x="646" y="438"/>
                    </a:lnTo>
                    <a:lnTo>
                      <a:pt x="648" y="444"/>
                    </a:lnTo>
                    <a:lnTo>
                      <a:pt x="648" y="453"/>
                    </a:lnTo>
                    <a:lnTo>
                      <a:pt x="646" y="462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65" name="Skanderborg"/>
              <p:cNvSpPr>
                <a:spLocks/>
              </p:cNvSpPr>
              <p:nvPr/>
            </p:nvSpPr>
            <p:spPr bwMode="auto">
              <a:xfrm>
                <a:off x="1725615" y="4237044"/>
                <a:ext cx="371476" cy="323851"/>
              </a:xfrm>
              <a:custGeom>
                <a:avLst/>
                <a:gdLst>
                  <a:gd name="T0" fmla="*/ 202 w 703"/>
                  <a:gd name="T1" fmla="*/ 175 h 612"/>
                  <a:gd name="T2" fmla="*/ 193 w 703"/>
                  <a:gd name="T3" fmla="*/ 181 h 612"/>
                  <a:gd name="T4" fmla="*/ 186 w 703"/>
                  <a:gd name="T5" fmla="*/ 182 h 612"/>
                  <a:gd name="T6" fmla="*/ 183 w 703"/>
                  <a:gd name="T7" fmla="*/ 176 h 612"/>
                  <a:gd name="T8" fmla="*/ 179 w 703"/>
                  <a:gd name="T9" fmla="*/ 173 h 612"/>
                  <a:gd name="T10" fmla="*/ 169 w 703"/>
                  <a:gd name="T11" fmla="*/ 180 h 612"/>
                  <a:gd name="T12" fmla="*/ 144 w 703"/>
                  <a:gd name="T13" fmla="*/ 188 h 612"/>
                  <a:gd name="T14" fmla="*/ 129 w 703"/>
                  <a:gd name="T15" fmla="*/ 195 h 612"/>
                  <a:gd name="T16" fmla="*/ 122 w 703"/>
                  <a:gd name="T17" fmla="*/ 202 h 612"/>
                  <a:gd name="T18" fmla="*/ 117 w 703"/>
                  <a:gd name="T19" fmla="*/ 199 h 612"/>
                  <a:gd name="T20" fmla="*/ 102 w 703"/>
                  <a:gd name="T21" fmla="*/ 189 h 612"/>
                  <a:gd name="T22" fmla="*/ 92 w 703"/>
                  <a:gd name="T23" fmla="*/ 181 h 612"/>
                  <a:gd name="T24" fmla="*/ 99 w 703"/>
                  <a:gd name="T25" fmla="*/ 160 h 612"/>
                  <a:gd name="T26" fmla="*/ 109 w 703"/>
                  <a:gd name="T27" fmla="*/ 128 h 612"/>
                  <a:gd name="T28" fmla="*/ 93 w 703"/>
                  <a:gd name="T29" fmla="*/ 125 h 612"/>
                  <a:gd name="T30" fmla="*/ 75 w 703"/>
                  <a:gd name="T31" fmla="*/ 125 h 612"/>
                  <a:gd name="T32" fmla="*/ 56 w 703"/>
                  <a:gd name="T33" fmla="*/ 128 h 612"/>
                  <a:gd name="T34" fmla="*/ 41 w 703"/>
                  <a:gd name="T35" fmla="*/ 130 h 612"/>
                  <a:gd name="T36" fmla="*/ 37 w 703"/>
                  <a:gd name="T37" fmla="*/ 122 h 612"/>
                  <a:gd name="T38" fmla="*/ 19 w 703"/>
                  <a:gd name="T39" fmla="*/ 116 h 612"/>
                  <a:gd name="T40" fmla="*/ 5 w 703"/>
                  <a:gd name="T41" fmla="*/ 106 h 612"/>
                  <a:gd name="T42" fmla="*/ 1 w 703"/>
                  <a:gd name="T43" fmla="*/ 91 h 612"/>
                  <a:gd name="T44" fmla="*/ 0 w 703"/>
                  <a:gd name="T45" fmla="*/ 80 h 612"/>
                  <a:gd name="T46" fmla="*/ 8 w 703"/>
                  <a:gd name="T47" fmla="*/ 75 h 612"/>
                  <a:gd name="T48" fmla="*/ 30 w 703"/>
                  <a:gd name="T49" fmla="*/ 81 h 612"/>
                  <a:gd name="T50" fmla="*/ 48 w 703"/>
                  <a:gd name="T51" fmla="*/ 71 h 612"/>
                  <a:gd name="T52" fmla="*/ 55 w 703"/>
                  <a:gd name="T53" fmla="*/ 59 h 612"/>
                  <a:gd name="T54" fmla="*/ 56 w 703"/>
                  <a:gd name="T55" fmla="*/ 46 h 612"/>
                  <a:gd name="T56" fmla="*/ 78 w 703"/>
                  <a:gd name="T57" fmla="*/ 38 h 612"/>
                  <a:gd name="T58" fmla="*/ 104 w 703"/>
                  <a:gd name="T59" fmla="*/ 34 h 612"/>
                  <a:gd name="T60" fmla="*/ 112 w 703"/>
                  <a:gd name="T61" fmla="*/ 24 h 612"/>
                  <a:gd name="T62" fmla="*/ 115 w 703"/>
                  <a:gd name="T63" fmla="*/ 15 h 612"/>
                  <a:gd name="T64" fmla="*/ 120 w 703"/>
                  <a:gd name="T65" fmla="*/ 8 h 612"/>
                  <a:gd name="T66" fmla="*/ 136 w 703"/>
                  <a:gd name="T67" fmla="*/ 1 h 612"/>
                  <a:gd name="T68" fmla="*/ 157 w 703"/>
                  <a:gd name="T69" fmla="*/ 1 h 612"/>
                  <a:gd name="T70" fmla="*/ 172 w 703"/>
                  <a:gd name="T71" fmla="*/ 8 h 612"/>
                  <a:gd name="T72" fmla="*/ 169 w 703"/>
                  <a:gd name="T73" fmla="*/ 15 h 612"/>
                  <a:gd name="T74" fmla="*/ 170 w 703"/>
                  <a:gd name="T75" fmla="*/ 18 h 612"/>
                  <a:gd name="T76" fmla="*/ 174 w 703"/>
                  <a:gd name="T77" fmla="*/ 22 h 612"/>
                  <a:gd name="T78" fmla="*/ 169 w 703"/>
                  <a:gd name="T79" fmla="*/ 26 h 612"/>
                  <a:gd name="T80" fmla="*/ 162 w 703"/>
                  <a:gd name="T81" fmla="*/ 29 h 612"/>
                  <a:gd name="T82" fmla="*/ 159 w 703"/>
                  <a:gd name="T83" fmla="*/ 39 h 612"/>
                  <a:gd name="T84" fmla="*/ 156 w 703"/>
                  <a:gd name="T85" fmla="*/ 47 h 612"/>
                  <a:gd name="T86" fmla="*/ 160 w 703"/>
                  <a:gd name="T87" fmla="*/ 63 h 612"/>
                  <a:gd name="T88" fmla="*/ 164 w 703"/>
                  <a:gd name="T89" fmla="*/ 66 h 612"/>
                  <a:gd name="T90" fmla="*/ 166 w 703"/>
                  <a:gd name="T91" fmla="*/ 75 h 612"/>
                  <a:gd name="T92" fmla="*/ 177 w 703"/>
                  <a:gd name="T93" fmla="*/ 81 h 612"/>
                  <a:gd name="T94" fmla="*/ 196 w 703"/>
                  <a:gd name="T95" fmla="*/ 87 h 612"/>
                  <a:gd name="T96" fmla="*/ 213 w 703"/>
                  <a:gd name="T97" fmla="*/ 99 h 612"/>
                  <a:gd name="T98" fmla="*/ 234 w 703"/>
                  <a:gd name="T99" fmla="*/ 120 h 612"/>
                  <a:gd name="T100" fmla="*/ 227 w 703"/>
                  <a:gd name="T101" fmla="*/ 122 h 612"/>
                  <a:gd name="T102" fmla="*/ 219 w 703"/>
                  <a:gd name="T103" fmla="*/ 133 h 612"/>
                  <a:gd name="T104" fmla="*/ 212 w 703"/>
                  <a:gd name="T105" fmla="*/ 135 h 612"/>
                  <a:gd name="T106" fmla="*/ 214 w 703"/>
                  <a:gd name="T107" fmla="*/ 144 h 612"/>
                  <a:gd name="T108" fmla="*/ 215 w 703"/>
                  <a:gd name="T109" fmla="*/ 154 h 612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0" t="0" r="r" b="b"/>
                <a:pathLst>
                  <a:path w="703" h="612">
                    <a:moveTo>
                      <a:pt x="646" y="472"/>
                    </a:moveTo>
                    <a:lnTo>
                      <a:pt x="630" y="493"/>
                    </a:lnTo>
                    <a:lnTo>
                      <a:pt x="615" y="515"/>
                    </a:lnTo>
                    <a:lnTo>
                      <a:pt x="606" y="524"/>
                    </a:lnTo>
                    <a:lnTo>
                      <a:pt x="597" y="534"/>
                    </a:lnTo>
                    <a:lnTo>
                      <a:pt x="590" y="538"/>
                    </a:lnTo>
                    <a:lnTo>
                      <a:pt x="585" y="541"/>
                    </a:lnTo>
                    <a:lnTo>
                      <a:pt x="579" y="544"/>
                    </a:lnTo>
                    <a:lnTo>
                      <a:pt x="571" y="546"/>
                    </a:lnTo>
                    <a:lnTo>
                      <a:pt x="566" y="547"/>
                    </a:lnTo>
                    <a:lnTo>
                      <a:pt x="563" y="547"/>
                    </a:lnTo>
                    <a:lnTo>
                      <a:pt x="559" y="546"/>
                    </a:lnTo>
                    <a:lnTo>
                      <a:pt x="557" y="545"/>
                    </a:lnTo>
                    <a:lnTo>
                      <a:pt x="554" y="541"/>
                    </a:lnTo>
                    <a:lnTo>
                      <a:pt x="551" y="535"/>
                    </a:lnTo>
                    <a:lnTo>
                      <a:pt x="549" y="528"/>
                    </a:lnTo>
                    <a:lnTo>
                      <a:pt x="546" y="523"/>
                    </a:lnTo>
                    <a:lnTo>
                      <a:pt x="544" y="521"/>
                    </a:lnTo>
                    <a:lnTo>
                      <a:pt x="542" y="519"/>
                    </a:lnTo>
                    <a:lnTo>
                      <a:pt x="539" y="519"/>
                    </a:lnTo>
                    <a:lnTo>
                      <a:pt x="535" y="519"/>
                    </a:lnTo>
                    <a:lnTo>
                      <a:pt x="526" y="527"/>
                    </a:lnTo>
                    <a:lnTo>
                      <a:pt x="518" y="535"/>
                    </a:lnTo>
                    <a:lnTo>
                      <a:pt x="507" y="541"/>
                    </a:lnTo>
                    <a:lnTo>
                      <a:pt x="496" y="546"/>
                    </a:lnTo>
                    <a:lnTo>
                      <a:pt x="471" y="554"/>
                    </a:lnTo>
                    <a:lnTo>
                      <a:pt x="446" y="561"/>
                    </a:lnTo>
                    <a:lnTo>
                      <a:pt x="433" y="564"/>
                    </a:lnTo>
                    <a:lnTo>
                      <a:pt x="421" y="568"/>
                    </a:lnTo>
                    <a:lnTo>
                      <a:pt x="409" y="574"/>
                    </a:lnTo>
                    <a:lnTo>
                      <a:pt x="398" y="579"/>
                    </a:lnTo>
                    <a:lnTo>
                      <a:pt x="388" y="585"/>
                    </a:lnTo>
                    <a:lnTo>
                      <a:pt x="379" y="593"/>
                    </a:lnTo>
                    <a:lnTo>
                      <a:pt x="374" y="597"/>
                    </a:lnTo>
                    <a:lnTo>
                      <a:pt x="371" y="601"/>
                    </a:lnTo>
                    <a:lnTo>
                      <a:pt x="368" y="606"/>
                    </a:lnTo>
                    <a:lnTo>
                      <a:pt x="366" y="612"/>
                    </a:lnTo>
                    <a:lnTo>
                      <a:pt x="361" y="606"/>
                    </a:lnTo>
                    <a:lnTo>
                      <a:pt x="356" y="601"/>
                    </a:lnTo>
                    <a:lnTo>
                      <a:pt x="350" y="597"/>
                    </a:lnTo>
                    <a:lnTo>
                      <a:pt x="344" y="592"/>
                    </a:lnTo>
                    <a:lnTo>
                      <a:pt x="331" y="583"/>
                    </a:lnTo>
                    <a:lnTo>
                      <a:pt x="318" y="576"/>
                    </a:lnTo>
                    <a:lnTo>
                      <a:pt x="305" y="567"/>
                    </a:lnTo>
                    <a:lnTo>
                      <a:pt x="292" y="559"/>
                    </a:lnTo>
                    <a:lnTo>
                      <a:pt x="287" y="554"/>
                    </a:lnTo>
                    <a:lnTo>
                      <a:pt x="282" y="548"/>
                    </a:lnTo>
                    <a:lnTo>
                      <a:pt x="277" y="543"/>
                    </a:lnTo>
                    <a:lnTo>
                      <a:pt x="272" y="537"/>
                    </a:lnTo>
                    <a:lnTo>
                      <a:pt x="280" y="518"/>
                    </a:lnTo>
                    <a:lnTo>
                      <a:pt x="287" y="498"/>
                    </a:lnTo>
                    <a:lnTo>
                      <a:pt x="296" y="480"/>
                    </a:lnTo>
                    <a:lnTo>
                      <a:pt x="304" y="462"/>
                    </a:lnTo>
                    <a:lnTo>
                      <a:pt x="322" y="425"/>
                    </a:lnTo>
                    <a:lnTo>
                      <a:pt x="338" y="387"/>
                    </a:lnTo>
                    <a:lnTo>
                      <a:pt x="327" y="384"/>
                    </a:lnTo>
                    <a:lnTo>
                      <a:pt x="316" y="381"/>
                    </a:lnTo>
                    <a:lnTo>
                      <a:pt x="304" y="378"/>
                    </a:lnTo>
                    <a:lnTo>
                      <a:pt x="291" y="376"/>
                    </a:lnTo>
                    <a:lnTo>
                      <a:pt x="279" y="375"/>
                    </a:lnTo>
                    <a:lnTo>
                      <a:pt x="266" y="374"/>
                    </a:lnTo>
                    <a:lnTo>
                      <a:pt x="252" y="374"/>
                    </a:lnTo>
                    <a:lnTo>
                      <a:pt x="239" y="374"/>
                    </a:lnTo>
                    <a:lnTo>
                      <a:pt x="225" y="375"/>
                    </a:lnTo>
                    <a:lnTo>
                      <a:pt x="211" y="376"/>
                    </a:lnTo>
                    <a:lnTo>
                      <a:pt x="197" y="378"/>
                    </a:lnTo>
                    <a:lnTo>
                      <a:pt x="182" y="380"/>
                    </a:lnTo>
                    <a:lnTo>
                      <a:pt x="167" y="383"/>
                    </a:lnTo>
                    <a:lnTo>
                      <a:pt x="152" y="387"/>
                    </a:lnTo>
                    <a:lnTo>
                      <a:pt x="138" y="392"/>
                    </a:lnTo>
                    <a:lnTo>
                      <a:pt x="122" y="397"/>
                    </a:lnTo>
                    <a:lnTo>
                      <a:pt x="123" y="389"/>
                    </a:lnTo>
                    <a:lnTo>
                      <a:pt x="123" y="383"/>
                    </a:lnTo>
                    <a:lnTo>
                      <a:pt x="120" y="377"/>
                    </a:lnTo>
                    <a:lnTo>
                      <a:pt x="117" y="372"/>
                    </a:lnTo>
                    <a:lnTo>
                      <a:pt x="112" y="367"/>
                    </a:lnTo>
                    <a:lnTo>
                      <a:pt x="106" y="363"/>
                    </a:lnTo>
                    <a:lnTo>
                      <a:pt x="100" y="360"/>
                    </a:lnTo>
                    <a:lnTo>
                      <a:pt x="92" y="357"/>
                    </a:lnTo>
                    <a:lnTo>
                      <a:pt x="56" y="348"/>
                    </a:lnTo>
                    <a:lnTo>
                      <a:pt x="20" y="341"/>
                    </a:lnTo>
                    <a:lnTo>
                      <a:pt x="19" y="333"/>
                    </a:lnTo>
                    <a:lnTo>
                      <a:pt x="18" y="325"/>
                    </a:lnTo>
                    <a:lnTo>
                      <a:pt x="15" y="318"/>
                    </a:lnTo>
                    <a:lnTo>
                      <a:pt x="13" y="309"/>
                    </a:lnTo>
                    <a:lnTo>
                      <a:pt x="9" y="295"/>
                    </a:lnTo>
                    <a:lnTo>
                      <a:pt x="4" y="279"/>
                    </a:lnTo>
                    <a:lnTo>
                      <a:pt x="2" y="272"/>
                    </a:lnTo>
                    <a:lnTo>
                      <a:pt x="1" y="264"/>
                    </a:lnTo>
                    <a:lnTo>
                      <a:pt x="0" y="256"/>
                    </a:lnTo>
                    <a:lnTo>
                      <a:pt x="0" y="248"/>
                    </a:lnTo>
                    <a:lnTo>
                      <a:pt x="1" y="241"/>
                    </a:lnTo>
                    <a:lnTo>
                      <a:pt x="3" y="234"/>
                    </a:lnTo>
                    <a:lnTo>
                      <a:pt x="6" y="226"/>
                    </a:lnTo>
                    <a:lnTo>
                      <a:pt x="10" y="219"/>
                    </a:lnTo>
                    <a:lnTo>
                      <a:pt x="24" y="225"/>
                    </a:lnTo>
                    <a:lnTo>
                      <a:pt x="39" y="230"/>
                    </a:lnTo>
                    <a:lnTo>
                      <a:pt x="51" y="234"/>
                    </a:lnTo>
                    <a:lnTo>
                      <a:pt x="65" y="237"/>
                    </a:lnTo>
                    <a:lnTo>
                      <a:pt x="89" y="242"/>
                    </a:lnTo>
                    <a:lnTo>
                      <a:pt x="113" y="247"/>
                    </a:lnTo>
                    <a:lnTo>
                      <a:pt x="124" y="236"/>
                    </a:lnTo>
                    <a:lnTo>
                      <a:pt x="134" y="224"/>
                    </a:lnTo>
                    <a:lnTo>
                      <a:pt x="145" y="213"/>
                    </a:lnTo>
                    <a:lnTo>
                      <a:pt x="153" y="199"/>
                    </a:lnTo>
                    <a:lnTo>
                      <a:pt x="158" y="191"/>
                    </a:lnTo>
                    <a:lnTo>
                      <a:pt x="161" y="184"/>
                    </a:lnTo>
                    <a:lnTo>
                      <a:pt x="164" y="176"/>
                    </a:lnTo>
                    <a:lnTo>
                      <a:pt x="166" y="167"/>
                    </a:lnTo>
                    <a:lnTo>
                      <a:pt x="168" y="158"/>
                    </a:lnTo>
                    <a:lnTo>
                      <a:pt x="169" y="147"/>
                    </a:lnTo>
                    <a:lnTo>
                      <a:pt x="169" y="137"/>
                    </a:lnTo>
                    <a:lnTo>
                      <a:pt x="169" y="125"/>
                    </a:lnTo>
                    <a:lnTo>
                      <a:pt x="194" y="119"/>
                    </a:lnTo>
                    <a:lnTo>
                      <a:pt x="217" y="115"/>
                    </a:lnTo>
                    <a:lnTo>
                      <a:pt x="234" y="113"/>
                    </a:lnTo>
                    <a:lnTo>
                      <a:pt x="252" y="111"/>
                    </a:lnTo>
                    <a:lnTo>
                      <a:pt x="270" y="109"/>
                    </a:lnTo>
                    <a:lnTo>
                      <a:pt x="289" y="107"/>
                    </a:lnTo>
                    <a:lnTo>
                      <a:pt x="311" y="103"/>
                    </a:lnTo>
                    <a:lnTo>
                      <a:pt x="338" y="97"/>
                    </a:lnTo>
                    <a:lnTo>
                      <a:pt x="337" y="88"/>
                    </a:lnTo>
                    <a:lnTo>
                      <a:pt x="336" y="80"/>
                    </a:lnTo>
                    <a:lnTo>
                      <a:pt x="336" y="72"/>
                    </a:lnTo>
                    <a:lnTo>
                      <a:pt x="337" y="65"/>
                    </a:lnTo>
                    <a:lnTo>
                      <a:pt x="339" y="58"/>
                    </a:lnTo>
                    <a:lnTo>
                      <a:pt x="341" y="51"/>
                    </a:lnTo>
                    <a:lnTo>
                      <a:pt x="344" y="45"/>
                    </a:lnTo>
                    <a:lnTo>
                      <a:pt x="347" y="40"/>
                    </a:lnTo>
                    <a:lnTo>
                      <a:pt x="351" y="35"/>
                    </a:lnTo>
                    <a:lnTo>
                      <a:pt x="357" y="29"/>
                    </a:lnTo>
                    <a:lnTo>
                      <a:pt x="362" y="25"/>
                    </a:lnTo>
                    <a:lnTo>
                      <a:pt x="368" y="21"/>
                    </a:lnTo>
                    <a:lnTo>
                      <a:pt x="381" y="14"/>
                    </a:lnTo>
                    <a:lnTo>
                      <a:pt x="395" y="8"/>
                    </a:lnTo>
                    <a:lnTo>
                      <a:pt x="409" y="4"/>
                    </a:lnTo>
                    <a:lnTo>
                      <a:pt x="425" y="1"/>
                    </a:lnTo>
                    <a:lnTo>
                      <a:pt x="442" y="0"/>
                    </a:lnTo>
                    <a:lnTo>
                      <a:pt x="458" y="0"/>
                    </a:lnTo>
                    <a:lnTo>
                      <a:pt x="473" y="2"/>
                    </a:lnTo>
                    <a:lnTo>
                      <a:pt x="488" y="4"/>
                    </a:lnTo>
                    <a:lnTo>
                      <a:pt x="503" y="8"/>
                    </a:lnTo>
                    <a:lnTo>
                      <a:pt x="516" y="12"/>
                    </a:lnTo>
                    <a:lnTo>
                      <a:pt x="516" y="23"/>
                    </a:lnTo>
                    <a:lnTo>
                      <a:pt x="515" y="31"/>
                    </a:lnTo>
                    <a:lnTo>
                      <a:pt x="512" y="39"/>
                    </a:lnTo>
                    <a:lnTo>
                      <a:pt x="510" y="44"/>
                    </a:lnTo>
                    <a:lnTo>
                      <a:pt x="509" y="46"/>
                    </a:lnTo>
                    <a:lnTo>
                      <a:pt x="509" y="49"/>
                    </a:lnTo>
                    <a:lnTo>
                      <a:pt x="509" y="51"/>
                    </a:lnTo>
                    <a:lnTo>
                      <a:pt x="511" y="52"/>
                    </a:lnTo>
                    <a:lnTo>
                      <a:pt x="512" y="55"/>
                    </a:lnTo>
                    <a:lnTo>
                      <a:pt x="516" y="57"/>
                    </a:lnTo>
                    <a:lnTo>
                      <a:pt x="520" y="58"/>
                    </a:lnTo>
                    <a:lnTo>
                      <a:pt x="525" y="60"/>
                    </a:lnTo>
                    <a:lnTo>
                      <a:pt x="524" y="65"/>
                    </a:lnTo>
                    <a:lnTo>
                      <a:pt x="521" y="70"/>
                    </a:lnTo>
                    <a:lnTo>
                      <a:pt x="518" y="74"/>
                    </a:lnTo>
                    <a:lnTo>
                      <a:pt x="513" y="76"/>
                    </a:lnTo>
                    <a:lnTo>
                      <a:pt x="508" y="78"/>
                    </a:lnTo>
                    <a:lnTo>
                      <a:pt x="502" y="79"/>
                    </a:lnTo>
                    <a:lnTo>
                      <a:pt x="496" y="79"/>
                    </a:lnTo>
                    <a:lnTo>
                      <a:pt x="487" y="79"/>
                    </a:lnTo>
                    <a:lnTo>
                      <a:pt x="487" y="87"/>
                    </a:lnTo>
                    <a:lnTo>
                      <a:pt x="487" y="97"/>
                    </a:lnTo>
                    <a:lnTo>
                      <a:pt x="487" y="106"/>
                    </a:lnTo>
                    <a:lnTo>
                      <a:pt x="487" y="116"/>
                    </a:lnTo>
                    <a:lnTo>
                      <a:pt x="478" y="116"/>
                    </a:lnTo>
                    <a:lnTo>
                      <a:pt x="476" y="119"/>
                    </a:lnTo>
                    <a:lnTo>
                      <a:pt x="473" y="125"/>
                    </a:lnTo>
                    <a:lnTo>
                      <a:pt x="471" y="133"/>
                    </a:lnTo>
                    <a:lnTo>
                      <a:pt x="470" y="142"/>
                    </a:lnTo>
                    <a:lnTo>
                      <a:pt x="469" y="164"/>
                    </a:lnTo>
                    <a:lnTo>
                      <a:pt x="469" y="190"/>
                    </a:lnTo>
                    <a:lnTo>
                      <a:pt x="475" y="190"/>
                    </a:lnTo>
                    <a:lnTo>
                      <a:pt x="480" y="190"/>
                    </a:lnTo>
                    <a:lnTo>
                      <a:pt x="484" y="191"/>
                    </a:lnTo>
                    <a:lnTo>
                      <a:pt x="487" y="194"/>
                    </a:lnTo>
                    <a:lnTo>
                      <a:pt x="490" y="196"/>
                    </a:lnTo>
                    <a:lnTo>
                      <a:pt x="492" y="199"/>
                    </a:lnTo>
                    <a:lnTo>
                      <a:pt x="495" y="202"/>
                    </a:lnTo>
                    <a:lnTo>
                      <a:pt x="496" y="206"/>
                    </a:lnTo>
                    <a:lnTo>
                      <a:pt x="497" y="216"/>
                    </a:lnTo>
                    <a:lnTo>
                      <a:pt x="498" y="225"/>
                    </a:lnTo>
                    <a:lnTo>
                      <a:pt x="497" y="236"/>
                    </a:lnTo>
                    <a:lnTo>
                      <a:pt x="497" y="247"/>
                    </a:lnTo>
                    <a:lnTo>
                      <a:pt x="515" y="244"/>
                    </a:lnTo>
                    <a:lnTo>
                      <a:pt x="531" y="244"/>
                    </a:lnTo>
                    <a:lnTo>
                      <a:pt x="547" y="245"/>
                    </a:lnTo>
                    <a:lnTo>
                      <a:pt x="562" y="249"/>
                    </a:lnTo>
                    <a:lnTo>
                      <a:pt x="577" y="254"/>
                    </a:lnTo>
                    <a:lnTo>
                      <a:pt x="590" y="260"/>
                    </a:lnTo>
                    <a:lnTo>
                      <a:pt x="604" y="267"/>
                    </a:lnTo>
                    <a:lnTo>
                      <a:pt x="617" y="276"/>
                    </a:lnTo>
                    <a:lnTo>
                      <a:pt x="628" y="285"/>
                    </a:lnTo>
                    <a:lnTo>
                      <a:pt x="640" y="296"/>
                    </a:lnTo>
                    <a:lnTo>
                      <a:pt x="651" y="306"/>
                    </a:lnTo>
                    <a:lnTo>
                      <a:pt x="662" y="317"/>
                    </a:lnTo>
                    <a:lnTo>
                      <a:pt x="683" y="339"/>
                    </a:lnTo>
                    <a:lnTo>
                      <a:pt x="703" y="359"/>
                    </a:lnTo>
                    <a:lnTo>
                      <a:pt x="697" y="360"/>
                    </a:lnTo>
                    <a:lnTo>
                      <a:pt x="691" y="361"/>
                    </a:lnTo>
                    <a:lnTo>
                      <a:pt x="686" y="364"/>
                    </a:lnTo>
                    <a:lnTo>
                      <a:pt x="682" y="367"/>
                    </a:lnTo>
                    <a:lnTo>
                      <a:pt x="676" y="375"/>
                    </a:lnTo>
                    <a:lnTo>
                      <a:pt x="670" y="383"/>
                    </a:lnTo>
                    <a:lnTo>
                      <a:pt x="664" y="392"/>
                    </a:lnTo>
                    <a:lnTo>
                      <a:pt x="658" y="399"/>
                    </a:lnTo>
                    <a:lnTo>
                      <a:pt x="654" y="401"/>
                    </a:lnTo>
                    <a:lnTo>
                      <a:pt x="649" y="404"/>
                    </a:lnTo>
                    <a:lnTo>
                      <a:pt x="644" y="405"/>
                    </a:lnTo>
                    <a:lnTo>
                      <a:pt x="638" y="406"/>
                    </a:lnTo>
                    <a:lnTo>
                      <a:pt x="638" y="414"/>
                    </a:lnTo>
                    <a:lnTo>
                      <a:pt x="640" y="420"/>
                    </a:lnTo>
                    <a:lnTo>
                      <a:pt x="642" y="426"/>
                    </a:lnTo>
                    <a:lnTo>
                      <a:pt x="644" y="432"/>
                    </a:lnTo>
                    <a:lnTo>
                      <a:pt x="646" y="438"/>
                    </a:lnTo>
                    <a:lnTo>
                      <a:pt x="648" y="444"/>
                    </a:lnTo>
                    <a:lnTo>
                      <a:pt x="648" y="453"/>
                    </a:lnTo>
                    <a:lnTo>
                      <a:pt x="646" y="462"/>
                    </a:lnTo>
                    <a:lnTo>
                      <a:pt x="646" y="472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66" name="Skanderborg kant2"/>
              <p:cNvSpPr>
                <a:spLocks/>
              </p:cNvSpPr>
              <p:nvPr/>
            </p:nvSpPr>
            <p:spPr bwMode="auto">
              <a:xfrm>
                <a:off x="1979615" y="4303719"/>
                <a:ext cx="123825" cy="177800"/>
              </a:xfrm>
              <a:custGeom>
                <a:avLst/>
                <a:gdLst>
                  <a:gd name="T0" fmla="*/ 56 w 234"/>
                  <a:gd name="T1" fmla="*/ 112 h 337"/>
                  <a:gd name="T2" fmla="*/ 57 w 234"/>
                  <a:gd name="T3" fmla="*/ 112 h 337"/>
                  <a:gd name="T4" fmla="*/ 58 w 234"/>
                  <a:gd name="T5" fmla="*/ 111 h 337"/>
                  <a:gd name="T6" fmla="*/ 59 w 234"/>
                  <a:gd name="T7" fmla="*/ 110 h 337"/>
                  <a:gd name="T8" fmla="*/ 59 w 234"/>
                  <a:gd name="T9" fmla="*/ 109 h 337"/>
                  <a:gd name="T10" fmla="*/ 60 w 234"/>
                  <a:gd name="T11" fmla="*/ 106 h 337"/>
                  <a:gd name="T12" fmla="*/ 60 w 234"/>
                  <a:gd name="T13" fmla="*/ 103 h 337"/>
                  <a:gd name="T14" fmla="*/ 59 w 234"/>
                  <a:gd name="T15" fmla="*/ 100 h 337"/>
                  <a:gd name="T16" fmla="*/ 58 w 234"/>
                  <a:gd name="T17" fmla="*/ 97 h 337"/>
                  <a:gd name="T18" fmla="*/ 57 w 234"/>
                  <a:gd name="T19" fmla="*/ 95 h 337"/>
                  <a:gd name="T20" fmla="*/ 56 w 234"/>
                  <a:gd name="T21" fmla="*/ 93 h 337"/>
                  <a:gd name="T22" fmla="*/ 59 w 234"/>
                  <a:gd name="T23" fmla="*/ 93 h 337"/>
                  <a:gd name="T24" fmla="*/ 61 w 234"/>
                  <a:gd name="T25" fmla="*/ 93 h 337"/>
                  <a:gd name="T26" fmla="*/ 63 w 234"/>
                  <a:gd name="T27" fmla="*/ 92 h 337"/>
                  <a:gd name="T28" fmla="*/ 65 w 234"/>
                  <a:gd name="T29" fmla="*/ 91 h 337"/>
                  <a:gd name="T30" fmla="*/ 66 w 234"/>
                  <a:gd name="T31" fmla="*/ 90 h 337"/>
                  <a:gd name="T32" fmla="*/ 68 w 234"/>
                  <a:gd name="T33" fmla="*/ 89 h 337"/>
                  <a:gd name="T34" fmla="*/ 69 w 234"/>
                  <a:gd name="T35" fmla="*/ 87 h 337"/>
                  <a:gd name="T36" fmla="*/ 70 w 234"/>
                  <a:gd name="T37" fmla="*/ 86 h 337"/>
                  <a:gd name="T38" fmla="*/ 74 w 234"/>
                  <a:gd name="T39" fmla="*/ 79 h 337"/>
                  <a:gd name="T40" fmla="*/ 78 w 234"/>
                  <a:gd name="T41" fmla="*/ 72 h 337"/>
                  <a:gd name="T42" fmla="*/ 74 w 234"/>
                  <a:gd name="T43" fmla="*/ 69 h 337"/>
                  <a:gd name="T44" fmla="*/ 70 w 234"/>
                  <a:gd name="T45" fmla="*/ 67 h 337"/>
                  <a:gd name="T46" fmla="*/ 67 w 234"/>
                  <a:gd name="T47" fmla="*/ 64 h 337"/>
                  <a:gd name="T48" fmla="*/ 63 w 234"/>
                  <a:gd name="T49" fmla="*/ 60 h 337"/>
                  <a:gd name="T50" fmla="*/ 56 w 234"/>
                  <a:gd name="T51" fmla="*/ 54 h 337"/>
                  <a:gd name="T52" fmla="*/ 48 w 234"/>
                  <a:gd name="T53" fmla="*/ 48 h 337"/>
                  <a:gd name="T54" fmla="*/ 44 w 234"/>
                  <a:gd name="T55" fmla="*/ 45 h 337"/>
                  <a:gd name="T56" fmla="*/ 40 w 234"/>
                  <a:gd name="T57" fmla="*/ 42 h 337"/>
                  <a:gd name="T58" fmla="*/ 36 w 234"/>
                  <a:gd name="T59" fmla="*/ 40 h 337"/>
                  <a:gd name="T60" fmla="*/ 32 w 234"/>
                  <a:gd name="T61" fmla="*/ 38 h 337"/>
                  <a:gd name="T62" fmla="*/ 27 w 234"/>
                  <a:gd name="T63" fmla="*/ 37 h 337"/>
                  <a:gd name="T64" fmla="*/ 22 w 234"/>
                  <a:gd name="T65" fmla="*/ 36 h 337"/>
                  <a:gd name="T66" fmla="*/ 20 w 234"/>
                  <a:gd name="T67" fmla="*/ 36 h 337"/>
                  <a:gd name="T68" fmla="*/ 17 w 234"/>
                  <a:gd name="T69" fmla="*/ 37 h 337"/>
                  <a:gd name="T70" fmla="*/ 15 w 234"/>
                  <a:gd name="T71" fmla="*/ 37 h 337"/>
                  <a:gd name="T72" fmla="*/ 12 w 234"/>
                  <a:gd name="T73" fmla="*/ 38 h 337"/>
                  <a:gd name="T74" fmla="*/ 12 w 234"/>
                  <a:gd name="T75" fmla="*/ 35 h 337"/>
                  <a:gd name="T76" fmla="*/ 11 w 234"/>
                  <a:gd name="T77" fmla="*/ 32 h 337"/>
                  <a:gd name="T78" fmla="*/ 10 w 234"/>
                  <a:gd name="T79" fmla="*/ 30 h 337"/>
                  <a:gd name="T80" fmla="*/ 9 w 234"/>
                  <a:gd name="T81" fmla="*/ 28 h 337"/>
                  <a:gd name="T82" fmla="*/ 6 w 234"/>
                  <a:gd name="T83" fmla="*/ 24 h 337"/>
                  <a:gd name="T84" fmla="*/ 3 w 234"/>
                  <a:gd name="T85" fmla="*/ 20 h 337"/>
                  <a:gd name="T86" fmla="*/ 2 w 234"/>
                  <a:gd name="T87" fmla="*/ 18 h 337"/>
                  <a:gd name="T88" fmla="*/ 1 w 234"/>
                  <a:gd name="T89" fmla="*/ 15 h 337"/>
                  <a:gd name="T90" fmla="*/ 0 w 234"/>
                  <a:gd name="T91" fmla="*/ 13 h 337"/>
                  <a:gd name="T92" fmla="*/ 0 w 234"/>
                  <a:gd name="T93" fmla="*/ 11 h 337"/>
                  <a:gd name="T94" fmla="*/ 0 w 234"/>
                  <a:gd name="T95" fmla="*/ 8 h 337"/>
                  <a:gd name="T96" fmla="*/ 0 w 234"/>
                  <a:gd name="T97" fmla="*/ 6 h 337"/>
                  <a:gd name="T98" fmla="*/ 1 w 234"/>
                  <a:gd name="T99" fmla="*/ 3 h 337"/>
                  <a:gd name="T100" fmla="*/ 3 w 234"/>
                  <a:gd name="T101" fmla="*/ 0 h 337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0" t="0" r="r" b="b"/>
                <a:pathLst>
                  <a:path w="234" h="337">
                    <a:moveTo>
                      <a:pt x="167" y="337"/>
                    </a:moveTo>
                    <a:lnTo>
                      <a:pt x="171" y="336"/>
                    </a:lnTo>
                    <a:lnTo>
                      <a:pt x="173" y="334"/>
                    </a:lnTo>
                    <a:lnTo>
                      <a:pt x="176" y="331"/>
                    </a:lnTo>
                    <a:lnTo>
                      <a:pt x="178" y="328"/>
                    </a:lnTo>
                    <a:lnTo>
                      <a:pt x="179" y="319"/>
                    </a:lnTo>
                    <a:lnTo>
                      <a:pt x="179" y="310"/>
                    </a:lnTo>
                    <a:lnTo>
                      <a:pt x="177" y="300"/>
                    </a:lnTo>
                    <a:lnTo>
                      <a:pt x="173" y="292"/>
                    </a:lnTo>
                    <a:lnTo>
                      <a:pt x="170" y="286"/>
                    </a:lnTo>
                    <a:lnTo>
                      <a:pt x="167" y="281"/>
                    </a:lnTo>
                    <a:lnTo>
                      <a:pt x="176" y="280"/>
                    </a:lnTo>
                    <a:lnTo>
                      <a:pt x="182" y="279"/>
                    </a:lnTo>
                    <a:lnTo>
                      <a:pt x="188" y="277"/>
                    </a:lnTo>
                    <a:lnTo>
                      <a:pt x="195" y="275"/>
                    </a:lnTo>
                    <a:lnTo>
                      <a:pt x="199" y="272"/>
                    </a:lnTo>
                    <a:lnTo>
                      <a:pt x="204" y="268"/>
                    </a:lnTo>
                    <a:lnTo>
                      <a:pt x="207" y="263"/>
                    </a:lnTo>
                    <a:lnTo>
                      <a:pt x="211" y="259"/>
                    </a:lnTo>
                    <a:lnTo>
                      <a:pt x="223" y="238"/>
                    </a:lnTo>
                    <a:lnTo>
                      <a:pt x="234" y="216"/>
                    </a:lnTo>
                    <a:lnTo>
                      <a:pt x="222" y="209"/>
                    </a:lnTo>
                    <a:lnTo>
                      <a:pt x="210" y="201"/>
                    </a:lnTo>
                    <a:lnTo>
                      <a:pt x="200" y="192"/>
                    </a:lnTo>
                    <a:lnTo>
                      <a:pt x="188" y="182"/>
                    </a:lnTo>
                    <a:lnTo>
                      <a:pt x="167" y="162"/>
                    </a:lnTo>
                    <a:lnTo>
                      <a:pt x="144" y="143"/>
                    </a:lnTo>
                    <a:lnTo>
                      <a:pt x="132" y="134"/>
                    </a:lnTo>
                    <a:lnTo>
                      <a:pt x="121" y="127"/>
                    </a:lnTo>
                    <a:lnTo>
                      <a:pt x="108" y="120"/>
                    </a:lnTo>
                    <a:lnTo>
                      <a:pt x="96" y="115"/>
                    </a:lnTo>
                    <a:lnTo>
                      <a:pt x="82" y="111"/>
                    </a:lnTo>
                    <a:lnTo>
                      <a:pt x="67" y="109"/>
                    </a:lnTo>
                    <a:lnTo>
                      <a:pt x="60" y="109"/>
                    </a:lnTo>
                    <a:lnTo>
                      <a:pt x="52" y="110"/>
                    </a:lnTo>
                    <a:lnTo>
                      <a:pt x="45" y="111"/>
                    </a:lnTo>
                    <a:lnTo>
                      <a:pt x="37" y="113"/>
                    </a:lnTo>
                    <a:lnTo>
                      <a:pt x="36" y="104"/>
                    </a:lnTo>
                    <a:lnTo>
                      <a:pt x="33" y="97"/>
                    </a:lnTo>
                    <a:lnTo>
                      <a:pt x="30" y="90"/>
                    </a:lnTo>
                    <a:lnTo>
                      <a:pt x="26" y="83"/>
                    </a:lnTo>
                    <a:lnTo>
                      <a:pt x="18" y="71"/>
                    </a:lnTo>
                    <a:lnTo>
                      <a:pt x="9" y="59"/>
                    </a:lnTo>
                    <a:lnTo>
                      <a:pt x="6" y="53"/>
                    </a:lnTo>
                    <a:lnTo>
                      <a:pt x="3" y="46"/>
                    </a:lnTo>
                    <a:lnTo>
                      <a:pt x="1" y="40"/>
                    </a:lnTo>
                    <a:lnTo>
                      <a:pt x="0" y="33"/>
                    </a:lnTo>
                    <a:lnTo>
                      <a:pt x="0" y="25"/>
                    </a:lnTo>
                    <a:lnTo>
                      <a:pt x="1" y="18"/>
                    </a:lnTo>
                    <a:lnTo>
                      <a:pt x="4" y="10"/>
                    </a:lnTo>
                    <a:lnTo>
                      <a:pt x="8" y="0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133" name="Aarhus"/>
            <p:cNvSpPr>
              <a:spLocks/>
            </p:cNvSpPr>
            <p:nvPr/>
          </p:nvSpPr>
          <p:spPr bwMode="auto">
            <a:xfrm>
              <a:off x="1982790" y="4098931"/>
              <a:ext cx="338138" cy="407988"/>
            </a:xfrm>
            <a:custGeom>
              <a:avLst/>
              <a:gdLst>
                <a:gd name="T0" fmla="*/ 5 w 637"/>
                <a:gd name="T1" fmla="*/ 130 h 770"/>
                <a:gd name="T2" fmla="*/ 7 w 637"/>
                <a:gd name="T3" fmla="*/ 126 h 770"/>
                <a:gd name="T4" fmla="*/ 3 w 637"/>
                <a:gd name="T5" fmla="*/ 120 h 770"/>
                <a:gd name="T6" fmla="*/ 6 w 637"/>
                <a:gd name="T7" fmla="*/ 116 h 770"/>
                <a:gd name="T8" fmla="*/ 12 w 637"/>
                <a:gd name="T9" fmla="*/ 113 h 770"/>
                <a:gd name="T10" fmla="*/ 17 w 637"/>
                <a:gd name="T11" fmla="*/ 110 h 770"/>
                <a:gd name="T12" fmla="*/ 14 w 637"/>
                <a:gd name="T13" fmla="*/ 100 h 770"/>
                <a:gd name="T14" fmla="*/ 17 w 637"/>
                <a:gd name="T15" fmla="*/ 89 h 770"/>
                <a:gd name="T16" fmla="*/ 26 w 637"/>
                <a:gd name="T17" fmla="*/ 81 h 770"/>
                <a:gd name="T18" fmla="*/ 38 w 637"/>
                <a:gd name="T19" fmla="*/ 79 h 770"/>
                <a:gd name="T20" fmla="*/ 70 w 637"/>
                <a:gd name="T21" fmla="*/ 82 h 770"/>
                <a:gd name="T22" fmla="*/ 81 w 637"/>
                <a:gd name="T23" fmla="*/ 73 h 770"/>
                <a:gd name="T24" fmla="*/ 81 w 637"/>
                <a:gd name="T25" fmla="*/ 47 h 770"/>
                <a:gd name="T26" fmla="*/ 83 w 637"/>
                <a:gd name="T27" fmla="*/ 24 h 770"/>
                <a:gd name="T28" fmla="*/ 100 w 637"/>
                <a:gd name="T29" fmla="*/ 17 h 770"/>
                <a:gd name="T30" fmla="*/ 107 w 637"/>
                <a:gd name="T31" fmla="*/ 14 h 770"/>
                <a:gd name="T32" fmla="*/ 110 w 637"/>
                <a:gd name="T33" fmla="*/ 1 h 770"/>
                <a:gd name="T34" fmla="*/ 121 w 637"/>
                <a:gd name="T35" fmla="*/ 0 h 770"/>
                <a:gd name="T36" fmla="*/ 137 w 637"/>
                <a:gd name="T37" fmla="*/ 7 h 770"/>
                <a:gd name="T38" fmla="*/ 147 w 637"/>
                <a:gd name="T39" fmla="*/ 7 h 770"/>
                <a:gd name="T40" fmla="*/ 145 w 637"/>
                <a:gd name="T41" fmla="*/ 21 h 770"/>
                <a:gd name="T42" fmla="*/ 144 w 637"/>
                <a:gd name="T43" fmla="*/ 35 h 770"/>
                <a:gd name="T44" fmla="*/ 160 w 637"/>
                <a:gd name="T45" fmla="*/ 26 h 770"/>
                <a:gd name="T46" fmla="*/ 174 w 637"/>
                <a:gd name="T47" fmla="*/ 28 h 770"/>
                <a:gd name="T48" fmla="*/ 201 w 637"/>
                <a:gd name="T49" fmla="*/ 35 h 770"/>
                <a:gd name="T50" fmla="*/ 203 w 637"/>
                <a:gd name="T51" fmla="*/ 42 h 770"/>
                <a:gd name="T52" fmla="*/ 193 w 637"/>
                <a:gd name="T53" fmla="*/ 53 h 770"/>
                <a:gd name="T54" fmla="*/ 189 w 637"/>
                <a:gd name="T55" fmla="*/ 64 h 770"/>
                <a:gd name="T56" fmla="*/ 178 w 637"/>
                <a:gd name="T57" fmla="*/ 78 h 770"/>
                <a:gd name="T58" fmla="*/ 159 w 637"/>
                <a:gd name="T59" fmla="*/ 92 h 770"/>
                <a:gd name="T60" fmla="*/ 143 w 637"/>
                <a:gd name="T61" fmla="*/ 108 h 770"/>
                <a:gd name="T62" fmla="*/ 132 w 637"/>
                <a:gd name="T63" fmla="*/ 126 h 770"/>
                <a:gd name="T64" fmla="*/ 130 w 637"/>
                <a:gd name="T65" fmla="*/ 138 h 770"/>
                <a:gd name="T66" fmla="*/ 134 w 637"/>
                <a:gd name="T67" fmla="*/ 141 h 770"/>
                <a:gd name="T68" fmla="*/ 137 w 637"/>
                <a:gd name="T69" fmla="*/ 143 h 770"/>
                <a:gd name="T70" fmla="*/ 132 w 637"/>
                <a:gd name="T71" fmla="*/ 145 h 770"/>
                <a:gd name="T72" fmla="*/ 126 w 637"/>
                <a:gd name="T73" fmla="*/ 147 h 770"/>
                <a:gd name="T74" fmla="*/ 136 w 637"/>
                <a:gd name="T75" fmla="*/ 165 h 770"/>
                <a:gd name="T76" fmla="*/ 150 w 637"/>
                <a:gd name="T77" fmla="*/ 194 h 770"/>
                <a:gd name="T78" fmla="*/ 155 w 637"/>
                <a:gd name="T79" fmla="*/ 216 h 770"/>
                <a:gd name="T80" fmla="*/ 149 w 637"/>
                <a:gd name="T81" fmla="*/ 232 h 770"/>
                <a:gd name="T82" fmla="*/ 136 w 637"/>
                <a:gd name="T83" fmla="*/ 241 h 770"/>
                <a:gd name="T84" fmla="*/ 122 w 637"/>
                <a:gd name="T85" fmla="*/ 240 h 770"/>
                <a:gd name="T86" fmla="*/ 107 w 637"/>
                <a:gd name="T87" fmla="*/ 238 h 770"/>
                <a:gd name="T88" fmla="*/ 101 w 637"/>
                <a:gd name="T89" fmla="*/ 243 h 770"/>
                <a:gd name="T90" fmla="*/ 72 w 637"/>
                <a:gd name="T91" fmla="*/ 250 h 770"/>
                <a:gd name="T92" fmla="*/ 59 w 637"/>
                <a:gd name="T93" fmla="*/ 254 h 770"/>
                <a:gd name="T94" fmla="*/ 49 w 637"/>
                <a:gd name="T95" fmla="*/ 257 h 770"/>
                <a:gd name="T96" fmla="*/ 48 w 637"/>
                <a:gd name="T97" fmla="*/ 254 h 770"/>
                <a:gd name="T98" fmla="*/ 54 w 637"/>
                <a:gd name="T99" fmla="*/ 249 h 770"/>
                <a:gd name="T100" fmla="*/ 57 w 637"/>
                <a:gd name="T101" fmla="*/ 245 h 770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637" h="770">
                  <a:moveTo>
                    <a:pt x="0" y="386"/>
                  </a:moveTo>
                  <a:lnTo>
                    <a:pt x="8" y="389"/>
                  </a:lnTo>
                  <a:lnTo>
                    <a:pt x="10" y="390"/>
                  </a:lnTo>
                  <a:lnTo>
                    <a:pt x="14" y="389"/>
                  </a:lnTo>
                  <a:lnTo>
                    <a:pt x="17" y="387"/>
                  </a:lnTo>
                  <a:lnTo>
                    <a:pt x="19" y="386"/>
                  </a:lnTo>
                  <a:lnTo>
                    <a:pt x="20" y="384"/>
                  </a:lnTo>
                  <a:lnTo>
                    <a:pt x="20" y="379"/>
                  </a:lnTo>
                  <a:lnTo>
                    <a:pt x="17" y="374"/>
                  </a:lnTo>
                  <a:lnTo>
                    <a:pt x="13" y="368"/>
                  </a:lnTo>
                  <a:lnTo>
                    <a:pt x="10" y="362"/>
                  </a:lnTo>
                  <a:lnTo>
                    <a:pt x="9" y="359"/>
                  </a:lnTo>
                  <a:lnTo>
                    <a:pt x="9" y="356"/>
                  </a:lnTo>
                  <a:lnTo>
                    <a:pt x="9" y="352"/>
                  </a:lnTo>
                  <a:lnTo>
                    <a:pt x="10" y="348"/>
                  </a:lnTo>
                  <a:lnTo>
                    <a:pt x="17" y="349"/>
                  </a:lnTo>
                  <a:lnTo>
                    <a:pt x="23" y="348"/>
                  </a:lnTo>
                  <a:lnTo>
                    <a:pt x="28" y="345"/>
                  </a:lnTo>
                  <a:lnTo>
                    <a:pt x="32" y="343"/>
                  </a:lnTo>
                  <a:lnTo>
                    <a:pt x="36" y="340"/>
                  </a:lnTo>
                  <a:lnTo>
                    <a:pt x="41" y="338"/>
                  </a:lnTo>
                  <a:lnTo>
                    <a:pt x="48" y="338"/>
                  </a:lnTo>
                  <a:lnTo>
                    <a:pt x="57" y="340"/>
                  </a:lnTo>
                  <a:lnTo>
                    <a:pt x="51" y="331"/>
                  </a:lnTo>
                  <a:lnTo>
                    <a:pt x="46" y="324"/>
                  </a:lnTo>
                  <a:lnTo>
                    <a:pt x="43" y="316"/>
                  </a:lnTo>
                  <a:lnTo>
                    <a:pt x="41" y="307"/>
                  </a:lnTo>
                  <a:lnTo>
                    <a:pt x="41" y="299"/>
                  </a:lnTo>
                  <a:lnTo>
                    <a:pt x="42" y="291"/>
                  </a:lnTo>
                  <a:lnTo>
                    <a:pt x="44" y="283"/>
                  </a:lnTo>
                  <a:lnTo>
                    <a:pt x="48" y="275"/>
                  </a:lnTo>
                  <a:lnTo>
                    <a:pt x="52" y="267"/>
                  </a:lnTo>
                  <a:lnTo>
                    <a:pt x="57" y="261"/>
                  </a:lnTo>
                  <a:lnTo>
                    <a:pt x="62" y="255"/>
                  </a:lnTo>
                  <a:lnTo>
                    <a:pt x="70" y="249"/>
                  </a:lnTo>
                  <a:lnTo>
                    <a:pt x="77" y="244"/>
                  </a:lnTo>
                  <a:lnTo>
                    <a:pt x="85" y="241"/>
                  </a:lnTo>
                  <a:lnTo>
                    <a:pt x="94" y="238"/>
                  </a:lnTo>
                  <a:lnTo>
                    <a:pt x="103" y="237"/>
                  </a:lnTo>
                  <a:lnTo>
                    <a:pt x="113" y="237"/>
                  </a:lnTo>
                  <a:lnTo>
                    <a:pt x="147" y="242"/>
                  </a:lnTo>
                  <a:lnTo>
                    <a:pt x="177" y="246"/>
                  </a:lnTo>
                  <a:lnTo>
                    <a:pt x="192" y="247"/>
                  </a:lnTo>
                  <a:lnTo>
                    <a:pt x="208" y="247"/>
                  </a:lnTo>
                  <a:lnTo>
                    <a:pt x="226" y="247"/>
                  </a:lnTo>
                  <a:lnTo>
                    <a:pt x="244" y="246"/>
                  </a:lnTo>
                  <a:lnTo>
                    <a:pt x="242" y="232"/>
                  </a:lnTo>
                  <a:lnTo>
                    <a:pt x="241" y="220"/>
                  </a:lnTo>
                  <a:lnTo>
                    <a:pt x="240" y="206"/>
                  </a:lnTo>
                  <a:lnTo>
                    <a:pt x="240" y="193"/>
                  </a:lnTo>
                  <a:lnTo>
                    <a:pt x="241" y="167"/>
                  </a:lnTo>
                  <a:lnTo>
                    <a:pt x="243" y="142"/>
                  </a:lnTo>
                  <a:lnTo>
                    <a:pt x="247" y="118"/>
                  </a:lnTo>
                  <a:lnTo>
                    <a:pt x="248" y="93"/>
                  </a:lnTo>
                  <a:lnTo>
                    <a:pt x="248" y="82"/>
                  </a:lnTo>
                  <a:lnTo>
                    <a:pt x="248" y="71"/>
                  </a:lnTo>
                  <a:lnTo>
                    <a:pt x="246" y="60"/>
                  </a:lnTo>
                  <a:lnTo>
                    <a:pt x="244" y="49"/>
                  </a:lnTo>
                  <a:lnTo>
                    <a:pt x="271" y="49"/>
                  </a:lnTo>
                  <a:lnTo>
                    <a:pt x="299" y="51"/>
                  </a:lnTo>
                  <a:lnTo>
                    <a:pt x="304" y="50"/>
                  </a:lnTo>
                  <a:lnTo>
                    <a:pt x="311" y="48"/>
                  </a:lnTo>
                  <a:lnTo>
                    <a:pt x="316" y="45"/>
                  </a:lnTo>
                  <a:lnTo>
                    <a:pt x="320" y="41"/>
                  </a:lnTo>
                  <a:lnTo>
                    <a:pt x="323" y="34"/>
                  </a:lnTo>
                  <a:lnTo>
                    <a:pt x="327" y="26"/>
                  </a:lnTo>
                  <a:lnTo>
                    <a:pt x="328" y="15"/>
                  </a:lnTo>
                  <a:lnTo>
                    <a:pt x="329" y="2"/>
                  </a:lnTo>
                  <a:lnTo>
                    <a:pt x="338" y="1"/>
                  </a:lnTo>
                  <a:lnTo>
                    <a:pt x="347" y="0"/>
                  </a:lnTo>
                  <a:lnTo>
                    <a:pt x="355" y="0"/>
                  </a:lnTo>
                  <a:lnTo>
                    <a:pt x="362" y="1"/>
                  </a:lnTo>
                  <a:lnTo>
                    <a:pt x="375" y="5"/>
                  </a:lnTo>
                  <a:lnTo>
                    <a:pt x="386" y="10"/>
                  </a:lnTo>
                  <a:lnTo>
                    <a:pt x="396" y="15"/>
                  </a:lnTo>
                  <a:lnTo>
                    <a:pt x="409" y="20"/>
                  </a:lnTo>
                  <a:lnTo>
                    <a:pt x="415" y="22"/>
                  </a:lnTo>
                  <a:lnTo>
                    <a:pt x="422" y="23"/>
                  </a:lnTo>
                  <a:lnTo>
                    <a:pt x="431" y="22"/>
                  </a:lnTo>
                  <a:lnTo>
                    <a:pt x="440" y="21"/>
                  </a:lnTo>
                  <a:lnTo>
                    <a:pt x="441" y="33"/>
                  </a:lnTo>
                  <a:lnTo>
                    <a:pt x="440" y="44"/>
                  </a:lnTo>
                  <a:lnTo>
                    <a:pt x="438" y="53"/>
                  </a:lnTo>
                  <a:lnTo>
                    <a:pt x="435" y="62"/>
                  </a:lnTo>
                  <a:lnTo>
                    <a:pt x="432" y="71"/>
                  </a:lnTo>
                  <a:lnTo>
                    <a:pt x="430" y="81"/>
                  </a:lnTo>
                  <a:lnTo>
                    <a:pt x="430" y="92"/>
                  </a:lnTo>
                  <a:lnTo>
                    <a:pt x="431" y="105"/>
                  </a:lnTo>
                  <a:lnTo>
                    <a:pt x="445" y="94"/>
                  </a:lnTo>
                  <a:lnTo>
                    <a:pt x="456" y="87"/>
                  </a:lnTo>
                  <a:lnTo>
                    <a:pt x="468" y="82"/>
                  </a:lnTo>
                  <a:lnTo>
                    <a:pt x="478" y="79"/>
                  </a:lnTo>
                  <a:lnTo>
                    <a:pt x="490" y="78"/>
                  </a:lnTo>
                  <a:lnTo>
                    <a:pt x="500" y="79"/>
                  </a:lnTo>
                  <a:lnTo>
                    <a:pt x="511" y="80"/>
                  </a:lnTo>
                  <a:lnTo>
                    <a:pt x="521" y="83"/>
                  </a:lnTo>
                  <a:lnTo>
                    <a:pt x="545" y="90"/>
                  </a:lnTo>
                  <a:lnTo>
                    <a:pt x="571" y="99"/>
                  </a:lnTo>
                  <a:lnTo>
                    <a:pt x="586" y="102"/>
                  </a:lnTo>
                  <a:lnTo>
                    <a:pt x="601" y="104"/>
                  </a:lnTo>
                  <a:lnTo>
                    <a:pt x="618" y="105"/>
                  </a:lnTo>
                  <a:lnTo>
                    <a:pt x="637" y="105"/>
                  </a:lnTo>
                  <a:lnTo>
                    <a:pt x="621" y="116"/>
                  </a:lnTo>
                  <a:lnTo>
                    <a:pt x="608" y="125"/>
                  </a:lnTo>
                  <a:lnTo>
                    <a:pt x="595" y="134"/>
                  </a:lnTo>
                  <a:lnTo>
                    <a:pt x="585" y="145"/>
                  </a:lnTo>
                  <a:lnTo>
                    <a:pt x="580" y="151"/>
                  </a:lnTo>
                  <a:lnTo>
                    <a:pt x="576" y="158"/>
                  </a:lnTo>
                  <a:lnTo>
                    <a:pt x="572" y="165"/>
                  </a:lnTo>
                  <a:lnTo>
                    <a:pt x="569" y="173"/>
                  </a:lnTo>
                  <a:lnTo>
                    <a:pt x="567" y="183"/>
                  </a:lnTo>
                  <a:lnTo>
                    <a:pt x="565" y="193"/>
                  </a:lnTo>
                  <a:lnTo>
                    <a:pt x="564" y="205"/>
                  </a:lnTo>
                  <a:lnTo>
                    <a:pt x="562" y="218"/>
                  </a:lnTo>
                  <a:lnTo>
                    <a:pt x="548" y="226"/>
                  </a:lnTo>
                  <a:lnTo>
                    <a:pt x="533" y="235"/>
                  </a:lnTo>
                  <a:lnTo>
                    <a:pt x="518" y="244"/>
                  </a:lnTo>
                  <a:lnTo>
                    <a:pt x="504" y="255"/>
                  </a:lnTo>
                  <a:lnTo>
                    <a:pt x="490" y="265"/>
                  </a:lnTo>
                  <a:lnTo>
                    <a:pt x="476" y="276"/>
                  </a:lnTo>
                  <a:lnTo>
                    <a:pt x="463" y="287"/>
                  </a:lnTo>
                  <a:lnTo>
                    <a:pt x="451" y="299"/>
                  </a:lnTo>
                  <a:lnTo>
                    <a:pt x="439" y="311"/>
                  </a:lnTo>
                  <a:lnTo>
                    <a:pt x="429" y="324"/>
                  </a:lnTo>
                  <a:lnTo>
                    <a:pt x="418" y="337"/>
                  </a:lnTo>
                  <a:lnTo>
                    <a:pt x="410" y="350"/>
                  </a:lnTo>
                  <a:lnTo>
                    <a:pt x="401" y="364"/>
                  </a:lnTo>
                  <a:lnTo>
                    <a:pt x="394" y="377"/>
                  </a:lnTo>
                  <a:lnTo>
                    <a:pt x="389" y="391"/>
                  </a:lnTo>
                  <a:lnTo>
                    <a:pt x="385" y="405"/>
                  </a:lnTo>
                  <a:lnTo>
                    <a:pt x="387" y="409"/>
                  </a:lnTo>
                  <a:lnTo>
                    <a:pt x="389" y="412"/>
                  </a:lnTo>
                  <a:lnTo>
                    <a:pt x="391" y="416"/>
                  </a:lnTo>
                  <a:lnTo>
                    <a:pt x="394" y="419"/>
                  </a:lnTo>
                  <a:lnTo>
                    <a:pt x="397" y="421"/>
                  </a:lnTo>
                  <a:lnTo>
                    <a:pt x="402" y="423"/>
                  </a:lnTo>
                  <a:lnTo>
                    <a:pt x="407" y="423"/>
                  </a:lnTo>
                  <a:lnTo>
                    <a:pt x="413" y="424"/>
                  </a:lnTo>
                  <a:lnTo>
                    <a:pt x="412" y="426"/>
                  </a:lnTo>
                  <a:lnTo>
                    <a:pt x="411" y="429"/>
                  </a:lnTo>
                  <a:lnTo>
                    <a:pt x="409" y="430"/>
                  </a:lnTo>
                  <a:lnTo>
                    <a:pt x="407" y="432"/>
                  </a:lnTo>
                  <a:lnTo>
                    <a:pt x="401" y="434"/>
                  </a:lnTo>
                  <a:lnTo>
                    <a:pt x="395" y="435"/>
                  </a:lnTo>
                  <a:lnTo>
                    <a:pt x="389" y="436"/>
                  </a:lnTo>
                  <a:lnTo>
                    <a:pt x="383" y="437"/>
                  </a:lnTo>
                  <a:lnTo>
                    <a:pt x="380" y="438"/>
                  </a:lnTo>
                  <a:lnTo>
                    <a:pt x="378" y="439"/>
                  </a:lnTo>
                  <a:lnTo>
                    <a:pt x="376" y="440"/>
                  </a:lnTo>
                  <a:lnTo>
                    <a:pt x="375" y="442"/>
                  </a:lnTo>
                  <a:lnTo>
                    <a:pt x="392" y="467"/>
                  </a:lnTo>
                  <a:lnTo>
                    <a:pt x="408" y="494"/>
                  </a:lnTo>
                  <a:lnTo>
                    <a:pt x="422" y="521"/>
                  </a:lnTo>
                  <a:lnTo>
                    <a:pt x="436" y="550"/>
                  </a:lnTo>
                  <a:lnTo>
                    <a:pt x="441" y="565"/>
                  </a:lnTo>
                  <a:lnTo>
                    <a:pt x="448" y="581"/>
                  </a:lnTo>
                  <a:lnTo>
                    <a:pt x="452" y="597"/>
                  </a:lnTo>
                  <a:lnTo>
                    <a:pt x="457" y="614"/>
                  </a:lnTo>
                  <a:lnTo>
                    <a:pt x="460" y="630"/>
                  </a:lnTo>
                  <a:lnTo>
                    <a:pt x="463" y="648"/>
                  </a:lnTo>
                  <a:lnTo>
                    <a:pt x="467" y="667"/>
                  </a:lnTo>
                  <a:lnTo>
                    <a:pt x="469" y="686"/>
                  </a:lnTo>
                  <a:lnTo>
                    <a:pt x="456" y="689"/>
                  </a:lnTo>
                  <a:lnTo>
                    <a:pt x="445" y="695"/>
                  </a:lnTo>
                  <a:lnTo>
                    <a:pt x="434" y="700"/>
                  </a:lnTo>
                  <a:lnTo>
                    <a:pt x="425" y="707"/>
                  </a:lnTo>
                  <a:lnTo>
                    <a:pt x="416" y="715"/>
                  </a:lnTo>
                  <a:lnTo>
                    <a:pt x="408" y="723"/>
                  </a:lnTo>
                  <a:lnTo>
                    <a:pt x="400" y="733"/>
                  </a:lnTo>
                  <a:lnTo>
                    <a:pt x="394" y="742"/>
                  </a:lnTo>
                  <a:lnTo>
                    <a:pt x="376" y="729"/>
                  </a:lnTo>
                  <a:lnTo>
                    <a:pt x="365" y="720"/>
                  </a:lnTo>
                  <a:lnTo>
                    <a:pt x="358" y="717"/>
                  </a:lnTo>
                  <a:lnTo>
                    <a:pt x="350" y="715"/>
                  </a:lnTo>
                  <a:lnTo>
                    <a:pt x="337" y="714"/>
                  </a:lnTo>
                  <a:lnTo>
                    <a:pt x="319" y="714"/>
                  </a:lnTo>
                  <a:lnTo>
                    <a:pt x="313" y="716"/>
                  </a:lnTo>
                  <a:lnTo>
                    <a:pt x="308" y="719"/>
                  </a:lnTo>
                  <a:lnTo>
                    <a:pt x="304" y="724"/>
                  </a:lnTo>
                  <a:lnTo>
                    <a:pt x="301" y="729"/>
                  </a:lnTo>
                  <a:lnTo>
                    <a:pt x="296" y="741"/>
                  </a:lnTo>
                  <a:lnTo>
                    <a:pt x="291" y="752"/>
                  </a:lnTo>
                  <a:lnTo>
                    <a:pt x="249" y="749"/>
                  </a:lnTo>
                  <a:lnTo>
                    <a:pt x="216" y="749"/>
                  </a:lnTo>
                  <a:lnTo>
                    <a:pt x="202" y="750"/>
                  </a:lnTo>
                  <a:lnTo>
                    <a:pt x="189" y="755"/>
                  </a:lnTo>
                  <a:lnTo>
                    <a:pt x="181" y="758"/>
                  </a:lnTo>
                  <a:lnTo>
                    <a:pt x="175" y="761"/>
                  </a:lnTo>
                  <a:lnTo>
                    <a:pt x="168" y="765"/>
                  </a:lnTo>
                  <a:lnTo>
                    <a:pt x="159" y="770"/>
                  </a:lnTo>
                  <a:lnTo>
                    <a:pt x="153" y="769"/>
                  </a:lnTo>
                  <a:lnTo>
                    <a:pt x="148" y="769"/>
                  </a:lnTo>
                  <a:lnTo>
                    <a:pt x="144" y="767"/>
                  </a:lnTo>
                  <a:lnTo>
                    <a:pt x="143" y="766"/>
                  </a:lnTo>
                  <a:lnTo>
                    <a:pt x="142" y="764"/>
                  </a:lnTo>
                  <a:lnTo>
                    <a:pt x="143" y="762"/>
                  </a:lnTo>
                  <a:lnTo>
                    <a:pt x="145" y="760"/>
                  </a:lnTo>
                  <a:lnTo>
                    <a:pt x="149" y="757"/>
                  </a:lnTo>
                  <a:lnTo>
                    <a:pt x="155" y="752"/>
                  </a:lnTo>
                  <a:lnTo>
                    <a:pt x="162" y="745"/>
                  </a:lnTo>
                  <a:lnTo>
                    <a:pt x="165" y="742"/>
                  </a:lnTo>
                  <a:lnTo>
                    <a:pt x="168" y="739"/>
                  </a:lnTo>
                  <a:lnTo>
                    <a:pt x="169" y="736"/>
                  </a:lnTo>
                  <a:lnTo>
                    <a:pt x="169" y="733"/>
                  </a:lnTo>
                  <a:lnTo>
                    <a:pt x="0" y="386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134" name="Aarhus kant"/>
            <p:cNvSpPr>
              <a:spLocks/>
            </p:cNvSpPr>
            <p:nvPr/>
          </p:nvSpPr>
          <p:spPr bwMode="auto">
            <a:xfrm>
              <a:off x="1982790" y="4098931"/>
              <a:ext cx="338138" cy="407988"/>
            </a:xfrm>
            <a:custGeom>
              <a:avLst/>
              <a:gdLst>
                <a:gd name="T0" fmla="*/ 5 w 637"/>
                <a:gd name="T1" fmla="*/ 130 h 770"/>
                <a:gd name="T2" fmla="*/ 7 w 637"/>
                <a:gd name="T3" fmla="*/ 126 h 770"/>
                <a:gd name="T4" fmla="*/ 3 w 637"/>
                <a:gd name="T5" fmla="*/ 120 h 770"/>
                <a:gd name="T6" fmla="*/ 6 w 637"/>
                <a:gd name="T7" fmla="*/ 116 h 770"/>
                <a:gd name="T8" fmla="*/ 12 w 637"/>
                <a:gd name="T9" fmla="*/ 113 h 770"/>
                <a:gd name="T10" fmla="*/ 17 w 637"/>
                <a:gd name="T11" fmla="*/ 110 h 770"/>
                <a:gd name="T12" fmla="*/ 14 w 637"/>
                <a:gd name="T13" fmla="*/ 100 h 770"/>
                <a:gd name="T14" fmla="*/ 17 w 637"/>
                <a:gd name="T15" fmla="*/ 89 h 770"/>
                <a:gd name="T16" fmla="*/ 26 w 637"/>
                <a:gd name="T17" fmla="*/ 81 h 770"/>
                <a:gd name="T18" fmla="*/ 38 w 637"/>
                <a:gd name="T19" fmla="*/ 79 h 770"/>
                <a:gd name="T20" fmla="*/ 70 w 637"/>
                <a:gd name="T21" fmla="*/ 82 h 770"/>
                <a:gd name="T22" fmla="*/ 81 w 637"/>
                <a:gd name="T23" fmla="*/ 73 h 770"/>
                <a:gd name="T24" fmla="*/ 81 w 637"/>
                <a:gd name="T25" fmla="*/ 47 h 770"/>
                <a:gd name="T26" fmla="*/ 83 w 637"/>
                <a:gd name="T27" fmla="*/ 24 h 770"/>
                <a:gd name="T28" fmla="*/ 100 w 637"/>
                <a:gd name="T29" fmla="*/ 17 h 770"/>
                <a:gd name="T30" fmla="*/ 107 w 637"/>
                <a:gd name="T31" fmla="*/ 14 h 770"/>
                <a:gd name="T32" fmla="*/ 110 w 637"/>
                <a:gd name="T33" fmla="*/ 1 h 770"/>
                <a:gd name="T34" fmla="*/ 121 w 637"/>
                <a:gd name="T35" fmla="*/ 0 h 770"/>
                <a:gd name="T36" fmla="*/ 137 w 637"/>
                <a:gd name="T37" fmla="*/ 7 h 770"/>
                <a:gd name="T38" fmla="*/ 147 w 637"/>
                <a:gd name="T39" fmla="*/ 7 h 770"/>
                <a:gd name="T40" fmla="*/ 145 w 637"/>
                <a:gd name="T41" fmla="*/ 21 h 770"/>
                <a:gd name="T42" fmla="*/ 144 w 637"/>
                <a:gd name="T43" fmla="*/ 35 h 770"/>
                <a:gd name="T44" fmla="*/ 160 w 637"/>
                <a:gd name="T45" fmla="*/ 26 h 770"/>
                <a:gd name="T46" fmla="*/ 174 w 637"/>
                <a:gd name="T47" fmla="*/ 28 h 770"/>
                <a:gd name="T48" fmla="*/ 201 w 637"/>
                <a:gd name="T49" fmla="*/ 35 h 770"/>
                <a:gd name="T50" fmla="*/ 203 w 637"/>
                <a:gd name="T51" fmla="*/ 42 h 770"/>
                <a:gd name="T52" fmla="*/ 193 w 637"/>
                <a:gd name="T53" fmla="*/ 53 h 770"/>
                <a:gd name="T54" fmla="*/ 189 w 637"/>
                <a:gd name="T55" fmla="*/ 64 h 770"/>
                <a:gd name="T56" fmla="*/ 178 w 637"/>
                <a:gd name="T57" fmla="*/ 78 h 770"/>
                <a:gd name="T58" fmla="*/ 159 w 637"/>
                <a:gd name="T59" fmla="*/ 92 h 770"/>
                <a:gd name="T60" fmla="*/ 143 w 637"/>
                <a:gd name="T61" fmla="*/ 108 h 770"/>
                <a:gd name="T62" fmla="*/ 132 w 637"/>
                <a:gd name="T63" fmla="*/ 126 h 770"/>
                <a:gd name="T64" fmla="*/ 130 w 637"/>
                <a:gd name="T65" fmla="*/ 138 h 770"/>
                <a:gd name="T66" fmla="*/ 134 w 637"/>
                <a:gd name="T67" fmla="*/ 141 h 770"/>
                <a:gd name="T68" fmla="*/ 137 w 637"/>
                <a:gd name="T69" fmla="*/ 143 h 770"/>
                <a:gd name="T70" fmla="*/ 132 w 637"/>
                <a:gd name="T71" fmla="*/ 145 h 770"/>
                <a:gd name="T72" fmla="*/ 126 w 637"/>
                <a:gd name="T73" fmla="*/ 147 h 770"/>
                <a:gd name="T74" fmla="*/ 136 w 637"/>
                <a:gd name="T75" fmla="*/ 165 h 770"/>
                <a:gd name="T76" fmla="*/ 150 w 637"/>
                <a:gd name="T77" fmla="*/ 194 h 770"/>
                <a:gd name="T78" fmla="*/ 155 w 637"/>
                <a:gd name="T79" fmla="*/ 216 h 770"/>
                <a:gd name="T80" fmla="*/ 149 w 637"/>
                <a:gd name="T81" fmla="*/ 232 h 770"/>
                <a:gd name="T82" fmla="*/ 136 w 637"/>
                <a:gd name="T83" fmla="*/ 241 h 770"/>
                <a:gd name="T84" fmla="*/ 122 w 637"/>
                <a:gd name="T85" fmla="*/ 240 h 770"/>
                <a:gd name="T86" fmla="*/ 107 w 637"/>
                <a:gd name="T87" fmla="*/ 238 h 770"/>
                <a:gd name="T88" fmla="*/ 101 w 637"/>
                <a:gd name="T89" fmla="*/ 243 h 770"/>
                <a:gd name="T90" fmla="*/ 72 w 637"/>
                <a:gd name="T91" fmla="*/ 250 h 770"/>
                <a:gd name="T92" fmla="*/ 59 w 637"/>
                <a:gd name="T93" fmla="*/ 254 h 770"/>
                <a:gd name="T94" fmla="*/ 49 w 637"/>
                <a:gd name="T95" fmla="*/ 257 h 770"/>
                <a:gd name="T96" fmla="*/ 48 w 637"/>
                <a:gd name="T97" fmla="*/ 254 h 770"/>
                <a:gd name="T98" fmla="*/ 54 w 637"/>
                <a:gd name="T99" fmla="*/ 249 h 770"/>
                <a:gd name="T100" fmla="*/ 57 w 637"/>
                <a:gd name="T101" fmla="*/ 245 h 770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637" h="770">
                  <a:moveTo>
                    <a:pt x="0" y="386"/>
                  </a:moveTo>
                  <a:lnTo>
                    <a:pt x="8" y="389"/>
                  </a:lnTo>
                  <a:lnTo>
                    <a:pt x="10" y="390"/>
                  </a:lnTo>
                  <a:lnTo>
                    <a:pt x="14" y="389"/>
                  </a:lnTo>
                  <a:lnTo>
                    <a:pt x="17" y="387"/>
                  </a:lnTo>
                  <a:lnTo>
                    <a:pt x="19" y="386"/>
                  </a:lnTo>
                  <a:lnTo>
                    <a:pt x="20" y="384"/>
                  </a:lnTo>
                  <a:lnTo>
                    <a:pt x="20" y="379"/>
                  </a:lnTo>
                  <a:lnTo>
                    <a:pt x="17" y="374"/>
                  </a:lnTo>
                  <a:lnTo>
                    <a:pt x="13" y="368"/>
                  </a:lnTo>
                  <a:lnTo>
                    <a:pt x="10" y="362"/>
                  </a:lnTo>
                  <a:lnTo>
                    <a:pt x="9" y="359"/>
                  </a:lnTo>
                  <a:lnTo>
                    <a:pt x="9" y="356"/>
                  </a:lnTo>
                  <a:lnTo>
                    <a:pt x="9" y="352"/>
                  </a:lnTo>
                  <a:lnTo>
                    <a:pt x="10" y="348"/>
                  </a:lnTo>
                  <a:lnTo>
                    <a:pt x="17" y="349"/>
                  </a:lnTo>
                  <a:lnTo>
                    <a:pt x="23" y="348"/>
                  </a:lnTo>
                  <a:lnTo>
                    <a:pt x="28" y="345"/>
                  </a:lnTo>
                  <a:lnTo>
                    <a:pt x="32" y="343"/>
                  </a:lnTo>
                  <a:lnTo>
                    <a:pt x="36" y="340"/>
                  </a:lnTo>
                  <a:lnTo>
                    <a:pt x="41" y="338"/>
                  </a:lnTo>
                  <a:lnTo>
                    <a:pt x="48" y="338"/>
                  </a:lnTo>
                  <a:lnTo>
                    <a:pt x="57" y="340"/>
                  </a:lnTo>
                  <a:lnTo>
                    <a:pt x="51" y="331"/>
                  </a:lnTo>
                  <a:lnTo>
                    <a:pt x="46" y="324"/>
                  </a:lnTo>
                  <a:lnTo>
                    <a:pt x="43" y="316"/>
                  </a:lnTo>
                  <a:lnTo>
                    <a:pt x="41" y="307"/>
                  </a:lnTo>
                  <a:lnTo>
                    <a:pt x="41" y="299"/>
                  </a:lnTo>
                  <a:lnTo>
                    <a:pt x="42" y="291"/>
                  </a:lnTo>
                  <a:lnTo>
                    <a:pt x="44" y="283"/>
                  </a:lnTo>
                  <a:lnTo>
                    <a:pt x="48" y="275"/>
                  </a:lnTo>
                  <a:lnTo>
                    <a:pt x="52" y="267"/>
                  </a:lnTo>
                  <a:lnTo>
                    <a:pt x="57" y="261"/>
                  </a:lnTo>
                  <a:lnTo>
                    <a:pt x="62" y="255"/>
                  </a:lnTo>
                  <a:lnTo>
                    <a:pt x="70" y="249"/>
                  </a:lnTo>
                  <a:lnTo>
                    <a:pt x="77" y="244"/>
                  </a:lnTo>
                  <a:lnTo>
                    <a:pt x="85" y="241"/>
                  </a:lnTo>
                  <a:lnTo>
                    <a:pt x="94" y="238"/>
                  </a:lnTo>
                  <a:lnTo>
                    <a:pt x="103" y="237"/>
                  </a:lnTo>
                  <a:lnTo>
                    <a:pt x="113" y="237"/>
                  </a:lnTo>
                  <a:lnTo>
                    <a:pt x="147" y="242"/>
                  </a:lnTo>
                  <a:lnTo>
                    <a:pt x="177" y="246"/>
                  </a:lnTo>
                  <a:lnTo>
                    <a:pt x="192" y="247"/>
                  </a:lnTo>
                  <a:lnTo>
                    <a:pt x="208" y="247"/>
                  </a:lnTo>
                  <a:lnTo>
                    <a:pt x="226" y="247"/>
                  </a:lnTo>
                  <a:lnTo>
                    <a:pt x="244" y="246"/>
                  </a:lnTo>
                  <a:lnTo>
                    <a:pt x="242" y="232"/>
                  </a:lnTo>
                  <a:lnTo>
                    <a:pt x="241" y="220"/>
                  </a:lnTo>
                  <a:lnTo>
                    <a:pt x="240" y="206"/>
                  </a:lnTo>
                  <a:lnTo>
                    <a:pt x="240" y="193"/>
                  </a:lnTo>
                  <a:lnTo>
                    <a:pt x="241" y="167"/>
                  </a:lnTo>
                  <a:lnTo>
                    <a:pt x="243" y="142"/>
                  </a:lnTo>
                  <a:lnTo>
                    <a:pt x="247" y="118"/>
                  </a:lnTo>
                  <a:lnTo>
                    <a:pt x="248" y="93"/>
                  </a:lnTo>
                  <a:lnTo>
                    <a:pt x="248" y="82"/>
                  </a:lnTo>
                  <a:lnTo>
                    <a:pt x="248" y="71"/>
                  </a:lnTo>
                  <a:lnTo>
                    <a:pt x="246" y="60"/>
                  </a:lnTo>
                  <a:lnTo>
                    <a:pt x="244" y="49"/>
                  </a:lnTo>
                  <a:lnTo>
                    <a:pt x="271" y="49"/>
                  </a:lnTo>
                  <a:lnTo>
                    <a:pt x="299" y="51"/>
                  </a:lnTo>
                  <a:lnTo>
                    <a:pt x="304" y="50"/>
                  </a:lnTo>
                  <a:lnTo>
                    <a:pt x="311" y="48"/>
                  </a:lnTo>
                  <a:lnTo>
                    <a:pt x="316" y="45"/>
                  </a:lnTo>
                  <a:lnTo>
                    <a:pt x="320" y="41"/>
                  </a:lnTo>
                  <a:lnTo>
                    <a:pt x="323" y="34"/>
                  </a:lnTo>
                  <a:lnTo>
                    <a:pt x="327" y="26"/>
                  </a:lnTo>
                  <a:lnTo>
                    <a:pt x="328" y="15"/>
                  </a:lnTo>
                  <a:lnTo>
                    <a:pt x="329" y="2"/>
                  </a:lnTo>
                  <a:lnTo>
                    <a:pt x="338" y="1"/>
                  </a:lnTo>
                  <a:lnTo>
                    <a:pt x="347" y="0"/>
                  </a:lnTo>
                  <a:lnTo>
                    <a:pt x="355" y="0"/>
                  </a:lnTo>
                  <a:lnTo>
                    <a:pt x="362" y="1"/>
                  </a:lnTo>
                  <a:lnTo>
                    <a:pt x="375" y="5"/>
                  </a:lnTo>
                  <a:lnTo>
                    <a:pt x="386" y="10"/>
                  </a:lnTo>
                  <a:lnTo>
                    <a:pt x="396" y="15"/>
                  </a:lnTo>
                  <a:lnTo>
                    <a:pt x="409" y="20"/>
                  </a:lnTo>
                  <a:lnTo>
                    <a:pt x="415" y="22"/>
                  </a:lnTo>
                  <a:lnTo>
                    <a:pt x="422" y="23"/>
                  </a:lnTo>
                  <a:lnTo>
                    <a:pt x="431" y="22"/>
                  </a:lnTo>
                  <a:lnTo>
                    <a:pt x="440" y="21"/>
                  </a:lnTo>
                  <a:lnTo>
                    <a:pt x="441" y="33"/>
                  </a:lnTo>
                  <a:lnTo>
                    <a:pt x="440" y="44"/>
                  </a:lnTo>
                  <a:lnTo>
                    <a:pt x="438" y="53"/>
                  </a:lnTo>
                  <a:lnTo>
                    <a:pt x="435" y="62"/>
                  </a:lnTo>
                  <a:lnTo>
                    <a:pt x="432" y="71"/>
                  </a:lnTo>
                  <a:lnTo>
                    <a:pt x="430" y="81"/>
                  </a:lnTo>
                  <a:lnTo>
                    <a:pt x="430" y="92"/>
                  </a:lnTo>
                  <a:lnTo>
                    <a:pt x="431" y="105"/>
                  </a:lnTo>
                  <a:lnTo>
                    <a:pt x="445" y="94"/>
                  </a:lnTo>
                  <a:lnTo>
                    <a:pt x="456" y="87"/>
                  </a:lnTo>
                  <a:lnTo>
                    <a:pt x="468" y="82"/>
                  </a:lnTo>
                  <a:lnTo>
                    <a:pt x="478" y="79"/>
                  </a:lnTo>
                  <a:lnTo>
                    <a:pt x="490" y="78"/>
                  </a:lnTo>
                  <a:lnTo>
                    <a:pt x="500" y="79"/>
                  </a:lnTo>
                  <a:lnTo>
                    <a:pt x="511" y="80"/>
                  </a:lnTo>
                  <a:lnTo>
                    <a:pt x="521" y="83"/>
                  </a:lnTo>
                  <a:lnTo>
                    <a:pt x="545" y="90"/>
                  </a:lnTo>
                  <a:lnTo>
                    <a:pt x="571" y="99"/>
                  </a:lnTo>
                  <a:lnTo>
                    <a:pt x="586" y="102"/>
                  </a:lnTo>
                  <a:lnTo>
                    <a:pt x="601" y="104"/>
                  </a:lnTo>
                  <a:lnTo>
                    <a:pt x="618" y="105"/>
                  </a:lnTo>
                  <a:lnTo>
                    <a:pt x="637" y="105"/>
                  </a:lnTo>
                  <a:lnTo>
                    <a:pt x="621" y="116"/>
                  </a:lnTo>
                  <a:lnTo>
                    <a:pt x="608" y="125"/>
                  </a:lnTo>
                  <a:lnTo>
                    <a:pt x="595" y="134"/>
                  </a:lnTo>
                  <a:lnTo>
                    <a:pt x="585" y="145"/>
                  </a:lnTo>
                  <a:lnTo>
                    <a:pt x="580" y="151"/>
                  </a:lnTo>
                  <a:lnTo>
                    <a:pt x="576" y="158"/>
                  </a:lnTo>
                  <a:lnTo>
                    <a:pt x="572" y="165"/>
                  </a:lnTo>
                  <a:lnTo>
                    <a:pt x="569" y="173"/>
                  </a:lnTo>
                  <a:lnTo>
                    <a:pt x="567" y="183"/>
                  </a:lnTo>
                  <a:lnTo>
                    <a:pt x="565" y="193"/>
                  </a:lnTo>
                  <a:lnTo>
                    <a:pt x="564" y="205"/>
                  </a:lnTo>
                  <a:lnTo>
                    <a:pt x="562" y="218"/>
                  </a:lnTo>
                  <a:lnTo>
                    <a:pt x="548" y="226"/>
                  </a:lnTo>
                  <a:lnTo>
                    <a:pt x="533" y="235"/>
                  </a:lnTo>
                  <a:lnTo>
                    <a:pt x="518" y="244"/>
                  </a:lnTo>
                  <a:lnTo>
                    <a:pt x="504" y="255"/>
                  </a:lnTo>
                  <a:lnTo>
                    <a:pt x="490" y="265"/>
                  </a:lnTo>
                  <a:lnTo>
                    <a:pt x="476" y="276"/>
                  </a:lnTo>
                  <a:lnTo>
                    <a:pt x="463" y="287"/>
                  </a:lnTo>
                  <a:lnTo>
                    <a:pt x="451" y="299"/>
                  </a:lnTo>
                  <a:lnTo>
                    <a:pt x="439" y="311"/>
                  </a:lnTo>
                  <a:lnTo>
                    <a:pt x="429" y="324"/>
                  </a:lnTo>
                  <a:lnTo>
                    <a:pt x="418" y="337"/>
                  </a:lnTo>
                  <a:lnTo>
                    <a:pt x="410" y="350"/>
                  </a:lnTo>
                  <a:lnTo>
                    <a:pt x="401" y="364"/>
                  </a:lnTo>
                  <a:lnTo>
                    <a:pt x="394" y="377"/>
                  </a:lnTo>
                  <a:lnTo>
                    <a:pt x="389" y="391"/>
                  </a:lnTo>
                  <a:lnTo>
                    <a:pt x="385" y="405"/>
                  </a:lnTo>
                  <a:lnTo>
                    <a:pt x="387" y="409"/>
                  </a:lnTo>
                  <a:lnTo>
                    <a:pt x="389" y="412"/>
                  </a:lnTo>
                  <a:lnTo>
                    <a:pt x="391" y="416"/>
                  </a:lnTo>
                  <a:lnTo>
                    <a:pt x="394" y="419"/>
                  </a:lnTo>
                  <a:lnTo>
                    <a:pt x="397" y="421"/>
                  </a:lnTo>
                  <a:lnTo>
                    <a:pt x="402" y="423"/>
                  </a:lnTo>
                  <a:lnTo>
                    <a:pt x="407" y="423"/>
                  </a:lnTo>
                  <a:lnTo>
                    <a:pt x="413" y="424"/>
                  </a:lnTo>
                  <a:lnTo>
                    <a:pt x="412" y="426"/>
                  </a:lnTo>
                  <a:lnTo>
                    <a:pt x="411" y="429"/>
                  </a:lnTo>
                  <a:lnTo>
                    <a:pt x="409" y="430"/>
                  </a:lnTo>
                  <a:lnTo>
                    <a:pt x="407" y="432"/>
                  </a:lnTo>
                  <a:lnTo>
                    <a:pt x="401" y="434"/>
                  </a:lnTo>
                  <a:lnTo>
                    <a:pt x="395" y="435"/>
                  </a:lnTo>
                  <a:lnTo>
                    <a:pt x="389" y="436"/>
                  </a:lnTo>
                  <a:lnTo>
                    <a:pt x="383" y="437"/>
                  </a:lnTo>
                  <a:lnTo>
                    <a:pt x="380" y="438"/>
                  </a:lnTo>
                  <a:lnTo>
                    <a:pt x="378" y="439"/>
                  </a:lnTo>
                  <a:lnTo>
                    <a:pt x="376" y="440"/>
                  </a:lnTo>
                  <a:lnTo>
                    <a:pt x="375" y="442"/>
                  </a:lnTo>
                  <a:lnTo>
                    <a:pt x="392" y="467"/>
                  </a:lnTo>
                  <a:lnTo>
                    <a:pt x="408" y="494"/>
                  </a:lnTo>
                  <a:lnTo>
                    <a:pt x="422" y="521"/>
                  </a:lnTo>
                  <a:lnTo>
                    <a:pt x="436" y="550"/>
                  </a:lnTo>
                  <a:lnTo>
                    <a:pt x="441" y="565"/>
                  </a:lnTo>
                  <a:lnTo>
                    <a:pt x="448" y="581"/>
                  </a:lnTo>
                  <a:lnTo>
                    <a:pt x="452" y="597"/>
                  </a:lnTo>
                  <a:lnTo>
                    <a:pt x="457" y="614"/>
                  </a:lnTo>
                  <a:lnTo>
                    <a:pt x="460" y="630"/>
                  </a:lnTo>
                  <a:lnTo>
                    <a:pt x="463" y="648"/>
                  </a:lnTo>
                  <a:lnTo>
                    <a:pt x="467" y="667"/>
                  </a:lnTo>
                  <a:lnTo>
                    <a:pt x="469" y="686"/>
                  </a:lnTo>
                  <a:lnTo>
                    <a:pt x="456" y="689"/>
                  </a:lnTo>
                  <a:lnTo>
                    <a:pt x="445" y="695"/>
                  </a:lnTo>
                  <a:lnTo>
                    <a:pt x="434" y="700"/>
                  </a:lnTo>
                  <a:lnTo>
                    <a:pt x="425" y="707"/>
                  </a:lnTo>
                  <a:lnTo>
                    <a:pt x="416" y="715"/>
                  </a:lnTo>
                  <a:lnTo>
                    <a:pt x="408" y="723"/>
                  </a:lnTo>
                  <a:lnTo>
                    <a:pt x="400" y="733"/>
                  </a:lnTo>
                  <a:lnTo>
                    <a:pt x="394" y="742"/>
                  </a:lnTo>
                  <a:lnTo>
                    <a:pt x="376" y="729"/>
                  </a:lnTo>
                  <a:lnTo>
                    <a:pt x="365" y="720"/>
                  </a:lnTo>
                  <a:lnTo>
                    <a:pt x="358" y="717"/>
                  </a:lnTo>
                  <a:lnTo>
                    <a:pt x="350" y="715"/>
                  </a:lnTo>
                  <a:lnTo>
                    <a:pt x="337" y="714"/>
                  </a:lnTo>
                  <a:lnTo>
                    <a:pt x="319" y="714"/>
                  </a:lnTo>
                  <a:lnTo>
                    <a:pt x="313" y="716"/>
                  </a:lnTo>
                  <a:lnTo>
                    <a:pt x="308" y="719"/>
                  </a:lnTo>
                  <a:lnTo>
                    <a:pt x="304" y="724"/>
                  </a:lnTo>
                  <a:lnTo>
                    <a:pt x="301" y="729"/>
                  </a:lnTo>
                  <a:lnTo>
                    <a:pt x="296" y="741"/>
                  </a:lnTo>
                  <a:lnTo>
                    <a:pt x="291" y="752"/>
                  </a:lnTo>
                  <a:lnTo>
                    <a:pt x="249" y="749"/>
                  </a:lnTo>
                  <a:lnTo>
                    <a:pt x="216" y="749"/>
                  </a:lnTo>
                  <a:lnTo>
                    <a:pt x="202" y="750"/>
                  </a:lnTo>
                  <a:lnTo>
                    <a:pt x="189" y="755"/>
                  </a:lnTo>
                  <a:lnTo>
                    <a:pt x="181" y="758"/>
                  </a:lnTo>
                  <a:lnTo>
                    <a:pt x="175" y="761"/>
                  </a:lnTo>
                  <a:lnTo>
                    <a:pt x="168" y="765"/>
                  </a:lnTo>
                  <a:lnTo>
                    <a:pt x="159" y="770"/>
                  </a:lnTo>
                  <a:lnTo>
                    <a:pt x="153" y="769"/>
                  </a:lnTo>
                  <a:lnTo>
                    <a:pt x="148" y="769"/>
                  </a:lnTo>
                  <a:lnTo>
                    <a:pt x="144" y="767"/>
                  </a:lnTo>
                  <a:lnTo>
                    <a:pt x="143" y="766"/>
                  </a:lnTo>
                  <a:lnTo>
                    <a:pt x="142" y="764"/>
                  </a:lnTo>
                  <a:lnTo>
                    <a:pt x="143" y="762"/>
                  </a:lnTo>
                  <a:lnTo>
                    <a:pt x="145" y="760"/>
                  </a:lnTo>
                  <a:lnTo>
                    <a:pt x="149" y="757"/>
                  </a:lnTo>
                  <a:lnTo>
                    <a:pt x="155" y="752"/>
                  </a:lnTo>
                  <a:lnTo>
                    <a:pt x="162" y="745"/>
                  </a:lnTo>
                  <a:lnTo>
                    <a:pt x="165" y="742"/>
                  </a:lnTo>
                  <a:lnTo>
                    <a:pt x="168" y="739"/>
                  </a:lnTo>
                  <a:lnTo>
                    <a:pt x="169" y="736"/>
                  </a:lnTo>
                  <a:lnTo>
                    <a:pt x="169" y="733"/>
                  </a:lnTo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135" name="Norddjurs"/>
            <p:cNvGrpSpPr/>
            <p:nvPr/>
          </p:nvGrpSpPr>
          <p:grpSpPr>
            <a:xfrm>
              <a:off x="2187578" y="3559180"/>
              <a:ext cx="619127" cy="571501"/>
              <a:chOff x="2187578" y="3559180"/>
              <a:chExt cx="619127" cy="571501"/>
            </a:xfrm>
            <a:grpFill/>
          </p:grpSpPr>
          <p:sp>
            <p:nvSpPr>
              <p:cNvPr id="1152" name="Line 21"/>
              <p:cNvSpPr>
                <a:spLocks noChangeShapeType="1"/>
              </p:cNvSpPr>
              <p:nvPr/>
            </p:nvSpPr>
            <p:spPr bwMode="auto">
              <a:xfrm flipV="1">
                <a:off x="2801942" y="3565530"/>
                <a:ext cx="0" cy="4763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53" name="Line 25"/>
              <p:cNvSpPr>
                <a:spLocks noChangeShapeType="1"/>
              </p:cNvSpPr>
              <p:nvPr/>
            </p:nvSpPr>
            <p:spPr bwMode="auto">
              <a:xfrm>
                <a:off x="2795592" y="3570293"/>
                <a:ext cx="6350" cy="0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54" name="Line 27"/>
              <p:cNvSpPr>
                <a:spLocks noChangeShapeType="1"/>
              </p:cNvSpPr>
              <p:nvPr/>
            </p:nvSpPr>
            <p:spPr bwMode="auto">
              <a:xfrm>
                <a:off x="2795592" y="3565530"/>
                <a:ext cx="0" cy="4763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55" name="Line 29"/>
              <p:cNvSpPr>
                <a:spLocks noChangeShapeType="1"/>
              </p:cNvSpPr>
              <p:nvPr/>
            </p:nvSpPr>
            <p:spPr bwMode="auto">
              <a:xfrm flipH="1">
                <a:off x="2795592" y="3565530"/>
                <a:ext cx="6350" cy="0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56" name="Line 33"/>
              <p:cNvSpPr>
                <a:spLocks noChangeShapeType="1"/>
              </p:cNvSpPr>
              <p:nvPr/>
            </p:nvSpPr>
            <p:spPr bwMode="auto">
              <a:xfrm>
                <a:off x="2801942" y="3559180"/>
                <a:ext cx="0" cy="6350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57" name="Line 37"/>
              <p:cNvSpPr>
                <a:spLocks noChangeShapeType="1"/>
              </p:cNvSpPr>
              <p:nvPr/>
            </p:nvSpPr>
            <p:spPr bwMode="auto">
              <a:xfrm>
                <a:off x="2801942" y="3565530"/>
                <a:ext cx="4763" cy="0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58" name="Norddjurs 2"/>
              <p:cNvSpPr>
                <a:spLocks/>
              </p:cNvSpPr>
              <p:nvPr/>
            </p:nvSpPr>
            <p:spPr bwMode="auto">
              <a:xfrm>
                <a:off x="2711454" y="3565530"/>
                <a:ext cx="90488" cy="63500"/>
              </a:xfrm>
              <a:custGeom>
                <a:avLst/>
                <a:gdLst>
                  <a:gd name="T0" fmla="*/ 57 w 169"/>
                  <a:gd name="T1" fmla="*/ 3 h 121"/>
                  <a:gd name="T2" fmla="*/ 54 w 169"/>
                  <a:gd name="T3" fmla="*/ 6 h 121"/>
                  <a:gd name="T4" fmla="*/ 51 w 169"/>
                  <a:gd name="T5" fmla="*/ 9 h 121"/>
                  <a:gd name="T6" fmla="*/ 49 w 169"/>
                  <a:gd name="T7" fmla="*/ 13 h 121"/>
                  <a:gd name="T8" fmla="*/ 46 w 169"/>
                  <a:gd name="T9" fmla="*/ 16 h 121"/>
                  <a:gd name="T10" fmla="*/ 42 w 169"/>
                  <a:gd name="T11" fmla="*/ 23 h 121"/>
                  <a:gd name="T12" fmla="*/ 37 w 169"/>
                  <a:gd name="T13" fmla="*/ 30 h 121"/>
                  <a:gd name="T14" fmla="*/ 35 w 169"/>
                  <a:gd name="T15" fmla="*/ 33 h 121"/>
                  <a:gd name="T16" fmla="*/ 32 w 169"/>
                  <a:gd name="T17" fmla="*/ 36 h 121"/>
                  <a:gd name="T18" fmla="*/ 29 w 169"/>
                  <a:gd name="T19" fmla="*/ 38 h 121"/>
                  <a:gd name="T20" fmla="*/ 26 w 169"/>
                  <a:gd name="T21" fmla="*/ 39 h 121"/>
                  <a:gd name="T22" fmla="*/ 24 w 169"/>
                  <a:gd name="T23" fmla="*/ 40 h 121"/>
                  <a:gd name="T24" fmla="*/ 23 w 169"/>
                  <a:gd name="T25" fmla="*/ 40 h 121"/>
                  <a:gd name="T26" fmla="*/ 21 w 169"/>
                  <a:gd name="T27" fmla="*/ 40 h 121"/>
                  <a:gd name="T28" fmla="*/ 19 w 169"/>
                  <a:gd name="T29" fmla="*/ 40 h 121"/>
                  <a:gd name="T30" fmla="*/ 17 w 169"/>
                  <a:gd name="T31" fmla="*/ 40 h 121"/>
                  <a:gd name="T32" fmla="*/ 15 w 169"/>
                  <a:gd name="T33" fmla="*/ 39 h 121"/>
                  <a:gd name="T34" fmla="*/ 12 w 169"/>
                  <a:gd name="T35" fmla="*/ 38 h 121"/>
                  <a:gd name="T36" fmla="*/ 9 w 169"/>
                  <a:gd name="T37" fmla="*/ 37 h 121"/>
                  <a:gd name="T38" fmla="*/ 9 w 169"/>
                  <a:gd name="T39" fmla="*/ 35 h 121"/>
                  <a:gd name="T40" fmla="*/ 9 w 169"/>
                  <a:gd name="T41" fmla="*/ 33 h 121"/>
                  <a:gd name="T42" fmla="*/ 9 w 169"/>
                  <a:gd name="T43" fmla="*/ 31 h 121"/>
                  <a:gd name="T44" fmla="*/ 8 w 169"/>
                  <a:gd name="T45" fmla="*/ 29 h 121"/>
                  <a:gd name="T46" fmla="*/ 6 w 169"/>
                  <a:gd name="T47" fmla="*/ 26 h 121"/>
                  <a:gd name="T48" fmla="*/ 5 w 169"/>
                  <a:gd name="T49" fmla="*/ 23 h 121"/>
                  <a:gd name="T50" fmla="*/ 3 w 169"/>
                  <a:gd name="T51" fmla="*/ 20 h 121"/>
                  <a:gd name="T52" fmla="*/ 1 w 169"/>
                  <a:gd name="T53" fmla="*/ 18 h 121"/>
                  <a:gd name="T54" fmla="*/ 1 w 169"/>
                  <a:gd name="T55" fmla="*/ 16 h 121"/>
                  <a:gd name="T56" fmla="*/ 0 w 169"/>
                  <a:gd name="T57" fmla="*/ 14 h 121"/>
                  <a:gd name="T58" fmla="*/ 0 w 169"/>
                  <a:gd name="T59" fmla="*/ 12 h 121"/>
                  <a:gd name="T60" fmla="*/ 0 w 169"/>
                  <a:gd name="T61" fmla="*/ 9 h 121"/>
                  <a:gd name="T62" fmla="*/ 3 w 169"/>
                  <a:gd name="T63" fmla="*/ 8 h 121"/>
                  <a:gd name="T64" fmla="*/ 6 w 169"/>
                  <a:gd name="T65" fmla="*/ 8 h 121"/>
                  <a:gd name="T66" fmla="*/ 9 w 169"/>
                  <a:gd name="T67" fmla="*/ 7 h 121"/>
                  <a:gd name="T68" fmla="*/ 13 w 169"/>
                  <a:gd name="T69" fmla="*/ 7 h 121"/>
                  <a:gd name="T70" fmla="*/ 21 w 169"/>
                  <a:gd name="T71" fmla="*/ 6 h 121"/>
                  <a:gd name="T72" fmla="*/ 28 w 169"/>
                  <a:gd name="T73" fmla="*/ 6 h 121"/>
                  <a:gd name="T74" fmla="*/ 35 w 169"/>
                  <a:gd name="T75" fmla="*/ 5 h 121"/>
                  <a:gd name="T76" fmla="*/ 42 w 169"/>
                  <a:gd name="T77" fmla="*/ 4 h 121"/>
                  <a:gd name="T78" fmla="*/ 45 w 169"/>
                  <a:gd name="T79" fmla="*/ 3 h 121"/>
                  <a:gd name="T80" fmla="*/ 49 w 169"/>
                  <a:gd name="T81" fmla="*/ 2 h 121"/>
                  <a:gd name="T82" fmla="*/ 51 w 169"/>
                  <a:gd name="T83" fmla="*/ 1 h 121"/>
                  <a:gd name="T84" fmla="*/ 54 w 169"/>
                  <a:gd name="T85" fmla="*/ 0 h 121"/>
                  <a:gd name="T86" fmla="*/ 57 w 169"/>
                  <a:gd name="T87" fmla="*/ 3 h 121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0" t="0" r="r" b="b"/>
                <a:pathLst>
                  <a:path w="169" h="121">
                    <a:moveTo>
                      <a:pt x="169" y="9"/>
                    </a:moveTo>
                    <a:lnTo>
                      <a:pt x="159" y="18"/>
                    </a:lnTo>
                    <a:lnTo>
                      <a:pt x="151" y="27"/>
                    </a:lnTo>
                    <a:lnTo>
                      <a:pt x="144" y="38"/>
                    </a:lnTo>
                    <a:lnTo>
                      <a:pt x="137" y="48"/>
                    </a:lnTo>
                    <a:lnTo>
                      <a:pt x="124" y="70"/>
                    </a:lnTo>
                    <a:lnTo>
                      <a:pt x="110" y="92"/>
                    </a:lnTo>
                    <a:lnTo>
                      <a:pt x="103" y="101"/>
                    </a:lnTo>
                    <a:lnTo>
                      <a:pt x="95" y="108"/>
                    </a:lnTo>
                    <a:lnTo>
                      <a:pt x="87" y="115"/>
                    </a:lnTo>
                    <a:lnTo>
                      <a:pt x="77" y="119"/>
                    </a:lnTo>
                    <a:lnTo>
                      <a:pt x="72" y="120"/>
                    </a:lnTo>
                    <a:lnTo>
                      <a:pt x="67" y="121"/>
                    </a:lnTo>
                    <a:lnTo>
                      <a:pt x="62" y="121"/>
                    </a:lnTo>
                    <a:lnTo>
                      <a:pt x="55" y="121"/>
                    </a:lnTo>
                    <a:lnTo>
                      <a:pt x="49" y="120"/>
                    </a:lnTo>
                    <a:lnTo>
                      <a:pt x="43" y="118"/>
                    </a:lnTo>
                    <a:lnTo>
                      <a:pt x="35" y="116"/>
                    </a:lnTo>
                    <a:lnTo>
                      <a:pt x="28" y="113"/>
                    </a:lnTo>
                    <a:lnTo>
                      <a:pt x="28" y="105"/>
                    </a:lnTo>
                    <a:lnTo>
                      <a:pt x="27" y="99"/>
                    </a:lnTo>
                    <a:lnTo>
                      <a:pt x="26" y="94"/>
                    </a:lnTo>
                    <a:lnTo>
                      <a:pt x="24" y="88"/>
                    </a:lnTo>
                    <a:lnTo>
                      <a:pt x="19" y="79"/>
                    </a:lnTo>
                    <a:lnTo>
                      <a:pt x="14" y="70"/>
                    </a:lnTo>
                    <a:lnTo>
                      <a:pt x="8" y="62"/>
                    </a:lnTo>
                    <a:lnTo>
                      <a:pt x="4" y="53"/>
                    </a:lnTo>
                    <a:lnTo>
                      <a:pt x="3" y="47"/>
                    </a:lnTo>
                    <a:lnTo>
                      <a:pt x="0" y="41"/>
                    </a:lnTo>
                    <a:lnTo>
                      <a:pt x="0" y="35"/>
                    </a:lnTo>
                    <a:lnTo>
                      <a:pt x="0" y="28"/>
                    </a:lnTo>
                    <a:lnTo>
                      <a:pt x="9" y="25"/>
                    </a:lnTo>
                    <a:lnTo>
                      <a:pt x="18" y="23"/>
                    </a:lnTo>
                    <a:lnTo>
                      <a:pt x="28" y="21"/>
                    </a:lnTo>
                    <a:lnTo>
                      <a:pt x="38" y="20"/>
                    </a:lnTo>
                    <a:lnTo>
                      <a:pt x="61" y="18"/>
                    </a:lnTo>
                    <a:lnTo>
                      <a:pt x="83" y="17"/>
                    </a:lnTo>
                    <a:lnTo>
                      <a:pt x="104" y="15"/>
                    </a:lnTo>
                    <a:lnTo>
                      <a:pt x="125" y="13"/>
                    </a:lnTo>
                    <a:lnTo>
                      <a:pt x="134" y="10"/>
                    </a:lnTo>
                    <a:lnTo>
                      <a:pt x="144" y="7"/>
                    </a:lnTo>
                    <a:lnTo>
                      <a:pt x="152" y="4"/>
                    </a:lnTo>
                    <a:lnTo>
                      <a:pt x="159" y="0"/>
                    </a:lnTo>
                    <a:lnTo>
                      <a:pt x="169" y="9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59" name="Norddjurs kant 2"/>
              <p:cNvSpPr>
                <a:spLocks/>
              </p:cNvSpPr>
              <p:nvPr/>
            </p:nvSpPr>
            <p:spPr bwMode="auto">
              <a:xfrm>
                <a:off x="2711454" y="3565530"/>
                <a:ext cx="90488" cy="63500"/>
              </a:xfrm>
              <a:custGeom>
                <a:avLst/>
                <a:gdLst>
                  <a:gd name="T0" fmla="*/ 57 w 169"/>
                  <a:gd name="T1" fmla="*/ 3 h 121"/>
                  <a:gd name="T2" fmla="*/ 54 w 169"/>
                  <a:gd name="T3" fmla="*/ 6 h 121"/>
                  <a:gd name="T4" fmla="*/ 51 w 169"/>
                  <a:gd name="T5" fmla="*/ 9 h 121"/>
                  <a:gd name="T6" fmla="*/ 49 w 169"/>
                  <a:gd name="T7" fmla="*/ 13 h 121"/>
                  <a:gd name="T8" fmla="*/ 46 w 169"/>
                  <a:gd name="T9" fmla="*/ 16 h 121"/>
                  <a:gd name="T10" fmla="*/ 42 w 169"/>
                  <a:gd name="T11" fmla="*/ 23 h 121"/>
                  <a:gd name="T12" fmla="*/ 37 w 169"/>
                  <a:gd name="T13" fmla="*/ 30 h 121"/>
                  <a:gd name="T14" fmla="*/ 35 w 169"/>
                  <a:gd name="T15" fmla="*/ 33 h 121"/>
                  <a:gd name="T16" fmla="*/ 32 w 169"/>
                  <a:gd name="T17" fmla="*/ 36 h 121"/>
                  <a:gd name="T18" fmla="*/ 29 w 169"/>
                  <a:gd name="T19" fmla="*/ 38 h 121"/>
                  <a:gd name="T20" fmla="*/ 26 w 169"/>
                  <a:gd name="T21" fmla="*/ 39 h 121"/>
                  <a:gd name="T22" fmla="*/ 24 w 169"/>
                  <a:gd name="T23" fmla="*/ 40 h 121"/>
                  <a:gd name="T24" fmla="*/ 23 w 169"/>
                  <a:gd name="T25" fmla="*/ 40 h 121"/>
                  <a:gd name="T26" fmla="*/ 21 w 169"/>
                  <a:gd name="T27" fmla="*/ 40 h 121"/>
                  <a:gd name="T28" fmla="*/ 19 w 169"/>
                  <a:gd name="T29" fmla="*/ 40 h 121"/>
                  <a:gd name="T30" fmla="*/ 17 w 169"/>
                  <a:gd name="T31" fmla="*/ 40 h 121"/>
                  <a:gd name="T32" fmla="*/ 15 w 169"/>
                  <a:gd name="T33" fmla="*/ 39 h 121"/>
                  <a:gd name="T34" fmla="*/ 12 w 169"/>
                  <a:gd name="T35" fmla="*/ 38 h 121"/>
                  <a:gd name="T36" fmla="*/ 9 w 169"/>
                  <a:gd name="T37" fmla="*/ 37 h 121"/>
                  <a:gd name="T38" fmla="*/ 9 w 169"/>
                  <a:gd name="T39" fmla="*/ 35 h 121"/>
                  <a:gd name="T40" fmla="*/ 9 w 169"/>
                  <a:gd name="T41" fmla="*/ 33 h 121"/>
                  <a:gd name="T42" fmla="*/ 9 w 169"/>
                  <a:gd name="T43" fmla="*/ 31 h 121"/>
                  <a:gd name="T44" fmla="*/ 8 w 169"/>
                  <a:gd name="T45" fmla="*/ 29 h 121"/>
                  <a:gd name="T46" fmla="*/ 6 w 169"/>
                  <a:gd name="T47" fmla="*/ 26 h 121"/>
                  <a:gd name="T48" fmla="*/ 5 w 169"/>
                  <a:gd name="T49" fmla="*/ 23 h 121"/>
                  <a:gd name="T50" fmla="*/ 3 w 169"/>
                  <a:gd name="T51" fmla="*/ 20 h 121"/>
                  <a:gd name="T52" fmla="*/ 1 w 169"/>
                  <a:gd name="T53" fmla="*/ 18 h 121"/>
                  <a:gd name="T54" fmla="*/ 1 w 169"/>
                  <a:gd name="T55" fmla="*/ 16 h 121"/>
                  <a:gd name="T56" fmla="*/ 0 w 169"/>
                  <a:gd name="T57" fmla="*/ 14 h 121"/>
                  <a:gd name="T58" fmla="*/ 0 w 169"/>
                  <a:gd name="T59" fmla="*/ 12 h 121"/>
                  <a:gd name="T60" fmla="*/ 0 w 169"/>
                  <a:gd name="T61" fmla="*/ 9 h 121"/>
                  <a:gd name="T62" fmla="*/ 3 w 169"/>
                  <a:gd name="T63" fmla="*/ 8 h 121"/>
                  <a:gd name="T64" fmla="*/ 6 w 169"/>
                  <a:gd name="T65" fmla="*/ 8 h 121"/>
                  <a:gd name="T66" fmla="*/ 9 w 169"/>
                  <a:gd name="T67" fmla="*/ 7 h 121"/>
                  <a:gd name="T68" fmla="*/ 13 w 169"/>
                  <a:gd name="T69" fmla="*/ 7 h 121"/>
                  <a:gd name="T70" fmla="*/ 21 w 169"/>
                  <a:gd name="T71" fmla="*/ 6 h 121"/>
                  <a:gd name="T72" fmla="*/ 28 w 169"/>
                  <a:gd name="T73" fmla="*/ 6 h 121"/>
                  <a:gd name="T74" fmla="*/ 35 w 169"/>
                  <a:gd name="T75" fmla="*/ 5 h 121"/>
                  <a:gd name="T76" fmla="*/ 42 w 169"/>
                  <a:gd name="T77" fmla="*/ 4 h 121"/>
                  <a:gd name="T78" fmla="*/ 45 w 169"/>
                  <a:gd name="T79" fmla="*/ 3 h 121"/>
                  <a:gd name="T80" fmla="*/ 49 w 169"/>
                  <a:gd name="T81" fmla="*/ 2 h 121"/>
                  <a:gd name="T82" fmla="*/ 51 w 169"/>
                  <a:gd name="T83" fmla="*/ 1 h 121"/>
                  <a:gd name="T84" fmla="*/ 54 w 169"/>
                  <a:gd name="T85" fmla="*/ 0 h 121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69" h="121">
                    <a:moveTo>
                      <a:pt x="169" y="9"/>
                    </a:moveTo>
                    <a:lnTo>
                      <a:pt x="159" y="18"/>
                    </a:lnTo>
                    <a:lnTo>
                      <a:pt x="151" y="27"/>
                    </a:lnTo>
                    <a:lnTo>
                      <a:pt x="144" y="38"/>
                    </a:lnTo>
                    <a:lnTo>
                      <a:pt x="137" y="48"/>
                    </a:lnTo>
                    <a:lnTo>
                      <a:pt x="124" y="70"/>
                    </a:lnTo>
                    <a:lnTo>
                      <a:pt x="110" y="92"/>
                    </a:lnTo>
                    <a:lnTo>
                      <a:pt x="103" y="101"/>
                    </a:lnTo>
                    <a:lnTo>
                      <a:pt x="95" y="108"/>
                    </a:lnTo>
                    <a:lnTo>
                      <a:pt x="87" y="115"/>
                    </a:lnTo>
                    <a:lnTo>
                      <a:pt x="77" y="119"/>
                    </a:lnTo>
                    <a:lnTo>
                      <a:pt x="72" y="120"/>
                    </a:lnTo>
                    <a:lnTo>
                      <a:pt x="67" y="121"/>
                    </a:lnTo>
                    <a:lnTo>
                      <a:pt x="62" y="121"/>
                    </a:lnTo>
                    <a:lnTo>
                      <a:pt x="55" y="121"/>
                    </a:lnTo>
                    <a:lnTo>
                      <a:pt x="49" y="120"/>
                    </a:lnTo>
                    <a:lnTo>
                      <a:pt x="43" y="118"/>
                    </a:lnTo>
                    <a:lnTo>
                      <a:pt x="35" y="116"/>
                    </a:lnTo>
                    <a:lnTo>
                      <a:pt x="28" y="113"/>
                    </a:lnTo>
                    <a:lnTo>
                      <a:pt x="28" y="105"/>
                    </a:lnTo>
                    <a:lnTo>
                      <a:pt x="27" y="99"/>
                    </a:lnTo>
                    <a:lnTo>
                      <a:pt x="26" y="94"/>
                    </a:lnTo>
                    <a:lnTo>
                      <a:pt x="24" y="88"/>
                    </a:lnTo>
                    <a:lnTo>
                      <a:pt x="19" y="79"/>
                    </a:lnTo>
                    <a:lnTo>
                      <a:pt x="14" y="70"/>
                    </a:lnTo>
                    <a:lnTo>
                      <a:pt x="8" y="62"/>
                    </a:lnTo>
                    <a:lnTo>
                      <a:pt x="4" y="53"/>
                    </a:lnTo>
                    <a:lnTo>
                      <a:pt x="3" y="47"/>
                    </a:lnTo>
                    <a:lnTo>
                      <a:pt x="0" y="41"/>
                    </a:lnTo>
                    <a:lnTo>
                      <a:pt x="0" y="35"/>
                    </a:lnTo>
                    <a:lnTo>
                      <a:pt x="0" y="28"/>
                    </a:lnTo>
                    <a:lnTo>
                      <a:pt x="9" y="25"/>
                    </a:lnTo>
                    <a:lnTo>
                      <a:pt x="18" y="23"/>
                    </a:lnTo>
                    <a:lnTo>
                      <a:pt x="28" y="21"/>
                    </a:lnTo>
                    <a:lnTo>
                      <a:pt x="38" y="20"/>
                    </a:lnTo>
                    <a:lnTo>
                      <a:pt x="61" y="18"/>
                    </a:lnTo>
                    <a:lnTo>
                      <a:pt x="83" y="17"/>
                    </a:lnTo>
                    <a:lnTo>
                      <a:pt x="104" y="15"/>
                    </a:lnTo>
                    <a:lnTo>
                      <a:pt x="125" y="13"/>
                    </a:lnTo>
                    <a:lnTo>
                      <a:pt x="134" y="10"/>
                    </a:lnTo>
                    <a:lnTo>
                      <a:pt x="144" y="7"/>
                    </a:lnTo>
                    <a:lnTo>
                      <a:pt x="152" y="4"/>
                    </a:lnTo>
                    <a:lnTo>
                      <a:pt x="159" y="0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60" name="Norddjurs 1"/>
              <p:cNvSpPr>
                <a:spLocks/>
              </p:cNvSpPr>
              <p:nvPr/>
            </p:nvSpPr>
            <p:spPr bwMode="auto">
              <a:xfrm>
                <a:off x="2187578" y="3756030"/>
                <a:ext cx="569914" cy="374651"/>
              </a:xfrm>
              <a:custGeom>
                <a:avLst/>
                <a:gdLst>
                  <a:gd name="T0" fmla="*/ 40 w 1077"/>
                  <a:gd name="T1" fmla="*/ 0 h 709"/>
                  <a:gd name="T2" fmla="*/ 47 w 1077"/>
                  <a:gd name="T3" fmla="*/ 5 h 709"/>
                  <a:gd name="T4" fmla="*/ 54 w 1077"/>
                  <a:gd name="T5" fmla="*/ 8 h 709"/>
                  <a:gd name="T6" fmla="*/ 66 w 1077"/>
                  <a:gd name="T7" fmla="*/ 35 h 709"/>
                  <a:gd name="T8" fmla="*/ 88 w 1077"/>
                  <a:gd name="T9" fmla="*/ 57 h 709"/>
                  <a:gd name="T10" fmla="*/ 117 w 1077"/>
                  <a:gd name="T11" fmla="*/ 66 h 709"/>
                  <a:gd name="T12" fmla="*/ 152 w 1077"/>
                  <a:gd name="T13" fmla="*/ 66 h 709"/>
                  <a:gd name="T14" fmla="*/ 219 w 1077"/>
                  <a:gd name="T15" fmla="*/ 57 h 709"/>
                  <a:gd name="T16" fmla="*/ 267 w 1077"/>
                  <a:gd name="T17" fmla="*/ 52 h 709"/>
                  <a:gd name="T18" fmla="*/ 301 w 1077"/>
                  <a:gd name="T19" fmla="*/ 55 h 709"/>
                  <a:gd name="T20" fmla="*/ 311 w 1077"/>
                  <a:gd name="T21" fmla="*/ 66 h 709"/>
                  <a:gd name="T22" fmla="*/ 320 w 1077"/>
                  <a:gd name="T23" fmla="*/ 82 h 709"/>
                  <a:gd name="T24" fmla="*/ 339 w 1077"/>
                  <a:gd name="T25" fmla="*/ 98 h 709"/>
                  <a:gd name="T26" fmla="*/ 356 w 1077"/>
                  <a:gd name="T27" fmla="*/ 116 h 709"/>
                  <a:gd name="T28" fmla="*/ 352 w 1077"/>
                  <a:gd name="T29" fmla="*/ 128 h 709"/>
                  <a:gd name="T30" fmla="*/ 347 w 1077"/>
                  <a:gd name="T31" fmla="*/ 141 h 709"/>
                  <a:gd name="T32" fmla="*/ 341 w 1077"/>
                  <a:gd name="T33" fmla="*/ 169 h 709"/>
                  <a:gd name="T34" fmla="*/ 335 w 1077"/>
                  <a:gd name="T35" fmla="*/ 203 h 709"/>
                  <a:gd name="T36" fmla="*/ 327 w 1077"/>
                  <a:gd name="T37" fmla="*/ 222 h 709"/>
                  <a:gd name="T38" fmla="*/ 318 w 1077"/>
                  <a:gd name="T39" fmla="*/ 233 h 709"/>
                  <a:gd name="T40" fmla="*/ 311 w 1077"/>
                  <a:gd name="T41" fmla="*/ 235 h 709"/>
                  <a:gd name="T42" fmla="*/ 302 w 1077"/>
                  <a:gd name="T43" fmla="*/ 230 h 709"/>
                  <a:gd name="T44" fmla="*/ 297 w 1077"/>
                  <a:gd name="T45" fmla="*/ 231 h 709"/>
                  <a:gd name="T46" fmla="*/ 290 w 1077"/>
                  <a:gd name="T47" fmla="*/ 223 h 709"/>
                  <a:gd name="T48" fmla="*/ 279 w 1077"/>
                  <a:gd name="T49" fmla="*/ 214 h 709"/>
                  <a:gd name="T50" fmla="*/ 256 w 1077"/>
                  <a:gd name="T51" fmla="*/ 207 h 709"/>
                  <a:gd name="T52" fmla="*/ 230 w 1077"/>
                  <a:gd name="T53" fmla="*/ 202 h 709"/>
                  <a:gd name="T54" fmla="*/ 216 w 1077"/>
                  <a:gd name="T55" fmla="*/ 196 h 709"/>
                  <a:gd name="T56" fmla="*/ 208 w 1077"/>
                  <a:gd name="T57" fmla="*/ 186 h 709"/>
                  <a:gd name="T58" fmla="*/ 219 w 1077"/>
                  <a:gd name="T59" fmla="*/ 178 h 709"/>
                  <a:gd name="T60" fmla="*/ 235 w 1077"/>
                  <a:gd name="T61" fmla="*/ 164 h 709"/>
                  <a:gd name="T62" fmla="*/ 226 w 1077"/>
                  <a:gd name="T63" fmla="*/ 154 h 709"/>
                  <a:gd name="T64" fmla="*/ 206 w 1077"/>
                  <a:gd name="T65" fmla="*/ 144 h 709"/>
                  <a:gd name="T66" fmla="*/ 171 w 1077"/>
                  <a:gd name="T67" fmla="*/ 131 h 709"/>
                  <a:gd name="T68" fmla="*/ 155 w 1077"/>
                  <a:gd name="T69" fmla="*/ 123 h 709"/>
                  <a:gd name="T70" fmla="*/ 153 w 1077"/>
                  <a:gd name="T71" fmla="*/ 128 h 709"/>
                  <a:gd name="T72" fmla="*/ 152 w 1077"/>
                  <a:gd name="T73" fmla="*/ 137 h 709"/>
                  <a:gd name="T74" fmla="*/ 145 w 1077"/>
                  <a:gd name="T75" fmla="*/ 138 h 709"/>
                  <a:gd name="T76" fmla="*/ 128 w 1077"/>
                  <a:gd name="T77" fmla="*/ 138 h 709"/>
                  <a:gd name="T78" fmla="*/ 110 w 1077"/>
                  <a:gd name="T79" fmla="*/ 140 h 709"/>
                  <a:gd name="T80" fmla="*/ 99 w 1077"/>
                  <a:gd name="T81" fmla="*/ 141 h 709"/>
                  <a:gd name="T82" fmla="*/ 92 w 1077"/>
                  <a:gd name="T83" fmla="*/ 150 h 709"/>
                  <a:gd name="T84" fmla="*/ 81 w 1077"/>
                  <a:gd name="T85" fmla="*/ 161 h 709"/>
                  <a:gd name="T86" fmla="*/ 75 w 1077"/>
                  <a:gd name="T87" fmla="*/ 166 h 709"/>
                  <a:gd name="T88" fmla="*/ 57 w 1077"/>
                  <a:gd name="T89" fmla="*/ 163 h 709"/>
                  <a:gd name="T90" fmla="*/ 28 w 1077"/>
                  <a:gd name="T91" fmla="*/ 163 h 709"/>
                  <a:gd name="T92" fmla="*/ 22 w 1077"/>
                  <a:gd name="T93" fmla="*/ 157 h 709"/>
                  <a:gd name="T94" fmla="*/ 14 w 1077"/>
                  <a:gd name="T95" fmla="*/ 137 h 709"/>
                  <a:gd name="T96" fmla="*/ 5 w 1077"/>
                  <a:gd name="T97" fmla="*/ 118 h 709"/>
                  <a:gd name="T98" fmla="*/ 5 w 1077"/>
                  <a:gd name="T99" fmla="*/ 109 h 709"/>
                  <a:gd name="T100" fmla="*/ 10 w 1077"/>
                  <a:gd name="T101" fmla="*/ 103 h 709"/>
                  <a:gd name="T102" fmla="*/ 11 w 1077"/>
                  <a:gd name="T103" fmla="*/ 99 h 709"/>
                  <a:gd name="T104" fmla="*/ 4 w 1077"/>
                  <a:gd name="T105" fmla="*/ 98 h 709"/>
                  <a:gd name="T106" fmla="*/ 0 w 1077"/>
                  <a:gd name="T107" fmla="*/ 96 h 709"/>
                  <a:gd name="T108" fmla="*/ 5 w 1077"/>
                  <a:gd name="T109" fmla="*/ 90 h 709"/>
                  <a:gd name="T110" fmla="*/ 8 w 1077"/>
                  <a:gd name="T111" fmla="*/ 80 h 709"/>
                  <a:gd name="T112" fmla="*/ 4 w 1077"/>
                  <a:gd name="T113" fmla="*/ 61 h 709"/>
                  <a:gd name="T114" fmla="*/ 9 w 1077"/>
                  <a:gd name="T115" fmla="*/ 44 h 709"/>
                  <a:gd name="T116" fmla="*/ 28 w 1077"/>
                  <a:gd name="T117" fmla="*/ 20 h 709"/>
                  <a:gd name="T118" fmla="*/ 37 w 1077"/>
                  <a:gd name="T119" fmla="*/ 5 h 709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1077" h="709">
                    <a:moveTo>
                      <a:pt x="112" y="5"/>
                    </a:moveTo>
                    <a:lnTo>
                      <a:pt x="113" y="2"/>
                    </a:lnTo>
                    <a:lnTo>
                      <a:pt x="116" y="0"/>
                    </a:lnTo>
                    <a:lnTo>
                      <a:pt x="119" y="0"/>
                    </a:lnTo>
                    <a:lnTo>
                      <a:pt x="121" y="0"/>
                    </a:lnTo>
                    <a:lnTo>
                      <a:pt x="127" y="4"/>
                    </a:lnTo>
                    <a:lnTo>
                      <a:pt x="133" y="10"/>
                    </a:lnTo>
                    <a:lnTo>
                      <a:pt x="141" y="16"/>
                    </a:lnTo>
                    <a:lnTo>
                      <a:pt x="149" y="21"/>
                    </a:lnTo>
                    <a:lnTo>
                      <a:pt x="153" y="23"/>
                    </a:lnTo>
                    <a:lnTo>
                      <a:pt x="159" y="24"/>
                    </a:lnTo>
                    <a:lnTo>
                      <a:pt x="163" y="24"/>
                    </a:lnTo>
                    <a:lnTo>
                      <a:pt x="168" y="24"/>
                    </a:lnTo>
                    <a:lnTo>
                      <a:pt x="175" y="54"/>
                    </a:lnTo>
                    <a:lnTo>
                      <a:pt x="186" y="81"/>
                    </a:lnTo>
                    <a:lnTo>
                      <a:pt x="197" y="104"/>
                    </a:lnTo>
                    <a:lnTo>
                      <a:pt x="211" y="125"/>
                    </a:lnTo>
                    <a:lnTo>
                      <a:pt x="227" y="142"/>
                    </a:lnTo>
                    <a:lnTo>
                      <a:pt x="244" y="157"/>
                    </a:lnTo>
                    <a:lnTo>
                      <a:pt x="263" y="170"/>
                    </a:lnTo>
                    <a:lnTo>
                      <a:pt x="283" y="179"/>
                    </a:lnTo>
                    <a:lnTo>
                      <a:pt x="304" y="187"/>
                    </a:lnTo>
                    <a:lnTo>
                      <a:pt x="327" y="193"/>
                    </a:lnTo>
                    <a:lnTo>
                      <a:pt x="351" y="197"/>
                    </a:lnTo>
                    <a:lnTo>
                      <a:pt x="375" y="199"/>
                    </a:lnTo>
                    <a:lnTo>
                      <a:pt x="402" y="200"/>
                    </a:lnTo>
                    <a:lnTo>
                      <a:pt x="428" y="200"/>
                    </a:lnTo>
                    <a:lnTo>
                      <a:pt x="455" y="198"/>
                    </a:lnTo>
                    <a:lnTo>
                      <a:pt x="483" y="196"/>
                    </a:lnTo>
                    <a:lnTo>
                      <a:pt x="541" y="189"/>
                    </a:lnTo>
                    <a:lnTo>
                      <a:pt x="599" y="180"/>
                    </a:lnTo>
                    <a:lnTo>
                      <a:pt x="658" y="171"/>
                    </a:lnTo>
                    <a:lnTo>
                      <a:pt x="716" y="163"/>
                    </a:lnTo>
                    <a:lnTo>
                      <a:pt x="744" y="160"/>
                    </a:lnTo>
                    <a:lnTo>
                      <a:pt x="772" y="158"/>
                    </a:lnTo>
                    <a:lnTo>
                      <a:pt x="800" y="157"/>
                    </a:lnTo>
                    <a:lnTo>
                      <a:pt x="827" y="157"/>
                    </a:lnTo>
                    <a:lnTo>
                      <a:pt x="853" y="159"/>
                    </a:lnTo>
                    <a:lnTo>
                      <a:pt x="879" y="162"/>
                    </a:lnTo>
                    <a:lnTo>
                      <a:pt x="903" y="166"/>
                    </a:lnTo>
                    <a:lnTo>
                      <a:pt x="926" y="174"/>
                    </a:lnTo>
                    <a:lnTo>
                      <a:pt x="928" y="183"/>
                    </a:lnTo>
                    <a:lnTo>
                      <a:pt x="930" y="192"/>
                    </a:lnTo>
                    <a:lnTo>
                      <a:pt x="932" y="199"/>
                    </a:lnTo>
                    <a:lnTo>
                      <a:pt x="936" y="207"/>
                    </a:lnTo>
                    <a:lnTo>
                      <a:pt x="942" y="221"/>
                    </a:lnTo>
                    <a:lnTo>
                      <a:pt x="950" y="234"/>
                    </a:lnTo>
                    <a:lnTo>
                      <a:pt x="960" y="245"/>
                    </a:lnTo>
                    <a:lnTo>
                      <a:pt x="970" y="256"/>
                    </a:lnTo>
                    <a:lnTo>
                      <a:pt x="982" y="266"/>
                    </a:lnTo>
                    <a:lnTo>
                      <a:pt x="994" y="275"/>
                    </a:lnTo>
                    <a:lnTo>
                      <a:pt x="1017" y="294"/>
                    </a:lnTo>
                    <a:lnTo>
                      <a:pt x="1040" y="313"/>
                    </a:lnTo>
                    <a:lnTo>
                      <a:pt x="1050" y="323"/>
                    </a:lnTo>
                    <a:lnTo>
                      <a:pt x="1061" y="335"/>
                    </a:lnTo>
                    <a:lnTo>
                      <a:pt x="1069" y="348"/>
                    </a:lnTo>
                    <a:lnTo>
                      <a:pt x="1077" y="361"/>
                    </a:lnTo>
                    <a:lnTo>
                      <a:pt x="1069" y="368"/>
                    </a:lnTo>
                    <a:lnTo>
                      <a:pt x="1063" y="376"/>
                    </a:lnTo>
                    <a:lnTo>
                      <a:pt x="1057" y="384"/>
                    </a:lnTo>
                    <a:lnTo>
                      <a:pt x="1051" y="393"/>
                    </a:lnTo>
                    <a:lnTo>
                      <a:pt x="1047" y="403"/>
                    </a:lnTo>
                    <a:lnTo>
                      <a:pt x="1043" y="413"/>
                    </a:lnTo>
                    <a:lnTo>
                      <a:pt x="1040" y="423"/>
                    </a:lnTo>
                    <a:lnTo>
                      <a:pt x="1037" y="435"/>
                    </a:lnTo>
                    <a:lnTo>
                      <a:pt x="1030" y="458"/>
                    </a:lnTo>
                    <a:lnTo>
                      <a:pt x="1026" y="483"/>
                    </a:lnTo>
                    <a:lnTo>
                      <a:pt x="1022" y="509"/>
                    </a:lnTo>
                    <a:lnTo>
                      <a:pt x="1019" y="534"/>
                    </a:lnTo>
                    <a:lnTo>
                      <a:pt x="1015" y="560"/>
                    </a:lnTo>
                    <a:lnTo>
                      <a:pt x="1009" y="586"/>
                    </a:lnTo>
                    <a:lnTo>
                      <a:pt x="1004" y="610"/>
                    </a:lnTo>
                    <a:lnTo>
                      <a:pt x="997" y="633"/>
                    </a:lnTo>
                    <a:lnTo>
                      <a:pt x="992" y="644"/>
                    </a:lnTo>
                    <a:lnTo>
                      <a:pt x="988" y="655"/>
                    </a:lnTo>
                    <a:lnTo>
                      <a:pt x="982" y="666"/>
                    </a:lnTo>
                    <a:lnTo>
                      <a:pt x="977" y="675"/>
                    </a:lnTo>
                    <a:lnTo>
                      <a:pt x="969" y="684"/>
                    </a:lnTo>
                    <a:lnTo>
                      <a:pt x="962" y="693"/>
                    </a:lnTo>
                    <a:lnTo>
                      <a:pt x="955" y="700"/>
                    </a:lnTo>
                    <a:lnTo>
                      <a:pt x="945" y="708"/>
                    </a:lnTo>
                    <a:lnTo>
                      <a:pt x="941" y="709"/>
                    </a:lnTo>
                    <a:lnTo>
                      <a:pt x="937" y="708"/>
                    </a:lnTo>
                    <a:lnTo>
                      <a:pt x="932" y="707"/>
                    </a:lnTo>
                    <a:lnTo>
                      <a:pt x="928" y="706"/>
                    </a:lnTo>
                    <a:lnTo>
                      <a:pt x="921" y="700"/>
                    </a:lnTo>
                    <a:lnTo>
                      <a:pt x="914" y="695"/>
                    </a:lnTo>
                    <a:lnTo>
                      <a:pt x="906" y="691"/>
                    </a:lnTo>
                    <a:lnTo>
                      <a:pt x="900" y="689"/>
                    </a:lnTo>
                    <a:lnTo>
                      <a:pt x="897" y="690"/>
                    </a:lnTo>
                    <a:lnTo>
                      <a:pt x="895" y="691"/>
                    </a:lnTo>
                    <a:lnTo>
                      <a:pt x="891" y="694"/>
                    </a:lnTo>
                    <a:lnTo>
                      <a:pt x="889" y="698"/>
                    </a:lnTo>
                    <a:lnTo>
                      <a:pt x="883" y="688"/>
                    </a:lnTo>
                    <a:lnTo>
                      <a:pt x="877" y="678"/>
                    </a:lnTo>
                    <a:lnTo>
                      <a:pt x="869" y="670"/>
                    </a:lnTo>
                    <a:lnTo>
                      <a:pt x="862" y="661"/>
                    </a:lnTo>
                    <a:lnTo>
                      <a:pt x="853" y="655"/>
                    </a:lnTo>
                    <a:lnTo>
                      <a:pt x="845" y="650"/>
                    </a:lnTo>
                    <a:lnTo>
                      <a:pt x="837" y="644"/>
                    </a:lnTo>
                    <a:lnTo>
                      <a:pt x="828" y="639"/>
                    </a:lnTo>
                    <a:lnTo>
                      <a:pt x="809" y="633"/>
                    </a:lnTo>
                    <a:lnTo>
                      <a:pt x="789" y="628"/>
                    </a:lnTo>
                    <a:lnTo>
                      <a:pt x="769" y="623"/>
                    </a:lnTo>
                    <a:lnTo>
                      <a:pt x="749" y="620"/>
                    </a:lnTo>
                    <a:lnTo>
                      <a:pt x="729" y="616"/>
                    </a:lnTo>
                    <a:lnTo>
                      <a:pt x="710" y="613"/>
                    </a:lnTo>
                    <a:lnTo>
                      <a:pt x="691" y="608"/>
                    </a:lnTo>
                    <a:lnTo>
                      <a:pt x="673" y="601"/>
                    </a:lnTo>
                    <a:lnTo>
                      <a:pt x="665" y="597"/>
                    </a:lnTo>
                    <a:lnTo>
                      <a:pt x="657" y="593"/>
                    </a:lnTo>
                    <a:lnTo>
                      <a:pt x="649" y="588"/>
                    </a:lnTo>
                    <a:lnTo>
                      <a:pt x="642" y="581"/>
                    </a:lnTo>
                    <a:lnTo>
                      <a:pt x="634" y="575"/>
                    </a:lnTo>
                    <a:lnTo>
                      <a:pt x="628" y="567"/>
                    </a:lnTo>
                    <a:lnTo>
                      <a:pt x="623" y="558"/>
                    </a:lnTo>
                    <a:lnTo>
                      <a:pt x="618" y="549"/>
                    </a:lnTo>
                    <a:lnTo>
                      <a:pt x="631" y="546"/>
                    </a:lnTo>
                    <a:lnTo>
                      <a:pt x="645" y="540"/>
                    </a:lnTo>
                    <a:lnTo>
                      <a:pt x="658" y="535"/>
                    </a:lnTo>
                    <a:lnTo>
                      <a:pt x="669" y="530"/>
                    </a:lnTo>
                    <a:lnTo>
                      <a:pt x="690" y="516"/>
                    </a:lnTo>
                    <a:lnTo>
                      <a:pt x="711" y="501"/>
                    </a:lnTo>
                    <a:lnTo>
                      <a:pt x="706" y="494"/>
                    </a:lnTo>
                    <a:lnTo>
                      <a:pt x="702" y="488"/>
                    </a:lnTo>
                    <a:lnTo>
                      <a:pt x="697" y="481"/>
                    </a:lnTo>
                    <a:lnTo>
                      <a:pt x="690" y="475"/>
                    </a:lnTo>
                    <a:lnTo>
                      <a:pt x="678" y="464"/>
                    </a:lnTo>
                    <a:lnTo>
                      <a:pt x="664" y="455"/>
                    </a:lnTo>
                    <a:lnTo>
                      <a:pt x="649" y="447"/>
                    </a:lnTo>
                    <a:lnTo>
                      <a:pt x="633" y="439"/>
                    </a:lnTo>
                    <a:lnTo>
                      <a:pt x="617" y="433"/>
                    </a:lnTo>
                    <a:lnTo>
                      <a:pt x="599" y="427"/>
                    </a:lnTo>
                    <a:lnTo>
                      <a:pt x="564" y="414"/>
                    </a:lnTo>
                    <a:lnTo>
                      <a:pt x="529" y="402"/>
                    </a:lnTo>
                    <a:lnTo>
                      <a:pt x="512" y="395"/>
                    </a:lnTo>
                    <a:lnTo>
                      <a:pt x="497" y="388"/>
                    </a:lnTo>
                    <a:lnTo>
                      <a:pt x="482" y="380"/>
                    </a:lnTo>
                    <a:lnTo>
                      <a:pt x="468" y="371"/>
                    </a:lnTo>
                    <a:lnTo>
                      <a:pt x="464" y="371"/>
                    </a:lnTo>
                    <a:lnTo>
                      <a:pt x="462" y="373"/>
                    </a:lnTo>
                    <a:lnTo>
                      <a:pt x="460" y="375"/>
                    </a:lnTo>
                    <a:lnTo>
                      <a:pt x="459" y="378"/>
                    </a:lnTo>
                    <a:lnTo>
                      <a:pt x="458" y="384"/>
                    </a:lnTo>
                    <a:lnTo>
                      <a:pt x="458" y="393"/>
                    </a:lnTo>
                    <a:lnTo>
                      <a:pt x="457" y="400"/>
                    </a:lnTo>
                    <a:lnTo>
                      <a:pt x="455" y="408"/>
                    </a:lnTo>
                    <a:lnTo>
                      <a:pt x="455" y="411"/>
                    </a:lnTo>
                    <a:lnTo>
                      <a:pt x="453" y="414"/>
                    </a:lnTo>
                    <a:lnTo>
                      <a:pt x="451" y="416"/>
                    </a:lnTo>
                    <a:lnTo>
                      <a:pt x="449" y="417"/>
                    </a:lnTo>
                    <a:lnTo>
                      <a:pt x="435" y="415"/>
                    </a:lnTo>
                    <a:lnTo>
                      <a:pt x="423" y="414"/>
                    </a:lnTo>
                    <a:lnTo>
                      <a:pt x="412" y="414"/>
                    </a:lnTo>
                    <a:lnTo>
                      <a:pt x="402" y="414"/>
                    </a:lnTo>
                    <a:lnTo>
                      <a:pt x="384" y="415"/>
                    </a:lnTo>
                    <a:lnTo>
                      <a:pt x="369" y="417"/>
                    </a:lnTo>
                    <a:lnTo>
                      <a:pt x="353" y="420"/>
                    </a:lnTo>
                    <a:lnTo>
                      <a:pt x="338" y="421"/>
                    </a:lnTo>
                    <a:lnTo>
                      <a:pt x="329" y="421"/>
                    </a:lnTo>
                    <a:lnTo>
                      <a:pt x="321" y="420"/>
                    </a:lnTo>
                    <a:lnTo>
                      <a:pt x="310" y="419"/>
                    </a:lnTo>
                    <a:lnTo>
                      <a:pt x="299" y="417"/>
                    </a:lnTo>
                    <a:lnTo>
                      <a:pt x="296" y="424"/>
                    </a:lnTo>
                    <a:lnTo>
                      <a:pt x="293" y="430"/>
                    </a:lnTo>
                    <a:lnTo>
                      <a:pt x="290" y="436"/>
                    </a:lnTo>
                    <a:lnTo>
                      <a:pt x="286" y="441"/>
                    </a:lnTo>
                    <a:lnTo>
                      <a:pt x="276" y="451"/>
                    </a:lnTo>
                    <a:lnTo>
                      <a:pt x="267" y="460"/>
                    </a:lnTo>
                    <a:lnTo>
                      <a:pt x="257" y="469"/>
                    </a:lnTo>
                    <a:lnTo>
                      <a:pt x="248" y="478"/>
                    </a:lnTo>
                    <a:lnTo>
                      <a:pt x="244" y="483"/>
                    </a:lnTo>
                    <a:lnTo>
                      <a:pt x="240" y="489"/>
                    </a:lnTo>
                    <a:lnTo>
                      <a:pt x="236" y="495"/>
                    </a:lnTo>
                    <a:lnTo>
                      <a:pt x="233" y="501"/>
                    </a:lnTo>
                    <a:lnTo>
                      <a:pt x="224" y="498"/>
                    </a:lnTo>
                    <a:lnTo>
                      <a:pt x="214" y="495"/>
                    </a:lnTo>
                    <a:lnTo>
                      <a:pt x="204" y="492"/>
                    </a:lnTo>
                    <a:lnTo>
                      <a:pt x="193" y="491"/>
                    </a:lnTo>
                    <a:lnTo>
                      <a:pt x="172" y="489"/>
                    </a:lnTo>
                    <a:lnTo>
                      <a:pt x="150" y="488"/>
                    </a:lnTo>
                    <a:lnTo>
                      <a:pt x="128" y="488"/>
                    </a:lnTo>
                    <a:lnTo>
                      <a:pt x="107" y="490"/>
                    </a:lnTo>
                    <a:lnTo>
                      <a:pt x="85" y="491"/>
                    </a:lnTo>
                    <a:lnTo>
                      <a:pt x="65" y="492"/>
                    </a:lnTo>
                    <a:lnTo>
                      <a:pt x="66" y="484"/>
                    </a:lnTo>
                    <a:lnTo>
                      <a:pt x="66" y="478"/>
                    </a:lnTo>
                    <a:lnTo>
                      <a:pt x="66" y="471"/>
                    </a:lnTo>
                    <a:lnTo>
                      <a:pt x="65" y="463"/>
                    </a:lnTo>
                    <a:lnTo>
                      <a:pt x="62" y="450"/>
                    </a:lnTo>
                    <a:lnTo>
                      <a:pt x="56" y="437"/>
                    </a:lnTo>
                    <a:lnTo>
                      <a:pt x="43" y="411"/>
                    </a:lnTo>
                    <a:lnTo>
                      <a:pt x="29" y="386"/>
                    </a:lnTo>
                    <a:lnTo>
                      <a:pt x="23" y="375"/>
                    </a:lnTo>
                    <a:lnTo>
                      <a:pt x="17" y="364"/>
                    </a:lnTo>
                    <a:lnTo>
                      <a:pt x="14" y="353"/>
                    </a:lnTo>
                    <a:lnTo>
                      <a:pt x="12" y="342"/>
                    </a:lnTo>
                    <a:lnTo>
                      <a:pt x="12" y="337"/>
                    </a:lnTo>
                    <a:lnTo>
                      <a:pt x="13" y="333"/>
                    </a:lnTo>
                    <a:lnTo>
                      <a:pt x="15" y="328"/>
                    </a:lnTo>
                    <a:lnTo>
                      <a:pt x="17" y="323"/>
                    </a:lnTo>
                    <a:lnTo>
                      <a:pt x="21" y="318"/>
                    </a:lnTo>
                    <a:lnTo>
                      <a:pt x="26" y="314"/>
                    </a:lnTo>
                    <a:lnTo>
                      <a:pt x="30" y="310"/>
                    </a:lnTo>
                    <a:lnTo>
                      <a:pt x="36" y="304"/>
                    </a:lnTo>
                    <a:lnTo>
                      <a:pt x="36" y="302"/>
                    </a:lnTo>
                    <a:lnTo>
                      <a:pt x="35" y="299"/>
                    </a:lnTo>
                    <a:lnTo>
                      <a:pt x="33" y="298"/>
                    </a:lnTo>
                    <a:lnTo>
                      <a:pt x="31" y="296"/>
                    </a:lnTo>
                    <a:lnTo>
                      <a:pt x="26" y="295"/>
                    </a:lnTo>
                    <a:lnTo>
                      <a:pt x="20" y="294"/>
                    </a:lnTo>
                    <a:lnTo>
                      <a:pt x="13" y="293"/>
                    </a:lnTo>
                    <a:lnTo>
                      <a:pt x="8" y="292"/>
                    </a:lnTo>
                    <a:lnTo>
                      <a:pt x="5" y="291"/>
                    </a:lnTo>
                    <a:lnTo>
                      <a:pt x="3" y="290"/>
                    </a:lnTo>
                    <a:lnTo>
                      <a:pt x="1" y="289"/>
                    </a:lnTo>
                    <a:lnTo>
                      <a:pt x="0" y="286"/>
                    </a:lnTo>
                    <a:lnTo>
                      <a:pt x="6" y="280"/>
                    </a:lnTo>
                    <a:lnTo>
                      <a:pt x="11" y="275"/>
                    </a:lnTo>
                    <a:lnTo>
                      <a:pt x="15" y="269"/>
                    </a:lnTo>
                    <a:lnTo>
                      <a:pt x="18" y="261"/>
                    </a:lnTo>
                    <a:lnTo>
                      <a:pt x="21" y="255"/>
                    </a:lnTo>
                    <a:lnTo>
                      <a:pt x="22" y="248"/>
                    </a:lnTo>
                    <a:lnTo>
                      <a:pt x="23" y="240"/>
                    </a:lnTo>
                    <a:lnTo>
                      <a:pt x="23" y="232"/>
                    </a:lnTo>
                    <a:lnTo>
                      <a:pt x="21" y="216"/>
                    </a:lnTo>
                    <a:lnTo>
                      <a:pt x="17" y="199"/>
                    </a:lnTo>
                    <a:lnTo>
                      <a:pt x="13" y="182"/>
                    </a:lnTo>
                    <a:lnTo>
                      <a:pt x="9" y="164"/>
                    </a:lnTo>
                    <a:lnTo>
                      <a:pt x="13" y="153"/>
                    </a:lnTo>
                    <a:lnTo>
                      <a:pt x="20" y="142"/>
                    </a:lnTo>
                    <a:lnTo>
                      <a:pt x="26" y="132"/>
                    </a:lnTo>
                    <a:lnTo>
                      <a:pt x="33" y="121"/>
                    </a:lnTo>
                    <a:lnTo>
                      <a:pt x="50" y="100"/>
                    </a:lnTo>
                    <a:lnTo>
                      <a:pt x="68" y="80"/>
                    </a:lnTo>
                    <a:lnTo>
                      <a:pt x="84" y="61"/>
                    </a:lnTo>
                    <a:lnTo>
                      <a:pt x="97" y="42"/>
                    </a:lnTo>
                    <a:lnTo>
                      <a:pt x="104" y="33"/>
                    </a:lnTo>
                    <a:lnTo>
                      <a:pt x="108" y="23"/>
                    </a:lnTo>
                    <a:lnTo>
                      <a:pt x="110" y="14"/>
                    </a:lnTo>
                    <a:lnTo>
                      <a:pt x="112" y="5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61" name="Norddjurs kant 1"/>
              <p:cNvSpPr>
                <a:spLocks/>
              </p:cNvSpPr>
              <p:nvPr/>
            </p:nvSpPr>
            <p:spPr bwMode="auto">
              <a:xfrm>
                <a:off x="2187578" y="3756030"/>
                <a:ext cx="569914" cy="374651"/>
              </a:xfrm>
              <a:custGeom>
                <a:avLst/>
                <a:gdLst>
                  <a:gd name="T0" fmla="*/ 40 w 1077"/>
                  <a:gd name="T1" fmla="*/ 0 h 709"/>
                  <a:gd name="T2" fmla="*/ 47 w 1077"/>
                  <a:gd name="T3" fmla="*/ 5 h 709"/>
                  <a:gd name="T4" fmla="*/ 54 w 1077"/>
                  <a:gd name="T5" fmla="*/ 8 h 709"/>
                  <a:gd name="T6" fmla="*/ 66 w 1077"/>
                  <a:gd name="T7" fmla="*/ 35 h 709"/>
                  <a:gd name="T8" fmla="*/ 88 w 1077"/>
                  <a:gd name="T9" fmla="*/ 57 h 709"/>
                  <a:gd name="T10" fmla="*/ 117 w 1077"/>
                  <a:gd name="T11" fmla="*/ 66 h 709"/>
                  <a:gd name="T12" fmla="*/ 152 w 1077"/>
                  <a:gd name="T13" fmla="*/ 66 h 709"/>
                  <a:gd name="T14" fmla="*/ 219 w 1077"/>
                  <a:gd name="T15" fmla="*/ 57 h 709"/>
                  <a:gd name="T16" fmla="*/ 267 w 1077"/>
                  <a:gd name="T17" fmla="*/ 52 h 709"/>
                  <a:gd name="T18" fmla="*/ 301 w 1077"/>
                  <a:gd name="T19" fmla="*/ 55 h 709"/>
                  <a:gd name="T20" fmla="*/ 311 w 1077"/>
                  <a:gd name="T21" fmla="*/ 66 h 709"/>
                  <a:gd name="T22" fmla="*/ 320 w 1077"/>
                  <a:gd name="T23" fmla="*/ 82 h 709"/>
                  <a:gd name="T24" fmla="*/ 339 w 1077"/>
                  <a:gd name="T25" fmla="*/ 98 h 709"/>
                  <a:gd name="T26" fmla="*/ 356 w 1077"/>
                  <a:gd name="T27" fmla="*/ 116 h 709"/>
                  <a:gd name="T28" fmla="*/ 352 w 1077"/>
                  <a:gd name="T29" fmla="*/ 128 h 709"/>
                  <a:gd name="T30" fmla="*/ 347 w 1077"/>
                  <a:gd name="T31" fmla="*/ 141 h 709"/>
                  <a:gd name="T32" fmla="*/ 341 w 1077"/>
                  <a:gd name="T33" fmla="*/ 169 h 709"/>
                  <a:gd name="T34" fmla="*/ 335 w 1077"/>
                  <a:gd name="T35" fmla="*/ 203 h 709"/>
                  <a:gd name="T36" fmla="*/ 327 w 1077"/>
                  <a:gd name="T37" fmla="*/ 222 h 709"/>
                  <a:gd name="T38" fmla="*/ 318 w 1077"/>
                  <a:gd name="T39" fmla="*/ 233 h 709"/>
                  <a:gd name="T40" fmla="*/ 311 w 1077"/>
                  <a:gd name="T41" fmla="*/ 235 h 709"/>
                  <a:gd name="T42" fmla="*/ 302 w 1077"/>
                  <a:gd name="T43" fmla="*/ 230 h 709"/>
                  <a:gd name="T44" fmla="*/ 297 w 1077"/>
                  <a:gd name="T45" fmla="*/ 231 h 709"/>
                  <a:gd name="T46" fmla="*/ 290 w 1077"/>
                  <a:gd name="T47" fmla="*/ 223 h 709"/>
                  <a:gd name="T48" fmla="*/ 279 w 1077"/>
                  <a:gd name="T49" fmla="*/ 214 h 709"/>
                  <a:gd name="T50" fmla="*/ 256 w 1077"/>
                  <a:gd name="T51" fmla="*/ 207 h 709"/>
                  <a:gd name="T52" fmla="*/ 230 w 1077"/>
                  <a:gd name="T53" fmla="*/ 202 h 709"/>
                  <a:gd name="T54" fmla="*/ 216 w 1077"/>
                  <a:gd name="T55" fmla="*/ 196 h 709"/>
                  <a:gd name="T56" fmla="*/ 208 w 1077"/>
                  <a:gd name="T57" fmla="*/ 186 h 709"/>
                  <a:gd name="T58" fmla="*/ 219 w 1077"/>
                  <a:gd name="T59" fmla="*/ 178 h 709"/>
                  <a:gd name="T60" fmla="*/ 235 w 1077"/>
                  <a:gd name="T61" fmla="*/ 164 h 709"/>
                  <a:gd name="T62" fmla="*/ 226 w 1077"/>
                  <a:gd name="T63" fmla="*/ 154 h 709"/>
                  <a:gd name="T64" fmla="*/ 206 w 1077"/>
                  <a:gd name="T65" fmla="*/ 144 h 709"/>
                  <a:gd name="T66" fmla="*/ 171 w 1077"/>
                  <a:gd name="T67" fmla="*/ 131 h 709"/>
                  <a:gd name="T68" fmla="*/ 155 w 1077"/>
                  <a:gd name="T69" fmla="*/ 123 h 709"/>
                  <a:gd name="T70" fmla="*/ 153 w 1077"/>
                  <a:gd name="T71" fmla="*/ 128 h 709"/>
                  <a:gd name="T72" fmla="*/ 152 w 1077"/>
                  <a:gd name="T73" fmla="*/ 137 h 709"/>
                  <a:gd name="T74" fmla="*/ 145 w 1077"/>
                  <a:gd name="T75" fmla="*/ 138 h 709"/>
                  <a:gd name="T76" fmla="*/ 128 w 1077"/>
                  <a:gd name="T77" fmla="*/ 138 h 709"/>
                  <a:gd name="T78" fmla="*/ 110 w 1077"/>
                  <a:gd name="T79" fmla="*/ 140 h 709"/>
                  <a:gd name="T80" fmla="*/ 99 w 1077"/>
                  <a:gd name="T81" fmla="*/ 141 h 709"/>
                  <a:gd name="T82" fmla="*/ 92 w 1077"/>
                  <a:gd name="T83" fmla="*/ 150 h 709"/>
                  <a:gd name="T84" fmla="*/ 81 w 1077"/>
                  <a:gd name="T85" fmla="*/ 161 h 709"/>
                  <a:gd name="T86" fmla="*/ 75 w 1077"/>
                  <a:gd name="T87" fmla="*/ 166 h 709"/>
                  <a:gd name="T88" fmla="*/ 57 w 1077"/>
                  <a:gd name="T89" fmla="*/ 163 h 709"/>
                  <a:gd name="T90" fmla="*/ 28 w 1077"/>
                  <a:gd name="T91" fmla="*/ 163 h 709"/>
                  <a:gd name="T92" fmla="*/ 22 w 1077"/>
                  <a:gd name="T93" fmla="*/ 157 h 709"/>
                  <a:gd name="T94" fmla="*/ 14 w 1077"/>
                  <a:gd name="T95" fmla="*/ 137 h 709"/>
                  <a:gd name="T96" fmla="*/ 5 w 1077"/>
                  <a:gd name="T97" fmla="*/ 118 h 709"/>
                  <a:gd name="T98" fmla="*/ 5 w 1077"/>
                  <a:gd name="T99" fmla="*/ 109 h 709"/>
                  <a:gd name="T100" fmla="*/ 10 w 1077"/>
                  <a:gd name="T101" fmla="*/ 103 h 709"/>
                  <a:gd name="T102" fmla="*/ 11 w 1077"/>
                  <a:gd name="T103" fmla="*/ 99 h 709"/>
                  <a:gd name="T104" fmla="*/ 4 w 1077"/>
                  <a:gd name="T105" fmla="*/ 98 h 709"/>
                  <a:gd name="T106" fmla="*/ 0 w 1077"/>
                  <a:gd name="T107" fmla="*/ 96 h 709"/>
                  <a:gd name="T108" fmla="*/ 5 w 1077"/>
                  <a:gd name="T109" fmla="*/ 90 h 709"/>
                  <a:gd name="T110" fmla="*/ 8 w 1077"/>
                  <a:gd name="T111" fmla="*/ 80 h 709"/>
                  <a:gd name="T112" fmla="*/ 4 w 1077"/>
                  <a:gd name="T113" fmla="*/ 61 h 709"/>
                  <a:gd name="T114" fmla="*/ 9 w 1077"/>
                  <a:gd name="T115" fmla="*/ 44 h 709"/>
                  <a:gd name="T116" fmla="*/ 28 w 1077"/>
                  <a:gd name="T117" fmla="*/ 20 h 709"/>
                  <a:gd name="T118" fmla="*/ 37 w 1077"/>
                  <a:gd name="T119" fmla="*/ 5 h 709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1077" h="709">
                    <a:moveTo>
                      <a:pt x="112" y="5"/>
                    </a:moveTo>
                    <a:lnTo>
                      <a:pt x="113" y="2"/>
                    </a:lnTo>
                    <a:lnTo>
                      <a:pt x="116" y="0"/>
                    </a:lnTo>
                    <a:lnTo>
                      <a:pt x="119" y="0"/>
                    </a:lnTo>
                    <a:lnTo>
                      <a:pt x="121" y="0"/>
                    </a:lnTo>
                    <a:lnTo>
                      <a:pt x="127" y="4"/>
                    </a:lnTo>
                    <a:lnTo>
                      <a:pt x="133" y="10"/>
                    </a:lnTo>
                    <a:lnTo>
                      <a:pt x="141" y="16"/>
                    </a:lnTo>
                    <a:lnTo>
                      <a:pt x="149" y="21"/>
                    </a:lnTo>
                    <a:lnTo>
                      <a:pt x="153" y="23"/>
                    </a:lnTo>
                    <a:lnTo>
                      <a:pt x="159" y="24"/>
                    </a:lnTo>
                    <a:lnTo>
                      <a:pt x="163" y="24"/>
                    </a:lnTo>
                    <a:lnTo>
                      <a:pt x="168" y="24"/>
                    </a:lnTo>
                    <a:lnTo>
                      <a:pt x="175" y="54"/>
                    </a:lnTo>
                    <a:lnTo>
                      <a:pt x="186" y="81"/>
                    </a:lnTo>
                    <a:lnTo>
                      <a:pt x="197" y="104"/>
                    </a:lnTo>
                    <a:lnTo>
                      <a:pt x="211" y="125"/>
                    </a:lnTo>
                    <a:lnTo>
                      <a:pt x="227" y="142"/>
                    </a:lnTo>
                    <a:lnTo>
                      <a:pt x="244" y="157"/>
                    </a:lnTo>
                    <a:lnTo>
                      <a:pt x="263" y="170"/>
                    </a:lnTo>
                    <a:lnTo>
                      <a:pt x="283" y="179"/>
                    </a:lnTo>
                    <a:lnTo>
                      <a:pt x="304" y="187"/>
                    </a:lnTo>
                    <a:lnTo>
                      <a:pt x="327" y="193"/>
                    </a:lnTo>
                    <a:lnTo>
                      <a:pt x="351" y="197"/>
                    </a:lnTo>
                    <a:lnTo>
                      <a:pt x="375" y="199"/>
                    </a:lnTo>
                    <a:lnTo>
                      <a:pt x="402" y="200"/>
                    </a:lnTo>
                    <a:lnTo>
                      <a:pt x="428" y="200"/>
                    </a:lnTo>
                    <a:lnTo>
                      <a:pt x="455" y="198"/>
                    </a:lnTo>
                    <a:lnTo>
                      <a:pt x="483" y="196"/>
                    </a:lnTo>
                    <a:lnTo>
                      <a:pt x="541" y="189"/>
                    </a:lnTo>
                    <a:lnTo>
                      <a:pt x="599" y="180"/>
                    </a:lnTo>
                    <a:lnTo>
                      <a:pt x="658" y="171"/>
                    </a:lnTo>
                    <a:lnTo>
                      <a:pt x="716" y="163"/>
                    </a:lnTo>
                    <a:lnTo>
                      <a:pt x="744" y="160"/>
                    </a:lnTo>
                    <a:lnTo>
                      <a:pt x="772" y="158"/>
                    </a:lnTo>
                    <a:lnTo>
                      <a:pt x="800" y="157"/>
                    </a:lnTo>
                    <a:lnTo>
                      <a:pt x="827" y="157"/>
                    </a:lnTo>
                    <a:lnTo>
                      <a:pt x="853" y="159"/>
                    </a:lnTo>
                    <a:lnTo>
                      <a:pt x="879" y="162"/>
                    </a:lnTo>
                    <a:lnTo>
                      <a:pt x="903" y="166"/>
                    </a:lnTo>
                    <a:lnTo>
                      <a:pt x="926" y="174"/>
                    </a:lnTo>
                    <a:lnTo>
                      <a:pt x="928" y="183"/>
                    </a:lnTo>
                    <a:lnTo>
                      <a:pt x="930" y="192"/>
                    </a:lnTo>
                    <a:lnTo>
                      <a:pt x="932" y="199"/>
                    </a:lnTo>
                    <a:lnTo>
                      <a:pt x="936" y="207"/>
                    </a:lnTo>
                    <a:lnTo>
                      <a:pt x="942" y="221"/>
                    </a:lnTo>
                    <a:lnTo>
                      <a:pt x="950" y="234"/>
                    </a:lnTo>
                    <a:lnTo>
                      <a:pt x="960" y="245"/>
                    </a:lnTo>
                    <a:lnTo>
                      <a:pt x="970" y="256"/>
                    </a:lnTo>
                    <a:lnTo>
                      <a:pt x="982" y="266"/>
                    </a:lnTo>
                    <a:lnTo>
                      <a:pt x="994" y="275"/>
                    </a:lnTo>
                    <a:lnTo>
                      <a:pt x="1017" y="294"/>
                    </a:lnTo>
                    <a:lnTo>
                      <a:pt x="1040" y="313"/>
                    </a:lnTo>
                    <a:lnTo>
                      <a:pt x="1050" y="323"/>
                    </a:lnTo>
                    <a:lnTo>
                      <a:pt x="1061" y="335"/>
                    </a:lnTo>
                    <a:lnTo>
                      <a:pt x="1069" y="348"/>
                    </a:lnTo>
                    <a:lnTo>
                      <a:pt x="1077" y="361"/>
                    </a:lnTo>
                    <a:lnTo>
                      <a:pt x="1069" y="368"/>
                    </a:lnTo>
                    <a:lnTo>
                      <a:pt x="1063" y="376"/>
                    </a:lnTo>
                    <a:lnTo>
                      <a:pt x="1057" y="384"/>
                    </a:lnTo>
                    <a:lnTo>
                      <a:pt x="1051" y="393"/>
                    </a:lnTo>
                    <a:lnTo>
                      <a:pt x="1047" y="403"/>
                    </a:lnTo>
                    <a:lnTo>
                      <a:pt x="1043" y="413"/>
                    </a:lnTo>
                    <a:lnTo>
                      <a:pt x="1040" y="423"/>
                    </a:lnTo>
                    <a:lnTo>
                      <a:pt x="1037" y="435"/>
                    </a:lnTo>
                    <a:lnTo>
                      <a:pt x="1030" y="458"/>
                    </a:lnTo>
                    <a:lnTo>
                      <a:pt x="1026" y="483"/>
                    </a:lnTo>
                    <a:lnTo>
                      <a:pt x="1022" y="509"/>
                    </a:lnTo>
                    <a:lnTo>
                      <a:pt x="1019" y="534"/>
                    </a:lnTo>
                    <a:lnTo>
                      <a:pt x="1015" y="560"/>
                    </a:lnTo>
                    <a:lnTo>
                      <a:pt x="1009" y="586"/>
                    </a:lnTo>
                    <a:lnTo>
                      <a:pt x="1004" y="610"/>
                    </a:lnTo>
                    <a:lnTo>
                      <a:pt x="997" y="633"/>
                    </a:lnTo>
                    <a:lnTo>
                      <a:pt x="992" y="644"/>
                    </a:lnTo>
                    <a:lnTo>
                      <a:pt x="988" y="655"/>
                    </a:lnTo>
                    <a:lnTo>
                      <a:pt x="982" y="666"/>
                    </a:lnTo>
                    <a:lnTo>
                      <a:pt x="977" y="675"/>
                    </a:lnTo>
                    <a:lnTo>
                      <a:pt x="969" y="684"/>
                    </a:lnTo>
                    <a:lnTo>
                      <a:pt x="962" y="693"/>
                    </a:lnTo>
                    <a:lnTo>
                      <a:pt x="955" y="700"/>
                    </a:lnTo>
                    <a:lnTo>
                      <a:pt x="945" y="708"/>
                    </a:lnTo>
                    <a:lnTo>
                      <a:pt x="941" y="709"/>
                    </a:lnTo>
                    <a:lnTo>
                      <a:pt x="937" y="708"/>
                    </a:lnTo>
                    <a:lnTo>
                      <a:pt x="932" y="707"/>
                    </a:lnTo>
                    <a:lnTo>
                      <a:pt x="928" y="706"/>
                    </a:lnTo>
                    <a:lnTo>
                      <a:pt x="921" y="700"/>
                    </a:lnTo>
                    <a:lnTo>
                      <a:pt x="914" y="695"/>
                    </a:lnTo>
                    <a:lnTo>
                      <a:pt x="906" y="691"/>
                    </a:lnTo>
                    <a:lnTo>
                      <a:pt x="900" y="689"/>
                    </a:lnTo>
                    <a:lnTo>
                      <a:pt x="897" y="690"/>
                    </a:lnTo>
                    <a:lnTo>
                      <a:pt x="895" y="691"/>
                    </a:lnTo>
                    <a:lnTo>
                      <a:pt x="891" y="694"/>
                    </a:lnTo>
                    <a:lnTo>
                      <a:pt x="889" y="698"/>
                    </a:lnTo>
                    <a:lnTo>
                      <a:pt x="883" y="688"/>
                    </a:lnTo>
                    <a:lnTo>
                      <a:pt x="877" y="678"/>
                    </a:lnTo>
                    <a:lnTo>
                      <a:pt x="869" y="670"/>
                    </a:lnTo>
                    <a:lnTo>
                      <a:pt x="862" y="661"/>
                    </a:lnTo>
                    <a:lnTo>
                      <a:pt x="853" y="655"/>
                    </a:lnTo>
                    <a:lnTo>
                      <a:pt x="845" y="650"/>
                    </a:lnTo>
                    <a:lnTo>
                      <a:pt x="837" y="644"/>
                    </a:lnTo>
                    <a:lnTo>
                      <a:pt x="828" y="639"/>
                    </a:lnTo>
                    <a:lnTo>
                      <a:pt x="809" y="633"/>
                    </a:lnTo>
                    <a:lnTo>
                      <a:pt x="789" y="628"/>
                    </a:lnTo>
                    <a:lnTo>
                      <a:pt x="769" y="623"/>
                    </a:lnTo>
                    <a:lnTo>
                      <a:pt x="749" y="620"/>
                    </a:lnTo>
                    <a:lnTo>
                      <a:pt x="729" y="616"/>
                    </a:lnTo>
                    <a:lnTo>
                      <a:pt x="710" y="613"/>
                    </a:lnTo>
                    <a:lnTo>
                      <a:pt x="691" y="608"/>
                    </a:lnTo>
                    <a:lnTo>
                      <a:pt x="673" y="601"/>
                    </a:lnTo>
                    <a:lnTo>
                      <a:pt x="665" y="597"/>
                    </a:lnTo>
                    <a:lnTo>
                      <a:pt x="657" y="593"/>
                    </a:lnTo>
                    <a:lnTo>
                      <a:pt x="649" y="588"/>
                    </a:lnTo>
                    <a:lnTo>
                      <a:pt x="642" y="581"/>
                    </a:lnTo>
                    <a:lnTo>
                      <a:pt x="634" y="575"/>
                    </a:lnTo>
                    <a:lnTo>
                      <a:pt x="628" y="567"/>
                    </a:lnTo>
                    <a:lnTo>
                      <a:pt x="623" y="558"/>
                    </a:lnTo>
                    <a:lnTo>
                      <a:pt x="618" y="549"/>
                    </a:lnTo>
                    <a:lnTo>
                      <a:pt x="631" y="546"/>
                    </a:lnTo>
                    <a:lnTo>
                      <a:pt x="645" y="540"/>
                    </a:lnTo>
                    <a:lnTo>
                      <a:pt x="658" y="535"/>
                    </a:lnTo>
                    <a:lnTo>
                      <a:pt x="669" y="530"/>
                    </a:lnTo>
                    <a:lnTo>
                      <a:pt x="690" y="516"/>
                    </a:lnTo>
                    <a:lnTo>
                      <a:pt x="711" y="501"/>
                    </a:lnTo>
                    <a:lnTo>
                      <a:pt x="706" y="494"/>
                    </a:lnTo>
                    <a:lnTo>
                      <a:pt x="702" y="488"/>
                    </a:lnTo>
                    <a:lnTo>
                      <a:pt x="697" y="481"/>
                    </a:lnTo>
                    <a:lnTo>
                      <a:pt x="690" y="475"/>
                    </a:lnTo>
                    <a:lnTo>
                      <a:pt x="678" y="464"/>
                    </a:lnTo>
                    <a:lnTo>
                      <a:pt x="664" y="455"/>
                    </a:lnTo>
                    <a:lnTo>
                      <a:pt x="649" y="447"/>
                    </a:lnTo>
                    <a:lnTo>
                      <a:pt x="633" y="439"/>
                    </a:lnTo>
                    <a:lnTo>
                      <a:pt x="617" y="433"/>
                    </a:lnTo>
                    <a:lnTo>
                      <a:pt x="599" y="427"/>
                    </a:lnTo>
                    <a:lnTo>
                      <a:pt x="564" y="414"/>
                    </a:lnTo>
                    <a:lnTo>
                      <a:pt x="529" y="402"/>
                    </a:lnTo>
                    <a:lnTo>
                      <a:pt x="512" y="395"/>
                    </a:lnTo>
                    <a:lnTo>
                      <a:pt x="497" y="388"/>
                    </a:lnTo>
                    <a:lnTo>
                      <a:pt x="482" y="380"/>
                    </a:lnTo>
                    <a:lnTo>
                      <a:pt x="468" y="371"/>
                    </a:lnTo>
                    <a:lnTo>
                      <a:pt x="464" y="371"/>
                    </a:lnTo>
                    <a:lnTo>
                      <a:pt x="462" y="373"/>
                    </a:lnTo>
                    <a:lnTo>
                      <a:pt x="460" y="375"/>
                    </a:lnTo>
                    <a:lnTo>
                      <a:pt x="459" y="378"/>
                    </a:lnTo>
                    <a:lnTo>
                      <a:pt x="458" y="384"/>
                    </a:lnTo>
                    <a:lnTo>
                      <a:pt x="458" y="393"/>
                    </a:lnTo>
                    <a:lnTo>
                      <a:pt x="457" y="400"/>
                    </a:lnTo>
                    <a:lnTo>
                      <a:pt x="455" y="408"/>
                    </a:lnTo>
                    <a:lnTo>
                      <a:pt x="455" y="411"/>
                    </a:lnTo>
                    <a:lnTo>
                      <a:pt x="453" y="414"/>
                    </a:lnTo>
                    <a:lnTo>
                      <a:pt x="451" y="416"/>
                    </a:lnTo>
                    <a:lnTo>
                      <a:pt x="449" y="417"/>
                    </a:lnTo>
                    <a:lnTo>
                      <a:pt x="435" y="415"/>
                    </a:lnTo>
                    <a:lnTo>
                      <a:pt x="423" y="414"/>
                    </a:lnTo>
                    <a:lnTo>
                      <a:pt x="412" y="414"/>
                    </a:lnTo>
                    <a:lnTo>
                      <a:pt x="402" y="414"/>
                    </a:lnTo>
                    <a:lnTo>
                      <a:pt x="384" y="415"/>
                    </a:lnTo>
                    <a:lnTo>
                      <a:pt x="369" y="417"/>
                    </a:lnTo>
                    <a:lnTo>
                      <a:pt x="353" y="420"/>
                    </a:lnTo>
                    <a:lnTo>
                      <a:pt x="338" y="421"/>
                    </a:lnTo>
                    <a:lnTo>
                      <a:pt x="329" y="421"/>
                    </a:lnTo>
                    <a:lnTo>
                      <a:pt x="321" y="420"/>
                    </a:lnTo>
                    <a:lnTo>
                      <a:pt x="310" y="419"/>
                    </a:lnTo>
                    <a:lnTo>
                      <a:pt x="299" y="417"/>
                    </a:lnTo>
                    <a:lnTo>
                      <a:pt x="296" y="424"/>
                    </a:lnTo>
                    <a:lnTo>
                      <a:pt x="293" y="430"/>
                    </a:lnTo>
                    <a:lnTo>
                      <a:pt x="290" y="436"/>
                    </a:lnTo>
                    <a:lnTo>
                      <a:pt x="286" y="441"/>
                    </a:lnTo>
                    <a:lnTo>
                      <a:pt x="276" y="451"/>
                    </a:lnTo>
                    <a:lnTo>
                      <a:pt x="267" y="460"/>
                    </a:lnTo>
                    <a:lnTo>
                      <a:pt x="257" y="469"/>
                    </a:lnTo>
                    <a:lnTo>
                      <a:pt x="248" y="478"/>
                    </a:lnTo>
                    <a:lnTo>
                      <a:pt x="244" y="483"/>
                    </a:lnTo>
                    <a:lnTo>
                      <a:pt x="240" y="489"/>
                    </a:lnTo>
                    <a:lnTo>
                      <a:pt x="236" y="495"/>
                    </a:lnTo>
                    <a:lnTo>
                      <a:pt x="233" y="501"/>
                    </a:lnTo>
                    <a:lnTo>
                      <a:pt x="224" y="498"/>
                    </a:lnTo>
                    <a:lnTo>
                      <a:pt x="214" y="495"/>
                    </a:lnTo>
                    <a:lnTo>
                      <a:pt x="204" y="492"/>
                    </a:lnTo>
                    <a:lnTo>
                      <a:pt x="193" y="491"/>
                    </a:lnTo>
                    <a:lnTo>
                      <a:pt x="172" y="489"/>
                    </a:lnTo>
                    <a:lnTo>
                      <a:pt x="150" y="488"/>
                    </a:lnTo>
                    <a:lnTo>
                      <a:pt x="128" y="488"/>
                    </a:lnTo>
                    <a:lnTo>
                      <a:pt x="107" y="490"/>
                    </a:lnTo>
                    <a:lnTo>
                      <a:pt x="85" y="491"/>
                    </a:lnTo>
                    <a:lnTo>
                      <a:pt x="65" y="492"/>
                    </a:lnTo>
                    <a:lnTo>
                      <a:pt x="66" y="484"/>
                    </a:lnTo>
                    <a:lnTo>
                      <a:pt x="66" y="478"/>
                    </a:lnTo>
                    <a:lnTo>
                      <a:pt x="66" y="471"/>
                    </a:lnTo>
                    <a:lnTo>
                      <a:pt x="65" y="463"/>
                    </a:lnTo>
                    <a:lnTo>
                      <a:pt x="62" y="450"/>
                    </a:lnTo>
                    <a:lnTo>
                      <a:pt x="56" y="437"/>
                    </a:lnTo>
                    <a:lnTo>
                      <a:pt x="43" y="411"/>
                    </a:lnTo>
                    <a:lnTo>
                      <a:pt x="29" y="386"/>
                    </a:lnTo>
                    <a:lnTo>
                      <a:pt x="23" y="375"/>
                    </a:lnTo>
                    <a:lnTo>
                      <a:pt x="17" y="364"/>
                    </a:lnTo>
                    <a:lnTo>
                      <a:pt x="14" y="353"/>
                    </a:lnTo>
                    <a:lnTo>
                      <a:pt x="12" y="342"/>
                    </a:lnTo>
                    <a:lnTo>
                      <a:pt x="12" y="337"/>
                    </a:lnTo>
                    <a:lnTo>
                      <a:pt x="13" y="333"/>
                    </a:lnTo>
                    <a:lnTo>
                      <a:pt x="15" y="328"/>
                    </a:lnTo>
                    <a:lnTo>
                      <a:pt x="17" y="323"/>
                    </a:lnTo>
                    <a:lnTo>
                      <a:pt x="21" y="318"/>
                    </a:lnTo>
                    <a:lnTo>
                      <a:pt x="26" y="314"/>
                    </a:lnTo>
                    <a:lnTo>
                      <a:pt x="30" y="310"/>
                    </a:lnTo>
                    <a:lnTo>
                      <a:pt x="36" y="304"/>
                    </a:lnTo>
                    <a:lnTo>
                      <a:pt x="36" y="302"/>
                    </a:lnTo>
                    <a:lnTo>
                      <a:pt x="35" y="299"/>
                    </a:lnTo>
                    <a:lnTo>
                      <a:pt x="33" y="298"/>
                    </a:lnTo>
                    <a:lnTo>
                      <a:pt x="31" y="296"/>
                    </a:lnTo>
                    <a:lnTo>
                      <a:pt x="26" y="295"/>
                    </a:lnTo>
                    <a:lnTo>
                      <a:pt x="20" y="294"/>
                    </a:lnTo>
                    <a:lnTo>
                      <a:pt x="13" y="293"/>
                    </a:lnTo>
                    <a:lnTo>
                      <a:pt x="8" y="292"/>
                    </a:lnTo>
                    <a:lnTo>
                      <a:pt x="5" y="291"/>
                    </a:lnTo>
                    <a:lnTo>
                      <a:pt x="3" y="290"/>
                    </a:lnTo>
                    <a:lnTo>
                      <a:pt x="1" y="289"/>
                    </a:lnTo>
                    <a:lnTo>
                      <a:pt x="0" y="286"/>
                    </a:lnTo>
                    <a:lnTo>
                      <a:pt x="6" y="280"/>
                    </a:lnTo>
                    <a:lnTo>
                      <a:pt x="11" y="275"/>
                    </a:lnTo>
                    <a:lnTo>
                      <a:pt x="15" y="269"/>
                    </a:lnTo>
                    <a:lnTo>
                      <a:pt x="18" y="261"/>
                    </a:lnTo>
                    <a:lnTo>
                      <a:pt x="21" y="255"/>
                    </a:lnTo>
                    <a:lnTo>
                      <a:pt x="22" y="248"/>
                    </a:lnTo>
                    <a:lnTo>
                      <a:pt x="23" y="240"/>
                    </a:lnTo>
                    <a:lnTo>
                      <a:pt x="23" y="232"/>
                    </a:lnTo>
                    <a:lnTo>
                      <a:pt x="21" y="216"/>
                    </a:lnTo>
                    <a:lnTo>
                      <a:pt x="17" y="199"/>
                    </a:lnTo>
                    <a:lnTo>
                      <a:pt x="13" y="182"/>
                    </a:lnTo>
                    <a:lnTo>
                      <a:pt x="9" y="164"/>
                    </a:lnTo>
                    <a:lnTo>
                      <a:pt x="13" y="153"/>
                    </a:lnTo>
                    <a:lnTo>
                      <a:pt x="20" y="142"/>
                    </a:lnTo>
                    <a:lnTo>
                      <a:pt x="26" y="132"/>
                    </a:lnTo>
                    <a:lnTo>
                      <a:pt x="33" y="121"/>
                    </a:lnTo>
                    <a:lnTo>
                      <a:pt x="50" y="100"/>
                    </a:lnTo>
                    <a:lnTo>
                      <a:pt x="68" y="80"/>
                    </a:lnTo>
                    <a:lnTo>
                      <a:pt x="84" y="61"/>
                    </a:lnTo>
                    <a:lnTo>
                      <a:pt x="97" y="42"/>
                    </a:lnTo>
                    <a:lnTo>
                      <a:pt x="104" y="33"/>
                    </a:lnTo>
                    <a:lnTo>
                      <a:pt x="108" y="23"/>
                    </a:lnTo>
                    <a:lnTo>
                      <a:pt x="110" y="14"/>
                    </a:lnTo>
                    <a:lnTo>
                      <a:pt x="112" y="5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136" name="Randers"/>
            <p:cNvGrpSpPr/>
            <p:nvPr/>
          </p:nvGrpSpPr>
          <p:grpSpPr>
            <a:xfrm>
              <a:off x="1835152" y="3638555"/>
              <a:ext cx="450851" cy="407988"/>
              <a:chOff x="1835152" y="3638555"/>
              <a:chExt cx="450851" cy="407988"/>
            </a:xfrm>
            <a:grpFill/>
          </p:grpSpPr>
          <p:sp>
            <p:nvSpPr>
              <p:cNvPr id="1142" name="Randers"/>
              <p:cNvSpPr>
                <a:spLocks/>
              </p:cNvSpPr>
              <p:nvPr/>
            </p:nvSpPr>
            <p:spPr bwMode="auto">
              <a:xfrm>
                <a:off x="1835152" y="3638555"/>
                <a:ext cx="450851" cy="407988"/>
              </a:xfrm>
              <a:custGeom>
                <a:avLst/>
                <a:gdLst>
                  <a:gd name="T0" fmla="*/ 179 w 853"/>
                  <a:gd name="T1" fmla="*/ 187 h 769"/>
                  <a:gd name="T2" fmla="*/ 192 w 853"/>
                  <a:gd name="T3" fmla="*/ 185 h 769"/>
                  <a:gd name="T4" fmla="*/ 211 w 853"/>
                  <a:gd name="T5" fmla="*/ 177 h 769"/>
                  <a:gd name="T6" fmla="*/ 220 w 853"/>
                  <a:gd name="T7" fmla="*/ 180 h 769"/>
                  <a:gd name="T8" fmla="*/ 223 w 853"/>
                  <a:gd name="T9" fmla="*/ 196 h 769"/>
                  <a:gd name="T10" fmla="*/ 230 w 853"/>
                  <a:gd name="T11" fmla="*/ 206 h 769"/>
                  <a:gd name="T12" fmla="*/ 236 w 853"/>
                  <a:gd name="T13" fmla="*/ 217 h 769"/>
                  <a:gd name="T14" fmla="*/ 228 w 853"/>
                  <a:gd name="T15" fmla="*/ 230 h 769"/>
                  <a:gd name="T16" fmla="*/ 189 w 853"/>
                  <a:gd name="T17" fmla="*/ 237 h 769"/>
                  <a:gd name="T18" fmla="*/ 168 w 853"/>
                  <a:gd name="T19" fmla="*/ 245 h 769"/>
                  <a:gd name="T20" fmla="*/ 153 w 853"/>
                  <a:gd name="T21" fmla="*/ 252 h 769"/>
                  <a:gd name="T22" fmla="*/ 138 w 853"/>
                  <a:gd name="T23" fmla="*/ 245 h 769"/>
                  <a:gd name="T24" fmla="*/ 109 w 853"/>
                  <a:gd name="T25" fmla="*/ 240 h 769"/>
                  <a:gd name="T26" fmla="*/ 96 w 853"/>
                  <a:gd name="T27" fmla="*/ 240 h 769"/>
                  <a:gd name="T28" fmla="*/ 88 w 853"/>
                  <a:gd name="T29" fmla="*/ 252 h 769"/>
                  <a:gd name="T30" fmla="*/ 54 w 853"/>
                  <a:gd name="T31" fmla="*/ 249 h 769"/>
                  <a:gd name="T32" fmla="*/ 18 w 853"/>
                  <a:gd name="T33" fmla="*/ 237 h 769"/>
                  <a:gd name="T34" fmla="*/ 7 w 853"/>
                  <a:gd name="T35" fmla="*/ 231 h 769"/>
                  <a:gd name="T36" fmla="*/ 9 w 853"/>
                  <a:gd name="T37" fmla="*/ 225 h 769"/>
                  <a:gd name="T38" fmla="*/ 15 w 853"/>
                  <a:gd name="T39" fmla="*/ 222 h 769"/>
                  <a:gd name="T40" fmla="*/ 19 w 853"/>
                  <a:gd name="T41" fmla="*/ 227 h 769"/>
                  <a:gd name="T42" fmla="*/ 24 w 853"/>
                  <a:gd name="T43" fmla="*/ 226 h 769"/>
                  <a:gd name="T44" fmla="*/ 32 w 853"/>
                  <a:gd name="T45" fmla="*/ 214 h 769"/>
                  <a:gd name="T46" fmla="*/ 30 w 853"/>
                  <a:gd name="T47" fmla="*/ 200 h 769"/>
                  <a:gd name="T48" fmla="*/ 23 w 853"/>
                  <a:gd name="T49" fmla="*/ 198 h 769"/>
                  <a:gd name="T50" fmla="*/ 10 w 853"/>
                  <a:gd name="T51" fmla="*/ 200 h 769"/>
                  <a:gd name="T52" fmla="*/ 1 w 853"/>
                  <a:gd name="T53" fmla="*/ 195 h 769"/>
                  <a:gd name="T54" fmla="*/ 2 w 853"/>
                  <a:gd name="T55" fmla="*/ 166 h 769"/>
                  <a:gd name="T56" fmla="*/ 0 w 853"/>
                  <a:gd name="T57" fmla="*/ 125 h 769"/>
                  <a:gd name="T58" fmla="*/ 9 w 853"/>
                  <a:gd name="T59" fmla="*/ 116 h 769"/>
                  <a:gd name="T60" fmla="*/ 26 w 853"/>
                  <a:gd name="T61" fmla="*/ 121 h 769"/>
                  <a:gd name="T62" fmla="*/ 38 w 853"/>
                  <a:gd name="T63" fmla="*/ 120 h 769"/>
                  <a:gd name="T64" fmla="*/ 42 w 853"/>
                  <a:gd name="T65" fmla="*/ 114 h 769"/>
                  <a:gd name="T66" fmla="*/ 47 w 853"/>
                  <a:gd name="T67" fmla="*/ 109 h 769"/>
                  <a:gd name="T68" fmla="*/ 60 w 853"/>
                  <a:gd name="T69" fmla="*/ 104 h 769"/>
                  <a:gd name="T70" fmla="*/ 76 w 853"/>
                  <a:gd name="T71" fmla="*/ 100 h 769"/>
                  <a:gd name="T72" fmla="*/ 81 w 853"/>
                  <a:gd name="T73" fmla="*/ 95 h 769"/>
                  <a:gd name="T74" fmla="*/ 82 w 853"/>
                  <a:gd name="T75" fmla="*/ 89 h 769"/>
                  <a:gd name="T76" fmla="*/ 97 w 853"/>
                  <a:gd name="T77" fmla="*/ 88 h 769"/>
                  <a:gd name="T78" fmla="*/ 115 w 853"/>
                  <a:gd name="T79" fmla="*/ 85 h 769"/>
                  <a:gd name="T80" fmla="*/ 131 w 853"/>
                  <a:gd name="T81" fmla="*/ 79 h 769"/>
                  <a:gd name="T82" fmla="*/ 156 w 853"/>
                  <a:gd name="T83" fmla="*/ 62 h 769"/>
                  <a:gd name="T84" fmla="*/ 179 w 853"/>
                  <a:gd name="T85" fmla="*/ 37 h 769"/>
                  <a:gd name="T86" fmla="*/ 204 w 853"/>
                  <a:gd name="T87" fmla="*/ 13 h 769"/>
                  <a:gd name="T88" fmla="*/ 243 w 853"/>
                  <a:gd name="T89" fmla="*/ 5 h 769"/>
                  <a:gd name="T90" fmla="*/ 277 w 853"/>
                  <a:gd name="T91" fmla="*/ 3 h 769"/>
                  <a:gd name="T92" fmla="*/ 281 w 853"/>
                  <a:gd name="T93" fmla="*/ 18 h 769"/>
                  <a:gd name="T94" fmla="*/ 283 w 853"/>
                  <a:gd name="T95" fmla="*/ 43 h 769"/>
                  <a:gd name="T96" fmla="*/ 258 w 853"/>
                  <a:gd name="T97" fmla="*/ 68 h 769"/>
                  <a:gd name="T98" fmla="*/ 239 w 853"/>
                  <a:gd name="T99" fmla="*/ 85 h 769"/>
                  <a:gd name="T100" fmla="*/ 224 w 853"/>
                  <a:gd name="T101" fmla="*/ 104 h 769"/>
                  <a:gd name="T102" fmla="*/ 217 w 853"/>
                  <a:gd name="T103" fmla="*/ 125 h 769"/>
                  <a:gd name="T104" fmla="*/ 220 w 853"/>
                  <a:gd name="T105" fmla="*/ 140 h 769"/>
                  <a:gd name="T106" fmla="*/ 217 w 853"/>
                  <a:gd name="T107" fmla="*/ 166 h 769"/>
                  <a:gd name="T108" fmla="*/ 193 w 853"/>
                  <a:gd name="T109" fmla="*/ 178 h 769"/>
                  <a:gd name="T110" fmla="*/ 173 w 853"/>
                  <a:gd name="T111" fmla="*/ 182 h 769"/>
                  <a:gd name="T112" fmla="*/ 169 w 853"/>
                  <a:gd name="T113" fmla="*/ 185 h 76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853" h="769">
                    <a:moveTo>
                      <a:pt x="507" y="553"/>
                    </a:moveTo>
                    <a:lnTo>
                      <a:pt x="517" y="558"/>
                    </a:lnTo>
                    <a:lnTo>
                      <a:pt x="528" y="560"/>
                    </a:lnTo>
                    <a:lnTo>
                      <a:pt x="538" y="561"/>
                    </a:lnTo>
                    <a:lnTo>
                      <a:pt x="548" y="561"/>
                    </a:lnTo>
                    <a:lnTo>
                      <a:pt x="557" y="560"/>
                    </a:lnTo>
                    <a:lnTo>
                      <a:pt x="567" y="557"/>
                    </a:lnTo>
                    <a:lnTo>
                      <a:pt x="576" y="554"/>
                    </a:lnTo>
                    <a:lnTo>
                      <a:pt x="585" y="550"/>
                    </a:lnTo>
                    <a:lnTo>
                      <a:pt x="603" y="541"/>
                    </a:lnTo>
                    <a:lnTo>
                      <a:pt x="623" y="533"/>
                    </a:lnTo>
                    <a:lnTo>
                      <a:pt x="633" y="529"/>
                    </a:lnTo>
                    <a:lnTo>
                      <a:pt x="643" y="526"/>
                    </a:lnTo>
                    <a:lnTo>
                      <a:pt x="654" y="525"/>
                    </a:lnTo>
                    <a:lnTo>
                      <a:pt x="666" y="524"/>
                    </a:lnTo>
                    <a:lnTo>
                      <a:pt x="662" y="540"/>
                    </a:lnTo>
                    <a:lnTo>
                      <a:pt x="662" y="554"/>
                    </a:lnTo>
                    <a:lnTo>
                      <a:pt x="663" y="565"/>
                    </a:lnTo>
                    <a:lnTo>
                      <a:pt x="666" y="576"/>
                    </a:lnTo>
                    <a:lnTo>
                      <a:pt x="670" y="585"/>
                    </a:lnTo>
                    <a:lnTo>
                      <a:pt x="674" y="594"/>
                    </a:lnTo>
                    <a:lnTo>
                      <a:pt x="679" y="601"/>
                    </a:lnTo>
                    <a:lnTo>
                      <a:pt x="684" y="609"/>
                    </a:lnTo>
                    <a:lnTo>
                      <a:pt x="691" y="616"/>
                    </a:lnTo>
                    <a:lnTo>
                      <a:pt x="696" y="623"/>
                    </a:lnTo>
                    <a:lnTo>
                      <a:pt x="701" y="631"/>
                    </a:lnTo>
                    <a:lnTo>
                      <a:pt x="706" y="639"/>
                    </a:lnTo>
                    <a:lnTo>
                      <a:pt x="710" y="649"/>
                    </a:lnTo>
                    <a:lnTo>
                      <a:pt x="712" y="658"/>
                    </a:lnTo>
                    <a:lnTo>
                      <a:pt x="713" y="671"/>
                    </a:lnTo>
                    <a:lnTo>
                      <a:pt x="712" y="684"/>
                    </a:lnTo>
                    <a:lnTo>
                      <a:pt x="686" y="688"/>
                    </a:lnTo>
                    <a:lnTo>
                      <a:pt x="655" y="692"/>
                    </a:lnTo>
                    <a:lnTo>
                      <a:pt x="620" y="698"/>
                    </a:lnTo>
                    <a:lnTo>
                      <a:pt x="585" y="705"/>
                    </a:lnTo>
                    <a:lnTo>
                      <a:pt x="568" y="710"/>
                    </a:lnTo>
                    <a:lnTo>
                      <a:pt x="551" y="714"/>
                    </a:lnTo>
                    <a:lnTo>
                      <a:pt x="535" y="720"/>
                    </a:lnTo>
                    <a:lnTo>
                      <a:pt x="519" y="727"/>
                    </a:lnTo>
                    <a:lnTo>
                      <a:pt x="504" y="733"/>
                    </a:lnTo>
                    <a:lnTo>
                      <a:pt x="491" y="741"/>
                    </a:lnTo>
                    <a:lnTo>
                      <a:pt x="479" y="750"/>
                    </a:lnTo>
                    <a:lnTo>
                      <a:pt x="469" y="759"/>
                    </a:lnTo>
                    <a:lnTo>
                      <a:pt x="460" y="753"/>
                    </a:lnTo>
                    <a:lnTo>
                      <a:pt x="451" y="748"/>
                    </a:lnTo>
                    <a:lnTo>
                      <a:pt x="442" y="743"/>
                    </a:lnTo>
                    <a:lnTo>
                      <a:pt x="433" y="740"/>
                    </a:lnTo>
                    <a:lnTo>
                      <a:pt x="414" y="734"/>
                    </a:lnTo>
                    <a:lnTo>
                      <a:pt x="395" y="730"/>
                    </a:lnTo>
                    <a:lnTo>
                      <a:pt x="374" y="727"/>
                    </a:lnTo>
                    <a:lnTo>
                      <a:pt x="351" y="722"/>
                    </a:lnTo>
                    <a:lnTo>
                      <a:pt x="326" y="718"/>
                    </a:lnTo>
                    <a:lnTo>
                      <a:pt x="300" y="712"/>
                    </a:lnTo>
                    <a:lnTo>
                      <a:pt x="296" y="714"/>
                    </a:lnTo>
                    <a:lnTo>
                      <a:pt x="292" y="716"/>
                    </a:lnTo>
                    <a:lnTo>
                      <a:pt x="287" y="718"/>
                    </a:lnTo>
                    <a:lnTo>
                      <a:pt x="284" y="721"/>
                    </a:lnTo>
                    <a:lnTo>
                      <a:pt x="278" y="729"/>
                    </a:lnTo>
                    <a:lnTo>
                      <a:pt x="273" y="736"/>
                    </a:lnTo>
                    <a:lnTo>
                      <a:pt x="263" y="753"/>
                    </a:lnTo>
                    <a:lnTo>
                      <a:pt x="254" y="769"/>
                    </a:lnTo>
                    <a:lnTo>
                      <a:pt x="221" y="762"/>
                    </a:lnTo>
                    <a:lnTo>
                      <a:pt x="191" y="754"/>
                    </a:lnTo>
                    <a:lnTo>
                      <a:pt x="161" y="745"/>
                    </a:lnTo>
                    <a:lnTo>
                      <a:pt x="134" y="736"/>
                    </a:lnTo>
                    <a:lnTo>
                      <a:pt x="106" y="727"/>
                    </a:lnTo>
                    <a:lnTo>
                      <a:pt x="80" y="717"/>
                    </a:lnTo>
                    <a:lnTo>
                      <a:pt x="55" y="709"/>
                    </a:lnTo>
                    <a:lnTo>
                      <a:pt x="28" y="702"/>
                    </a:lnTo>
                    <a:lnTo>
                      <a:pt x="24" y="697"/>
                    </a:lnTo>
                    <a:lnTo>
                      <a:pt x="22" y="693"/>
                    </a:lnTo>
                    <a:lnTo>
                      <a:pt x="22" y="690"/>
                    </a:lnTo>
                    <a:lnTo>
                      <a:pt x="23" y="687"/>
                    </a:lnTo>
                    <a:lnTo>
                      <a:pt x="25" y="683"/>
                    </a:lnTo>
                    <a:lnTo>
                      <a:pt x="26" y="679"/>
                    </a:lnTo>
                    <a:lnTo>
                      <a:pt x="28" y="674"/>
                    </a:lnTo>
                    <a:lnTo>
                      <a:pt x="28" y="665"/>
                    </a:lnTo>
                    <a:lnTo>
                      <a:pt x="36" y="664"/>
                    </a:lnTo>
                    <a:lnTo>
                      <a:pt x="41" y="664"/>
                    </a:lnTo>
                    <a:lnTo>
                      <a:pt x="46" y="665"/>
                    </a:lnTo>
                    <a:lnTo>
                      <a:pt x="51" y="668"/>
                    </a:lnTo>
                    <a:lnTo>
                      <a:pt x="54" y="670"/>
                    </a:lnTo>
                    <a:lnTo>
                      <a:pt x="56" y="674"/>
                    </a:lnTo>
                    <a:lnTo>
                      <a:pt x="57" y="678"/>
                    </a:lnTo>
                    <a:lnTo>
                      <a:pt x="57" y="684"/>
                    </a:lnTo>
                    <a:lnTo>
                      <a:pt x="62" y="682"/>
                    </a:lnTo>
                    <a:lnTo>
                      <a:pt x="66" y="680"/>
                    </a:lnTo>
                    <a:lnTo>
                      <a:pt x="71" y="677"/>
                    </a:lnTo>
                    <a:lnTo>
                      <a:pt x="75" y="674"/>
                    </a:lnTo>
                    <a:lnTo>
                      <a:pt x="82" y="667"/>
                    </a:lnTo>
                    <a:lnTo>
                      <a:pt x="87" y="658"/>
                    </a:lnTo>
                    <a:lnTo>
                      <a:pt x="96" y="639"/>
                    </a:lnTo>
                    <a:lnTo>
                      <a:pt x="103" y="618"/>
                    </a:lnTo>
                    <a:lnTo>
                      <a:pt x="99" y="611"/>
                    </a:lnTo>
                    <a:lnTo>
                      <a:pt x="94" y="604"/>
                    </a:lnTo>
                    <a:lnTo>
                      <a:pt x="90" y="599"/>
                    </a:lnTo>
                    <a:lnTo>
                      <a:pt x="84" y="596"/>
                    </a:lnTo>
                    <a:lnTo>
                      <a:pt x="80" y="594"/>
                    </a:lnTo>
                    <a:lnTo>
                      <a:pt x="75" y="593"/>
                    </a:lnTo>
                    <a:lnTo>
                      <a:pt x="70" y="593"/>
                    </a:lnTo>
                    <a:lnTo>
                      <a:pt x="64" y="593"/>
                    </a:lnTo>
                    <a:lnTo>
                      <a:pt x="52" y="595"/>
                    </a:lnTo>
                    <a:lnTo>
                      <a:pt x="38" y="598"/>
                    </a:lnTo>
                    <a:lnTo>
                      <a:pt x="30" y="599"/>
                    </a:lnTo>
                    <a:lnTo>
                      <a:pt x="21" y="600"/>
                    </a:lnTo>
                    <a:lnTo>
                      <a:pt x="11" y="600"/>
                    </a:lnTo>
                    <a:lnTo>
                      <a:pt x="1" y="600"/>
                    </a:lnTo>
                    <a:lnTo>
                      <a:pt x="3" y="582"/>
                    </a:lnTo>
                    <a:lnTo>
                      <a:pt x="5" y="565"/>
                    </a:lnTo>
                    <a:lnTo>
                      <a:pt x="6" y="549"/>
                    </a:lnTo>
                    <a:lnTo>
                      <a:pt x="7" y="532"/>
                    </a:lnTo>
                    <a:lnTo>
                      <a:pt x="7" y="497"/>
                    </a:lnTo>
                    <a:lnTo>
                      <a:pt x="5" y="464"/>
                    </a:lnTo>
                    <a:lnTo>
                      <a:pt x="3" y="432"/>
                    </a:lnTo>
                    <a:lnTo>
                      <a:pt x="1" y="401"/>
                    </a:lnTo>
                    <a:lnTo>
                      <a:pt x="0" y="373"/>
                    </a:lnTo>
                    <a:lnTo>
                      <a:pt x="1" y="346"/>
                    </a:lnTo>
                    <a:lnTo>
                      <a:pt x="11" y="346"/>
                    </a:lnTo>
                    <a:lnTo>
                      <a:pt x="20" y="346"/>
                    </a:lnTo>
                    <a:lnTo>
                      <a:pt x="28" y="347"/>
                    </a:lnTo>
                    <a:lnTo>
                      <a:pt x="37" y="350"/>
                    </a:lnTo>
                    <a:lnTo>
                      <a:pt x="51" y="354"/>
                    </a:lnTo>
                    <a:lnTo>
                      <a:pt x="64" y="358"/>
                    </a:lnTo>
                    <a:lnTo>
                      <a:pt x="77" y="362"/>
                    </a:lnTo>
                    <a:lnTo>
                      <a:pt x="90" y="363"/>
                    </a:lnTo>
                    <a:lnTo>
                      <a:pt x="97" y="363"/>
                    </a:lnTo>
                    <a:lnTo>
                      <a:pt x="104" y="362"/>
                    </a:lnTo>
                    <a:lnTo>
                      <a:pt x="113" y="360"/>
                    </a:lnTo>
                    <a:lnTo>
                      <a:pt x="122" y="356"/>
                    </a:lnTo>
                    <a:lnTo>
                      <a:pt x="123" y="351"/>
                    </a:lnTo>
                    <a:lnTo>
                      <a:pt x="124" y="345"/>
                    </a:lnTo>
                    <a:lnTo>
                      <a:pt x="126" y="341"/>
                    </a:lnTo>
                    <a:lnTo>
                      <a:pt x="130" y="337"/>
                    </a:lnTo>
                    <a:lnTo>
                      <a:pt x="133" y="333"/>
                    </a:lnTo>
                    <a:lnTo>
                      <a:pt x="137" y="330"/>
                    </a:lnTo>
                    <a:lnTo>
                      <a:pt x="141" y="326"/>
                    </a:lnTo>
                    <a:lnTo>
                      <a:pt x="146" y="323"/>
                    </a:lnTo>
                    <a:lnTo>
                      <a:pt x="157" y="319"/>
                    </a:lnTo>
                    <a:lnTo>
                      <a:pt x="168" y="315"/>
                    </a:lnTo>
                    <a:lnTo>
                      <a:pt x="181" y="312"/>
                    </a:lnTo>
                    <a:lnTo>
                      <a:pt x="194" y="309"/>
                    </a:lnTo>
                    <a:lnTo>
                      <a:pt x="205" y="305"/>
                    </a:lnTo>
                    <a:lnTo>
                      <a:pt x="217" y="302"/>
                    </a:lnTo>
                    <a:lnTo>
                      <a:pt x="227" y="298"/>
                    </a:lnTo>
                    <a:lnTo>
                      <a:pt x="236" y="294"/>
                    </a:lnTo>
                    <a:lnTo>
                      <a:pt x="239" y="291"/>
                    </a:lnTo>
                    <a:lnTo>
                      <a:pt x="242" y="287"/>
                    </a:lnTo>
                    <a:lnTo>
                      <a:pt x="244" y="284"/>
                    </a:lnTo>
                    <a:lnTo>
                      <a:pt x="246" y="281"/>
                    </a:lnTo>
                    <a:lnTo>
                      <a:pt x="246" y="277"/>
                    </a:lnTo>
                    <a:lnTo>
                      <a:pt x="246" y="273"/>
                    </a:lnTo>
                    <a:lnTo>
                      <a:pt x="245" y="267"/>
                    </a:lnTo>
                    <a:lnTo>
                      <a:pt x="244" y="262"/>
                    </a:lnTo>
                    <a:lnTo>
                      <a:pt x="259" y="263"/>
                    </a:lnTo>
                    <a:lnTo>
                      <a:pt x="275" y="263"/>
                    </a:lnTo>
                    <a:lnTo>
                      <a:pt x="290" y="263"/>
                    </a:lnTo>
                    <a:lnTo>
                      <a:pt x="303" y="262"/>
                    </a:lnTo>
                    <a:lnTo>
                      <a:pt x="317" y="260"/>
                    </a:lnTo>
                    <a:lnTo>
                      <a:pt x="331" y="258"/>
                    </a:lnTo>
                    <a:lnTo>
                      <a:pt x="344" y="255"/>
                    </a:lnTo>
                    <a:lnTo>
                      <a:pt x="357" y="251"/>
                    </a:lnTo>
                    <a:lnTo>
                      <a:pt x="370" y="246"/>
                    </a:lnTo>
                    <a:lnTo>
                      <a:pt x="382" y="242"/>
                    </a:lnTo>
                    <a:lnTo>
                      <a:pt x="394" y="237"/>
                    </a:lnTo>
                    <a:lnTo>
                      <a:pt x="405" y="231"/>
                    </a:lnTo>
                    <a:lnTo>
                      <a:pt x="428" y="218"/>
                    </a:lnTo>
                    <a:lnTo>
                      <a:pt x="449" y="203"/>
                    </a:lnTo>
                    <a:lnTo>
                      <a:pt x="469" y="186"/>
                    </a:lnTo>
                    <a:lnTo>
                      <a:pt x="488" y="170"/>
                    </a:lnTo>
                    <a:lnTo>
                      <a:pt x="505" y="151"/>
                    </a:lnTo>
                    <a:lnTo>
                      <a:pt x="522" y="132"/>
                    </a:lnTo>
                    <a:lnTo>
                      <a:pt x="538" y="111"/>
                    </a:lnTo>
                    <a:lnTo>
                      <a:pt x="553" y="89"/>
                    </a:lnTo>
                    <a:lnTo>
                      <a:pt x="568" y="68"/>
                    </a:lnTo>
                    <a:lnTo>
                      <a:pt x="581" y="47"/>
                    </a:lnTo>
                    <a:lnTo>
                      <a:pt x="614" y="38"/>
                    </a:lnTo>
                    <a:lnTo>
                      <a:pt x="644" y="31"/>
                    </a:lnTo>
                    <a:lnTo>
                      <a:pt x="673" y="24"/>
                    </a:lnTo>
                    <a:lnTo>
                      <a:pt x="701" y="19"/>
                    </a:lnTo>
                    <a:lnTo>
                      <a:pt x="730" y="15"/>
                    </a:lnTo>
                    <a:lnTo>
                      <a:pt x="759" y="9"/>
                    </a:lnTo>
                    <a:lnTo>
                      <a:pt x="791" y="5"/>
                    </a:lnTo>
                    <a:lnTo>
                      <a:pt x="825" y="0"/>
                    </a:lnTo>
                    <a:lnTo>
                      <a:pt x="831" y="9"/>
                    </a:lnTo>
                    <a:lnTo>
                      <a:pt x="835" y="18"/>
                    </a:lnTo>
                    <a:lnTo>
                      <a:pt x="839" y="26"/>
                    </a:lnTo>
                    <a:lnTo>
                      <a:pt x="841" y="35"/>
                    </a:lnTo>
                    <a:lnTo>
                      <a:pt x="845" y="53"/>
                    </a:lnTo>
                    <a:lnTo>
                      <a:pt x="847" y="71"/>
                    </a:lnTo>
                    <a:lnTo>
                      <a:pt x="847" y="89"/>
                    </a:lnTo>
                    <a:lnTo>
                      <a:pt x="848" y="109"/>
                    </a:lnTo>
                    <a:lnTo>
                      <a:pt x="849" y="129"/>
                    </a:lnTo>
                    <a:lnTo>
                      <a:pt x="853" y="151"/>
                    </a:lnTo>
                    <a:lnTo>
                      <a:pt x="821" y="172"/>
                    </a:lnTo>
                    <a:lnTo>
                      <a:pt x="791" y="194"/>
                    </a:lnTo>
                    <a:lnTo>
                      <a:pt x="775" y="204"/>
                    </a:lnTo>
                    <a:lnTo>
                      <a:pt x="760" y="216"/>
                    </a:lnTo>
                    <a:lnTo>
                      <a:pt x="747" y="228"/>
                    </a:lnTo>
                    <a:lnTo>
                      <a:pt x="732" y="240"/>
                    </a:lnTo>
                    <a:lnTo>
                      <a:pt x="719" y="254"/>
                    </a:lnTo>
                    <a:lnTo>
                      <a:pt x="706" y="266"/>
                    </a:lnTo>
                    <a:lnTo>
                      <a:pt x="694" y="281"/>
                    </a:lnTo>
                    <a:lnTo>
                      <a:pt x="682" y="296"/>
                    </a:lnTo>
                    <a:lnTo>
                      <a:pt x="672" y="312"/>
                    </a:lnTo>
                    <a:lnTo>
                      <a:pt x="662" y="329"/>
                    </a:lnTo>
                    <a:lnTo>
                      <a:pt x="654" y="346"/>
                    </a:lnTo>
                    <a:lnTo>
                      <a:pt x="647" y="365"/>
                    </a:lnTo>
                    <a:lnTo>
                      <a:pt x="651" y="375"/>
                    </a:lnTo>
                    <a:lnTo>
                      <a:pt x="654" y="383"/>
                    </a:lnTo>
                    <a:lnTo>
                      <a:pt x="657" y="393"/>
                    </a:lnTo>
                    <a:lnTo>
                      <a:pt x="658" y="401"/>
                    </a:lnTo>
                    <a:lnTo>
                      <a:pt x="660" y="419"/>
                    </a:lnTo>
                    <a:lnTo>
                      <a:pt x="661" y="438"/>
                    </a:lnTo>
                    <a:lnTo>
                      <a:pt x="659" y="457"/>
                    </a:lnTo>
                    <a:lnTo>
                      <a:pt x="656" y="476"/>
                    </a:lnTo>
                    <a:lnTo>
                      <a:pt x="652" y="496"/>
                    </a:lnTo>
                    <a:lnTo>
                      <a:pt x="647" y="515"/>
                    </a:lnTo>
                    <a:lnTo>
                      <a:pt x="622" y="520"/>
                    </a:lnTo>
                    <a:lnTo>
                      <a:pt x="601" y="525"/>
                    </a:lnTo>
                    <a:lnTo>
                      <a:pt x="581" y="532"/>
                    </a:lnTo>
                    <a:lnTo>
                      <a:pt x="562" y="537"/>
                    </a:lnTo>
                    <a:lnTo>
                      <a:pt x="545" y="542"/>
                    </a:lnTo>
                    <a:lnTo>
                      <a:pt x="529" y="545"/>
                    </a:lnTo>
                    <a:lnTo>
                      <a:pt x="520" y="546"/>
                    </a:lnTo>
                    <a:lnTo>
                      <a:pt x="513" y="545"/>
                    </a:lnTo>
                    <a:lnTo>
                      <a:pt x="504" y="545"/>
                    </a:lnTo>
                    <a:lnTo>
                      <a:pt x="497" y="543"/>
                    </a:lnTo>
                    <a:lnTo>
                      <a:pt x="507" y="553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43" name="Randers kant"/>
              <p:cNvSpPr>
                <a:spLocks/>
              </p:cNvSpPr>
              <p:nvPr/>
            </p:nvSpPr>
            <p:spPr bwMode="auto">
              <a:xfrm>
                <a:off x="1835152" y="3638555"/>
                <a:ext cx="450851" cy="407988"/>
              </a:xfrm>
              <a:custGeom>
                <a:avLst/>
                <a:gdLst>
                  <a:gd name="T0" fmla="*/ 179 w 853"/>
                  <a:gd name="T1" fmla="*/ 187 h 769"/>
                  <a:gd name="T2" fmla="*/ 192 w 853"/>
                  <a:gd name="T3" fmla="*/ 185 h 769"/>
                  <a:gd name="T4" fmla="*/ 211 w 853"/>
                  <a:gd name="T5" fmla="*/ 177 h 769"/>
                  <a:gd name="T6" fmla="*/ 220 w 853"/>
                  <a:gd name="T7" fmla="*/ 180 h 769"/>
                  <a:gd name="T8" fmla="*/ 223 w 853"/>
                  <a:gd name="T9" fmla="*/ 196 h 769"/>
                  <a:gd name="T10" fmla="*/ 230 w 853"/>
                  <a:gd name="T11" fmla="*/ 206 h 769"/>
                  <a:gd name="T12" fmla="*/ 236 w 853"/>
                  <a:gd name="T13" fmla="*/ 217 h 769"/>
                  <a:gd name="T14" fmla="*/ 228 w 853"/>
                  <a:gd name="T15" fmla="*/ 230 h 769"/>
                  <a:gd name="T16" fmla="*/ 189 w 853"/>
                  <a:gd name="T17" fmla="*/ 237 h 769"/>
                  <a:gd name="T18" fmla="*/ 168 w 853"/>
                  <a:gd name="T19" fmla="*/ 245 h 769"/>
                  <a:gd name="T20" fmla="*/ 153 w 853"/>
                  <a:gd name="T21" fmla="*/ 252 h 769"/>
                  <a:gd name="T22" fmla="*/ 138 w 853"/>
                  <a:gd name="T23" fmla="*/ 245 h 769"/>
                  <a:gd name="T24" fmla="*/ 109 w 853"/>
                  <a:gd name="T25" fmla="*/ 240 h 769"/>
                  <a:gd name="T26" fmla="*/ 96 w 853"/>
                  <a:gd name="T27" fmla="*/ 240 h 769"/>
                  <a:gd name="T28" fmla="*/ 88 w 853"/>
                  <a:gd name="T29" fmla="*/ 252 h 769"/>
                  <a:gd name="T30" fmla="*/ 54 w 853"/>
                  <a:gd name="T31" fmla="*/ 249 h 769"/>
                  <a:gd name="T32" fmla="*/ 18 w 853"/>
                  <a:gd name="T33" fmla="*/ 237 h 769"/>
                  <a:gd name="T34" fmla="*/ 7 w 853"/>
                  <a:gd name="T35" fmla="*/ 231 h 769"/>
                  <a:gd name="T36" fmla="*/ 9 w 853"/>
                  <a:gd name="T37" fmla="*/ 225 h 769"/>
                  <a:gd name="T38" fmla="*/ 15 w 853"/>
                  <a:gd name="T39" fmla="*/ 222 h 769"/>
                  <a:gd name="T40" fmla="*/ 19 w 853"/>
                  <a:gd name="T41" fmla="*/ 227 h 769"/>
                  <a:gd name="T42" fmla="*/ 24 w 853"/>
                  <a:gd name="T43" fmla="*/ 226 h 769"/>
                  <a:gd name="T44" fmla="*/ 32 w 853"/>
                  <a:gd name="T45" fmla="*/ 214 h 769"/>
                  <a:gd name="T46" fmla="*/ 30 w 853"/>
                  <a:gd name="T47" fmla="*/ 200 h 769"/>
                  <a:gd name="T48" fmla="*/ 23 w 853"/>
                  <a:gd name="T49" fmla="*/ 198 h 769"/>
                  <a:gd name="T50" fmla="*/ 10 w 853"/>
                  <a:gd name="T51" fmla="*/ 200 h 769"/>
                  <a:gd name="T52" fmla="*/ 1 w 853"/>
                  <a:gd name="T53" fmla="*/ 195 h 769"/>
                  <a:gd name="T54" fmla="*/ 2 w 853"/>
                  <a:gd name="T55" fmla="*/ 166 h 769"/>
                  <a:gd name="T56" fmla="*/ 0 w 853"/>
                  <a:gd name="T57" fmla="*/ 125 h 769"/>
                  <a:gd name="T58" fmla="*/ 9 w 853"/>
                  <a:gd name="T59" fmla="*/ 116 h 769"/>
                  <a:gd name="T60" fmla="*/ 26 w 853"/>
                  <a:gd name="T61" fmla="*/ 121 h 769"/>
                  <a:gd name="T62" fmla="*/ 38 w 853"/>
                  <a:gd name="T63" fmla="*/ 120 h 769"/>
                  <a:gd name="T64" fmla="*/ 42 w 853"/>
                  <a:gd name="T65" fmla="*/ 114 h 769"/>
                  <a:gd name="T66" fmla="*/ 47 w 853"/>
                  <a:gd name="T67" fmla="*/ 109 h 769"/>
                  <a:gd name="T68" fmla="*/ 60 w 853"/>
                  <a:gd name="T69" fmla="*/ 104 h 769"/>
                  <a:gd name="T70" fmla="*/ 76 w 853"/>
                  <a:gd name="T71" fmla="*/ 100 h 769"/>
                  <a:gd name="T72" fmla="*/ 81 w 853"/>
                  <a:gd name="T73" fmla="*/ 95 h 769"/>
                  <a:gd name="T74" fmla="*/ 82 w 853"/>
                  <a:gd name="T75" fmla="*/ 89 h 769"/>
                  <a:gd name="T76" fmla="*/ 97 w 853"/>
                  <a:gd name="T77" fmla="*/ 88 h 769"/>
                  <a:gd name="T78" fmla="*/ 115 w 853"/>
                  <a:gd name="T79" fmla="*/ 85 h 769"/>
                  <a:gd name="T80" fmla="*/ 131 w 853"/>
                  <a:gd name="T81" fmla="*/ 79 h 769"/>
                  <a:gd name="T82" fmla="*/ 156 w 853"/>
                  <a:gd name="T83" fmla="*/ 62 h 769"/>
                  <a:gd name="T84" fmla="*/ 179 w 853"/>
                  <a:gd name="T85" fmla="*/ 37 h 769"/>
                  <a:gd name="T86" fmla="*/ 204 w 853"/>
                  <a:gd name="T87" fmla="*/ 13 h 769"/>
                  <a:gd name="T88" fmla="*/ 243 w 853"/>
                  <a:gd name="T89" fmla="*/ 5 h 769"/>
                  <a:gd name="T90" fmla="*/ 277 w 853"/>
                  <a:gd name="T91" fmla="*/ 3 h 769"/>
                  <a:gd name="T92" fmla="*/ 281 w 853"/>
                  <a:gd name="T93" fmla="*/ 18 h 769"/>
                  <a:gd name="T94" fmla="*/ 283 w 853"/>
                  <a:gd name="T95" fmla="*/ 43 h 769"/>
                  <a:gd name="T96" fmla="*/ 258 w 853"/>
                  <a:gd name="T97" fmla="*/ 68 h 769"/>
                  <a:gd name="T98" fmla="*/ 239 w 853"/>
                  <a:gd name="T99" fmla="*/ 85 h 769"/>
                  <a:gd name="T100" fmla="*/ 224 w 853"/>
                  <a:gd name="T101" fmla="*/ 104 h 769"/>
                  <a:gd name="T102" fmla="*/ 217 w 853"/>
                  <a:gd name="T103" fmla="*/ 125 h 769"/>
                  <a:gd name="T104" fmla="*/ 220 w 853"/>
                  <a:gd name="T105" fmla="*/ 140 h 769"/>
                  <a:gd name="T106" fmla="*/ 217 w 853"/>
                  <a:gd name="T107" fmla="*/ 166 h 769"/>
                  <a:gd name="T108" fmla="*/ 193 w 853"/>
                  <a:gd name="T109" fmla="*/ 178 h 769"/>
                  <a:gd name="T110" fmla="*/ 173 w 853"/>
                  <a:gd name="T111" fmla="*/ 182 h 76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0" t="0" r="r" b="b"/>
                <a:pathLst>
                  <a:path w="853" h="769">
                    <a:moveTo>
                      <a:pt x="507" y="553"/>
                    </a:moveTo>
                    <a:lnTo>
                      <a:pt x="517" y="558"/>
                    </a:lnTo>
                    <a:lnTo>
                      <a:pt x="528" y="560"/>
                    </a:lnTo>
                    <a:lnTo>
                      <a:pt x="538" y="561"/>
                    </a:lnTo>
                    <a:lnTo>
                      <a:pt x="548" y="561"/>
                    </a:lnTo>
                    <a:lnTo>
                      <a:pt x="557" y="560"/>
                    </a:lnTo>
                    <a:lnTo>
                      <a:pt x="567" y="557"/>
                    </a:lnTo>
                    <a:lnTo>
                      <a:pt x="576" y="554"/>
                    </a:lnTo>
                    <a:lnTo>
                      <a:pt x="585" y="550"/>
                    </a:lnTo>
                    <a:lnTo>
                      <a:pt x="603" y="541"/>
                    </a:lnTo>
                    <a:lnTo>
                      <a:pt x="623" y="533"/>
                    </a:lnTo>
                    <a:lnTo>
                      <a:pt x="633" y="529"/>
                    </a:lnTo>
                    <a:lnTo>
                      <a:pt x="643" y="526"/>
                    </a:lnTo>
                    <a:lnTo>
                      <a:pt x="654" y="525"/>
                    </a:lnTo>
                    <a:lnTo>
                      <a:pt x="666" y="524"/>
                    </a:lnTo>
                    <a:lnTo>
                      <a:pt x="662" y="540"/>
                    </a:lnTo>
                    <a:lnTo>
                      <a:pt x="662" y="554"/>
                    </a:lnTo>
                    <a:lnTo>
                      <a:pt x="663" y="565"/>
                    </a:lnTo>
                    <a:lnTo>
                      <a:pt x="666" y="576"/>
                    </a:lnTo>
                    <a:lnTo>
                      <a:pt x="670" y="585"/>
                    </a:lnTo>
                    <a:lnTo>
                      <a:pt x="674" y="594"/>
                    </a:lnTo>
                    <a:lnTo>
                      <a:pt x="679" y="601"/>
                    </a:lnTo>
                    <a:lnTo>
                      <a:pt x="684" y="609"/>
                    </a:lnTo>
                    <a:lnTo>
                      <a:pt x="691" y="616"/>
                    </a:lnTo>
                    <a:lnTo>
                      <a:pt x="696" y="623"/>
                    </a:lnTo>
                    <a:lnTo>
                      <a:pt x="701" y="631"/>
                    </a:lnTo>
                    <a:lnTo>
                      <a:pt x="706" y="639"/>
                    </a:lnTo>
                    <a:lnTo>
                      <a:pt x="710" y="649"/>
                    </a:lnTo>
                    <a:lnTo>
                      <a:pt x="712" y="658"/>
                    </a:lnTo>
                    <a:lnTo>
                      <a:pt x="713" y="671"/>
                    </a:lnTo>
                    <a:lnTo>
                      <a:pt x="712" y="684"/>
                    </a:lnTo>
                    <a:lnTo>
                      <a:pt x="686" y="688"/>
                    </a:lnTo>
                    <a:lnTo>
                      <a:pt x="655" y="692"/>
                    </a:lnTo>
                    <a:lnTo>
                      <a:pt x="620" y="698"/>
                    </a:lnTo>
                    <a:lnTo>
                      <a:pt x="585" y="705"/>
                    </a:lnTo>
                    <a:lnTo>
                      <a:pt x="568" y="710"/>
                    </a:lnTo>
                    <a:lnTo>
                      <a:pt x="551" y="714"/>
                    </a:lnTo>
                    <a:lnTo>
                      <a:pt x="535" y="720"/>
                    </a:lnTo>
                    <a:lnTo>
                      <a:pt x="519" y="727"/>
                    </a:lnTo>
                    <a:lnTo>
                      <a:pt x="504" y="733"/>
                    </a:lnTo>
                    <a:lnTo>
                      <a:pt x="491" y="741"/>
                    </a:lnTo>
                    <a:lnTo>
                      <a:pt x="479" y="750"/>
                    </a:lnTo>
                    <a:lnTo>
                      <a:pt x="469" y="759"/>
                    </a:lnTo>
                    <a:lnTo>
                      <a:pt x="460" y="753"/>
                    </a:lnTo>
                    <a:lnTo>
                      <a:pt x="451" y="748"/>
                    </a:lnTo>
                    <a:lnTo>
                      <a:pt x="442" y="743"/>
                    </a:lnTo>
                    <a:lnTo>
                      <a:pt x="433" y="740"/>
                    </a:lnTo>
                    <a:lnTo>
                      <a:pt x="414" y="734"/>
                    </a:lnTo>
                    <a:lnTo>
                      <a:pt x="395" y="730"/>
                    </a:lnTo>
                    <a:lnTo>
                      <a:pt x="374" y="727"/>
                    </a:lnTo>
                    <a:lnTo>
                      <a:pt x="351" y="722"/>
                    </a:lnTo>
                    <a:lnTo>
                      <a:pt x="326" y="718"/>
                    </a:lnTo>
                    <a:lnTo>
                      <a:pt x="300" y="712"/>
                    </a:lnTo>
                    <a:lnTo>
                      <a:pt x="296" y="714"/>
                    </a:lnTo>
                    <a:lnTo>
                      <a:pt x="292" y="716"/>
                    </a:lnTo>
                    <a:lnTo>
                      <a:pt x="287" y="718"/>
                    </a:lnTo>
                    <a:lnTo>
                      <a:pt x="284" y="721"/>
                    </a:lnTo>
                    <a:lnTo>
                      <a:pt x="278" y="729"/>
                    </a:lnTo>
                    <a:lnTo>
                      <a:pt x="273" y="736"/>
                    </a:lnTo>
                    <a:lnTo>
                      <a:pt x="263" y="753"/>
                    </a:lnTo>
                    <a:lnTo>
                      <a:pt x="254" y="769"/>
                    </a:lnTo>
                    <a:lnTo>
                      <a:pt x="221" y="762"/>
                    </a:lnTo>
                    <a:lnTo>
                      <a:pt x="191" y="754"/>
                    </a:lnTo>
                    <a:lnTo>
                      <a:pt x="161" y="745"/>
                    </a:lnTo>
                    <a:lnTo>
                      <a:pt x="134" y="736"/>
                    </a:lnTo>
                    <a:lnTo>
                      <a:pt x="106" y="727"/>
                    </a:lnTo>
                    <a:lnTo>
                      <a:pt x="80" y="717"/>
                    </a:lnTo>
                    <a:lnTo>
                      <a:pt x="55" y="709"/>
                    </a:lnTo>
                    <a:lnTo>
                      <a:pt x="28" y="702"/>
                    </a:lnTo>
                    <a:lnTo>
                      <a:pt x="24" y="697"/>
                    </a:lnTo>
                    <a:lnTo>
                      <a:pt x="22" y="693"/>
                    </a:lnTo>
                    <a:lnTo>
                      <a:pt x="22" y="690"/>
                    </a:lnTo>
                    <a:lnTo>
                      <a:pt x="23" y="687"/>
                    </a:lnTo>
                    <a:lnTo>
                      <a:pt x="25" y="683"/>
                    </a:lnTo>
                    <a:lnTo>
                      <a:pt x="26" y="679"/>
                    </a:lnTo>
                    <a:lnTo>
                      <a:pt x="28" y="674"/>
                    </a:lnTo>
                    <a:lnTo>
                      <a:pt x="28" y="665"/>
                    </a:lnTo>
                    <a:lnTo>
                      <a:pt x="36" y="664"/>
                    </a:lnTo>
                    <a:lnTo>
                      <a:pt x="41" y="664"/>
                    </a:lnTo>
                    <a:lnTo>
                      <a:pt x="46" y="665"/>
                    </a:lnTo>
                    <a:lnTo>
                      <a:pt x="51" y="668"/>
                    </a:lnTo>
                    <a:lnTo>
                      <a:pt x="54" y="670"/>
                    </a:lnTo>
                    <a:lnTo>
                      <a:pt x="56" y="674"/>
                    </a:lnTo>
                    <a:lnTo>
                      <a:pt x="57" y="678"/>
                    </a:lnTo>
                    <a:lnTo>
                      <a:pt x="57" y="684"/>
                    </a:lnTo>
                    <a:lnTo>
                      <a:pt x="62" y="682"/>
                    </a:lnTo>
                    <a:lnTo>
                      <a:pt x="66" y="680"/>
                    </a:lnTo>
                    <a:lnTo>
                      <a:pt x="71" y="677"/>
                    </a:lnTo>
                    <a:lnTo>
                      <a:pt x="75" y="674"/>
                    </a:lnTo>
                    <a:lnTo>
                      <a:pt x="82" y="667"/>
                    </a:lnTo>
                    <a:lnTo>
                      <a:pt x="87" y="658"/>
                    </a:lnTo>
                    <a:lnTo>
                      <a:pt x="96" y="639"/>
                    </a:lnTo>
                    <a:lnTo>
                      <a:pt x="103" y="618"/>
                    </a:lnTo>
                    <a:lnTo>
                      <a:pt x="99" y="611"/>
                    </a:lnTo>
                    <a:lnTo>
                      <a:pt x="94" y="604"/>
                    </a:lnTo>
                    <a:lnTo>
                      <a:pt x="90" y="599"/>
                    </a:lnTo>
                    <a:lnTo>
                      <a:pt x="84" y="596"/>
                    </a:lnTo>
                    <a:lnTo>
                      <a:pt x="80" y="594"/>
                    </a:lnTo>
                    <a:lnTo>
                      <a:pt x="75" y="593"/>
                    </a:lnTo>
                    <a:lnTo>
                      <a:pt x="70" y="593"/>
                    </a:lnTo>
                    <a:lnTo>
                      <a:pt x="64" y="593"/>
                    </a:lnTo>
                    <a:lnTo>
                      <a:pt x="52" y="595"/>
                    </a:lnTo>
                    <a:lnTo>
                      <a:pt x="38" y="598"/>
                    </a:lnTo>
                    <a:lnTo>
                      <a:pt x="30" y="599"/>
                    </a:lnTo>
                    <a:lnTo>
                      <a:pt x="21" y="600"/>
                    </a:lnTo>
                    <a:lnTo>
                      <a:pt x="11" y="600"/>
                    </a:lnTo>
                    <a:lnTo>
                      <a:pt x="1" y="600"/>
                    </a:lnTo>
                    <a:lnTo>
                      <a:pt x="3" y="582"/>
                    </a:lnTo>
                    <a:lnTo>
                      <a:pt x="5" y="565"/>
                    </a:lnTo>
                    <a:lnTo>
                      <a:pt x="6" y="549"/>
                    </a:lnTo>
                    <a:lnTo>
                      <a:pt x="7" y="532"/>
                    </a:lnTo>
                    <a:lnTo>
                      <a:pt x="7" y="497"/>
                    </a:lnTo>
                    <a:lnTo>
                      <a:pt x="5" y="464"/>
                    </a:lnTo>
                    <a:lnTo>
                      <a:pt x="3" y="432"/>
                    </a:lnTo>
                    <a:lnTo>
                      <a:pt x="1" y="401"/>
                    </a:lnTo>
                    <a:lnTo>
                      <a:pt x="0" y="373"/>
                    </a:lnTo>
                    <a:lnTo>
                      <a:pt x="1" y="346"/>
                    </a:lnTo>
                    <a:lnTo>
                      <a:pt x="11" y="346"/>
                    </a:lnTo>
                    <a:lnTo>
                      <a:pt x="20" y="346"/>
                    </a:lnTo>
                    <a:lnTo>
                      <a:pt x="28" y="347"/>
                    </a:lnTo>
                    <a:lnTo>
                      <a:pt x="37" y="350"/>
                    </a:lnTo>
                    <a:lnTo>
                      <a:pt x="51" y="354"/>
                    </a:lnTo>
                    <a:lnTo>
                      <a:pt x="64" y="358"/>
                    </a:lnTo>
                    <a:lnTo>
                      <a:pt x="77" y="362"/>
                    </a:lnTo>
                    <a:lnTo>
                      <a:pt x="90" y="363"/>
                    </a:lnTo>
                    <a:lnTo>
                      <a:pt x="97" y="363"/>
                    </a:lnTo>
                    <a:lnTo>
                      <a:pt x="104" y="362"/>
                    </a:lnTo>
                    <a:lnTo>
                      <a:pt x="113" y="360"/>
                    </a:lnTo>
                    <a:lnTo>
                      <a:pt x="122" y="356"/>
                    </a:lnTo>
                    <a:lnTo>
                      <a:pt x="123" y="351"/>
                    </a:lnTo>
                    <a:lnTo>
                      <a:pt x="124" y="345"/>
                    </a:lnTo>
                    <a:lnTo>
                      <a:pt x="126" y="341"/>
                    </a:lnTo>
                    <a:lnTo>
                      <a:pt x="130" y="337"/>
                    </a:lnTo>
                    <a:lnTo>
                      <a:pt x="133" y="333"/>
                    </a:lnTo>
                    <a:lnTo>
                      <a:pt x="137" y="330"/>
                    </a:lnTo>
                    <a:lnTo>
                      <a:pt x="141" y="326"/>
                    </a:lnTo>
                    <a:lnTo>
                      <a:pt x="146" y="323"/>
                    </a:lnTo>
                    <a:lnTo>
                      <a:pt x="157" y="319"/>
                    </a:lnTo>
                    <a:lnTo>
                      <a:pt x="168" y="315"/>
                    </a:lnTo>
                    <a:lnTo>
                      <a:pt x="181" y="312"/>
                    </a:lnTo>
                    <a:lnTo>
                      <a:pt x="194" y="309"/>
                    </a:lnTo>
                    <a:lnTo>
                      <a:pt x="205" y="305"/>
                    </a:lnTo>
                    <a:lnTo>
                      <a:pt x="217" y="302"/>
                    </a:lnTo>
                    <a:lnTo>
                      <a:pt x="227" y="298"/>
                    </a:lnTo>
                    <a:lnTo>
                      <a:pt x="236" y="294"/>
                    </a:lnTo>
                    <a:lnTo>
                      <a:pt x="239" y="291"/>
                    </a:lnTo>
                    <a:lnTo>
                      <a:pt x="242" y="287"/>
                    </a:lnTo>
                    <a:lnTo>
                      <a:pt x="244" y="284"/>
                    </a:lnTo>
                    <a:lnTo>
                      <a:pt x="246" y="281"/>
                    </a:lnTo>
                    <a:lnTo>
                      <a:pt x="246" y="277"/>
                    </a:lnTo>
                    <a:lnTo>
                      <a:pt x="246" y="273"/>
                    </a:lnTo>
                    <a:lnTo>
                      <a:pt x="245" y="267"/>
                    </a:lnTo>
                    <a:lnTo>
                      <a:pt x="244" y="262"/>
                    </a:lnTo>
                    <a:lnTo>
                      <a:pt x="259" y="263"/>
                    </a:lnTo>
                    <a:lnTo>
                      <a:pt x="275" y="263"/>
                    </a:lnTo>
                    <a:lnTo>
                      <a:pt x="290" y="263"/>
                    </a:lnTo>
                    <a:lnTo>
                      <a:pt x="303" y="262"/>
                    </a:lnTo>
                    <a:lnTo>
                      <a:pt x="317" y="260"/>
                    </a:lnTo>
                    <a:lnTo>
                      <a:pt x="331" y="258"/>
                    </a:lnTo>
                    <a:lnTo>
                      <a:pt x="344" y="255"/>
                    </a:lnTo>
                    <a:lnTo>
                      <a:pt x="357" y="251"/>
                    </a:lnTo>
                    <a:lnTo>
                      <a:pt x="370" y="246"/>
                    </a:lnTo>
                    <a:lnTo>
                      <a:pt x="382" y="242"/>
                    </a:lnTo>
                    <a:lnTo>
                      <a:pt x="394" y="237"/>
                    </a:lnTo>
                    <a:lnTo>
                      <a:pt x="405" y="231"/>
                    </a:lnTo>
                    <a:lnTo>
                      <a:pt x="428" y="218"/>
                    </a:lnTo>
                    <a:lnTo>
                      <a:pt x="449" y="203"/>
                    </a:lnTo>
                    <a:lnTo>
                      <a:pt x="469" y="186"/>
                    </a:lnTo>
                    <a:lnTo>
                      <a:pt x="488" y="170"/>
                    </a:lnTo>
                    <a:lnTo>
                      <a:pt x="505" y="151"/>
                    </a:lnTo>
                    <a:lnTo>
                      <a:pt x="522" y="132"/>
                    </a:lnTo>
                    <a:lnTo>
                      <a:pt x="538" y="111"/>
                    </a:lnTo>
                    <a:lnTo>
                      <a:pt x="553" y="89"/>
                    </a:lnTo>
                    <a:lnTo>
                      <a:pt x="568" y="68"/>
                    </a:lnTo>
                    <a:lnTo>
                      <a:pt x="581" y="47"/>
                    </a:lnTo>
                    <a:lnTo>
                      <a:pt x="614" y="38"/>
                    </a:lnTo>
                    <a:lnTo>
                      <a:pt x="644" y="31"/>
                    </a:lnTo>
                    <a:lnTo>
                      <a:pt x="673" y="24"/>
                    </a:lnTo>
                    <a:lnTo>
                      <a:pt x="701" y="19"/>
                    </a:lnTo>
                    <a:lnTo>
                      <a:pt x="730" y="15"/>
                    </a:lnTo>
                    <a:lnTo>
                      <a:pt x="759" y="9"/>
                    </a:lnTo>
                    <a:lnTo>
                      <a:pt x="791" y="5"/>
                    </a:lnTo>
                    <a:lnTo>
                      <a:pt x="825" y="0"/>
                    </a:lnTo>
                    <a:lnTo>
                      <a:pt x="831" y="9"/>
                    </a:lnTo>
                    <a:lnTo>
                      <a:pt x="835" y="18"/>
                    </a:lnTo>
                    <a:lnTo>
                      <a:pt x="839" y="26"/>
                    </a:lnTo>
                    <a:lnTo>
                      <a:pt x="841" y="35"/>
                    </a:lnTo>
                    <a:lnTo>
                      <a:pt x="845" y="53"/>
                    </a:lnTo>
                    <a:lnTo>
                      <a:pt x="847" y="71"/>
                    </a:lnTo>
                    <a:lnTo>
                      <a:pt x="847" y="89"/>
                    </a:lnTo>
                    <a:lnTo>
                      <a:pt x="848" y="109"/>
                    </a:lnTo>
                    <a:lnTo>
                      <a:pt x="849" y="129"/>
                    </a:lnTo>
                    <a:lnTo>
                      <a:pt x="853" y="151"/>
                    </a:lnTo>
                    <a:lnTo>
                      <a:pt x="821" y="172"/>
                    </a:lnTo>
                    <a:lnTo>
                      <a:pt x="791" y="194"/>
                    </a:lnTo>
                    <a:lnTo>
                      <a:pt x="775" y="204"/>
                    </a:lnTo>
                    <a:lnTo>
                      <a:pt x="760" y="216"/>
                    </a:lnTo>
                    <a:lnTo>
                      <a:pt x="747" y="228"/>
                    </a:lnTo>
                    <a:lnTo>
                      <a:pt x="732" y="240"/>
                    </a:lnTo>
                    <a:lnTo>
                      <a:pt x="719" y="254"/>
                    </a:lnTo>
                    <a:lnTo>
                      <a:pt x="706" y="266"/>
                    </a:lnTo>
                    <a:lnTo>
                      <a:pt x="694" y="281"/>
                    </a:lnTo>
                    <a:lnTo>
                      <a:pt x="682" y="296"/>
                    </a:lnTo>
                    <a:lnTo>
                      <a:pt x="672" y="312"/>
                    </a:lnTo>
                    <a:lnTo>
                      <a:pt x="662" y="329"/>
                    </a:lnTo>
                    <a:lnTo>
                      <a:pt x="654" y="346"/>
                    </a:lnTo>
                    <a:lnTo>
                      <a:pt x="647" y="365"/>
                    </a:lnTo>
                    <a:lnTo>
                      <a:pt x="651" y="375"/>
                    </a:lnTo>
                    <a:lnTo>
                      <a:pt x="654" y="383"/>
                    </a:lnTo>
                    <a:lnTo>
                      <a:pt x="657" y="393"/>
                    </a:lnTo>
                    <a:lnTo>
                      <a:pt x="658" y="401"/>
                    </a:lnTo>
                    <a:lnTo>
                      <a:pt x="660" y="419"/>
                    </a:lnTo>
                    <a:lnTo>
                      <a:pt x="661" y="438"/>
                    </a:lnTo>
                    <a:lnTo>
                      <a:pt x="659" y="457"/>
                    </a:lnTo>
                    <a:lnTo>
                      <a:pt x="656" y="476"/>
                    </a:lnTo>
                    <a:lnTo>
                      <a:pt x="652" y="496"/>
                    </a:lnTo>
                    <a:lnTo>
                      <a:pt x="647" y="515"/>
                    </a:lnTo>
                    <a:lnTo>
                      <a:pt x="622" y="520"/>
                    </a:lnTo>
                    <a:lnTo>
                      <a:pt x="601" y="525"/>
                    </a:lnTo>
                    <a:lnTo>
                      <a:pt x="581" y="532"/>
                    </a:lnTo>
                    <a:lnTo>
                      <a:pt x="562" y="537"/>
                    </a:lnTo>
                    <a:lnTo>
                      <a:pt x="545" y="542"/>
                    </a:lnTo>
                    <a:lnTo>
                      <a:pt x="529" y="545"/>
                    </a:lnTo>
                    <a:lnTo>
                      <a:pt x="520" y="546"/>
                    </a:lnTo>
                    <a:lnTo>
                      <a:pt x="513" y="545"/>
                    </a:lnTo>
                    <a:lnTo>
                      <a:pt x="504" y="545"/>
                    </a:lnTo>
                    <a:lnTo>
                      <a:pt x="497" y="543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44" name="Line 195"/>
              <p:cNvSpPr>
                <a:spLocks noChangeShapeType="1"/>
              </p:cNvSpPr>
              <p:nvPr/>
            </p:nvSpPr>
            <p:spPr bwMode="auto">
              <a:xfrm flipH="1" flipV="1">
                <a:off x="2095503" y="3924306"/>
                <a:ext cx="1588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45" name="Line 197"/>
              <p:cNvSpPr>
                <a:spLocks noChangeShapeType="1"/>
              </p:cNvSpPr>
              <p:nvPr/>
            </p:nvSpPr>
            <p:spPr bwMode="auto">
              <a:xfrm flipH="1" flipV="1">
                <a:off x="2097090" y="3925893"/>
                <a:ext cx="3175" cy="3175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46" name="Randers"/>
              <p:cNvSpPr>
                <a:spLocks/>
              </p:cNvSpPr>
              <p:nvPr/>
            </p:nvSpPr>
            <p:spPr bwMode="auto">
              <a:xfrm>
                <a:off x="2043115" y="3921131"/>
                <a:ext cx="60325" cy="20638"/>
              </a:xfrm>
              <a:custGeom>
                <a:avLst/>
                <a:gdLst>
                  <a:gd name="T0" fmla="*/ 32 w 113"/>
                  <a:gd name="T1" fmla="*/ 3 h 39"/>
                  <a:gd name="T2" fmla="*/ 31 w 113"/>
                  <a:gd name="T3" fmla="*/ 2 h 39"/>
                  <a:gd name="T4" fmla="*/ 30 w 113"/>
                  <a:gd name="T5" fmla="*/ 1 h 39"/>
                  <a:gd name="T6" fmla="*/ 29 w 113"/>
                  <a:gd name="T7" fmla="*/ 1 h 39"/>
                  <a:gd name="T8" fmla="*/ 28 w 113"/>
                  <a:gd name="T9" fmla="*/ 0 h 39"/>
                  <a:gd name="T10" fmla="*/ 27 w 113"/>
                  <a:gd name="T11" fmla="*/ 0 h 39"/>
                  <a:gd name="T12" fmla="*/ 25 w 113"/>
                  <a:gd name="T13" fmla="*/ 0 h 39"/>
                  <a:gd name="T14" fmla="*/ 24 w 113"/>
                  <a:gd name="T15" fmla="*/ 0 h 39"/>
                  <a:gd name="T16" fmla="*/ 23 w 113"/>
                  <a:gd name="T17" fmla="*/ 0 h 39"/>
                  <a:gd name="T18" fmla="*/ 21 w 113"/>
                  <a:gd name="T19" fmla="*/ 1 h 39"/>
                  <a:gd name="T20" fmla="*/ 20 w 113"/>
                  <a:gd name="T21" fmla="*/ 1 h 39"/>
                  <a:gd name="T22" fmla="*/ 20 w 113"/>
                  <a:gd name="T23" fmla="*/ 2 h 39"/>
                  <a:gd name="T24" fmla="*/ 19 w 113"/>
                  <a:gd name="T25" fmla="*/ 3 h 39"/>
                  <a:gd name="T26" fmla="*/ 19 w 113"/>
                  <a:gd name="T27" fmla="*/ 3 h 39"/>
                  <a:gd name="T28" fmla="*/ 20 w 113"/>
                  <a:gd name="T29" fmla="*/ 4 h 39"/>
                  <a:gd name="T30" fmla="*/ 21 w 113"/>
                  <a:gd name="T31" fmla="*/ 6 h 39"/>
                  <a:gd name="T32" fmla="*/ 22 w 113"/>
                  <a:gd name="T33" fmla="*/ 7 h 39"/>
                  <a:gd name="T34" fmla="*/ 21 w 113"/>
                  <a:gd name="T35" fmla="*/ 6 h 39"/>
                  <a:gd name="T36" fmla="*/ 20 w 113"/>
                  <a:gd name="T37" fmla="*/ 5 h 39"/>
                  <a:gd name="T38" fmla="*/ 17 w 113"/>
                  <a:gd name="T39" fmla="*/ 4 h 39"/>
                  <a:gd name="T40" fmla="*/ 16 w 113"/>
                  <a:gd name="T41" fmla="*/ 4 h 39"/>
                  <a:gd name="T42" fmla="*/ 12 w 113"/>
                  <a:gd name="T43" fmla="*/ 3 h 39"/>
                  <a:gd name="T44" fmla="*/ 8 w 113"/>
                  <a:gd name="T45" fmla="*/ 4 h 39"/>
                  <a:gd name="T46" fmla="*/ 7 w 113"/>
                  <a:gd name="T47" fmla="*/ 4 h 39"/>
                  <a:gd name="T48" fmla="*/ 5 w 113"/>
                  <a:gd name="T49" fmla="*/ 5 h 39"/>
                  <a:gd name="T50" fmla="*/ 3 w 113"/>
                  <a:gd name="T51" fmla="*/ 6 h 39"/>
                  <a:gd name="T52" fmla="*/ 2 w 113"/>
                  <a:gd name="T53" fmla="*/ 7 h 39"/>
                  <a:gd name="T54" fmla="*/ 1 w 113"/>
                  <a:gd name="T55" fmla="*/ 8 h 39"/>
                  <a:gd name="T56" fmla="*/ 0 w 113"/>
                  <a:gd name="T57" fmla="*/ 9 h 39"/>
                  <a:gd name="T58" fmla="*/ 0 w 113"/>
                  <a:gd name="T59" fmla="*/ 11 h 39"/>
                  <a:gd name="T60" fmla="*/ 0 w 113"/>
                  <a:gd name="T61" fmla="*/ 13 h 39"/>
                  <a:gd name="T62" fmla="*/ 2 w 113"/>
                  <a:gd name="T63" fmla="*/ 12 h 39"/>
                  <a:gd name="T64" fmla="*/ 3 w 113"/>
                  <a:gd name="T65" fmla="*/ 11 h 39"/>
                  <a:gd name="T66" fmla="*/ 6 w 113"/>
                  <a:gd name="T67" fmla="*/ 10 h 39"/>
                  <a:gd name="T68" fmla="*/ 8 w 113"/>
                  <a:gd name="T69" fmla="*/ 10 h 39"/>
                  <a:gd name="T70" fmla="*/ 13 w 113"/>
                  <a:gd name="T71" fmla="*/ 10 h 39"/>
                  <a:gd name="T72" fmla="*/ 19 w 113"/>
                  <a:gd name="T73" fmla="*/ 10 h 39"/>
                  <a:gd name="T74" fmla="*/ 25 w 113"/>
                  <a:gd name="T75" fmla="*/ 10 h 39"/>
                  <a:gd name="T76" fmla="*/ 30 w 113"/>
                  <a:gd name="T77" fmla="*/ 10 h 39"/>
                  <a:gd name="T78" fmla="*/ 32 w 113"/>
                  <a:gd name="T79" fmla="*/ 9 h 39"/>
                  <a:gd name="T80" fmla="*/ 34 w 113"/>
                  <a:gd name="T81" fmla="*/ 9 h 39"/>
                  <a:gd name="T82" fmla="*/ 36 w 113"/>
                  <a:gd name="T83" fmla="*/ 8 h 39"/>
                  <a:gd name="T84" fmla="*/ 38 w 113"/>
                  <a:gd name="T85" fmla="*/ 7 h 39"/>
                  <a:gd name="T86" fmla="*/ 32 w 113"/>
                  <a:gd name="T87" fmla="*/ 3 h 39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0" t="0" r="r" b="b"/>
                <a:pathLst>
                  <a:path w="113" h="39">
                    <a:moveTo>
                      <a:pt x="94" y="10"/>
                    </a:moveTo>
                    <a:lnTo>
                      <a:pt x="93" y="7"/>
                    </a:lnTo>
                    <a:lnTo>
                      <a:pt x="90" y="4"/>
                    </a:lnTo>
                    <a:lnTo>
                      <a:pt x="87" y="2"/>
                    </a:lnTo>
                    <a:lnTo>
                      <a:pt x="83" y="1"/>
                    </a:lnTo>
                    <a:lnTo>
                      <a:pt x="79" y="0"/>
                    </a:lnTo>
                    <a:lnTo>
                      <a:pt x="75" y="0"/>
                    </a:lnTo>
                    <a:lnTo>
                      <a:pt x="70" y="0"/>
                    </a:lnTo>
                    <a:lnTo>
                      <a:pt x="67" y="1"/>
                    </a:lnTo>
                    <a:lnTo>
                      <a:pt x="63" y="2"/>
                    </a:lnTo>
                    <a:lnTo>
                      <a:pt x="60" y="3"/>
                    </a:lnTo>
                    <a:lnTo>
                      <a:pt x="58" y="5"/>
                    </a:lnTo>
                    <a:lnTo>
                      <a:pt x="57" y="8"/>
                    </a:lnTo>
                    <a:lnTo>
                      <a:pt x="57" y="10"/>
                    </a:lnTo>
                    <a:lnTo>
                      <a:pt x="58" y="13"/>
                    </a:lnTo>
                    <a:lnTo>
                      <a:pt x="61" y="17"/>
                    </a:lnTo>
                    <a:lnTo>
                      <a:pt x="65" y="20"/>
                    </a:lnTo>
                    <a:lnTo>
                      <a:pt x="62" y="17"/>
                    </a:lnTo>
                    <a:lnTo>
                      <a:pt x="58" y="15"/>
                    </a:lnTo>
                    <a:lnTo>
                      <a:pt x="52" y="13"/>
                    </a:lnTo>
                    <a:lnTo>
                      <a:pt x="47" y="11"/>
                    </a:lnTo>
                    <a:lnTo>
                      <a:pt x="37" y="10"/>
                    </a:lnTo>
                    <a:lnTo>
                      <a:pt x="25" y="11"/>
                    </a:lnTo>
                    <a:lnTo>
                      <a:pt x="20" y="12"/>
                    </a:lnTo>
                    <a:lnTo>
                      <a:pt x="15" y="15"/>
                    </a:lnTo>
                    <a:lnTo>
                      <a:pt x="10" y="17"/>
                    </a:lnTo>
                    <a:lnTo>
                      <a:pt x="6" y="20"/>
                    </a:lnTo>
                    <a:lnTo>
                      <a:pt x="3" y="24"/>
                    </a:lnTo>
                    <a:lnTo>
                      <a:pt x="1" y="28"/>
                    </a:lnTo>
                    <a:lnTo>
                      <a:pt x="0" y="32"/>
                    </a:lnTo>
                    <a:lnTo>
                      <a:pt x="0" y="39"/>
                    </a:lnTo>
                    <a:lnTo>
                      <a:pt x="5" y="36"/>
                    </a:lnTo>
                    <a:lnTo>
                      <a:pt x="10" y="33"/>
                    </a:lnTo>
                    <a:lnTo>
                      <a:pt x="18" y="31"/>
                    </a:lnTo>
                    <a:lnTo>
                      <a:pt x="24" y="30"/>
                    </a:lnTo>
                    <a:lnTo>
                      <a:pt x="40" y="30"/>
                    </a:lnTo>
                    <a:lnTo>
                      <a:pt x="57" y="30"/>
                    </a:lnTo>
                    <a:lnTo>
                      <a:pt x="74" y="30"/>
                    </a:lnTo>
                    <a:lnTo>
                      <a:pt x="89" y="29"/>
                    </a:lnTo>
                    <a:lnTo>
                      <a:pt x="96" y="28"/>
                    </a:lnTo>
                    <a:lnTo>
                      <a:pt x="102" y="26"/>
                    </a:lnTo>
                    <a:lnTo>
                      <a:pt x="107" y="24"/>
                    </a:lnTo>
                    <a:lnTo>
                      <a:pt x="113" y="20"/>
                    </a:lnTo>
                    <a:lnTo>
                      <a:pt x="94" y="10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47" name="Freeform 199"/>
              <p:cNvSpPr>
                <a:spLocks/>
              </p:cNvSpPr>
              <p:nvPr/>
            </p:nvSpPr>
            <p:spPr bwMode="auto">
              <a:xfrm>
                <a:off x="2043115" y="3921131"/>
                <a:ext cx="60325" cy="20638"/>
              </a:xfrm>
              <a:custGeom>
                <a:avLst/>
                <a:gdLst>
                  <a:gd name="T0" fmla="*/ 32 w 113"/>
                  <a:gd name="T1" fmla="*/ 3 h 39"/>
                  <a:gd name="T2" fmla="*/ 31 w 113"/>
                  <a:gd name="T3" fmla="*/ 2 h 39"/>
                  <a:gd name="T4" fmla="*/ 30 w 113"/>
                  <a:gd name="T5" fmla="*/ 1 h 39"/>
                  <a:gd name="T6" fmla="*/ 29 w 113"/>
                  <a:gd name="T7" fmla="*/ 1 h 39"/>
                  <a:gd name="T8" fmla="*/ 28 w 113"/>
                  <a:gd name="T9" fmla="*/ 0 h 39"/>
                  <a:gd name="T10" fmla="*/ 27 w 113"/>
                  <a:gd name="T11" fmla="*/ 0 h 39"/>
                  <a:gd name="T12" fmla="*/ 25 w 113"/>
                  <a:gd name="T13" fmla="*/ 0 h 39"/>
                  <a:gd name="T14" fmla="*/ 24 w 113"/>
                  <a:gd name="T15" fmla="*/ 0 h 39"/>
                  <a:gd name="T16" fmla="*/ 23 w 113"/>
                  <a:gd name="T17" fmla="*/ 0 h 39"/>
                  <a:gd name="T18" fmla="*/ 21 w 113"/>
                  <a:gd name="T19" fmla="*/ 1 h 39"/>
                  <a:gd name="T20" fmla="*/ 20 w 113"/>
                  <a:gd name="T21" fmla="*/ 1 h 39"/>
                  <a:gd name="T22" fmla="*/ 20 w 113"/>
                  <a:gd name="T23" fmla="*/ 2 h 39"/>
                  <a:gd name="T24" fmla="*/ 19 w 113"/>
                  <a:gd name="T25" fmla="*/ 3 h 39"/>
                  <a:gd name="T26" fmla="*/ 19 w 113"/>
                  <a:gd name="T27" fmla="*/ 3 h 39"/>
                  <a:gd name="T28" fmla="*/ 20 w 113"/>
                  <a:gd name="T29" fmla="*/ 4 h 39"/>
                  <a:gd name="T30" fmla="*/ 21 w 113"/>
                  <a:gd name="T31" fmla="*/ 6 h 39"/>
                  <a:gd name="T32" fmla="*/ 22 w 113"/>
                  <a:gd name="T33" fmla="*/ 7 h 39"/>
                  <a:gd name="T34" fmla="*/ 21 w 113"/>
                  <a:gd name="T35" fmla="*/ 6 h 39"/>
                  <a:gd name="T36" fmla="*/ 20 w 113"/>
                  <a:gd name="T37" fmla="*/ 5 h 39"/>
                  <a:gd name="T38" fmla="*/ 17 w 113"/>
                  <a:gd name="T39" fmla="*/ 4 h 39"/>
                  <a:gd name="T40" fmla="*/ 16 w 113"/>
                  <a:gd name="T41" fmla="*/ 4 h 39"/>
                  <a:gd name="T42" fmla="*/ 12 w 113"/>
                  <a:gd name="T43" fmla="*/ 3 h 39"/>
                  <a:gd name="T44" fmla="*/ 8 w 113"/>
                  <a:gd name="T45" fmla="*/ 4 h 39"/>
                  <a:gd name="T46" fmla="*/ 7 w 113"/>
                  <a:gd name="T47" fmla="*/ 4 h 39"/>
                  <a:gd name="T48" fmla="*/ 5 w 113"/>
                  <a:gd name="T49" fmla="*/ 5 h 39"/>
                  <a:gd name="T50" fmla="*/ 3 w 113"/>
                  <a:gd name="T51" fmla="*/ 6 h 39"/>
                  <a:gd name="T52" fmla="*/ 2 w 113"/>
                  <a:gd name="T53" fmla="*/ 7 h 39"/>
                  <a:gd name="T54" fmla="*/ 1 w 113"/>
                  <a:gd name="T55" fmla="*/ 8 h 39"/>
                  <a:gd name="T56" fmla="*/ 0 w 113"/>
                  <a:gd name="T57" fmla="*/ 9 h 39"/>
                  <a:gd name="T58" fmla="*/ 0 w 113"/>
                  <a:gd name="T59" fmla="*/ 11 h 39"/>
                  <a:gd name="T60" fmla="*/ 0 w 113"/>
                  <a:gd name="T61" fmla="*/ 13 h 39"/>
                  <a:gd name="T62" fmla="*/ 2 w 113"/>
                  <a:gd name="T63" fmla="*/ 12 h 39"/>
                  <a:gd name="T64" fmla="*/ 3 w 113"/>
                  <a:gd name="T65" fmla="*/ 11 h 39"/>
                  <a:gd name="T66" fmla="*/ 6 w 113"/>
                  <a:gd name="T67" fmla="*/ 10 h 39"/>
                  <a:gd name="T68" fmla="*/ 8 w 113"/>
                  <a:gd name="T69" fmla="*/ 10 h 39"/>
                  <a:gd name="T70" fmla="*/ 13 w 113"/>
                  <a:gd name="T71" fmla="*/ 10 h 39"/>
                  <a:gd name="T72" fmla="*/ 19 w 113"/>
                  <a:gd name="T73" fmla="*/ 10 h 39"/>
                  <a:gd name="T74" fmla="*/ 25 w 113"/>
                  <a:gd name="T75" fmla="*/ 10 h 39"/>
                  <a:gd name="T76" fmla="*/ 30 w 113"/>
                  <a:gd name="T77" fmla="*/ 10 h 39"/>
                  <a:gd name="T78" fmla="*/ 32 w 113"/>
                  <a:gd name="T79" fmla="*/ 9 h 39"/>
                  <a:gd name="T80" fmla="*/ 34 w 113"/>
                  <a:gd name="T81" fmla="*/ 9 h 39"/>
                  <a:gd name="T82" fmla="*/ 36 w 113"/>
                  <a:gd name="T83" fmla="*/ 8 h 39"/>
                  <a:gd name="T84" fmla="*/ 38 w 113"/>
                  <a:gd name="T85" fmla="*/ 7 h 39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13" h="39">
                    <a:moveTo>
                      <a:pt x="94" y="10"/>
                    </a:moveTo>
                    <a:lnTo>
                      <a:pt x="93" y="7"/>
                    </a:lnTo>
                    <a:lnTo>
                      <a:pt x="90" y="4"/>
                    </a:lnTo>
                    <a:lnTo>
                      <a:pt x="87" y="2"/>
                    </a:lnTo>
                    <a:lnTo>
                      <a:pt x="83" y="1"/>
                    </a:lnTo>
                    <a:lnTo>
                      <a:pt x="79" y="0"/>
                    </a:lnTo>
                    <a:lnTo>
                      <a:pt x="75" y="0"/>
                    </a:lnTo>
                    <a:lnTo>
                      <a:pt x="70" y="0"/>
                    </a:lnTo>
                    <a:lnTo>
                      <a:pt x="67" y="1"/>
                    </a:lnTo>
                    <a:lnTo>
                      <a:pt x="63" y="2"/>
                    </a:lnTo>
                    <a:lnTo>
                      <a:pt x="60" y="3"/>
                    </a:lnTo>
                    <a:lnTo>
                      <a:pt x="58" y="5"/>
                    </a:lnTo>
                    <a:lnTo>
                      <a:pt x="57" y="8"/>
                    </a:lnTo>
                    <a:lnTo>
                      <a:pt x="57" y="10"/>
                    </a:lnTo>
                    <a:lnTo>
                      <a:pt x="58" y="13"/>
                    </a:lnTo>
                    <a:lnTo>
                      <a:pt x="61" y="17"/>
                    </a:lnTo>
                    <a:lnTo>
                      <a:pt x="65" y="20"/>
                    </a:lnTo>
                    <a:lnTo>
                      <a:pt x="62" y="17"/>
                    </a:lnTo>
                    <a:lnTo>
                      <a:pt x="58" y="15"/>
                    </a:lnTo>
                    <a:lnTo>
                      <a:pt x="52" y="13"/>
                    </a:lnTo>
                    <a:lnTo>
                      <a:pt x="47" y="11"/>
                    </a:lnTo>
                    <a:lnTo>
                      <a:pt x="37" y="10"/>
                    </a:lnTo>
                    <a:lnTo>
                      <a:pt x="25" y="11"/>
                    </a:lnTo>
                    <a:lnTo>
                      <a:pt x="20" y="12"/>
                    </a:lnTo>
                    <a:lnTo>
                      <a:pt x="15" y="15"/>
                    </a:lnTo>
                    <a:lnTo>
                      <a:pt x="10" y="17"/>
                    </a:lnTo>
                    <a:lnTo>
                      <a:pt x="6" y="20"/>
                    </a:lnTo>
                    <a:lnTo>
                      <a:pt x="3" y="24"/>
                    </a:lnTo>
                    <a:lnTo>
                      <a:pt x="1" y="28"/>
                    </a:lnTo>
                    <a:lnTo>
                      <a:pt x="0" y="32"/>
                    </a:lnTo>
                    <a:lnTo>
                      <a:pt x="0" y="39"/>
                    </a:lnTo>
                    <a:lnTo>
                      <a:pt x="5" y="36"/>
                    </a:lnTo>
                    <a:lnTo>
                      <a:pt x="10" y="33"/>
                    </a:lnTo>
                    <a:lnTo>
                      <a:pt x="18" y="31"/>
                    </a:lnTo>
                    <a:lnTo>
                      <a:pt x="24" y="30"/>
                    </a:lnTo>
                    <a:lnTo>
                      <a:pt x="40" y="30"/>
                    </a:lnTo>
                    <a:lnTo>
                      <a:pt x="57" y="30"/>
                    </a:lnTo>
                    <a:lnTo>
                      <a:pt x="74" y="30"/>
                    </a:lnTo>
                    <a:lnTo>
                      <a:pt x="89" y="29"/>
                    </a:lnTo>
                    <a:lnTo>
                      <a:pt x="96" y="28"/>
                    </a:lnTo>
                    <a:lnTo>
                      <a:pt x="102" y="26"/>
                    </a:lnTo>
                    <a:lnTo>
                      <a:pt x="107" y="24"/>
                    </a:lnTo>
                    <a:lnTo>
                      <a:pt x="113" y="20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48" name="Line 201"/>
              <p:cNvSpPr>
                <a:spLocks noChangeShapeType="1"/>
              </p:cNvSpPr>
              <p:nvPr/>
            </p:nvSpPr>
            <p:spPr bwMode="auto">
              <a:xfrm>
                <a:off x="2103440" y="3932243"/>
                <a:ext cx="1588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49" name="Line 205"/>
              <p:cNvSpPr>
                <a:spLocks noChangeShapeType="1"/>
              </p:cNvSpPr>
              <p:nvPr/>
            </p:nvSpPr>
            <p:spPr bwMode="auto">
              <a:xfrm>
                <a:off x="2100265" y="3929068"/>
                <a:ext cx="3175" cy="3175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50" name="Line 209"/>
              <p:cNvSpPr>
                <a:spLocks noChangeShapeType="1"/>
              </p:cNvSpPr>
              <p:nvPr/>
            </p:nvSpPr>
            <p:spPr bwMode="auto">
              <a:xfrm flipV="1">
                <a:off x="2097090" y="3929068"/>
                <a:ext cx="3175" cy="3175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51" name="Line 213"/>
              <p:cNvSpPr>
                <a:spLocks noChangeShapeType="1"/>
              </p:cNvSpPr>
              <p:nvPr/>
            </p:nvSpPr>
            <p:spPr bwMode="auto">
              <a:xfrm flipH="1">
                <a:off x="2092328" y="3924306"/>
                <a:ext cx="3175" cy="1588"/>
              </a:xfrm>
              <a:prstGeom prst="line">
                <a:avLst/>
              </a:prstGeom>
              <a:grpFill/>
              <a:ln w="6350">
                <a:noFill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137" name="Skive"/>
            <p:cNvGrpSpPr/>
            <p:nvPr/>
          </p:nvGrpSpPr>
          <p:grpSpPr>
            <a:xfrm>
              <a:off x="977901" y="3471867"/>
              <a:ext cx="476251" cy="425452"/>
              <a:chOff x="977901" y="3471867"/>
              <a:chExt cx="476251" cy="425452"/>
            </a:xfrm>
            <a:grpFill/>
          </p:grpSpPr>
          <p:sp>
            <p:nvSpPr>
              <p:cNvPr id="1138" name="Skive 1"/>
              <p:cNvSpPr>
                <a:spLocks/>
              </p:cNvSpPr>
              <p:nvPr/>
            </p:nvSpPr>
            <p:spPr bwMode="auto">
              <a:xfrm>
                <a:off x="1195389" y="3471867"/>
                <a:ext cx="84138" cy="53975"/>
              </a:xfrm>
              <a:custGeom>
                <a:avLst/>
                <a:gdLst>
                  <a:gd name="T0" fmla="*/ 53 w 160"/>
                  <a:gd name="T1" fmla="*/ 2 h 101"/>
                  <a:gd name="T2" fmla="*/ 51 w 160"/>
                  <a:gd name="T3" fmla="*/ 5 h 101"/>
                  <a:gd name="T4" fmla="*/ 50 w 160"/>
                  <a:gd name="T5" fmla="*/ 6 h 101"/>
                  <a:gd name="T6" fmla="*/ 50 w 160"/>
                  <a:gd name="T7" fmla="*/ 8 h 101"/>
                  <a:gd name="T8" fmla="*/ 51 w 160"/>
                  <a:gd name="T9" fmla="*/ 10 h 101"/>
                  <a:gd name="T10" fmla="*/ 51 w 160"/>
                  <a:gd name="T11" fmla="*/ 11 h 101"/>
                  <a:gd name="T12" fmla="*/ 52 w 160"/>
                  <a:gd name="T13" fmla="*/ 13 h 101"/>
                  <a:gd name="T14" fmla="*/ 53 w 160"/>
                  <a:gd name="T15" fmla="*/ 15 h 101"/>
                  <a:gd name="T16" fmla="*/ 53 w 160"/>
                  <a:gd name="T17" fmla="*/ 18 h 101"/>
                  <a:gd name="T18" fmla="*/ 50 w 160"/>
                  <a:gd name="T19" fmla="*/ 18 h 101"/>
                  <a:gd name="T20" fmla="*/ 47 w 160"/>
                  <a:gd name="T21" fmla="*/ 18 h 101"/>
                  <a:gd name="T22" fmla="*/ 44 w 160"/>
                  <a:gd name="T23" fmla="*/ 18 h 101"/>
                  <a:gd name="T24" fmla="*/ 42 w 160"/>
                  <a:gd name="T25" fmla="*/ 18 h 101"/>
                  <a:gd name="T26" fmla="*/ 40 w 160"/>
                  <a:gd name="T27" fmla="*/ 18 h 101"/>
                  <a:gd name="T28" fmla="*/ 38 w 160"/>
                  <a:gd name="T29" fmla="*/ 19 h 101"/>
                  <a:gd name="T30" fmla="*/ 36 w 160"/>
                  <a:gd name="T31" fmla="*/ 20 h 101"/>
                  <a:gd name="T32" fmla="*/ 35 w 160"/>
                  <a:gd name="T33" fmla="*/ 21 h 101"/>
                  <a:gd name="T34" fmla="*/ 33 w 160"/>
                  <a:gd name="T35" fmla="*/ 22 h 101"/>
                  <a:gd name="T36" fmla="*/ 32 w 160"/>
                  <a:gd name="T37" fmla="*/ 23 h 101"/>
                  <a:gd name="T38" fmla="*/ 31 w 160"/>
                  <a:gd name="T39" fmla="*/ 25 h 101"/>
                  <a:gd name="T40" fmla="*/ 30 w 160"/>
                  <a:gd name="T41" fmla="*/ 26 h 101"/>
                  <a:gd name="T42" fmla="*/ 29 w 160"/>
                  <a:gd name="T43" fmla="*/ 30 h 101"/>
                  <a:gd name="T44" fmla="*/ 28 w 160"/>
                  <a:gd name="T45" fmla="*/ 34 h 101"/>
                  <a:gd name="T46" fmla="*/ 25 w 160"/>
                  <a:gd name="T47" fmla="*/ 34 h 101"/>
                  <a:gd name="T48" fmla="*/ 22 w 160"/>
                  <a:gd name="T49" fmla="*/ 33 h 101"/>
                  <a:gd name="T50" fmla="*/ 19 w 160"/>
                  <a:gd name="T51" fmla="*/ 32 h 101"/>
                  <a:gd name="T52" fmla="*/ 17 w 160"/>
                  <a:gd name="T53" fmla="*/ 31 h 101"/>
                  <a:gd name="T54" fmla="*/ 15 w 160"/>
                  <a:gd name="T55" fmla="*/ 30 h 101"/>
                  <a:gd name="T56" fmla="*/ 13 w 160"/>
                  <a:gd name="T57" fmla="*/ 28 h 101"/>
                  <a:gd name="T58" fmla="*/ 11 w 160"/>
                  <a:gd name="T59" fmla="*/ 26 h 101"/>
                  <a:gd name="T60" fmla="*/ 10 w 160"/>
                  <a:gd name="T61" fmla="*/ 25 h 101"/>
                  <a:gd name="T62" fmla="*/ 7 w 160"/>
                  <a:gd name="T63" fmla="*/ 20 h 101"/>
                  <a:gd name="T64" fmla="*/ 5 w 160"/>
                  <a:gd name="T65" fmla="*/ 15 h 101"/>
                  <a:gd name="T66" fmla="*/ 2 w 160"/>
                  <a:gd name="T67" fmla="*/ 11 h 101"/>
                  <a:gd name="T68" fmla="*/ 0 w 160"/>
                  <a:gd name="T69" fmla="*/ 6 h 101"/>
                  <a:gd name="T70" fmla="*/ 3 w 160"/>
                  <a:gd name="T71" fmla="*/ 6 h 101"/>
                  <a:gd name="T72" fmla="*/ 6 w 160"/>
                  <a:gd name="T73" fmla="*/ 6 h 101"/>
                  <a:gd name="T74" fmla="*/ 8 w 160"/>
                  <a:gd name="T75" fmla="*/ 6 h 101"/>
                  <a:gd name="T76" fmla="*/ 12 w 160"/>
                  <a:gd name="T77" fmla="*/ 6 h 101"/>
                  <a:gd name="T78" fmla="*/ 18 w 160"/>
                  <a:gd name="T79" fmla="*/ 4 h 101"/>
                  <a:gd name="T80" fmla="*/ 24 w 160"/>
                  <a:gd name="T81" fmla="*/ 2 h 101"/>
                  <a:gd name="T82" fmla="*/ 27 w 160"/>
                  <a:gd name="T83" fmla="*/ 1 h 101"/>
                  <a:gd name="T84" fmla="*/ 31 w 160"/>
                  <a:gd name="T85" fmla="*/ 1 h 101"/>
                  <a:gd name="T86" fmla="*/ 34 w 160"/>
                  <a:gd name="T87" fmla="*/ 0 h 101"/>
                  <a:gd name="T88" fmla="*/ 38 w 160"/>
                  <a:gd name="T89" fmla="*/ 0 h 101"/>
                  <a:gd name="T90" fmla="*/ 42 w 160"/>
                  <a:gd name="T91" fmla="*/ 0 h 101"/>
                  <a:gd name="T92" fmla="*/ 45 w 160"/>
                  <a:gd name="T93" fmla="*/ 0 h 101"/>
                  <a:gd name="T94" fmla="*/ 49 w 160"/>
                  <a:gd name="T95" fmla="*/ 1 h 101"/>
                  <a:gd name="T96" fmla="*/ 53 w 160"/>
                  <a:gd name="T97" fmla="*/ 2 h 101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0" t="0" r="r" b="b"/>
                <a:pathLst>
                  <a:path w="160" h="101">
                    <a:moveTo>
                      <a:pt x="160" y="7"/>
                    </a:moveTo>
                    <a:lnTo>
                      <a:pt x="155" y="14"/>
                    </a:lnTo>
                    <a:lnTo>
                      <a:pt x="152" y="19"/>
                    </a:lnTo>
                    <a:lnTo>
                      <a:pt x="152" y="24"/>
                    </a:lnTo>
                    <a:lnTo>
                      <a:pt x="153" y="29"/>
                    </a:lnTo>
                    <a:lnTo>
                      <a:pt x="155" y="34"/>
                    </a:lnTo>
                    <a:lnTo>
                      <a:pt x="157" y="39"/>
                    </a:lnTo>
                    <a:lnTo>
                      <a:pt x="159" y="46"/>
                    </a:lnTo>
                    <a:lnTo>
                      <a:pt x="160" y="54"/>
                    </a:lnTo>
                    <a:lnTo>
                      <a:pt x="151" y="53"/>
                    </a:lnTo>
                    <a:lnTo>
                      <a:pt x="142" y="52"/>
                    </a:lnTo>
                    <a:lnTo>
                      <a:pt x="134" y="52"/>
                    </a:lnTo>
                    <a:lnTo>
                      <a:pt x="128" y="52"/>
                    </a:lnTo>
                    <a:lnTo>
                      <a:pt x="121" y="54"/>
                    </a:lnTo>
                    <a:lnTo>
                      <a:pt x="115" y="55"/>
                    </a:lnTo>
                    <a:lnTo>
                      <a:pt x="110" y="58"/>
                    </a:lnTo>
                    <a:lnTo>
                      <a:pt x="106" y="61"/>
                    </a:lnTo>
                    <a:lnTo>
                      <a:pt x="101" y="64"/>
                    </a:lnTo>
                    <a:lnTo>
                      <a:pt x="98" y="69"/>
                    </a:lnTo>
                    <a:lnTo>
                      <a:pt x="95" y="73"/>
                    </a:lnTo>
                    <a:lnTo>
                      <a:pt x="92" y="78"/>
                    </a:lnTo>
                    <a:lnTo>
                      <a:pt x="88" y="89"/>
                    </a:lnTo>
                    <a:lnTo>
                      <a:pt x="84" y="101"/>
                    </a:lnTo>
                    <a:lnTo>
                      <a:pt x="75" y="100"/>
                    </a:lnTo>
                    <a:lnTo>
                      <a:pt x="67" y="98"/>
                    </a:lnTo>
                    <a:lnTo>
                      <a:pt x="58" y="96"/>
                    </a:lnTo>
                    <a:lnTo>
                      <a:pt x="51" y="93"/>
                    </a:lnTo>
                    <a:lnTo>
                      <a:pt x="44" y="89"/>
                    </a:lnTo>
                    <a:lnTo>
                      <a:pt x="39" y="83"/>
                    </a:lnTo>
                    <a:lnTo>
                      <a:pt x="34" y="78"/>
                    </a:lnTo>
                    <a:lnTo>
                      <a:pt x="29" y="73"/>
                    </a:lnTo>
                    <a:lnTo>
                      <a:pt x="20" y="60"/>
                    </a:lnTo>
                    <a:lnTo>
                      <a:pt x="14" y="46"/>
                    </a:lnTo>
                    <a:lnTo>
                      <a:pt x="7" y="32"/>
                    </a:lnTo>
                    <a:lnTo>
                      <a:pt x="0" y="17"/>
                    </a:lnTo>
                    <a:lnTo>
                      <a:pt x="9" y="19"/>
                    </a:lnTo>
                    <a:lnTo>
                      <a:pt x="17" y="19"/>
                    </a:lnTo>
                    <a:lnTo>
                      <a:pt x="25" y="19"/>
                    </a:lnTo>
                    <a:lnTo>
                      <a:pt x="35" y="17"/>
                    </a:lnTo>
                    <a:lnTo>
                      <a:pt x="54" y="13"/>
                    </a:lnTo>
                    <a:lnTo>
                      <a:pt x="73" y="7"/>
                    </a:lnTo>
                    <a:lnTo>
                      <a:pt x="83" y="4"/>
                    </a:lnTo>
                    <a:lnTo>
                      <a:pt x="94" y="2"/>
                    </a:lnTo>
                    <a:lnTo>
                      <a:pt x="104" y="1"/>
                    </a:lnTo>
                    <a:lnTo>
                      <a:pt x="115" y="0"/>
                    </a:lnTo>
                    <a:lnTo>
                      <a:pt x="126" y="0"/>
                    </a:lnTo>
                    <a:lnTo>
                      <a:pt x="137" y="1"/>
                    </a:lnTo>
                    <a:lnTo>
                      <a:pt x="149" y="3"/>
                    </a:lnTo>
                    <a:lnTo>
                      <a:pt x="160" y="7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39" name="Skive kant 1"/>
              <p:cNvSpPr>
                <a:spLocks/>
              </p:cNvSpPr>
              <p:nvPr/>
            </p:nvSpPr>
            <p:spPr bwMode="auto">
              <a:xfrm>
                <a:off x="1195389" y="3471867"/>
                <a:ext cx="84138" cy="53975"/>
              </a:xfrm>
              <a:custGeom>
                <a:avLst/>
                <a:gdLst>
                  <a:gd name="T0" fmla="*/ 53 w 160"/>
                  <a:gd name="T1" fmla="*/ 2 h 101"/>
                  <a:gd name="T2" fmla="*/ 51 w 160"/>
                  <a:gd name="T3" fmla="*/ 5 h 101"/>
                  <a:gd name="T4" fmla="*/ 50 w 160"/>
                  <a:gd name="T5" fmla="*/ 6 h 101"/>
                  <a:gd name="T6" fmla="*/ 50 w 160"/>
                  <a:gd name="T7" fmla="*/ 8 h 101"/>
                  <a:gd name="T8" fmla="*/ 51 w 160"/>
                  <a:gd name="T9" fmla="*/ 10 h 101"/>
                  <a:gd name="T10" fmla="*/ 51 w 160"/>
                  <a:gd name="T11" fmla="*/ 11 h 101"/>
                  <a:gd name="T12" fmla="*/ 52 w 160"/>
                  <a:gd name="T13" fmla="*/ 13 h 101"/>
                  <a:gd name="T14" fmla="*/ 53 w 160"/>
                  <a:gd name="T15" fmla="*/ 15 h 101"/>
                  <a:gd name="T16" fmla="*/ 53 w 160"/>
                  <a:gd name="T17" fmla="*/ 18 h 101"/>
                  <a:gd name="T18" fmla="*/ 50 w 160"/>
                  <a:gd name="T19" fmla="*/ 18 h 101"/>
                  <a:gd name="T20" fmla="*/ 47 w 160"/>
                  <a:gd name="T21" fmla="*/ 18 h 101"/>
                  <a:gd name="T22" fmla="*/ 44 w 160"/>
                  <a:gd name="T23" fmla="*/ 18 h 101"/>
                  <a:gd name="T24" fmla="*/ 42 w 160"/>
                  <a:gd name="T25" fmla="*/ 18 h 101"/>
                  <a:gd name="T26" fmla="*/ 40 w 160"/>
                  <a:gd name="T27" fmla="*/ 18 h 101"/>
                  <a:gd name="T28" fmla="*/ 38 w 160"/>
                  <a:gd name="T29" fmla="*/ 19 h 101"/>
                  <a:gd name="T30" fmla="*/ 36 w 160"/>
                  <a:gd name="T31" fmla="*/ 20 h 101"/>
                  <a:gd name="T32" fmla="*/ 35 w 160"/>
                  <a:gd name="T33" fmla="*/ 21 h 101"/>
                  <a:gd name="T34" fmla="*/ 33 w 160"/>
                  <a:gd name="T35" fmla="*/ 22 h 101"/>
                  <a:gd name="T36" fmla="*/ 32 w 160"/>
                  <a:gd name="T37" fmla="*/ 23 h 101"/>
                  <a:gd name="T38" fmla="*/ 31 w 160"/>
                  <a:gd name="T39" fmla="*/ 25 h 101"/>
                  <a:gd name="T40" fmla="*/ 30 w 160"/>
                  <a:gd name="T41" fmla="*/ 26 h 101"/>
                  <a:gd name="T42" fmla="*/ 29 w 160"/>
                  <a:gd name="T43" fmla="*/ 30 h 101"/>
                  <a:gd name="T44" fmla="*/ 28 w 160"/>
                  <a:gd name="T45" fmla="*/ 34 h 101"/>
                  <a:gd name="T46" fmla="*/ 25 w 160"/>
                  <a:gd name="T47" fmla="*/ 34 h 101"/>
                  <a:gd name="T48" fmla="*/ 22 w 160"/>
                  <a:gd name="T49" fmla="*/ 33 h 101"/>
                  <a:gd name="T50" fmla="*/ 19 w 160"/>
                  <a:gd name="T51" fmla="*/ 32 h 101"/>
                  <a:gd name="T52" fmla="*/ 17 w 160"/>
                  <a:gd name="T53" fmla="*/ 31 h 101"/>
                  <a:gd name="T54" fmla="*/ 15 w 160"/>
                  <a:gd name="T55" fmla="*/ 30 h 101"/>
                  <a:gd name="T56" fmla="*/ 13 w 160"/>
                  <a:gd name="T57" fmla="*/ 28 h 101"/>
                  <a:gd name="T58" fmla="*/ 11 w 160"/>
                  <a:gd name="T59" fmla="*/ 26 h 101"/>
                  <a:gd name="T60" fmla="*/ 10 w 160"/>
                  <a:gd name="T61" fmla="*/ 25 h 101"/>
                  <a:gd name="T62" fmla="*/ 7 w 160"/>
                  <a:gd name="T63" fmla="*/ 20 h 101"/>
                  <a:gd name="T64" fmla="*/ 5 w 160"/>
                  <a:gd name="T65" fmla="*/ 15 h 101"/>
                  <a:gd name="T66" fmla="*/ 2 w 160"/>
                  <a:gd name="T67" fmla="*/ 11 h 101"/>
                  <a:gd name="T68" fmla="*/ 0 w 160"/>
                  <a:gd name="T69" fmla="*/ 6 h 101"/>
                  <a:gd name="T70" fmla="*/ 3 w 160"/>
                  <a:gd name="T71" fmla="*/ 6 h 101"/>
                  <a:gd name="T72" fmla="*/ 6 w 160"/>
                  <a:gd name="T73" fmla="*/ 6 h 101"/>
                  <a:gd name="T74" fmla="*/ 8 w 160"/>
                  <a:gd name="T75" fmla="*/ 6 h 101"/>
                  <a:gd name="T76" fmla="*/ 12 w 160"/>
                  <a:gd name="T77" fmla="*/ 6 h 101"/>
                  <a:gd name="T78" fmla="*/ 18 w 160"/>
                  <a:gd name="T79" fmla="*/ 4 h 101"/>
                  <a:gd name="T80" fmla="*/ 24 w 160"/>
                  <a:gd name="T81" fmla="*/ 2 h 101"/>
                  <a:gd name="T82" fmla="*/ 27 w 160"/>
                  <a:gd name="T83" fmla="*/ 1 h 101"/>
                  <a:gd name="T84" fmla="*/ 31 w 160"/>
                  <a:gd name="T85" fmla="*/ 1 h 101"/>
                  <a:gd name="T86" fmla="*/ 34 w 160"/>
                  <a:gd name="T87" fmla="*/ 0 h 101"/>
                  <a:gd name="T88" fmla="*/ 38 w 160"/>
                  <a:gd name="T89" fmla="*/ 0 h 101"/>
                  <a:gd name="T90" fmla="*/ 42 w 160"/>
                  <a:gd name="T91" fmla="*/ 0 h 101"/>
                  <a:gd name="T92" fmla="*/ 45 w 160"/>
                  <a:gd name="T93" fmla="*/ 0 h 101"/>
                  <a:gd name="T94" fmla="*/ 49 w 160"/>
                  <a:gd name="T95" fmla="*/ 1 h 101"/>
                  <a:gd name="T96" fmla="*/ 53 w 160"/>
                  <a:gd name="T97" fmla="*/ 2 h 101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0" t="0" r="r" b="b"/>
                <a:pathLst>
                  <a:path w="160" h="101">
                    <a:moveTo>
                      <a:pt x="160" y="7"/>
                    </a:moveTo>
                    <a:lnTo>
                      <a:pt x="155" y="14"/>
                    </a:lnTo>
                    <a:lnTo>
                      <a:pt x="152" y="19"/>
                    </a:lnTo>
                    <a:lnTo>
                      <a:pt x="152" y="24"/>
                    </a:lnTo>
                    <a:lnTo>
                      <a:pt x="153" y="29"/>
                    </a:lnTo>
                    <a:lnTo>
                      <a:pt x="155" y="34"/>
                    </a:lnTo>
                    <a:lnTo>
                      <a:pt x="157" y="39"/>
                    </a:lnTo>
                    <a:lnTo>
                      <a:pt x="159" y="46"/>
                    </a:lnTo>
                    <a:lnTo>
                      <a:pt x="160" y="54"/>
                    </a:lnTo>
                    <a:lnTo>
                      <a:pt x="151" y="53"/>
                    </a:lnTo>
                    <a:lnTo>
                      <a:pt x="142" y="52"/>
                    </a:lnTo>
                    <a:lnTo>
                      <a:pt x="134" y="52"/>
                    </a:lnTo>
                    <a:lnTo>
                      <a:pt x="128" y="52"/>
                    </a:lnTo>
                    <a:lnTo>
                      <a:pt x="121" y="54"/>
                    </a:lnTo>
                    <a:lnTo>
                      <a:pt x="115" y="55"/>
                    </a:lnTo>
                    <a:lnTo>
                      <a:pt x="110" y="58"/>
                    </a:lnTo>
                    <a:lnTo>
                      <a:pt x="106" y="61"/>
                    </a:lnTo>
                    <a:lnTo>
                      <a:pt x="101" y="64"/>
                    </a:lnTo>
                    <a:lnTo>
                      <a:pt x="98" y="69"/>
                    </a:lnTo>
                    <a:lnTo>
                      <a:pt x="95" y="73"/>
                    </a:lnTo>
                    <a:lnTo>
                      <a:pt x="92" y="78"/>
                    </a:lnTo>
                    <a:lnTo>
                      <a:pt x="88" y="89"/>
                    </a:lnTo>
                    <a:lnTo>
                      <a:pt x="84" y="101"/>
                    </a:lnTo>
                    <a:lnTo>
                      <a:pt x="75" y="100"/>
                    </a:lnTo>
                    <a:lnTo>
                      <a:pt x="67" y="98"/>
                    </a:lnTo>
                    <a:lnTo>
                      <a:pt x="58" y="96"/>
                    </a:lnTo>
                    <a:lnTo>
                      <a:pt x="51" y="93"/>
                    </a:lnTo>
                    <a:lnTo>
                      <a:pt x="44" y="89"/>
                    </a:lnTo>
                    <a:lnTo>
                      <a:pt x="39" y="83"/>
                    </a:lnTo>
                    <a:lnTo>
                      <a:pt x="34" y="78"/>
                    </a:lnTo>
                    <a:lnTo>
                      <a:pt x="29" y="73"/>
                    </a:lnTo>
                    <a:lnTo>
                      <a:pt x="20" y="60"/>
                    </a:lnTo>
                    <a:lnTo>
                      <a:pt x="14" y="46"/>
                    </a:lnTo>
                    <a:lnTo>
                      <a:pt x="7" y="32"/>
                    </a:lnTo>
                    <a:lnTo>
                      <a:pt x="0" y="17"/>
                    </a:lnTo>
                    <a:lnTo>
                      <a:pt x="9" y="19"/>
                    </a:lnTo>
                    <a:lnTo>
                      <a:pt x="17" y="19"/>
                    </a:lnTo>
                    <a:lnTo>
                      <a:pt x="25" y="19"/>
                    </a:lnTo>
                    <a:lnTo>
                      <a:pt x="35" y="17"/>
                    </a:lnTo>
                    <a:lnTo>
                      <a:pt x="54" y="13"/>
                    </a:lnTo>
                    <a:lnTo>
                      <a:pt x="73" y="7"/>
                    </a:lnTo>
                    <a:lnTo>
                      <a:pt x="83" y="4"/>
                    </a:lnTo>
                    <a:lnTo>
                      <a:pt x="94" y="2"/>
                    </a:lnTo>
                    <a:lnTo>
                      <a:pt x="104" y="1"/>
                    </a:lnTo>
                    <a:lnTo>
                      <a:pt x="115" y="0"/>
                    </a:lnTo>
                    <a:lnTo>
                      <a:pt x="126" y="0"/>
                    </a:lnTo>
                    <a:lnTo>
                      <a:pt x="137" y="1"/>
                    </a:lnTo>
                    <a:lnTo>
                      <a:pt x="149" y="3"/>
                    </a:lnTo>
                    <a:lnTo>
                      <a:pt x="160" y="7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40" name="Skive 2"/>
              <p:cNvSpPr>
                <a:spLocks/>
              </p:cNvSpPr>
              <p:nvPr/>
            </p:nvSpPr>
            <p:spPr bwMode="auto">
              <a:xfrm>
                <a:off x="977901" y="3525843"/>
                <a:ext cx="476251" cy="371476"/>
              </a:xfrm>
              <a:custGeom>
                <a:avLst/>
                <a:gdLst>
                  <a:gd name="T0" fmla="*/ 239 w 899"/>
                  <a:gd name="T1" fmla="*/ 137 h 703"/>
                  <a:gd name="T2" fmla="*/ 258 w 899"/>
                  <a:gd name="T3" fmla="*/ 137 h 703"/>
                  <a:gd name="T4" fmla="*/ 284 w 899"/>
                  <a:gd name="T5" fmla="*/ 134 h 703"/>
                  <a:gd name="T6" fmla="*/ 298 w 899"/>
                  <a:gd name="T7" fmla="*/ 138 h 703"/>
                  <a:gd name="T8" fmla="*/ 272 w 899"/>
                  <a:gd name="T9" fmla="*/ 183 h 703"/>
                  <a:gd name="T10" fmla="*/ 245 w 899"/>
                  <a:gd name="T11" fmla="*/ 208 h 703"/>
                  <a:gd name="T12" fmla="*/ 226 w 899"/>
                  <a:gd name="T13" fmla="*/ 215 h 703"/>
                  <a:gd name="T14" fmla="*/ 211 w 899"/>
                  <a:gd name="T15" fmla="*/ 210 h 703"/>
                  <a:gd name="T16" fmla="*/ 191 w 899"/>
                  <a:gd name="T17" fmla="*/ 202 h 703"/>
                  <a:gd name="T18" fmla="*/ 159 w 899"/>
                  <a:gd name="T19" fmla="*/ 213 h 703"/>
                  <a:gd name="T20" fmla="*/ 143 w 899"/>
                  <a:gd name="T21" fmla="*/ 210 h 703"/>
                  <a:gd name="T22" fmla="*/ 144 w 899"/>
                  <a:gd name="T23" fmla="*/ 223 h 703"/>
                  <a:gd name="T24" fmla="*/ 126 w 899"/>
                  <a:gd name="T25" fmla="*/ 231 h 703"/>
                  <a:gd name="T26" fmla="*/ 96 w 899"/>
                  <a:gd name="T27" fmla="*/ 230 h 703"/>
                  <a:gd name="T28" fmla="*/ 81 w 899"/>
                  <a:gd name="T29" fmla="*/ 195 h 703"/>
                  <a:gd name="T30" fmla="*/ 67 w 899"/>
                  <a:gd name="T31" fmla="*/ 180 h 703"/>
                  <a:gd name="T32" fmla="*/ 55 w 899"/>
                  <a:gd name="T33" fmla="*/ 182 h 703"/>
                  <a:gd name="T34" fmla="*/ 34 w 899"/>
                  <a:gd name="T35" fmla="*/ 182 h 703"/>
                  <a:gd name="T36" fmla="*/ 14 w 899"/>
                  <a:gd name="T37" fmla="*/ 165 h 703"/>
                  <a:gd name="T38" fmla="*/ 1 w 899"/>
                  <a:gd name="T39" fmla="*/ 142 h 703"/>
                  <a:gd name="T40" fmla="*/ 16 w 899"/>
                  <a:gd name="T41" fmla="*/ 137 h 703"/>
                  <a:gd name="T42" fmla="*/ 31 w 899"/>
                  <a:gd name="T43" fmla="*/ 131 h 703"/>
                  <a:gd name="T44" fmla="*/ 50 w 899"/>
                  <a:gd name="T45" fmla="*/ 106 h 703"/>
                  <a:gd name="T46" fmla="*/ 70 w 899"/>
                  <a:gd name="T47" fmla="*/ 83 h 703"/>
                  <a:gd name="T48" fmla="*/ 87 w 899"/>
                  <a:gd name="T49" fmla="*/ 84 h 703"/>
                  <a:gd name="T50" fmla="*/ 113 w 899"/>
                  <a:gd name="T51" fmla="*/ 80 h 703"/>
                  <a:gd name="T52" fmla="*/ 118 w 899"/>
                  <a:gd name="T53" fmla="*/ 71 h 703"/>
                  <a:gd name="T54" fmla="*/ 101 w 899"/>
                  <a:gd name="T55" fmla="*/ 64 h 703"/>
                  <a:gd name="T56" fmla="*/ 82 w 899"/>
                  <a:gd name="T57" fmla="*/ 69 h 703"/>
                  <a:gd name="T58" fmla="*/ 83 w 899"/>
                  <a:gd name="T59" fmla="*/ 54 h 703"/>
                  <a:gd name="T60" fmla="*/ 93 w 899"/>
                  <a:gd name="T61" fmla="*/ 32 h 703"/>
                  <a:gd name="T62" fmla="*/ 111 w 899"/>
                  <a:gd name="T63" fmla="*/ 23 h 703"/>
                  <a:gd name="T64" fmla="*/ 131 w 899"/>
                  <a:gd name="T65" fmla="*/ 5 h 703"/>
                  <a:gd name="T66" fmla="*/ 167 w 899"/>
                  <a:gd name="T67" fmla="*/ 9 h 703"/>
                  <a:gd name="T68" fmla="*/ 178 w 899"/>
                  <a:gd name="T69" fmla="*/ 1 h 703"/>
                  <a:gd name="T70" fmla="*/ 195 w 899"/>
                  <a:gd name="T71" fmla="*/ 1 h 703"/>
                  <a:gd name="T72" fmla="*/ 211 w 899"/>
                  <a:gd name="T73" fmla="*/ 19 h 703"/>
                  <a:gd name="T74" fmla="*/ 227 w 899"/>
                  <a:gd name="T75" fmla="*/ 49 h 703"/>
                  <a:gd name="T76" fmla="*/ 237 w 899"/>
                  <a:gd name="T77" fmla="*/ 72 h 703"/>
                  <a:gd name="T78" fmla="*/ 227 w 899"/>
                  <a:gd name="T79" fmla="*/ 78 h 703"/>
                  <a:gd name="T80" fmla="*/ 218 w 899"/>
                  <a:gd name="T81" fmla="*/ 95 h 703"/>
                  <a:gd name="T82" fmla="*/ 209 w 899"/>
                  <a:gd name="T83" fmla="*/ 102 h 703"/>
                  <a:gd name="T84" fmla="*/ 205 w 899"/>
                  <a:gd name="T85" fmla="*/ 110 h 703"/>
                  <a:gd name="T86" fmla="*/ 204 w 899"/>
                  <a:gd name="T87" fmla="*/ 121 h 703"/>
                  <a:gd name="T88" fmla="*/ 195 w 899"/>
                  <a:gd name="T89" fmla="*/ 122 h 703"/>
                  <a:gd name="T90" fmla="*/ 185 w 899"/>
                  <a:gd name="T91" fmla="*/ 138 h 703"/>
                  <a:gd name="T92" fmla="*/ 176 w 899"/>
                  <a:gd name="T93" fmla="*/ 144 h 703"/>
                  <a:gd name="T94" fmla="*/ 185 w 899"/>
                  <a:gd name="T95" fmla="*/ 185 h 703"/>
                  <a:gd name="T96" fmla="*/ 197 w 899"/>
                  <a:gd name="T97" fmla="*/ 188 h 703"/>
                  <a:gd name="T98" fmla="*/ 207 w 899"/>
                  <a:gd name="T99" fmla="*/ 177 h 703"/>
                  <a:gd name="T100" fmla="*/ 203 w 899"/>
                  <a:gd name="T101" fmla="*/ 159 h 703"/>
                  <a:gd name="T102" fmla="*/ 216 w 899"/>
                  <a:gd name="T103" fmla="*/ 152 h 703"/>
                  <a:gd name="T104" fmla="*/ 229 w 899"/>
                  <a:gd name="T105" fmla="*/ 153 h 703"/>
                  <a:gd name="T106" fmla="*/ 233 w 899"/>
                  <a:gd name="T107" fmla="*/ 143 h 703"/>
                  <a:gd name="T108" fmla="*/ 220 w 899"/>
                  <a:gd name="T109" fmla="*/ 140 h 703"/>
                  <a:gd name="T110" fmla="*/ 224 w 899"/>
                  <a:gd name="T111" fmla="*/ 134 h 703"/>
                  <a:gd name="T112" fmla="*/ 231 w 899"/>
                  <a:gd name="T113" fmla="*/ 131 h 703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899" h="703">
                    <a:moveTo>
                      <a:pt x="692" y="393"/>
                    </a:moveTo>
                    <a:lnTo>
                      <a:pt x="697" y="399"/>
                    </a:lnTo>
                    <a:lnTo>
                      <a:pt x="701" y="403"/>
                    </a:lnTo>
                    <a:lnTo>
                      <a:pt x="705" y="408"/>
                    </a:lnTo>
                    <a:lnTo>
                      <a:pt x="710" y="410"/>
                    </a:lnTo>
                    <a:lnTo>
                      <a:pt x="716" y="413"/>
                    </a:lnTo>
                    <a:lnTo>
                      <a:pt x="721" y="414"/>
                    </a:lnTo>
                    <a:lnTo>
                      <a:pt x="727" y="416"/>
                    </a:lnTo>
                    <a:lnTo>
                      <a:pt x="732" y="416"/>
                    </a:lnTo>
                    <a:lnTo>
                      <a:pt x="745" y="416"/>
                    </a:lnTo>
                    <a:lnTo>
                      <a:pt x="759" y="415"/>
                    </a:lnTo>
                    <a:lnTo>
                      <a:pt x="772" y="413"/>
                    </a:lnTo>
                    <a:lnTo>
                      <a:pt x="787" y="410"/>
                    </a:lnTo>
                    <a:lnTo>
                      <a:pt x="802" y="407"/>
                    </a:lnTo>
                    <a:lnTo>
                      <a:pt x="817" y="405"/>
                    </a:lnTo>
                    <a:lnTo>
                      <a:pt x="831" y="402"/>
                    </a:lnTo>
                    <a:lnTo>
                      <a:pt x="845" y="402"/>
                    </a:lnTo>
                    <a:lnTo>
                      <a:pt x="852" y="402"/>
                    </a:lnTo>
                    <a:lnTo>
                      <a:pt x="860" y="403"/>
                    </a:lnTo>
                    <a:lnTo>
                      <a:pt x="866" y="405"/>
                    </a:lnTo>
                    <a:lnTo>
                      <a:pt x="873" y="407"/>
                    </a:lnTo>
                    <a:lnTo>
                      <a:pt x="880" y="409"/>
                    </a:lnTo>
                    <a:lnTo>
                      <a:pt x="886" y="412"/>
                    </a:lnTo>
                    <a:lnTo>
                      <a:pt x="892" y="416"/>
                    </a:lnTo>
                    <a:lnTo>
                      <a:pt x="899" y="421"/>
                    </a:lnTo>
                    <a:lnTo>
                      <a:pt x="876" y="457"/>
                    </a:lnTo>
                    <a:lnTo>
                      <a:pt x="852" y="494"/>
                    </a:lnTo>
                    <a:lnTo>
                      <a:pt x="841" y="513"/>
                    </a:lnTo>
                    <a:lnTo>
                      <a:pt x="828" y="531"/>
                    </a:lnTo>
                    <a:lnTo>
                      <a:pt x="816" y="549"/>
                    </a:lnTo>
                    <a:lnTo>
                      <a:pt x="803" y="566"/>
                    </a:lnTo>
                    <a:lnTo>
                      <a:pt x="788" y="581"/>
                    </a:lnTo>
                    <a:lnTo>
                      <a:pt x="773" y="596"/>
                    </a:lnTo>
                    <a:lnTo>
                      <a:pt x="759" y="609"/>
                    </a:lnTo>
                    <a:lnTo>
                      <a:pt x="742" y="620"/>
                    </a:lnTo>
                    <a:lnTo>
                      <a:pt x="733" y="626"/>
                    </a:lnTo>
                    <a:lnTo>
                      <a:pt x="724" y="631"/>
                    </a:lnTo>
                    <a:lnTo>
                      <a:pt x="716" y="635"/>
                    </a:lnTo>
                    <a:lnTo>
                      <a:pt x="706" y="638"/>
                    </a:lnTo>
                    <a:lnTo>
                      <a:pt x="696" y="641"/>
                    </a:lnTo>
                    <a:lnTo>
                      <a:pt x="686" y="644"/>
                    </a:lnTo>
                    <a:lnTo>
                      <a:pt x="676" y="645"/>
                    </a:lnTo>
                    <a:lnTo>
                      <a:pt x="664" y="646"/>
                    </a:lnTo>
                    <a:lnTo>
                      <a:pt x="659" y="645"/>
                    </a:lnTo>
                    <a:lnTo>
                      <a:pt x="652" y="642"/>
                    </a:lnTo>
                    <a:lnTo>
                      <a:pt x="647" y="640"/>
                    </a:lnTo>
                    <a:lnTo>
                      <a:pt x="643" y="637"/>
                    </a:lnTo>
                    <a:lnTo>
                      <a:pt x="633" y="631"/>
                    </a:lnTo>
                    <a:lnTo>
                      <a:pt x="626" y="624"/>
                    </a:lnTo>
                    <a:lnTo>
                      <a:pt x="618" y="616"/>
                    </a:lnTo>
                    <a:lnTo>
                      <a:pt x="609" y="610"/>
                    </a:lnTo>
                    <a:lnTo>
                      <a:pt x="601" y="604"/>
                    </a:lnTo>
                    <a:lnTo>
                      <a:pt x="589" y="599"/>
                    </a:lnTo>
                    <a:lnTo>
                      <a:pt x="572" y="608"/>
                    </a:lnTo>
                    <a:lnTo>
                      <a:pt x="552" y="617"/>
                    </a:lnTo>
                    <a:lnTo>
                      <a:pt x="531" y="626"/>
                    </a:lnTo>
                    <a:lnTo>
                      <a:pt x="509" y="633"/>
                    </a:lnTo>
                    <a:lnTo>
                      <a:pt x="498" y="636"/>
                    </a:lnTo>
                    <a:lnTo>
                      <a:pt x="487" y="638"/>
                    </a:lnTo>
                    <a:lnTo>
                      <a:pt x="477" y="639"/>
                    </a:lnTo>
                    <a:lnTo>
                      <a:pt x="466" y="639"/>
                    </a:lnTo>
                    <a:lnTo>
                      <a:pt x="455" y="638"/>
                    </a:lnTo>
                    <a:lnTo>
                      <a:pt x="447" y="636"/>
                    </a:lnTo>
                    <a:lnTo>
                      <a:pt x="438" y="632"/>
                    </a:lnTo>
                    <a:lnTo>
                      <a:pt x="430" y="628"/>
                    </a:lnTo>
                    <a:lnTo>
                      <a:pt x="428" y="631"/>
                    </a:lnTo>
                    <a:lnTo>
                      <a:pt x="426" y="634"/>
                    </a:lnTo>
                    <a:lnTo>
                      <a:pt x="425" y="638"/>
                    </a:lnTo>
                    <a:lnTo>
                      <a:pt x="425" y="642"/>
                    </a:lnTo>
                    <a:lnTo>
                      <a:pt x="426" y="651"/>
                    </a:lnTo>
                    <a:lnTo>
                      <a:pt x="428" y="660"/>
                    </a:lnTo>
                    <a:lnTo>
                      <a:pt x="432" y="671"/>
                    </a:lnTo>
                    <a:lnTo>
                      <a:pt x="435" y="681"/>
                    </a:lnTo>
                    <a:lnTo>
                      <a:pt x="439" y="692"/>
                    </a:lnTo>
                    <a:lnTo>
                      <a:pt x="440" y="703"/>
                    </a:lnTo>
                    <a:lnTo>
                      <a:pt x="421" y="699"/>
                    </a:lnTo>
                    <a:lnTo>
                      <a:pt x="400" y="696"/>
                    </a:lnTo>
                    <a:lnTo>
                      <a:pt x="378" y="693"/>
                    </a:lnTo>
                    <a:lnTo>
                      <a:pt x="355" y="691"/>
                    </a:lnTo>
                    <a:lnTo>
                      <a:pt x="334" y="690"/>
                    </a:lnTo>
                    <a:lnTo>
                      <a:pt x="314" y="689"/>
                    </a:lnTo>
                    <a:lnTo>
                      <a:pt x="305" y="689"/>
                    </a:lnTo>
                    <a:lnTo>
                      <a:pt x="296" y="690"/>
                    </a:lnTo>
                    <a:lnTo>
                      <a:pt x="288" y="691"/>
                    </a:lnTo>
                    <a:lnTo>
                      <a:pt x="281" y="693"/>
                    </a:lnTo>
                    <a:lnTo>
                      <a:pt x="272" y="662"/>
                    </a:lnTo>
                    <a:lnTo>
                      <a:pt x="262" y="631"/>
                    </a:lnTo>
                    <a:lnTo>
                      <a:pt x="256" y="614"/>
                    </a:lnTo>
                    <a:lnTo>
                      <a:pt x="250" y="599"/>
                    </a:lnTo>
                    <a:lnTo>
                      <a:pt x="243" y="585"/>
                    </a:lnTo>
                    <a:lnTo>
                      <a:pt x="235" y="572"/>
                    </a:lnTo>
                    <a:lnTo>
                      <a:pt x="227" y="560"/>
                    </a:lnTo>
                    <a:lnTo>
                      <a:pt x="217" y="551"/>
                    </a:lnTo>
                    <a:lnTo>
                      <a:pt x="213" y="548"/>
                    </a:lnTo>
                    <a:lnTo>
                      <a:pt x="208" y="545"/>
                    </a:lnTo>
                    <a:lnTo>
                      <a:pt x="202" y="542"/>
                    </a:lnTo>
                    <a:lnTo>
                      <a:pt x="196" y="540"/>
                    </a:lnTo>
                    <a:lnTo>
                      <a:pt x="190" y="540"/>
                    </a:lnTo>
                    <a:lnTo>
                      <a:pt x="184" y="540"/>
                    </a:lnTo>
                    <a:lnTo>
                      <a:pt x="177" y="541"/>
                    </a:lnTo>
                    <a:lnTo>
                      <a:pt x="171" y="544"/>
                    </a:lnTo>
                    <a:lnTo>
                      <a:pt x="164" y="547"/>
                    </a:lnTo>
                    <a:lnTo>
                      <a:pt x="156" y="550"/>
                    </a:lnTo>
                    <a:lnTo>
                      <a:pt x="148" y="555"/>
                    </a:lnTo>
                    <a:lnTo>
                      <a:pt x="140" y="561"/>
                    </a:lnTo>
                    <a:lnTo>
                      <a:pt x="127" y="557"/>
                    </a:lnTo>
                    <a:lnTo>
                      <a:pt x="114" y="552"/>
                    </a:lnTo>
                    <a:lnTo>
                      <a:pt x="102" y="546"/>
                    </a:lnTo>
                    <a:lnTo>
                      <a:pt x="90" y="539"/>
                    </a:lnTo>
                    <a:lnTo>
                      <a:pt x="80" y="532"/>
                    </a:lnTo>
                    <a:lnTo>
                      <a:pt x="69" y="524"/>
                    </a:lnTo>
                    <a:lnTo>
                      <a:pt x="60" y="515"/>
                    </a:lnTo>
                    <a:lnTo>
                      <a:pt x="51" y="507"/>
                    </a:lnTo>
                    <a:lnTo>
                      <a:pt x="42" y="496"/>
                    </a:lnTo>
                    <a:lnTo>
                      <a:pt x="34" y="487"/>
                    </a:lnTo>
                    <a:lnTo>
                      <a:pt x="27" y="475"/>
                    </a:lnTo>
                    <a:lnTo>
                      <a:pt x="21" y="463"/>
                    </a:lnTo>
                    <a:lnTo>
                      <a:pt x="14" y="452"/>
                    </a:lnTo>
                    <a:lnTo>
                      <a:pt x="9" y="439"/>
                    </a:lnTo>
                    <a:lnTo>
                      <a:pt x="4" y="426"/>
                    </a:lnTo>
                    <a:lnTo>
                      <a:pt x="0" y="412"/>
                    </a:lnTo>
                    <a:lnTo>
                      <a:pt x="10" y="414"/>
                    </a:lnTo>
                    <a:lnTo>
                      <a:pt x="21" y="415"/>
                    </a:lnTo>
                    <a:lnTo>
                      <a:pt x="30" y="415"/>
                    </a:lnTo>
                    <a:lnTo>
                      <a:pt x="40" y="415"/>
                    </a:lnTo>
                    <a:lnTo>
                      <a:pt x="48" y="413"/>
                    </a:lnTo>
                    <a:lnTo>
                      <a:pt x="56" y="412"/>
                    </a:lnTo>
                    <a:lnTo>
                      <a:pt x="65" y="409"/>
                    </a:lnTo>
                    <a:lnTo>
                      <a:pt x="72" y="406"/>
                    </a:lnTo>
                    <a:lnTo>
                      <a:pt x="80" y="402"/>
                    </a:lnTo>
                    <a:lnTo>
                      <a:pt x="86" y="398"/>
                    </a:lnTo>
                    <a:lnTo>
                      <a:pt x="93" y="393"/>
                    </a:lnTo>
                    <a:lnTo>
                      <a:pt x="100" y="388"/>
                    </a:lnTo>
                    <a:lnTo>
                      <a:pt x="111" y="376"/>
                    </a:lnTo>
                    <a:lnTo>
                      <a:pt x="122" y="362"/>
                    </a:lnTo>
                    <a:lnTo>
                      <a:pt x="132" y="349"/>
                    </a:lnTo>
                    <a:lnTo>
                      <a:pt x="142" y="334"/>
                    </a:lnTo>
                    <a:lnTo>
                      <a:pt x="151" y="318"/>
                    </a:lnTo>
                    <a:lnTo>
                      <a:pt x="160" y="302"/>
                    </a:lnTo>
                    <a:lnTo>
                      <a:pt x="169" y="287"/>
                    </a:lnTo>
                    <a:lnTo>
                      <a:pt x="177" y="272"/>
                    </a:lnTo>
                    <a:lnTo>
                      <a:pt x="187" y="257"/>
                    </a:lnTo>
                    <a:lnTo>
                      <a:pt x="196" y="243"/>
                    </a:lnTo>
                    <a:lnTo>
                      <a:pt x="209" y="249"/>
                    </a:lnTo>
                    <a:lnTo>
                      <a:pt x="220" y="253"/>
                    </a:lnTo>
                    <a:lnTo>
                      <a:pt x="229" y="254"/>
                    </a:lnTo>
                    <a:lnTo>
                      <a:pt x="237" y="255"/>
                    </a:lnTo>
                    <a:lnTo>
                      <a:pt x="246" y="255"/>
                    </a:lnTo>
                    <a:lnTo>
                      <a:pt x="253" y="253"/>
                    </a:lnTo>
                    <a:lnTo>
                      <a:pt x="261" y="251"/>
                    </a:lnTo>
                    <a:lnTo>
                      <a:pt x="268" y="249"/>
                    </a:lnTo>
                    <a:lnTo>
                      <a:pt x="283" y="243"/>
                    </a:lnTo>
                    <a:lnTo>
                      <a:pt x="302" y="240"/>
                    </a:lnTo>
                    <a:lnTo>
                      <a:pt x="312" y="239"/>
                    </a:lnTo>
                    <a:lnTo>
                      <a:pt x="325" y="239"/>
                    </a:lnTo>
                    <a:lnTo>
                      <a:pt x="340" y="240"/>
                    </a:lnTo>
                    <a:lnTo>
                      <a:pt x="355" y="243"/>
                    </a:lnTo>
                    <a:lnTo>
                      <a:pt x="356" y="235"/>
                    </a:lnTo>
                    <a:lnTo>
                      <a:pt x="358" y="229"/>
                    </a:lnTo>
                    <a:lnTo>
                      <a:pt x="356" y="222"/>
                    </a:lnTo>
                    <a:lnTo>
                      <a:pt x="355" y="217"/>
                    </a:lnTo>
                    <a:lnTo>
                      <a:pt x="353" y="213"/>
                    </a:lnTo>
                    <a:lnTo>
                      <a:pt x="351" y="210"/>
                    </a:lnTo>
                    <a:lnTo>
                      <a:pt x="347" y="207"/>
                    </a:lnTo>
                    <a:lnTo>
                      <a:pt x="344" y="203"/>
                    </a:lnTo>
                    <a:lnTo>
                      <a:pt x="326" y="196"/>
                    </a:lnTo>
                    <a:lnTo>
                      <a:pt x="309" y="188"/>
                    </a:lnTo>
                    <a:lnTo>
                      <a:pt x="304" y="192"/>
                    </a:lnTo>
                    <a:lnTo>
                      <a:pt x="300" y="195"/>
                    </a:lnTo>
                    <a:lnTo>
                      <a:pt x="294" y="198"/>
                    </a:lnTo>
                    <a:lnTo>
                      <a:pt x="289" y="200"/>
                    </a:lnTo>
                    <a:lnTo>
                      <a:pt x="279" y="204"/>
                    </a:lnTo>
                    <a:lnTo>
                      <a:pt x="267" y="207"/>
                    </a:lnTo>
                    <a:lnTo>
                      <a:pt x="245" y="207"/>
                    </a:lnTo>
                    <a:lnTo>
                      <a:pt x="224" y="205"/>
                    </a:lnTo>
                    <a:lnTo>
                      <a:pt x="227" y="198"/>
                    </a:lnTo>
                    <a:lnTo>
                      <a:pt x="231" y="190"/>
                    </a:lnTo>
                    <a:lnTo>
                      <a:pt x="234" y="182"/>
                    </a:lnTo>
                    <a:lnTo>
                      <a:pt x="239" y="176"/>
                    </a:lnTo>
                    <a:lnTo>
                      <a:pt x="248" y="162"/>
                    </a:lnTo>
                    <a:lnTo>
                      <a:pt x="256" y="150"/>
                    </a:lnTo>
                    <a:lnTo>
                      <a:pt x="265" y="136"/>
                    </a:lnTo>
                    <a:lnTo>
                      <a:pt x="272" y="120"/>
                    </a:lnTo>
                    <a:lnTo>
                      <a:pt x="275" y="113"/>
                    </a:lnTo>
                    <a:lnTo>
                      <a:pt x="277" y="103"/>
                    </a:lnTo>
                    <a:lnTo>
                      <a:pt x="280" y="95"/>
                    </a:lnTo>
                    <a:lnTo>
                      <a:pt x="281" y="84"/>
                    </a:lnTo>
                    <a:lnTo>
                      <a:pt x="293" y="83"/>
                    </a:lnTo>
                    <a:lnTo>
                      <a:pt x="305" y="81"/>
                    </a:lnTo>
                    <a:lnTo>
                      <a:pt x="315" y="77"/>
                    </a:lnTo>
                    <a:lnTo>
                      <a:pt x="325" y="73"/>
                    </a:lnTo>
                    <a:lnTo>
                      <a:pt x="334" y="68"/>
                    </a:lnTo>
                    <a:lnTo>
                      <a:pt x="342" y="61"/>
                    </a:lnTo>
                    <a:lnTo>
                      <a:pt x="349" y="55"/>
                    </a:lnTo>
                    <a:lnTo>
                      <a:pt x="356" y="48"/>
                    </a:lnTo>
                    <a:lnTo>
                      <a:pt x="370" y="34"/>
                    </a:lnTo>
                    <a:lnTo>
                      <a:pt x="385" y="20"/>
                    </a:lnTo>
                    <a:lnTo>
                      <a:pt x="393" y="14"/>
                    </a:lnTo>
                    <a:lnTo>
                      <a:pt x="402" y="9"/>
                    </a:lnTo>
                    <a:lnTo>
                      <a:pt x="410" y="3"/>
                    </a:lnTo>
                    <a:lnTo>
                      <a:pt x="421" y="0"/>
                    </a:lnTo>
                    <a:lnTo>
                      <a:pt x="447" y="9"/>
                    </a:lnTo>
                    <a:lnTo>
                      <a:pt x="473" y="18"/>
                    </a:lnTo>
                    <a:lnTo>
                      <a:pt x="499" y="28"/>
                    </a:lnTo>
                    <a:lnTo>
                      <a:pt x="524" y="37"/>
                    </a:lnTo>
                    <a:lnTo>
                      <a:pt x="523" y="28"/>
                    </a:lnTo>
                    <a:lnTo>
                      <a:pt x="524" y="20"/>
                    </a:lnTo>
                    <a:lnTo>
                      <a:pt x="526" y="13"/>
                    </a:lnTo>
                    <a:lnTo>
                      <a:pt x="530" y="9"/>
                    </a:lnTo>
                    <a:lnTo>
                      <a:pt x="534" y="4"/>
                    </a:lnTo>
                    <a:lnTo>
                      <a:pt x="541" y="2"/>
                    </a:lnTo>
                    <a:lnTo>
                      <a:pt x="548" y="0"/>
                    </a:lnTo>
                    <a:lnTo>
                      <a:pt x="557" y="0"/>
                    </a:lnTo>
                    <a:lnTo>
                      <a:pt x="565" y="0"/>
                    </a:lnTo>
                    <a:lnTo>
                      <a:pt x="574" y="1"/>
                    </a:lnTo>
                    <a:lnTo>
                      <a:pt x="584" y="3"/>
                    </a:lnTo>
                    <a:lnTo>
                      <a:pt x="592" y="6"/>
                    </a:lnTo>
                    <a:lnTo>
                      <a:pt x="611" y="12"/>
                    </a:lnTo>
                    <a:lnTo>
                      <a:pt x="627" y="19"/>
                    </a:lnTo>
                    <a:lnTo>
                      <a:pt x="627" y="32"/>
                    </a:lnTo>
                    <a:lnTo>
                      <a:pt x="629" y="44"/>
                    </a:lnTo>
                    <a:lnTo>
                      <a:pt x="632" y="58"/>
                    </a:lnTo>
                    <a:lnTo>
                      <a:pt x="637" y="71"/>
                    </a:lnTo>
                    <a:lnTo>
                      <a:pt x="642" y="83"/>
                    </a:lnTo>
                    <a:lnTo>
                      <a:pt x="648" y="97"/>
                    </a:lnTo>
                    <a:lnTo>
                      <a:pt x="656" y="110"/>
                    </a:lnTo>
                    <a:lnTo>
                      <a:pt x="663" y="122"/>
                    </a:lnTo>
                    <a:lnTo>
                      <a:pt x="679" y="147"/>
                    </a:lnTo>
                    <a:lnTo>
                      <a:pt x="697" y="171"/>
                    </a:lnTo>
                    <a:lnTo>
                      <a:pt x="713" y="194"/>
                    </a:lnTo>
                    <a:lnTo>
                      <a:pt x="730" y="215"/>
                    </a:lnTo>
                    <a:lnTo>
                      <a:pt x="723" y="215"/>
                    </a:lnTo>
                    <a:lnTo>
                      <a:pt x="716" y="215"/>
                    </a:lnTo>
                    <a:lnTo>
                      <a:pt x="709" y="215"/>
                    </a:lnTo>
                    <a:lnTo>
                      <a:pt x="704" y="216"/>
                    </a:lnTo>
                    <a:lnTo>
                      <a:pt x="699" y="218"/>
                    </a:lnTo>
                    <a:lnTo>
                      <a:pt x="694" y="220"/>
                    </a:lnTo>
                    <a:lnTo>
                      <a:pt x="690" y="222"/>
                    </a:lnTo>
                    <a:lnTo>
                      <a:pt x="686" y="226"/>
                    </a:lnTo>
                    <a:lnTo>
                      <a:pt x="680" y="233"/>
                    </a:lnTo>
                    <a:lnTo>
                      <a:pt x="674" y="240"/>
                    </a:lnTo>
                    <a:lnTo>
                      <a:pt x="669" y="250"/>
                    </a:lnTo>
                    <a:lnTo>
                      <a:pt x="665" y="258"/>
                    </a:lnTo>
                    <a:lnTo>
                      <a:pt x="661" y="268"/>
                    </a:lnTo>
                    <a:lnTo>
                      <a:pt x="657" y="277"/>
                    </a:lnTo>
                    <a:lnTo>
                      <a:pt x="652" y="286"/>
                    </a:lnTo>
                    <a:lnTo>
                      <a:pt x="646" y="293"/>
                    </a:lnTo>
                    <a:lnTo>
                      <a:pt x="643" y="297"/>
                    </a:lnTo>
                    <a:lnTo>
                      <a:pt x="640" y="299"/>
                    </a:lnTo>
                    <a:lnTo>
                      <a:pt x="636" y="302"/>
                    </a:lnTo>
                    <a:lnTo>
                      <a:pt x="631" y="304"/>
                    </a:lnTo>
                    <a:lnTo>
                      <a:pt x="626" y="307"/>
                    </a:lnTo>
                    <a:lnTo>
                      <a:pt x="621" y="308"/>
                    </a:lnTo>
                    <a:lnTo>
                      <a:pt x="614" y="309"/>
                    </a:lnTo>
                    <a:lnTo>
                      <a:pt x="608" y="309"/>
                    </a:lnTo>
                    <a:lnTo>
                      <a:pt x="609" y="317"/>
                    </a:lnTo>
                    <a:lnTo>
                      <a:pt x="610" y="323"/>
                    </a:lnTo>
                    <a:lnTo>
                      <a:pt x="613" y="329"/>
                    </a:lnTo>
                    <a:lnTo>
                      <a:pt x="616" y="335"/>
                    </a:lnTo>
                    <a:lnTo>
                      <a:pt x="618" y="340"/>
                    </a:lnTo>
                    <a:lnTo>
                      <a:pt x="619" y="348"/>
                    </a:lnTo>
                    <a:lnTo>
                      <a:pt x="619" y="355"/>
                    </a:lnTo>
                    <a:lnTo>
                      <a:pt x="618" y="366"/>
                    </a:lnTo>
                    <a:lnTo>
                      <a:pt x="611" y="363"/>
                    </a:lnTo>
                    <a:lnTo>
                      <a:pt x="605" y="362"/>
                    </a:lnTo>
                    <a:lnTo>
                      <a:pt x="600" y="362"/>
                    </a:lnTo>
                    <a:lnTo>
                      <a:pt x="596" y="363"/>
                    </a:lnTo>
                    <a:lnTo>
                      <a:pt x="590" y="364"/>
                    </a:lnTo>
                    <a:lnTo>
                      <a:pt x="586" y="366"/>
                    </a:lnTo>
                    <a:lnTo>
                      <a:pt x="583" y="368"/>
                    </a:lnTo>
                    <a:lnTo>
                      <a:pt x="579" y="370"/>
                    </a:lnTo>
                    <a:lnTo>
                      <a:pt x="573" y="376"/>
                    </a:lnTo>
                    <a:lnTo>
                      <a:pt x="568" y="382"/>
                    </a:lnTo>
                    <a:lnTo>
                      <a:pt x="564" y="390"/>
                    </a:lnTo>
                    <a:lnTo>
                      <a:pt x="560" y="398"/>
                    </a:lnTo>
                    <a:lnTo>
                      <a:pt x="553" y="414"/>
                    </a:lnTo>
                    <a:lnTo>
                      <a:pt x="546" y="427"/>
                    </a:lnTo>
                    <a:lnTo>
                      <a:pt x="542" y="431"/>
                    </a:lnTo>
                    <a:lnTo>
                      <a:pt x="537" y="433"/>
                    </a:lnTo>
                    <a:lnTo>
                      <a:pt x="534" y="434"/>
                    </a:lnTo>
                    <a:lnTo>
                      <a:pt x="531" y="433"/>
                    </a:lnTo>
                    <a:lnTo>
                      <a:pt x="528" y="432"/>
                    </a:lnTo>
                    <a:lnTo>
                      <a:pt x="524" y="431"/>
                    </a:lnTo>
                    <a:lnTo>
                      <a:pt x="531" y="468"/>
                    </a:lnTo>
                    <a:lnTo>
                      <a:pt x="540" y="503"/>
                    </a:lnTo>
                    <a:lnTo>
                      <a:pt x="544" y="521"/>
                    </a:lnTo>
                    <a:lnTo>
                      <a:pt x="549" y="538"/>
                    </a:lnTo>
                    <a:lnTo>
                      <a:pt x="555" y="555"/>
                    </a:lnTo>
                    <a:lnTo>
                      <a:pt x="562" y="571"/>
                    </a:lnTo>
                    <a:lnTo>
                      <a:pt x="569" y="572"/>
                    </a:lnTo>
                    <a:lnTo>
                      <a:pt x="575" y="572"/>
                    </a:lnTo>
                    <a:lnTo>
                      <a:pt x="582" y="570"/>
                    </a:lnTo>
                    <a:lnTo>
                      <a:pt x="587" y="569"/>
                    </a:lnTo>
                    <a:lnTo>
                      <a:pt x="591" y="566"/>
                    </a:lnTo>
                    <a:lnTo>
                      <a:pt x="596" y="562"/>
                    </a:lnTo>
                    <a:lnTo>
                      <a:pt x="599" y="559"/>
                    </a:lnTo>
                    <a:lnTo>
                      <a:pt x="602" y="556"/>
                    </a:lnTo>
                    <a:lnTo>
                      <a:pt x="608" y="548"/>
                    </a:lnTo>
                    <a:lnTo>
                      <a:pt x="613" y="539"/>
                    </a:lnTo>
                    <a:lnTo>
                      <a:pt x="620" y="531"/>
                    </a:lnTo>
                    <a:lnTo>
                      <a:pt x="627" y="525"/>
                    </a:lnTo>
                    <a:lnTo>
                      <a:pt x="621" y="512"/>
                    </a:lnTo>
                    <a:lnTo>
                      <a:pt x="613" y="500"/>
                    </a:lnTo>
                    <a:lnTo>
                      <a:pt x="610" y="494"/>
                    </a:lnTo>
                    <a:lnTo>
                      <a:pt x="608" y="487"/>
                    </a:lnTo>
                    <a:lnTo>
                      <a:pt x="607" y="478"/>
                    </a:lnTo>
                    <a:lnTo>
                      <a:pt x="608" y="468"/>
                    </a:lnTo>
                    <a:lnTo>
                      <a:pt x="614" y="462"/>
                    </a:lnTo>
                    <a:lnTo>
                      <a:pt x="621" y="458"/>
                    </a:lnTo>
                    <a:lnTo>
                      <a:pt x="627" y="456"/>
                    </a:lnTo>
                    <a:lnTo>
                      <a:pt x="633" y="456"/>
                    </a:lnTo>
                    <a:lnTo>
                      <a:pt x="646" y="458"/>
                    </a:lnTo>
                    <a:lnTo>
                      <a:pt x="659" y="461"/>
                    </a:lnTo>
                    <a:lnTo>
                      <a:pt x="664" y="463"/>
                    </a:lnTo>
                    <a:lnTo>
                      <a:pt x="670" y="463"/>
                    </a:lnTo>
                    <a:lnTo>
                      <a:pt x="677" y="465"/>
                    </a:lnTo>
                    <a:lnTo>
                      <a:pt x="682" y="463"/>
                    </a:lnTo>
                    <a:lnTo>
                      <a:pt x="687" y="460"/>
                    </a:lnTo>
                    <a:lnTo>
                      <a:pt x="692" y="456"/>
                    </a:lnTo>
                    <a:lnTo>
                      <a:pt x="698" y="450"/>
                    </a:lnTo>
                    <a:lnTo>
                      <a:pt x="702" y="440"/>
                    </a:lnTo>
                    <a:lnTo>
                      <a:pt x="701" y="435"/>
                    </a:lnTo>
                    <a:lnTo>
                      <a:pt x="700" y="432"/>
                    </a:lnTo>
                    <a:lnTo>
                      <a:pt x="698" y="429"/>
                    </a:lnTo>
                    <a:lnTo>
                      <a:pt x="694" y="427"/>
                    </a:lnTo>
                    <a:lnTo>
                      <a:pt x="691" y="425"/>
                    </a:lnTo>
                    <a:lnTo>
                      <a:pt x="687" y="422"/>
                    </a:lnTo>
                    <a:lnTo>
                      <a:pt x="683" y="422"/>
                    </a:lnTo>
                    <a:lnTo>
                      <a:pt x="679" y="421"/>
                    </a:lnTo>
                    <a:lnTo>
                      <a:pt x="658" y="421"/>
                    </a:lnTo>
                    <a:lnTo>
                      <a:pt x="637" y="421"/>
                    </a:lnTo>
                    <a:lnTo>
                      <a:pt x="642" y="416"/>
                    </a:lnTo>
                    <a:lnTo>
                      <a:pt x="648" y="412"/>
                    </a:lnTo>
                    <a:lnTo>
                      <a:pt x="656" y="410"/>
                    </a:lnTo>
                    <a:lnTo>
                      <a:pt x="663" y="407"/>
                    </a:lnTo>
                    <a:lnTo>
                      <a:pt x="670" y="402"/>
                    </a:lnTo>
                    <a:lnTo>
                      <a:pt x="677" y="398"/>
                    </a:lnTo>
                    <a:lnTo>
                      <a:pt x="679" y="396"/>
                    </a:lnTo>
                    <a:lnTo>
                      <a:pt x="681" y="392"/>
                    </a:lnTo>
                    <a:lnTo>
                      <a:pt x="683" y="389"/>
                    </a:lnTo>
                    <a:lnTo>
                      <a:pt x="683" y="383"/>
                    </a:lnTo>
                    <a:lnTo>
                      <a:pt x="692" y="393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141" name="Skive kant 2"/>
              <p:cNvSpPr>
                <a:spLocks/>
              </p:cNvSpPr>
              <p:nvPr/>
            </p:nvSpPr>
            <p:spPr bwMode="auto">
              <a:xfrm>
                <a:off x="977901" y="3525843"/>
                <a:ext cx="476251" cy="371476"/>
              </a:xfrm>
              <a:custGeom>
                <a:avLst/>
                <a:gdLst>
                  <a:gd name="T0" fmla="*/ 239 w 899"/>
                  <a:gd name="T1" fmla="*/ 137 h 703"/>
                  <a:gd name="T2" fmla="*/ 258 w 899"/>
                  <a:gd name="T3" fmla="*/ 137 h 703"/>
                  <a:gd name="T4" fmla="*/ 284 w 899"/>
                  <a:gd name="T5" fmla="*/ 134 h 703"/>
                  <a:gd name="T6" fmla="*/ 298 w 899"/>
                  <a:gd name="T7" fmla="*/ 138 h 703"/>
                  <a:gd name="T8" fmla="*/ 272 w 899"/>
                  <a:gd name="T9" fmla="*/ 183 h 703"/>
                  <a:gd name="T10" fmla="*/ 245 w 899"/>
                  <a:gd name="T11" fmla="*/ 208 h 703"/>
                  <a:gd name="T12" fmla="*/ 226 w 899"/>
                  <a:gd name="T13" fmla="*/ 215 h 703"/>
                  <a:gd name="T14" fmla="*/ 211 w 899"/>
                  <a:gd name="T15" fmla="*/ 210 h 703"/>
                  <a:gd name="T16" fmla="*/ 191 w 899"/>
                  <a:gd name="T17" fmla="*/ 202 h 703"/>
                  <a:gd name="T18" fmla="*/ 159 w 899"/>
                  <a:gd name="T19" fmla="*/ 213 h 703"/>
                  <a:gd name="T20" fmla="*/ 143 w 899"/>
                  <a:gd name="T21" fmla="*/ 210 h 703"/>
                  <a:gd name="T22" fmla="*/ 144 w 899"/>
                  <a:gd name="T23" fmla="*/ 223 h 703"/>
                  <a:gd name="T24" fmla="*/ 126 w 899"/>
                  <a:gd name="T25" fmla="*/ 231 h 703"/>
                  <a:gd name="T26" fmla="*/ 96 w 899"/>
                  <a:gd name="T27" fmla="*/ 230 h 703"/>
                  <a:gd name="T28" fmla="*/ 81 w 899"/>
                  <a:gd name="T29" fmla="*/ 195 h 703"/>
                  <a:gd name="T30" fmla="*/ 67 w 899"/>
                  <a:gd name="T31" fmla="*/ 180 h 703"/>
                  <a:gd name="T32" fmla="*/ 55 w 899"/>
                  <a:gd name="T33" fmla="*/ 182 h 703"/>
                  <a:gd name="T34" fmla="*/ 34 w 899"/>
                  <a:gd name="T35" fmla="*/ 182 h 703"/>
                  <a:gd name="T36" fmla="*/ 14 w 899"/>
                  <a:gd name="T37" fmla="*/ 165 h 703"/>
                  <a:gd name="T38" fmla="*/ 1 w 899"/>
                  <a:gd name="T39" fmla="*/ 142 h 703"/>
                  <a:gd name="T40" fmla="*/ 16 w 899"/>
                  <a:gd name="T41" fmla="*/ 137 h 703"/>
                  <a:gd name="T42" fmla="*/ 31 w 899"/>
                  <a:gd name="T43" fmla="*/ 131 h 703"/>
                  <a:gd name="T44" fmla="*/ 50 w 899"/>
                  <a:gd name="T45" fmla="*/ 106 h 703"/>
                  <a:gd name="T46" fmla="*/ 70 w 899"/>
                  <a:gd name="T47" fmla="*/ 83 h 703"/>
                  <a:gd name="T48" fmla="*/ 87 w 899"/>
                  <a:gd name="T49" fmla="*/ 84 h 703"/>
                  <a:gd name="T50" fmla="*/ 113 w 899"/>
                  <a:gd name="T51" fmla="*/ 80 h 703"/>
                  <a:gd name="T52" fmla="*/ 118 w 899"/>
                  <a:gd name="T53" fmla="*/ 71 h 703"/>
                  <a:gd name="T54" fmla="*/ 101 w 899"/>
                  <a:gd name="T55" fmla="*/ 64 h 703"/>
                  <a:gd name="T56" fmla="*/ 82 w 899"/>
                  <a:gd name="T57" fmla="*/ 69 h 703"/>
                  <a:gd name="T58" fmla="*/ 83 w 899"/>
                  <a:gd name="T59" fmla="*/ 54 h 703"/>
                  <a:gd name="T60" fmla="*/ 93 w 899"/>
                  <a:gd name="T61" fmla="*/ 32 h 703"/>
                  <a:gd name="T62" fmla="*/ 111 w 899"/>
                  <a:gd name="T63" fmla="*/ 23 h 703"/>
                  <a:gd name="T64" fmla="*/ 131 w 899"/>
                  <a:gd name="T65" fmla="*/ 5 h 703"/>
                  <a:gd name="T66" fmla="*/ 167 w 899"/>
                  <a:gd name="T67" fmla="*/ 9 h 703"/>
                  <a:gd name="T68" fmla="*/ 178 w 899"/>
                  <a:gd name="T69" fmla="*/ 1 h 703"/>
                  <a:gd name="T70" fmla="*/ 195 w 899"/>
                  <a:gd name="T71" fmla="*/ 1 h 703"/>
                  <a:gd name="T72" fmla="*/ 211 w 899"/>
                  <a:gd name="T73" fmla="*/ 19 h 703"/>
                  <a:gd name="T74" fmla="*/ 227 w 899"/>
                  <a:gd name="T75" fmla="*/ 49 h 703"/>
                  <a:gd name="T76" fmla="*/ 237 w 899"/>
                  <a:gd name="T77" fmla="*/ 72 h 703"/>
                  <a:gd name="T78" fmla="*/ 227 w 899"/>
                  <a:gd name="T79" fmla="*/ 78 h 703"/>
                  <a:gd name="T80" fmla="*/ 218 w 899"/>
                  <a:gd name="T81" fmla="*/ 95 h 703"/>
                  <a:gd name="T82" fmla="*/ 209 w 899"/>
                  <a:gd name="T83" fmla="*/ 102 h 703"/>
                  <a:gd name="T84" fmla="*/ 205 w 899"/>
                  <a:gd name="T85" fmla="*/ 110 h 703"/>
                  <a:gd name="T86" fmla="*/ 204 w 899"/>
                  <a:gd name="T87" fmla="*/ 121 h 703"/>
                  <a:gd name="T88" fmla="*/ 195 w 899"/>
                  <a:gd name="T89" fmla="*/ 122 h 703"/>
                  <a:gd name="T90" fmla="*/ 185 w 899"/>
                  <a:gd name="T91" fmla="*/ 138 h 703"/>
                  <a:gd name="T92" fmla="*/ 176 w 899"/>
                  <a:gd name="T93" fmla="*/ 144 h 703"/>
                  <a:gd name="T94" fmla="*/ 185 w 899"/>
                  <a:gd name="T95" fmla="*/ 185 h 703"/>
                  <a:gd name="T96" fmla="*/ 197 w 899"/>
                  <a:gd name="T97" fmla="*/ 188 h 703"/>
                  <a:gd name="T98" fmla="*/ 207 w 899"/>
                  <a:gd name="T99" fmla="*/ 177 h 703"/>
                  <a:gd name="T100" fmla="*/ 203 w 899"/>
                  <a:gd name="T101" fmla="*/ 159 h 703"/>
                  <a:gd name="T102" fmla="*/ 216 w 899"/>
                  <a:gd name="T103" fmla="*/ 152 h 703"/>
                  <a:gd name="T104" fmla="*/ 229 w 899"/>
                  <a:gd name="T105" fmla="*/ 153 h 703"/>
                  <a:gd name="T106" fmla="*/ 233 w 899"/>
                  <a:gd name="T107" fmla="*/ 143 h 703"/>
                  <a:gd name="T108" fmla="*/ 220 w 899"/>
                  <a:gd name="T109" fmla="*/ 140 h 703"/>
                  <a:gd name="T110" fmla="*/ 224 w 899"/>
                  <a:gd name="T111" fmla="*/ 134 h 703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0" t="0" r="r" b="b"/>
                <a:pathLst>
                  <a:path w="899" h="703">
                    <a:moveTo>
                      <a:pt x="692" y="393"/>
                    </a:moveTo>
                    <a:lnTo>
                      <a:pt x="697" y="399"/>
                    </a:lnTo>
                    <a:lnTo>
                      <a:pt x="701" y="403"/>
                    </a:lnTo>
                    <a:lnTo>
                      <a:pt x="705" y="408"/>
                    </a:lnTo>
                    <a:lnTo>
                      <a:pt x="710" y="410"/>
                    </a:lnTo>
                    <a:lnTo>
                      <a:pt x="716" y="413"/>
                    </a:lnTo>
                    <a:lnTo>
                      <a:pt x="721" y="414"/>
                    </a:lnTo>
                    <a:lnTo>
                      <a:pt x="727" y="416"/>
                    </a:lnTo>
                    <a:lnTo>
                      <a:pt x="732" y="416"/>
                    </a:lnTo>
                    <a:lnTo>
                      <a:pt x="745" y="416"/>
                    </a:lnTo>
                    <a:lnTo>
                      <a:pt x="759" y="415"/>
                    </a:lnTo>
                    <a:lnTo>
                      <a:pt x="772" y="413"/>
                    </a:lnTo>
                    <a:lnTo>
                      <a:pt x="787" y="410"/>
                    </a:lnTo>
                    <a:lnTo>
                      <a:pt x="802" y="407"/>
                    </a:lnTo>
                    <a:lnTo>
                      <a:pt x="817" y="405"/>
                    </a:lnTo>
                    <a:lnTo>
                      <a:pt x="831" y="402"/>
                    </a:lnTo>
                    <a:lnTo>
                      <a:pt x="845" y="402"/>
                    </a:lnTo>
                    <a:lnTo>
                      <a:pt x="852" y="402"/>
                    </a:lnTo>
                    <a:lnTo>
                      <a:pt x="860" y="403"/>
                    </a:lnTo>
                    <a:lnTo>
                      <a:pt x="866" y="405"/>
                    </a:lnTo>
                    <a:lnTo>
                      <a:pt x="873" y="407"/>
                    </a:lnTo>
                    <a:lnTo>
                      <a:pt x="880" y="409"/>
                    </a:lnTo>
                    <a:lnTo>
                      <a:pt x="886" y="412"/>
                    </a:lnTo>
                    <a:lnTo>
                      <a:pt x="892" y="416"/>
                    </a:lnTo>
                    <a:lnTo>
                      <a:pt x="899" y="421"/>
                    </a:lnTo>
                    <a:lnTo>
                      <a:pt x="876" y="457"/>
                    </a:lnTo>
                    <a:lnTo>
                      <a:pt x="852" y="494"/>
                    </a:lnTo>
                    <a:lnTo>
                      <a:pt x="841" y="513"/>
                    </a:lnTo>
                    <a:lnTo>
                      <a:pt x="828" y="531"/>
                    </a:lnTo>
                    <a:lnTo>
                      <a:pt x="816" y="549"/>
                    </a:lnTo>
                    <a:lnTo>
                      <a:pt x="803" y="566"/>
                    </a:lnTo>
                    <a:lnTo>
                      <a:pt x="788" y="581"/>
                    </a:lnTo>
                    <a:lnTo>
                      <a:pt x="773" y="596"/>
                    </a:lnTo>
                    <a:lnTo>
                      <a:pt x="759" y="609"/>
                    </a:lnTo>
                    <a:lnTo>
                      <a:pt x="742" y="620"/>
                    </a:lnTo>
                    <a:lnTo>
                      <a:pt x="733" y="626"/>
                    </a:lnTo>
                    <a:lnTo>
                      <a:pt x="724" y="631"/>
                    </a:lnTo>
                    <a:lnTo>
                      <a:pt x="716" y="635"/>
                    </a:lnTo>
                    <a:lnTo>
                      <a:pt x="706" y="638"/>
                    </a:lnTo>
                    <a:lnTo>
                      <a:pt x="696" y="641"/>
                    </a:lnTo>
                    <a:lnTo>
                      <a:pt x="686" y="644"/>
                    </a:lnTo>
                    <a:lnTo>
                      <a:pt x="676" y="645"/>
                    </a:lnTo>
                    <a:lnTo>
                      <a:pt x="664" y="646"/>
                    </a:lnTo>
                    <a:lnTo>
                      <a:pt x="659" y="645"/>
                    </a:lnTo>
                    <a:lnTo>
                      <a:pt x="652" y="642"/>
                    </a:lnTo>
                    <a:lnTo>
                      <a:pt x="647" y="640"/>
                    </a:lnTo>
                    <a:lnTo>
                      <a:pt x="643" y="637"/>
                    </a:lnTo>
                    <a:lnTo>
                      <a:pt x="633" y="631"/>
                    </a:lnTo>
                    <a:lnTo>
                      <a:pt x="626" y="624"/>
                    </a:lnTo>
                    <a:lnTo>
                      <a:pt x="618" y="616"/>
                    </a:lnTo>
                    <a:lnTo>
                      <a:pt x="609" y="610"/>
                    </a:lnTo>
                    <a:lnTo>
                      <a:pt x="601" y="604"/>
                    </a:lnTo>
                    <a:lnTo>
                      <a:pt x="589" y="599"/>
                    </a:lnTo>
                    <a:lnTo>
                      <a:pt x="572" y="608"/>
                    </a:lnTo>
                    <a:lnTo>
                      <a:pt x="552" y="617"/>
                    </a:lnTo>
                    <a:lnTo>
                      <a:pt x="531" y="626"/>
                    </a:lnTo>
                    <a:lnTo>
                      <a:pt x="509" y="633"/>
                    </a:lnTo>
                    <a:lnTo>
                      <a:pt x="498" y="636"/>
                    </a:lnTo>
                    <a:lnTo>
                      <a:pt x="487" y="638"/>
                    </a:lnTo>
                    <a:lnTo>
                      <a:pt x="477" y="639"/>
                    </a:lnTo>
                    <a:lnTo>
                      <a:pt x="466" y="639"/>
                    </a:lnTo>
                    <a:lnTo>
                      <a:pt x="455" y="638"/>
                    </a:lnTo>
                    <a:lnTo>
                      <a:pt x="447" y="636"/>
                    </a:lnTo>
                    <a:lnTo>
                      <a:pt x="438" y="632"/>
                    </a:lnTo>
                    <a:lnTo>
                      <a:pt x="430" y="628"/>
                    </a:lnTo>
                    <a:lnTo>
                      <a:pt x="428" y="631"/>
                    </a:lnTo>
                    <a:lnTo>
                      <a:pt x="426" y="634"/>
                    </a:lnTo>
                    <a:lnTo>
                      <a:pt x="425" y="638"/>
                    </a:lnTo>
                    <a:lnTo>
                      <a:pt x="425" y="642"/>
                    </a:lnTo>
                    <a:lnTo>
                      <a:pt x="426" y="651"/>
                    </a:lnTo>
                    <a:lnTo>
                      <a:pt x="428" y="660"/>
                    </a:lnTo>
                    <a:lnTo>
                      <a:pt x="432" y="671"/>
                    </a:lnTo>
                    <a:lnTo>
                      <a:pt x="435" y="681"/>
                    </a:lnTo>
                    <a:lnTo>
                      <a:pt x="439" y="692"/>
                    </a:lnTo>
                    <a:lnTo>
                      <a:pt x="440" y="703"/>
                    </a:lnTo>
                    <a:lnTo>
                      <a:pt x="421" y="699"/>
                    </a:lnTo>
                    <a:lnTo>
                      <a:pt x="400" y="696"/>
                    </a:lnTo>
                    <a:lnTo>
                      <a:pt x="378" y="693"/>
                    </a:lnTo>
                    <a:lnTo>
                      <a:pt x="355" y="691"/>
                    </a:lnTo>
                    <a:lnTo>
                      <a:pt x="334" y="690"/>
                    </a:lnTo>
                    <a:lnTo>
                      <a:pt x="314" y="689"/>
                    </a:lnTo>
                    <a:lnTo>
                      <a:pt x="305" y="689"/>
                    </a:lnTo>
                    <a:lnTo>
                      <a:pt x="296" y="690"/>
                    </a:lnTo>
                    <a:lnTo>
                      <a:pt x="288" y="691"/>
                    </a:lnTo>
                    <a:lnTo>
                      <a:pt x="281" y="693"/>
                    </a:lnTo>
                    <a:lnTo>
                      <a:pt x="272" y="662"/>
                    </a:lnTo>
                    <a:lnTo>
                      <a:pt x="262" y="631"/>
                    </a:lnTo>
                    <a:lnTo>
                      <a:pt x="256" y="614"/>
                    </a:lnTo>
                    <a:lnTo>
                      <a:pt x="250" y="599"/>
                    </a:lnTo>
                    <a:lnTo>
                      <a:pt x="243" y="585"/>
                    </a:lnTo>
                    <a:lnTo>
                      <a:pt x="235" y="572"/>
                    </a:lnTo>
                    <a:lnTo>
                      <a:pt x="227" y="560"/>
                    </a:lnTo>
                    <a:lnTo>
                      <a:pt x="217" y="551"/>
                    </a:lnTo>
                    <a:lnTo>
                      <a:pt x="213" y="548"/>
                    </a:lnTo>
                    <a:lnTo>
                      <a:pt x="208" y="545"/>
                    </a:lnTo>
                    <a:lnTo>
                      <a:pt x="202" y="542"/>
                    </a:lnTo>
                    <a:lnTo>
                      <a:pt x="196" y="540"/>
                    </a:lnTo>
                    <a:lnTo>
                      <a:pt x="190" y="540"/>
                    </a:lnTo>
                    <a:lnTo>
                      <a:pt x="184" y="540"/>
                    </a:lnTo>
                    <a:lnTo>
                      <a:pt x="177" y="541"/>
                    </a:lnTo>
                    <a:lnTo>
                      <a:pt x="171" y="544"/>
                    </a:lnTo>
                    <a:lnTo>
                      <a:pt x="164" y="547"/>
                    </a:lnTo>
                    <a:lnTo>
                      <a:pt x="156" y="550"/>
                    </a:lnTo>
                    <a:lnTo>
                      <a:pt x="148" y="555"/>
                    </a:lnTo>
                    <a:lnTo>
                      <a:pt x="140" y="561"/>
                    </a:lnTo>
                    <a:lnTo>
                      <a:pt x="127" y="557"/>
                    </a:lnTo>
                    <a:lnTo>
                      <a:pt x="114" y="552"/>
                    </a:lnTo>
                    <a:lnTo>
                      <a:pt x="102" y="546"/>
                    </a:lnTo>
                    <a:lnTo>
                      <a:pt x="90" y="539"/>
                    </a:lnTo>
                    <a:lnTo>
                      <a:pt x="80" y="532"/>
                    </a:lnTo>
                    <a:lnTo>
                      <a:pt x="69" y="524"/>
                    </a:lnTo>
                    <a:lnTo>
                      <a:pt x="60" y="515"/>
                    </a:lnTo>
                    <a:lnTo>
                      <a:pt x="51" y="507"/>
                    </a:lnTo>
                    <a:lnTo>
                      <a:pt x="42" y="496"/>
                    </a:lnTo>
                    <a:lnTo>
                      <a:pt x="34" y="487"/>
                    </a:lnTo>
                    <a:lnTo>
                      <a:pt x="27" y="475"/>
                    </a:lnTo>
                    <a:lnTo>
                      <a:pt x="21" y="463"/>
                    </a:lnTo>
                    <a:lnTo>
                      <a:pt x="14" y="452"/>
                    </a:lnTo>
                    <a:lnTo>
                      <a:pt x="9" y="439"/>
                    </a:lnTo>
                    <a:lnTo>
                      <a:pt x="4" y="426"/>
                    </a:lnTo>
                    <a:lnTo>
                      <a:pt x="0" y="412"/>
                    </a:lnTo>
                    <a:lnTo>
                      <a:pt x="10" y="414"/>
                    </a:lnTo>
                    <a:lnTo>
                      <a:pt x="21" y="415"/>
                    </a:lnTo>
                    <a:lnTo>
                      <a:pt x="30" y="415"/>
                    </a:lnTo>
                    <a:lnTo>
                      <a:pt x="40" y="415"/>
                    </a:lnTo>
                    <a:lnTo>
                      <a:pt x="48" y="413"/>
                    </a:lnTo>
                    <a:lnTo>
                      <a:pt x="56" y="412"/>
                    </a:lnTo>
                    <a:lnTo>
                      <a:pt x="65" y="409"/>
                    </a:lnTo>
                    <a:lnTo>
                      <a:pt x="72" y="406"/>
                    </a:lnTo>
                    <a:lnTo>
                      <a:pt x="80" y="402"/>
                    </a:lnTo>
                    <a:lnTo>
                      <a:pt x="86" y="398"/>
                    </a:lnTo>
                    <a:lnTo>
                      <a:pt x="93" y="393"/>
                    </a:lnTo>
                    <a:lnTo>
                      <a:pt x="100" y="388"/>
                    </a:lnTo>
                    <a:lnTo>
                      <a:pt x="111" y="376"/>
                    </a:lnTo>
                    <a:lnTo>
                      <a:pt x="122" y="362"/>
                    </a:lnTo>
                    <a:lnTo>
                      <a:pt x="132" y="349"/>
                    </a:lnTo>
                    <a:lnTo>
                      <a:pt x="142" y="334"/>
                    </a:lnTo>
                    <a:lnTo>
                      <a:pt x="151" y="318"/>
                    </a:lnTo>
                    <a:lnTo>
                      <a:pt x="160" y="302"/>
                    </a:lnTo>
                    <a:lnTo>
                      <a:pt x="169" y="287"/>
                    </a:lnTo>
                    <a:lnTo>
                      <a:pt x="177" y="272"/>
                    </a:lnTo>
                    <a:lnTo>
                      <a:pt x="187" y="257"/>
                    </a:lnTo>
                    <a:lnTo>
                      <a:pt x="196" y="243"/>
                    </a:lnTo>
                    <a:lnTo>
                      <a:pt x="209" y="249"/>
                    </a:lnTo>
                    <a:lnTo>
                      <a:pt x="220" y="253"/>
                    </a:lnTo>
                    <a:lnTo>
                      <a:pt x="229" y="254"/>
                    </a:lnTo>
                    <a:lnTo>
                      <a:pt x="237" y="255"/>
                    </a:lnTo>
                    <a:lnTo>
                      <a:pt x="246" y="255"/>
                    </a:lnTo>
                    <a:lnTo>
                      <a:pt x="253" y="253"/>
                    </a:lnTo>
                    <a:lnTo>
                      <a:pt x="261" y="251"/>
                    </a:lnTo>
                    <a:lnTo>
                      <a:pt x="268" y="249"/>
                    </a:lnTo>
                    <a:lnTo>
                      <a:pt x="283" y="243"/>
                    </a:lnTo>
                    <a:lnTo>
                      <a:pt x="302" y="240"/>
                    </a:lnTo>
                    <a:lnTo>
                      <a:pt x="312" y="239"/>
                    </a:lnTo>
                    <a:lnTo>
                      <a:pt x="325" y="239"/>
                    </a:lnTo>
                    <a:lnTo>
                      <a:pt x="340" y="240"/>
                    </a:lnTo>
                    <a:lnTo>
                      <a:pt x="355" y="243"/>
                    </a:lnTo>
                    <a:lnTo>
                      <a:pt x="356" y="235"/>
                    </a:lnTo>
                    <a:lnTo>
                      <a:pt x="358" y="229"/>
                    </a:lnTo>
                    <a:lnTo>
                      <a:pt x="356" y="222"/>
                    </a:lnTo>
                    <a:lnTo>
                      <a:pt x="355" y="217"/>
                    </a:lnTo>
                    <a:lnTo>
                      <a:pt x="353" y="213"/>
                    </a:lnTo>
                    <a:lnTo>
                      <a:pt x="351" y="210"/>
                    </a:lnTo>
                    <a:lnTo>
                      <a:pt x="347" y="207"/>
                    </a:lnTo>
                    <a:lnTo>
                      <a:pt x="344" y="203"/>
                    </a:lnTo>
                    <a:lnTo>
                      <a:pt x="326" y="196"/>
                    </a:lnTo>
                    <a:lnTo>
                      <a:pt x="309" y="188"/>
                    </a:lnTo>
                    <a:lnTo>
                      <a:pt x="304" y="192"/>
                    </a:lnTo>
                    <a:lnTo>
                      <a:pt x="300" y="195"/>
                    </a:lnTo>
                    <a:lnTo>
                      <a:pt x="294" y="198"/>
                    </a:lnTo>
                    <a:lnTo>
                      <a:pt x="289" y="200"/>
                    </a:lnTo>
                    <a:lnTo>
                      <a:pt x="279" y="204"/>
                    </a:lnTo>
                    <a:lnTo>
                      <a:pt x="267" y="207"/>
                    </a:lnTo>
                    <a:lnTo>
                      <a:pt x="245" y="207"/>
                    </a:lnTo>
                    <a:lnTo>
                      <a:pt x="224" y="205"/>
                    </a:lnTo>
                    <a:lnTo>
                      <a:pt x="227" y="198"/>
                    </a:lnTo>
                    <a:lnTo>
                      <a:pt x="231" y="190"/>
                    </a:lnTo>
                    <a:lnTo>
                      <a:pt x="234" y="182"/>
                    </a:lnTo>
                    <a:lnTo>
                      <a:pt x="239" y="176"/>
                    </a:lnTo>
                    <a:lnTo>
                      <a:pt x="248" y="162"/>
                    </a:lnTo>
                    <a:lnTo>
                      <a:pt x="256" y="150"/>
                    </a:lnTo>
                    <a:lnTo>
                      <a:pt x="265" y="136"/>
                    </a:lnTo>
                    <a:lnTo>
                      <a:pt x="272" y="120"/>
                    </a:lnTo>
                    <a:lnTo>
                      <a:pt x="275" y="113"/>
                    </a:lnTo>
                    <a:lnTo>
                      <a:pt x="277" y="103"/>
                    </a:lnTo>
                    <a:lnTo>
                      <a:pt x="280" y="95"/>
                    </a:lnTo>
                    <a:lnTo>
                      <a:pt x="281" y="84"/>
                    </a:lnTo>
                    <a:lnTo>
                      <a:pt x="293" y="83"/>
                    </a:lnTo>
                    <a:lnTo>
                      <a:pt x="305" y="81"/>
                    </a:lnTo>
                    <a:lnTo>
                      <a:pt x="315" y="77"/>
                    </a:lnTo>
                    <a:lnTo>
                      <a:pt x="325" y="73"/>
                    </a:lnTo>
                    <a:lnTo>
                      <a:pt x="334" y="68"/>
                    </a:lnTo>
                    <a:lnTo>
                      <a:pt x="342" y="61"/>
                    </a:lnTo>
                    <a:lnTo>
                      <a:pt x="349" y="55"/>
                    </a:lnTo>
                    <a:lnTo>
                      <a:pt x="356" y="48"/>
                    </a:lnTo>
                    <a:lnTo>
                      <a:pt x="370" y="34"/>
                    </a:lnTo>
                    <a:lnTo>
                      <a:pt x="385" y="20"/>
                    </a:lnTo>
                    <a:lnTo>
                      <a:pt x="393" y="14"/>
                    </a:lnTo>
                    <a:lnTo>
                      <a:pt x="402" y="9"/>
                    </a:lnTo>
                    <a:lnTo>
                      <a:pt x="410" y="3"/>
                    </a:lnTo>
                    <a:lnTo>
                      <a:pt x="421" y="0"/>
                    </a:lnTo>
                    <a:lnTo>
                      <a:pt x="447" y="9"/>
                    </a:lnTo>
                    <a:lnTo>
                      <a:pt x="473" y="18"/>
                    </a:lnTo>
                    <a:lnTo>
                      <a:pt x="499" y="28"/>
                    </a:lnTo>
                    <a:lnTo>
                      <a:pt x="524" y="37"/>
                    </a:lnTo>
                    <a:lnTo>
                      <a:pt x="523" y="28"/>
                    </a:lnTo>
                    <a:lnTo>
                      <a:pt x="524" y="20"/>
                    </a:lnTo>
                    <a:lnTo>
                      <a:pt x="526" y="13"/>
                    </a:lnTo>
                    <a:lnTo>
                      <a:pt x="530" y="9"/>
                    </a:lnTo>
                    <a:lnTo>
                      <a:pt x="534" y="4"/>
                    </a:lnTo>
                    <a:lnTo>
                      <a:pt x="541" y="2"/>
                    </a:lnTo>
                    <a:lnTo>
                      <a:pt x="548" y="0"/>
                    </a:lnTo>
                    <a:lnTo>
                      <a:pt x="557" y="0"/>
                    </a:lnTo>
                    <a:lnTo>
                      <a:pt x="565" y="0"/>
                    </a:lnTo>
                    <a:lnTo>
                      <a:pt x="574" y="1"/>
                    </a:lnTo>
                    <a:lnTo>
                      <a:pt x="584" y="3"/>
                    </a:lnTo>
                    <a:lnTo>
                      <a:pt x="592" y="6"/>
                    </a:lnTo>
                    <a:lnTo>
                      <a:pt x="611" y="12"/>
                    </a:lnTo>
                    <a:lnTo>
                      <a:pt x="627" y="19"/>
                    </a:lnTo>
                    <a:lnTo>
                      <a:pt x="627" y="32"/>
                    </a:lnTo>
                    <a:lnTo>
                      <a:pt x="629" y="44"/>
                    </a:lnTo>
                    <a:lnTo>
                      <a:pt x="632" y="58"/>
                    </a:lnTo>
                    <a:lnTo>
                      <a:pt x="637" y="71"/>
                    </a:lnTo>
                    <a:lnTo>
                      <a:pt x="642" y="83"/>
                    </a:lnTo>
                    <a:lnTo>
                      <a:pt x="648" y="97"/>
                    </a:lnTo>
                    <a:lnTo>
                      <a:pt x="656" y="110"/>
                    </a:lnTo>
                    <a:lnTo>
                      <a:pt x="663" y="122"/>
                    </a:lnTo>
                    <a:lnTo>
                      <a:pt x="679" y="147"/>
                    </a:lnTo>
                    <a:lnTo>
                      <a:pt x="697" y="171"/>
                    </a:lnTo>
                    <a:lnTo>
                      <a:pt x="713" y="194"/>
                    </a:lnTo>
                    <a:lnTo>
                      <a:pt x="730" y="215"/>
                    </a:lnTo>
                    <a:lnTo>
                      <a:pt x="723" y="215"/>
                    </a:lnTo>
                    <a:lnTo>
                      <a:pt x="716" y="215"/>
                    </a:lnTo>
                    <a:lnTo>
                      <a:pt x="709" y="215"/>
                    </a:lnTo>
                    <a:lnTo>
                      <a:pt x="704" y="216"/>
                    </a:lnTo>
                    <a:lnTo>
                      <a:pt x="699" y="218"/>
                    </a:lnTo>
                    <a:lnTo>
                      <a:pt x="694" y="220"/>
                    </a:lnTo>
                    <a:lnTo>
                      <a:pt x="690" y="222"/>
                    </a:lnTo>
                    <a:lnTo>
                      <a:pt x="686" y="226"/>
                    </a:lnTo>
                    <a:lnTo>
                      <a:pt x="680" y="233"/>
                    </a:lnTo>
                    <a:lnTo>
                      <a:pt x="674" y="240"/>
                    </a:lnTo>
                    <a:lnTo>
                      <a:pt x="669" y="250"/>
                    </a:lnTo>
                    <a:lnTo>
                      <a:pt x="665" y="258"/>
                    </a:lnTo>
                    <a:lnTo>
                      <a:pt x="661" y="268"/>
                    </a:lnTo>
                    <a:lnTo>
                      <a:pt x="657" y="277"/>
                    </a:lnTo>
                    <a:lnTo>
                      <a:pt x="652" y="286"/>
                    </a:lnTo>
                    <a:lnTo>
                      <a:pt x="646" y="293"/>
                    </a:lnTo>
                    <a:lnTo>
                      <a:pt x="643" y="297"/>
                    </a:lnTo>
                    <a:lnTo>
                      <a:pt x="640" y="299"/>
                    </a:lnTo>
                    <a:lnTo>
                      <a:pt x="636" y="302"/>
                    </a:lnTo>
                    <a:lnTo>
                      <a:pt x="631" y="304"/>
                    </a:lnTo>
                    <a:lnTo>
                      <a:pt x="626" y="307"/>
                    </a:lnTo>
                    <a:lnTo>
                      <a:pt x="621" y="308"/>
                    </a:lnTo>
                    <a:lnTo>
                      <a:pt x="614" y="309"/>
                    </a:lnTo>
                    <a:lnTo>
                      <a:pt x="608" y="309"/>
                    </a:lnTo>
                    <a:lnTo>
                      <a:pt x="609" y="317"/>
                    </a:lnTo>
                    <a:lnTo>
                      <a:pt x="610" y="323"/>
                    </a:lnTo>
                    <a:lnTo>
                      <a:pt x="613" y="329"/>
                    </a:lnTo>
                    <a:lnTo>
                      <a:pt x="616" y="335"/>
                    </a:lnTo>
                    <a:lnTo>
                      <a:pt x="618" y="340"/>
                    </a:lnTo>
                    <a:lnTo>
                      <a:pt x="619" y="348"/>
                    </a:lnTo>
                    <a:lnTo>
                      <a:pt x="619" y="355"/>
                    </a:lnTo>
                    <a:lnTo>
                      <a:pt x="618" y="366"/>
                    </a:lnTo>
                    <a:lnTo>
                      <a:pt x="611" y="363"/>
                    </a:lnTo>
                    <a:lnTo>
                      <a:pt x="605" y="362"/>
                    </a:lnTo>
                    <a:lnTo>
                      <a:pt x="600" y="362"/>
                    </a:lnTo>
                    <a:lnTo>
                      <a:pt x="596" y="363"/>
                    </a:lnTo>
                    <a:lnTo>
                      <a:pt x="590" y="364"/>
                    </a:lnTo>
                    <a:lnTo>
                      <a:pt x="586" y="366"/>
                    </a:lnTo>
                    <a:lnTo>
                      <a:pt x="583" y="368"/>
                    </a:lnTo>
                    <a:lnTo>
                      <a:pt x="579" y="370"/>
                    </a:lnTo>
                    <a:lnTo>
                      <a:pt x="573" y="376"/>
                    </a:lnTo>
                    <a:lnTo>
                      <a:pt x="568" y="382"/>
                    </a:lnTo>
                    <a:lnTo>
                      <a:pt x="564" y="390"/>
                    </a:lnTo>
                    <a:lnTo>
                      <a:pt x="560" y="398"/>
                    </a:lnTo>
                    <a:lnTo>
                      <a:pt x="553" y="414"/>
                    </a:lnTo>
                    <a:lnTo>
                      <a:pt x="546" y="427"/>
                    </a:lnTo>
                    <a:lnTo>
                      <a:pt x="542" y="431"/>
                    </a:lnTo>
                    <a:lnTo>
                      <a:pt x="537" y="433"/>
                    </a:lnTo>
                    <a:lnTo>
                      <a:pt x="534" y="434"/>
                    </a:lnTo>
                    <a:lnTo>
                      <a:pt x="531" y="433"/>
                    </a:lnTo>
                    <a:lnTo>
                      <a:pt x="528" y="432"/>
                    </a:lnTo>
                    <a:lnTo>
                      <a:pt x="524" y="431"/>
                    </a:lnTo>
                    <a:lnTo>
                      <a:pt x="531" y="468"/>
                    </a:lnTo>
                    <a:lnTo>
                      <a:pt x="540" y="503"/>
                    </a:lnTo>
                    <a:lnTo>
                      <a:pt x="544" y="521"/>
                    </a:lnTo>
                    <a:lnTo>
                      <a:pt x="549" y="538"/>
                    </a:lnTo>
                    <a:lnTo>
                      <a:pt x="555" y="555"/>
                    </a:lnTo>
                    <a:lnTo>
                      <a:pt x="562" y="571"/>
                    </a:lnTo>
                    <a:lnTo>
                      <a:pt x="569" y="572"/>
                    </a:lnTo>
                    <a:lnTo>
                      <a:pt x="575" y="572"/>
                    </a:lnTo>
                    <a:lnTo>
                      <a:pt x="582" y="570"/>
                    </a:lnTo>
                    <a:lnTo>
                      <a:pt x="587" y="569"/>
                    </a:lnTo>
                    <a:lnTo>
                      <a:pt x="591" y="566"/>
                    </a:lnTo>
                    <a:lnTo>
                      <a:pt x="596" y="562"/>
                    </a:lnTo>
                    <a:lnTo>
                      <a:pt x="599" y="559"/>
                    </a:lnTo>
                    <a:lnTo>
                      <a:pt x="602" y="556"/>
                    </a:lnTo>
                    <a:lnTo>
                      <a:pt x="608" y="548"/>
                    </a:lnTo>
                    <a:lnTo>
                      <a:pt x="613" y="539"/>
                    </a:lnTo>
                    <a:lnTo>
                      <a:pt x="620" y="531"/>
                    </a:lnTo>
                    <a:lnTo>
                      <a:pt x="627" y="525"/>
                    </a:lnTo>
                    <a:lnTo>
                      <a:pt x="621" y="512"/>
                    </a:lnTo>
                    <a:lnTo>
                      <a:pt x="613" y="500"/>
                    </a:lnTo>
                    <a:lnTo>
                      <a:pt x="610" y="494"/>
                    </a:lnTo>
                    <a:lnTo>
                      <a:pt x="608" y="487"/>
                    </a:lnTo>
                    <a:lnTo>
                      <a:pt x="607" y="478"/>
                    </a:lnTo>
                    <a:lnTo>
                      <a:pt x="608" y="468"/>
                    </a:lnTo>
                    <a:lnTo>
                      <a:pt x="614" y="462"/>
                    </a:lnTo>
                    <a:lnTo>
                      <a:pt x="621" y="458"/>
                    </a:lnTo>
                    <a:lnTo>
                      <a:pt x="627" y="456"/>
                    </a:lnTo>
                    <a:lnTo>
                      <a:pt x="633" y="456"/>
                    </a:lnTo>
                    <a:lnTo>
                      <a:pt x="646" y="458"/>
                    </a:lnTo>
                    <a:lnTo>
                      <a:pt x="659" y="461"/>
                    </a:lnTo>
                    <a:lnTo>
                      <a:pt x="664" y="463"/>
                    </a:lnTo>
                    <a:lnTo>
                      <a:pt x="670" y="463"/>
                    </a:lnTo>
                    <a:lnTo>
                      <a:pt x="677" y="465"/>
                    </a:lnTo>
                    <a:lnTo>
                      <a:pt x="682" y="463"/>
                    </a:lnTo>
                    <a:lnTo>
                      <a:pt x="687" y="460"/>
                    </a:lnTo>
                    <a:lnTo>
                      <a:pt x="692" y="456"/>
                    </a:lnTo>
                    <a:lnTo>
                      <a:pt x="698" y="450"/>
                    </a:lnTo>
                    <a:lnTo>
                      <a:pt x="702" y="440"/>
                    </a:lnTo>
                    <a:lnTo>
                      <a:pt x="701" y="435"/>
                    </a:lnTo>
                    <a:lnTo>
                      <a:pt x="700" y="432"/>
                    </a:lnTo>
                    <a:lnTo>
                      <a:pt x="698" y="429"/>
                    </a:lnTo>
                    <a:lnTo>
                      <a:pt x="694" y="427"/>
                    </a:lnTo>
                    <a:lnTo>
                      <a:pt x="691" y="425"/>
                    </a:lnTo>
                    <a:lnTo>
                      <a:pt x="687" y="422"/>
                    </a:lnTo>
                    <a:lnTo>
                      <a:pt x="683" y="422"/>
                    </a:lnTo>
                    <a:lnTo>
                      <a:pt x="679" y="421"/>
                    </a:lnTo>
                    <a:lnTo>
                      <a:pt x="658" y="421"/>
                    </a:lnTo>
                    <a:lnTo>
                      <a:pt x="637" y="421"/>
                    </a:lnTo>
                    <a:lnTo>
                      <a:pt x="642" y="416"/>
                    </a:lnTo>
                    <a:lnTo>
                      <a:pt x="648" y="412"/>
                    </a:lnTo>
                    <a:lnTo>
                      <a:pt x="656" y="410"/>
                    </a:lnTo>
                    <a:lnTo>
                      <a:pt x="663" y="407"/>
                    </a:lnTo>
                    <a:lnTo>
                      <a:pt x="670" y="402"/>
                    </a:lnTo>
                    <a:lnTo>
                      <a:pt x="677" y="398"/>
                    </a:lnTo>
                    <a:lnTo>
                      <a:pt x="679" y="396"/>
                    </a:lnTo>
                    <a:lnTo>
                      <a:pt x="681" y="392"/>
                    </a:lnTo>
                    <a:lnTo>
                      <a:pt x="683" y="389"/>
                    </a:lnTo>
                    <a:lnTo>
                      <a:pt x="683" y="383"/>
                    </a:lnTo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</p:grpSp>
      <p:grpSp>
        <p:nvGrpSpPr>
          <p:cNvPr id="1233" name="Nordjylland"/>
          <p:cNvGrpSpPr>
            <a:grpSpLocks/>
          </p:cNvGrpSpPr>
          <p:nvPr/>
        </p:nvGrpSpPr>
        <p:grpSpPr>
          <a:xfrm>
            <a:off x="5893123" y="1741867"/>
            <a:ext cx="2263774" cy="1676401"/>
            <a:chOff x="636588" y="2149475"/>
            <a:chExt cx="2263774" cy="1676401"/>
          </a:xfrm>
          <a:solidFill>
            <a:schemeClr val="accent5">
              <a:lumMod val="60000"/>
              <a:lumOff val="40000"/>
            </a:schemeClr>
          </a:solidFill>
        </p:grpSpPr>
        <p:sp>
          <p:nvSpPr>
            <p:cNvPr id="1234" name="Hjørring"/>
            <p:cNvSpPr>
              <a:spLocks/>
            </p:cNvSpPr>
            <p:nvPr/>
          </p:nvSpPr>
          <p:spPr bwMode="auto">
            <a:xfrm>
              <a:off x="1760538" y="2336800"/>
              <a:ext cx="523875" cy="436563"/>
            </a:xfrm>
            <a:custGeom>
              <a:avLst/>
              <a:gdLst>
                <a:gd name="T0" fmla="*/ 89 w 990"/>
                <a:gd name="T1" fmla="*/ 72 h 825"/>
                <a:gd name="T2" fmla="*/ 47 w 990"/>
                <a:gd name="T3" fmla="*/ 134 h 825"/>
                <a:gd name="T4" fmla="*/ 25 w 990"/>
                <a:gd name="T5" fmla="*/ 174 h 825"/>
                <a:gd name="T6" fmla="*/ 6 w 990"/>
                <a:gd name="T7" fmla="*/ 218 h 825"/>
                <a:gd name="T8" fmla="*/ 7 w 990"/>
                <a:gd name="T9" fmla="*/ 236 h 825"/>
                <a:gd name="T10" fmla="*/ 16 w 990"/>
                <a:gd name="T11" fmla="*/ 243 h 825"/>
                <a:gd name="T12" fmla="*/ 23 w 990"/>
                <a:gd name="T13" fmla="*/ 252 h 825"/>
                <a:gd name="T14" fmla="*/ 34 w 990"/>
                <a:gd name="T15" fmla="*/ 267 h 825"/>
                <a:gd name="T16" fmla="*/ 42 w 990"/>
                <a:gd name="T17" fmla="*/ 275 h 825"/>
                <a:gd name="T18" fmla="*/ 43 w 990"/>
                <a:gd name="T19" fmla="*/ 270 h 825"/>
                <a:gd name="T20" fmla="*/ 46 w 990"/>
                <a:gd name="T21" fmla="*/ 267 h 825"/>
                <a:gd name="T22" fmla="*/ 51 w 990"/>
                <a:gd name="T23" fmla="*/ 266 h 825"/>
                <a:gd name="T24" fmla="*/ 61 w 990"/>
                <a:gd name="T25" fmla="*/ 265 h 825"/>
                <a:gd name="T26" fmla="*/ 61 w 990"/>
                <a:gd name="T27" fmla="*/ 257 h 825"/>
                <a:gd name="T28" fmla="*/ 61 w 990"/>
                <a:gd name="T29" fmla="*/ 248 h 825"/>
                <a:gd name="T30" fmla="*/ 64 w 990"/>
                <a:gd name="T31" fmla="*/ 246 h 825"/>
                <a:gd name="T32" fmla="*/ 88 w 990"/>
                <a:gd name="T33" fmla="*/ 246 h 825"/>
                <a:gd name="T34" fmla="*/ 95 w 990"/>
                <a:gd name="T35" fmla="*/ 248 h 825"/>
                <a:gd name="T36" fmla="*/ 102 w 990"/>
                <a:gd name="T37" fmla="*/ 253 h 825"/>
                <a:gd name="T38" fmla="*/ 109 w 990"/>
                <a:gd name="T39" fmla="*/ 257 h 825"/>
                <a:gd name="T40" fmla="*/ 116 w 990"/>
                <a:gd name="T41" fmla="*/ 253 h 825"/>
                <a:gd name="T42" fmla="*/ 122 w 990"/>
                <a:gd name="T43" fmla="*/ 251 h 825"/>
                <a:gd name="T44" fmla="*/ 132 w 990"/>
                <a:gd name="T45" fmla="*/ 251 h 825"/>
                <a:gd name="T46" fmla="*/ 148 w 990"/>
                <a:gd name="T47" fmla="*/ 257 h 825"/>
                <a:gd name="T48" fmla="*/ 164 w 990"/>
                <a:gd name="T49" fmla="*/ 264 h 825"/>
                <a:gd name="T50" fmla="*/ 173 w 990"/>
                <a:gd name="T51" fmla="*/ 265 h 825"/>
                <a:gd name="T52" fmla="*/ 173 w 990"/>
                <a:gd name="T53" fmla="*/ 263 h 825"/>
                <a:gd name="T54" fmla="*/ 172 w 990"/>
                <a:gd name="T55" fmla="*/ 258 h 825"/>
                <a:gd name="T56" fmla="*/ 173 w 990"/>
                <a:gd name="T57" fmla="*/ 254 h 825"/>
                <a:gd name="T58" fmla="*/ 176 w 990"/>
                <a:gd name="T59" fmla="*/ 252 h 825"/>
                <a:gd name="T60" fmla="*/ 190 w 990"/>
                <a:gd name="T61" fmla="*/ 253 h 825"/>
                <a:gd name="T62" fmla="*/ 216 w 990"/>
                <a:gd name="T63" fmla="*/ 253 h 825"/>
                <a:gd name="T64" fmla="*/ 230 w 990"/>
                <a:gd name="T65" fmla="*/ 246 h 825"/>
                <a:gd name="T66" fmla="*/ 232 w 990"/>
                <a:gd name="T67" fmla="*/ 236 h 825"/>
                <a:gd name="T68" fmla="*/ 245 w 990"/>
                <a:gd name="T69" fmla="*/ 225 h 825"/>
                <a:gd name="T70" fmla="*/ 250 w 990"/>
                <a:gd name="T71" fmla="*/ 224 h 825"/>
                <a:gd name="T72" fmla="*/ 254 w 990"/>
                <a:gd name="T73" fmla="*/ 212 h 825"/>
                <a:gd name="T74" fmla="*/ 257 w 990"/>
                <a:gd name="T75" fmla="*/ 205 h 825"/>
                <a:gd name="T76" fmla="*/ 274 w 990"/>
                <a:gd name="T77" fmla="*/ 205 h 825"/>
                <a:gd name="T78" fmla="*/ 291 w 990"/>
                <a:gd name="T79" fmla="*/ 209 h 825"/>
                <a:gd name="T80" fmla="*/ 301 w 990"/>
                <a:gd name="T81" fmla="*/ 209 h 825"/>
                <a:gd name="T82" fmla="*/ 311 w 990"/>
                <a:gd name="T83" fmla="*/ 206 h 825"/>
                <a:gd name="T84" fmla="*/ 308 w 990"/>
                <a:gd name="T85" fmla="*/ 201 h 825"/>
                <a:gd name="T86" fmla="*/ 301 w 990"/>
                <a:gd name="T87" fmla="*/ 195 h 825"/>
                <a:gd name="T88" fmla="*/ 297 w 990"/>
                <a:gd name="T89" fmla="*/ 187 h 825"/>
                <a:gd name="T90" fmla="*/ 290 w 990"/>
                <a:gd name="T91" fmla="*/ 173 h 825"/>
                <a:gd name="T92" fmla="*/ 285 w 990"/>
                <a:gd name="T93" fmla="*/ 165 h 825"/>
                <a:gd name="T94" fmla="*/ 289 w 990"/>
                <a:gd name="T95" fmla="*/ 154 h 825"/>
                <a:gd name="T96" fmla="*/ 297 w 990"/>
                <a:gd name="T97" fmla="*/ 146 h 825"/>
                <a:gd name="T98" fmla="*/ 311 w 990"/>
                <a:gd name="T99" fmla="*/ 137 h 825"/>
                <a:gd name="T100" fmla="*/ 324 w 990"/>
                <a:gd name="T101" fmla="*/ 126 h 825"/>
                <a:gd name="T102" fmla="*/ 327 w 990"/>
                <a:gd name="T103" fmla="*/ 117 h 825"/>
                <a:gd name="T104" fmla="*/ 318 w 990"/>
                <a:gd name="T105" fmla="*/ 107 h 825"/>
                <a:gd name="T106" fmla="*/ 305 w 990"/>
                <a:gd name="T107" fmla="*/ 85 h 825"/>
                <a:gd name="T108" fmla="*/ 295 w 990"/>
                <a:gd name="T109" fmla="*/ 61 h 825"/>
                <a:gd name="T110" fmla="*/ 279 w 990"/>
                <a:gd name="T111" fmla="*/ 22 h 825"/>
                <a:gd name="T112" fmla="*/ 265 w 990"/>
                <a:gd name="T113" fmla="*/ 0 h 825"/>
                <a:gd name="T114" fmla="*/ 245 w 990"/>
                <a:gd name="T115" fmla="*/ 12 h 825"/>
                <a:gd name="T116" fmla="*/ 221 w 990"/>
                <a:gd name="T117" fmla="*/ 20 h 825"/>
                <a:gd name="T118" fmla="*/ 193 w 990"/>
                <a:gd name="T119" fmla="*/ 25 h 825"/>
                <a:gd name="T120" fmla="*/ 163 w 990"/>
                <a:gd name="T121" fmla="*/ 26 h 825"/>
                <a:gd name="T122" fmla="*/ 133 w 990"/>
                <a:gd name="T123" fmla="*/ 24 h 825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990" h="825">
                  <a:moveTo>
                    <a:pt x="370" y="67"/>
                  </a:moveTo>
                  <a:lnTo>
                    <a:pt x="318" y="142"/>
                  </a:lnTo>
                  <a:lnTo>
                    <a:pt x="267" y="216"/>
                  </a:lnTo>
                  <a:lnTo>
                    <a:pt x="216" y="290"/>
                  </a:lnTo>
                  <a:lnTo>
                    <a:pt x="166" y="365"/>
                  </a:lnTo>
                  <a:lnTo>
                    <a:pt x="142" y="403"/>
                  </a:lnTo>
                  <a:lnTo>
                    <a:pt x="119" y="442"/>
                  </a:lnTo>
                  <a:lnTo>
                    <a:pt x="97" y="482"/>
                  </a:lnTo>
                  <a:lnTo>
                    <a:pt x="75" y="523"/>
                  </a:lnTo>
                  <a:lnTo>
                    <a:pt x="55" y="566"/>
                  </a:lnTo>
                  <a:lnTo>
                    <a:pt x="35" y="609"/>
                  </a:lnTo>
                  <a:lnTo>
                    <a:pt x="17" y="653"/>
                  </a:lnTo>
                  <a:lnTo>
                    <a:pt x="0" y="699"/>
                  </a:lnTo>
                  <a:lnTo>
                    <a:pt x="12" y="702"/>
                  </a:lnTo>
                  <a:lnTo>
                    <a:pt x="22" y="708"/>
                  </a:lnTo>
                  <a:lnTo>
                    <a:pt x="32" y="714"/>
                  </a:lnTo>
                  <a:lnTo>
                    <a:pt x="41" y="721"/>
                  </a:lnTo>
                  <a:lnTo>
                    <a:pt x="48" y="730"/>
                  </a:lnTo>
                  <a:lnTo>
                    <a:pt x="56" y="738"/>
                  </a:lnTo>
                  <a:lnTo>
                    <a:pt x="63" y="747"/>
                  </a:lnTo>
                  <a:lnTo>
                    <a:pt x="70" y="756"/>
                  </a:lnTo>
                  <a:lnTo>
                    <a:pt x="82" y="775"/>
                  </a:lnTo>
                  <a:lnTo>
                    <a:pt x="95" y="793"/>
                  </a:lnTo>
                  <a:lnTo>
                    <a:pt x="102" y="802"/>
                  </a:lnTo>
                  <a:lnTo>
                    <a:pt x="110" y="811"/>
                  </a:lnTo>
                  <a:lnTo>
                    <a:pt x="118" y="818"/>
                  </a:lnTo>
                  <a:lnTo>
                    <a:pt x="126" y="825"/>
                  </a:lnTo>
                  <a:lnTo>
                    <a:pt x="126" y="819"/>
                  </a:lnTo>
                  <a:lnTo>
                    <a:pt x="127" y="815"/>
                  </a:lnTo>
                  <a:lnTo>
                    <a:pt x="130" y="811"/>
                  </a:lnTo>
                  <a:lnTo>
                    <a:pt x="132" y="808"/>
                  </a:lnTo>
                  <a:lnTo>
                    <a:pt x="134" y="805"/>
                  </a:lnTo>
                  <a:lnTo>
                    <a:pt x="137" y="802"/>
                  </a:lnTo>
                  <a:lnTo>
                    <a:pt x="140" y="800"/>
                  </a:lnTo>
                  <a:lnTo>
                    <a:pt x="144" y="799"/>
                  </a:lnTo>
                  <a:lnTo>
                    <a:pt x="154" y="797"/>
                  </a:lnTo>
                  <a:lnTo>
                    <a:pt x="163" y="796"/>
                  </a:lnTo>
                  <a:lnTo>
                    <a:pt x="174" y="796"/>
                  </a:lnTo>
                  <a:lnTo>
                    <a:pt x="184" y="796"/>
                  </a:lnTo>
                  <a:lnTo>
                    <a:pt x="186" y="789"/>
                  </a:lnTo>
                  <a:lnTo>
                    <a:pt x="185" y="779"/>
                  </a:lnTo>
                  <a:lnTo>
                    <a:pt x="184" y="770"/>
                  </a:lnTo>
                  <a:lnTo>
                    <a:pt x="183" y="760"/>
                  </a:lnTo>
                  <a:lnTo>
                    <a:pt x="183" y="752"/>
                  </a:lnTo>
                  <a:lnTo>
                    <a:pt x="184" y="745"/>
                  </a:lnTo>
                  <a:lnTo>
                    <a:pt x="186" y="742"/>
                  </a:lnTo>
                  <a:lnTo>
                    <a:pt x="189" y="739"/>
                  </a:lnTo>
                  <a:lnTo>
                    <a:pt x="191" y="738"/>
                  </a:lnTo>
                  <a:lnTo>
                    <a:pt x="195" y="737"/>
                  </a:lnTo>
                  <a:lnTo>
                    <a:pt x="230" y="739"/>
                  </a:lnTo>
                  <a:lnTo>
                    <a:pt x="263" y="738"/>
                  </a:lnTo>
                  <a:lnTo>
                    <a:pt x="271" y="739"/>
                  </a:lnTo>
                  <a:lnTo>
                    <a:pt x="279" y="741"/>
                  </a:lnTo>
                  <a:lnTo>
                    <a:pt x="286" y="745"/>
                  </a:lnTo>
                  <a:lnTo>
                    <a:pt x="294" y="748"/>
                  </a:lnTo>
                  <a:lnTo>
                    <a:pt x="301" y="753"/>
                  </a:lnTo>
                  <a:lnTo>
                    <a:pt x="307" y="759"/>
                  </a:lnTo>
                  <a:lnTo>
                    <a:pt x="315" y="767"/>
                  </a:lnTo>
                  <a:lnTo>
                    <a:pt x="320" y="776"/>
                  </a:lnTo>
                  <a:lnTo>
                    <a:pt x="328" y="771"/>
                  </a:lnTo>
                  <a:lnTo>
                    <a:pt x="334" y="766"/>
                  </a:lnTo>
                  <a:lnTo>
                    <a:pt x="340" y="762"/>
                  </a:lnTo>
                  <a:lnTo>
                    <a:pt x="348" y="758"/>
                  </a:lnTo>
                  <a:lnTo>
                    <a:pt x="354" y="756"/>
                  </a:lnTo>
                  <a:lnTo>
                    <a:pt x="360" y="754"/>
                  </a:lnTo>
                  <a:lnTo>
                    <a:pt x="366" y="753"/>
                  </a:lnTo>
                  <a:lnTo>
                    <a:pt x="373" y="752"/>
                  </a:lnTo>
                  <a:lnTo>
                    <a:pt x="384" y="752"/>
                  </a:lnTo>
                  <a:lnTo>
                    <a:pt x="397" y="753"/>
                  </a:lnTo>
                  <a:lnTo>
                    <a:pt x="409" y="756"/>
                  </a:lnTo>
                  <a:lnTo>
                    <a:pt x="420" y="760"/>
                  </a:lnTo>
                  <a:lnTo>
                    <a:pt x="443" y="771"/>
                  </a:lnTo>
                  <a:lnTo>
                    <a:pt x="466" y="782"/>
                  </a:lnTo>
                  <a:lnTo>
                    <a:pt x="478" y="787"/>
                  </a:lnTo>
                  <a:lnTo>
                    <a:pt x="491" y="791"/>
                  </a:lnTo>
                  <a:lnTo>
                    <a:pt x="502" y="794"/>
                  </a:lnTo>
                  <a:lnTo>
                    <a:pt x="515" y="796"/>
                  </a:lnTo>
                  <a:lnTo>
                    <a:pt x="518" y="795"/>
                  </a:lnTo>
                  <a:lnTo>
                    <a:pt x="519" y="794"/>
                  </a:lnTo>
                  <a:lnTo>
                    <a:pt x="520" y="792"/>
                  </a:lnTo>
                  <a:lnTo>
                    <a:pt x="520" y="790"/>
                  </a:lnTo>
                  <a:lnTo>
                    <a:pt x="519" y="783"/>
                  </a:lnTo>
                  <a:lnTo>
                    <a:pt x="518" y="776"/>
                  </a:lnTo>
                  <a:lnTo>
                    <a:pt x="517" y="773"/>
                  </a:lnTo>
                  <a:lnTo>
                    <a:pt x="517" y="770"/>
                  </a:lnTo>
                  <a:lnTo>
                    <a:pt x="517" y="767"/>
                  </a:lnTo>
                  <a:lnTo>
                    <a:pt x="518" y="763"/>
                  </a:lnTo>
                  <a:lnTo>
                    <a:pt x="520" y="761"/>
                  </a:lnTo>
                  <a:lnTo>
                    <a:pt x="523" y="759"/>
                  </a:lnTo>
                  <a:lnTo>
                    <a:pt x="529" y="757"/>
                  </a:lnTo>
                  <a:lnTo>
                    <a:pt x="534" y="757"/>
                  </a:lnTo>
                  <a:lnTo>
                    <a:pt x="551" y="759"/>
                  </a:lnTo>
                  <a:lnTo>
                    <a:pt x="570" y="760"/>
                  </a:lnTo>
                  <a:lnTo>
                    <a:pt x="590" y="760"/>
                  </a:lnTo>
                  <a:lnTo>
                    <a:pt x="610" y="760"/>
                  </a:lnTo>
                  <a:lnTo>
                    <a:pt x="649" y="758"/>
                  </a:lnTo>
                  <a:lnTo>
                    <a:pt x="680" y="757"/>
                  </a:lnTo>
                  <a:lnTo>
                    <a:pt x="686" y="747"/>
                  </a:lnTo>
                  <a:lnTo>
                    <a:pt x="689" y="738"/>
                  </a:lnTo>
                  <a:lnTo>
                    <a:pt x="692" y="731"/>
                  </a:lnTo>
                  <a:lnTo>
                    <a:pt x="693" y="723"/>
                  </a:lnTo>
                  <a:lnTo>
                    <a:pt x="696" y="707"/>
                  </a:lnTo>
                  <a:lnTo>
                    <a:pt x="699" y="679"/>
                  </a:lnTo>
                  <a:lnTo>
                    <a:pt x="720" y="676"/>
                  </a:lnTo>
                  <a:lnTo>
                    <a:pt x="734" y="676"/>
                  </a:lnTo>
                  <a:lnTo>
                    <a:pt x="738" y="675"/>
                  </a:lnTo>
                  <a:lnTo>
                    <a:pt x="743" y="674"/>
                  </a:lnTo>
                  <a:lnTo>
                    <a:pt x="750" y="673"/>
                  </a:lnTo>
                  <a:lnTo>
                    <a:pt x="757" y="670"/>
                  </a:lnTo>
                  <a:lnTo>
                    <a:pt x="759" y="652"/>
                  </a:lnTo>
                  <a:lnTo>
                    <a:pt x="762" y="636"/>
                  </a:lnTo>
                  <a:lnTo>
                    <a:pt x="764" y="629"/>
                  </a:lnTo>
                  <a:lnTo>
                    <a:pt x="768" y="622"/>
                  </a:lnTo>
                  <a:lnTo>
                    <a:pt x="772" y="616"/>
                  </a:lnTo>
                  <a:lnTo>
                    <a:pt x="777" y="612"/>
                  </a:lnTo>
                  <a:lnTo>
                    <a:pt x="801" y="613"/>
                  </a:lnTo>
                  <a:lnTo>
                    <a:pt x="823" y="616"/>
                  </a:lnTo>
                  <a:lnTo>
                    <a:pt x="845" y="620"/>
                  </a:lnTo>
                  <a:lnTo>
                    <a:pt x="863" y="624"/>
                  </a:lnTo>
                  <a:lnTo>
                    <a:pt x="873" y="626"/>
                  </a:lnTo>
                  <a:lnTo>
                    <a:pt x="883" y="626"/>
                  </a:lnTo>
                  <a:lnTo>
                    <a:pt x="893" y="627"/>
                  </a:lnTo>
                  <a:lnTo>
                    <a:pt x="902" y="626"/>
                  </a:lnTo>
                  <a:lnTo>
                    <a:pt x="912" y="623"/>
                  </a:lnTo>
                  <a:lnTo>
                    <a:pt x="921" y="621"/>
                  </a:lnTo>
                  <a:lnTo>
                    <a:pt x="932" y="617"/>
                  </a:lnTo>
                  <a:lnTo>
                    <a:pt x="941" y="612"/>
                  </a:lnTo>
                  <a:lnTo>
                    <a:pt x="932" y="609"/>
                  </a:lnTo>
                  <a:lnTo>
                    <a:pt x="924" y="603"/>
                  </a:lnTo>
                  <a:lnTo>
                    <a:pt x="916" y="598"/>
                  </a:lnTo>
                  <a:lnTo>
                    <a:pt x="910" y="593"/>
                  </a:lnTo>
                  <a:lnTo>
                    <a:pt x="903" y="586"/>
                  </a:lnTo>
                  <a:lnTo>
                    <a:pt x="899" y="578"/>
                  </a:lnTo>
                  <a:lnTo>
                    <a:pt x="894" y="570"/>
                  </a:lnTo>
                  <a:lnTo>
                    <a:pt x="890" y="561"/>
                  </a:lnTo>
                  <a:lnTo>
                    <a:pt x="881" y="544"/>
                  </a:lnTo>
                  <a:lnTo>
                    <a:pt x="874" y="527"/>
                  </a:lnTo>
                  <a:lnTo>
                    <a:pt x="870" y="518"/>
                  </a:lnTo>
                  <a:lnTo>
                    <a:pt x="866" y="510"/>
                  </a:lnTo>
                  <a:lnTo>
                    <a:pt x="860" y="502"/>
                  </a:lnTo>
                  <a:lnTo>
                    <a:pt x="854" y="495"/>
                  </a:lnTo>
                  <a:lnTo>
                    <a:pt x="857" y="483"/>
                  </a:lnTo>
                  <a:lnTo>
                    <a:pt x="860" y="472"/>
                  </a:lnTo>
                  <a:lnTo>
                    <a:pt x="867" y="462"/>
                  </a:lnTo>
                  <a:lnTo>
                    <a:pt x="873" y="454"/>
                  </a:lnTo>
                  <a:lnTo>
                    <a:pt x="881" y="445"/>
                  </a:lnTo>
                  <a:lnTo>
                    <a:pt x="890" y="438"/>
                  </a:lnTo>
                  <a:lnTo>
                    <a:pt x="900" y="431"/>
                  </a:lnTo>
                  <a:lnTo>
                    <a:pt x="910" y="424"/>
                  </a:lnTo>
                  <a:lnTo>
                    <a:pt x="932" y="411"/>
                  </a:lnTo>
                  <a:lnTo>
                    <a:pt x="953" y="396"/>
                  </a:lnTo>
                  <a:lnTo>
                    <a:pt x="964" y="389"/>
                  </a:lnTo>
                  <a:lnTo>
                    <a:pt x="973" y="379"/>
                  </a:lnTo>
                  <a:lnTo>
                    <a:pt x="982" y="370"/>
                  </a:lnTo>
                  <a:lnTo>
                    <a:pt x="990" y="359"/>
                  </a:lnTo>
                  <a:lnTo>
                    <a:pt x="980" y="350"/>
                  </a:lnTo>
                  <a:lnTo>
                    <a:pt x="971" y="340"/>
                  </a:lnTo>
                  <a:lnTo>
                    <a:pt x="962" y="331"/>
                  </a:lnTo>
                  <a:lnTo>
                    <a:pt x="954" y="320"/>
                  </a:lnTo>
                  <a:lnTo>
                    <a:pt x="939" y="300"/>
                  </a:lnTo>
                  <a:lnTo>
                    <a:pt x="926" y="278"/>
                  </a:lnTo>
                  <a:lnTo>
                    <a:pt x="914" y="256"/>
                  </a:lnTo>
                  <a:lnTo>
                    <a:pt x="903" y="233"/>
                  </a:lnTo>
                  <a:lnTo>
                    <a:pt x="894" y="209"/>
                  </a:lnTo>
                  <a:lnTo>
                    <a:pt x="885" y="184"/>
                  </a:lnTo>
                  <a:lnTo>
                    <a:pt x="867" y="137"/>
                  </a:lnTo>
                  <a:lnTo>
                    <a:pt x="848" y="90"/>
                  </a:lnTo>
                  <a:lnTo>
                    <a:pt x="836" y="65"/>
                  </a:lnTo>
                  <a:lnTo>
                    <a:pt x="825" y="43"/>
                  </a:lnTo>
                  <a:lnTo>
                    <a:pt x="811" y="21"/>
                  </a:lnTo>
                  <a:lnTo>
                    <a:pt x="796" y="0"/>
                  </a:lnTo>
                  <a:lnTo>
                    <a:pt x="778" y="13"/>
                  </a:lnTo>
                  <a:lnTo>
                    <a:pt x="758" y="24"/>
                  </a:lnTo>
                  <a:lnTo>
                    <a:pt x="736" y="35"/>
                  </a:lnTo>
                  <a:lnTo>
                    <a:pt x="713" y="44"/>
                  </a:lnTo>
                  <a:lnTo>
                    <a:pt x="689" y="53"/>
                  </a:lnTo>
                  <a:lnTo>
                    <a:pt x="662" y="60"/>
                  </a:lnTo>
                  <a:lnTo>
                    <a:pt x="636" y="66"/>
                  </a:lnTo>
                  <a:lnTo>
                    <a:pt x="608" y="71"/>
                  </a:lnTo>
                  <a:lnTo>
                    <a:pt x="579" y="75"/>
                  </a:lnTo>
                  <a:lnTo>
                    <a:pt x="550" y="77"/>
                  </a:lnTo>
                  <a:lnTo>
                    <a:pt x="520" y="78"/>
                  </a:lnTo>
                  <a:lnTo>
                    <a:pt x="490" y="79"/>
                  </a:lnTo>
                  <a:lnTo>
                    <a:pt x="459" y="78"/>
                  </a:lnTo>
                  <a:lnTo>
                    <a:pt x="430" y="76"/>
                  </a:lnTo>
                  <a:lnTo>
                    <a:pt x="399" y="73"/>
                  </a:lnTo>
                  <a:lnTo>
                    <a:pt x="370" y="67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235" name="Hjørring kant"/>
            <p:cNvSpPr>
              <a:spLocks/>
            </p:cNvSpPr>
            <p:nvPr/>
          </p:nvSpPr>
          <p:spPr bwMode="auto">
            <a:xfrm>
              <a:off x="1760538" y="2336800"/>
              <a:ext cx="523875" cy="436563"/>
            </a:xfrm>
            <a:custGeom>
              <a:avLst/>
              <a:gdLst>
                <a:gd name="T0" fmla="*/ 89 w 990"/>
                <a:gd name="T1" fmla="*/ 72 h 825"/>
                <a:gd name="T2" fmla="*/ 47 w 990"/>
                <a:gd name="T3" fmla="*/ 134 h 825"/>
                <a:gd name="T4" fmla="*/ 25 w 990"/>
                <a:gd name="T5" fmla="*/ 174 h 825"/>
                <a:gd name="T6" fmla="*/ 6 w 990"/>
                <a:gd name="T7" fmla="*/ 218 h 825"/>
                <a:gd name="T8" fmla="*/ 7 w 990"/>
                <a:gd name="T9" fmla="*/ 236 h 825"/>
                <a:gd name="T10" fmla="*/ 16 w 990"/>
                <a:gd name="T11" fmla="*/ 243 h 825"/>
                <a:gd name="T12" fmla="*/ 23 w 990"/>
                <a:gd name="T13" fmla="*/ 252 h 825"/>
                <a:gd name="T14" fmla="*/ 34 w 990"/>
                <a:gd name="T15" fmla="*/ 267 h 825"/>
                <a:gd name="T16" fmla="*/ 42 w 990"/>
                <a:gd name="T17" fmla="*/ 275 h 825"/>
                <a:gd name="T18" fmla="*/ 43 w 990"/>
                <a:gd name="T19" fmla="*/ 270 h 825"/>
                <a:gd name="T20" fmla="*/ 46 w 990"/>
                <a:gd name="T21" fmla="*/ 267 h 825"/>
                <a:gd name="T22" fmla="*/ 51 w 990"/>
                <a:gd name="T23" fmla="*/ 266 h 825"/>
                <a:gd name="T24" fmla="*/ 61 w 990"/>
                <a:gd name="T25" fmla="*/ 265 h 825"/>
                <a:gd name="T26" fmla="*/ 61 w 990"/>
                <a:gd name="T27" fmla="*/ 257 h 825"/>
                <a:gd name="T28" fmla="*/ 61 w 990"/>
                <a:gd name="T29" fmla="*/ 248 h 825"/>
                <a:gd name="T30" fmla="*/ 64 w 990"/>
                <a:gd name="T31" fmla="*/ 246 h 825"/>
                <a:gd name="T32" fmla="*/ 88 w 990"/>
                <a:gd name="T33" fmla="*/ 246 h 825"/>
                <a:gd name="T34" fmla="*/ 95 w 990"/>
                <a:gd name="T35" fmla="*/ 248 h 825"/>
                <a:gd name="T36" fmla="*/ 102 w 990"/>
                <a:gd name="T37" fmla="*/ 253 h 825"/>
                <a:gd name="T38" fmla="*/ 109 w 990"/>
                <a:gd name="T39" fmla="*/ 257 h 825"/>
                <a:gd name="T40" fmla="*/ 116 w 990"/>
                <a:gd name="T41" fmla="*/ 253 h 825"/>
                <a:gd name="T42" fmla="*/ 122 w 990"/>
                <a:gd name="T43" fmla="*/ 251 h 825"/>
                <a:gd name="T44" fmla="*/ 132 w 990"/>
                <a:gd name="T45" fmla="*/ 251 h 825"/>
                <a:gd name="T46" fmla="*/ 148 w 990"/>
                <a:gd name="T47" fmla="*/ 257 h 825"/>
                <a:gd name="T48" fmla="*/ 164 w 990"/>
                <a:gd name="T49" fmla="*/ 264 h 825"/>
                <a:gd name="T50" fmla="*/ 173 w 990"/>
                <a:gd name="T51" fmla="*/ 265 h 825"/>
                <a:gd name="T52" fmla="*/ 173 w 990"/>
                <a:gd name="T53" fmla="*/ 263 h 825"/>
                <a:gd name="T54" fmla="*/ 172 w 990"/>
                <a:gd name="T55" fmla="*/ 258 h 825"/>
                <a:gd name="T56" fmla="*/ 173 w 990"/>
                <a:gd name="T57" fmla="*/ 254 h 825"/>
                <a:gd name="T58" fmla="*/ 176 w 990"/>
                <a:gd name="T59" fmla="*/ 252 h 825"/>
                <a:gd name="T60" fmla="*/ 190 w 990"/>
                <a:gd name="T61" fmla="*/ 253 h 825"/>
                <a:gd name="T62" fmla="*/ 216 w 990"/>
                <a:gd name="T63" fmla="*/ 253 h 825"/>
                <a:gd name="T64" fmla="*/ 230 w 990"/>
                <a:gd name="T65" fmla="*/ 246 h 825"/>
                <a:gd name="T66" fmla="*/ 232 w 990"/>
                <a:gd name="T67" fmla="*/ 236 h 825"/>
                <a:gd name="T68" fmla="*/ 245 w 990"/>
                <a:gd name="T69" fmla="*/ 225 h 825"/>
                <a:gd name="T70" fmla="*/ 250 w 990"/>
                <a:gd name="T71" fmla="*/ 224 h 825"/>
                <a:gd name="T72" fmla="*/ 254 w 990"/>
                <a:gd name="T73" fmla="*/ 212 h 825"/>
                <a:gd name="T74" fmla="*/ 257 w 990"/>
                <a:gd name="T75" fmla="*/ 205 h 825"/>
                <a:gd name="T76" fmla="*/ 274 w 990"/>
                <a:gd name="T77" fmla="*/ 205 h 825"/>
                <a:gd name="T78" fmla="*/ 291 w 990"/>
                <a:gd name="T79" fmla="*/ 209 h 825"/>
                <a:gd name="T80" fmla="*/ 301 w 990"/>
                <a:gd name="T81" fmla="*/ 209 h 825"/>
                <a:gd name="T82" fmla="*/ 311 w 990"/>
                <a:gd name="T83" fmla="*/ 206 h 825"/>
                <a:gd name="T84" fmla="*/ 308 w 990"/>
                <a:gd name="T85" fmla="*/ 201 h 825"/>
                <a:gd name="T86" fmla="*/ 301 w 990"/>
                <a:gd name="T87" fmla="*/ 195 h 825"/>
                <a:gd name="T88" fmla="*/ 297 w 990"/>
                <a:gd name="T89" fmla="*/ 187 h 825"/>
                <a:gd name="T90" fmla="*/ 290 w 990"/>
                <a:gd name="T91" fmla="*/ 173 h 825"/>
                <a:gd name="T92" fmla="*/ 285 w 990"/>
                <a:gd name="T93" fmla="*/ 165 h 825"/>
                <a:gd name="T94" fmla="*/ 289 w 990"/>
                <a:gd name="T95" fmla="*/ 154 h 825"/>
                <a:gd name="T96" fmla="*/ 297 w 990"/>
                <a:gd name="T97" fmla="*/ 146 h 825"/>
                <a:gd name="T98" fmla="*/ 311 w 990"/>
                <a:gd name="T99" fmla="*/ 137 h 825"/>
                <a:gd name="T100" fmla="*/ 324 w 990"/>
                <a:gd name="T101" fmla="*/ 126 h 825"/>
                <a:gd name="T102" fmla="*/ 327 w 990"/>
                <a:gd name="T103" fmla="*/ 117 h 825"/>
                <a:gd name="T104" fmla="*/ 318 w 990"/>
                <a:gd name="T105" fmla="*/ 107 h 825"/>
                <a:gd name="T106" fmla="*/ 305 w 990"/>
                <a:gd name="T107" fmla="*/ 85 h 825"/>
                <a:gd name="T108" fmla="*/ 295 w 990"/>
                <a:gd name="T109" fmla="*/ 61 h 825"/>
                <a:gd name="T110" fmla="*/ 279 w 990"/>
                <a:gd name="T111" fmla="*/ 22 h 825"/>
                <a:gd name="T112" fmla="*/ 265 w 990"/>
                <a:gd name="T113" fmla="*/ 0 h 825"/>
                <a:gd name="T114" fmla="*/ 245 w 990"/>
                <a:gd name="T115" fmla="*/ 12 h 825"/>
                <a:gd name="T116" fmla="*/ 221 w 990"/>
                <a:gd name="T117" fmla="*/ 20 h 825"/>
                <a:gd name="T118" fmla="*/ 193 w 990"/>
                <a:gd name="T119" fmla="*/ 25 h 825"/>
                <a:gd name="T120" fmla="*/ 163 w 990"/>
                <a:gd name="T121" fmla="*/ 26 h 825"/>
                <a:gd name="T122" fmla="*/ 133 w 990"/>
                <a:gd name="T123" fmla="*/ 24 h 825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990" h="825">
                  <a:moveTo>
                    <a:pt x="370" y="67"/>
                  </a:moveTo>
                  <a:lnTo>
                    <a:pt x="318" y="142"/>
                  </a:lnTo>
                  <a:lnTo>
                    <a:pt x="267" y="216"/>
                  </a:lnTo>
                  <a:lnTo>
                    <a:pt x="216" y="290"/>
                  </a:lnTo>
                  <a:lnTo>
                    <a:pt x="166" y="365"/>
                  </a:lnTo>
                  <a:lnTo>
                    <a:pt x="142" y="403"/>
                  </a:lnTo>
                  <a:lnTo>
                    <a:pt x="119" y="442"/>
                  </a:lnTo>
                  <a:lnTo>
                    <a:pt x="97" y="482"/>
                  </a:lnTo>
                  <a:lnTo>
                    <a:pt x="75" y="523"/>
                  </a:lnTo>
                  <a:lnTo>
                    <a:pt x="55" y="566"/>
                  </a:lnTo>
                  <a:lnTo>
                    <a:pt x="35" y="609"/>
                  </a:lnTo>
                  <a:lnTo>
                    <a:pt x="17" y="653"/>
                  </a:lnTo>
                  <a:lnTo>
                    <a:pt x="0" y="699"/>
                  </a:lnTo>
                  <a:lnTo>
                    <a:pt x="12" y="702"/>
                  </a:lnTo>
                  <a:lnTo>
                    <a:pt x="22" y="708"/>
                  </a:lnTo>
                  <a:lnTo>
                    <a:pt x="32" y="714"/>
                  </a:lnTo>
                  <a:lnTo>
                    <a:pt x="41" y="721"/>
                  </a:lnTo>
                  <a:lnTo>
                    <a:pt x="48" y="730"/>
                  </a:lnTo>
                  <a:lnTo>
                    <a:pt x="56" y="738"/>
                  </a:lnTo>
                  <a:lnTo>
                    <a:pt x="63" y="747"/>
                  </a:lnTo>
                  <a:lnTo>
                    <a:pt x="70" y="756"/>
                  </a:lnTo>
                  <a:lnTo>
                    <a:pt x="82" y="775"/>
                  </a:lnTo>
                  <a:lnTo>
                    <a:pt x="95" y="793"/>
                  </a:lnTo>
                  <a:lnTo>
                    <a:pt x="102" y="802"/>
                  </a:lnTo>
                  <a:lnTo>
                    <a:pt x="110" y="811"/>
                  </a:lnTo>
                  <a:lnTo>
                    <a:pt x="118" y="818"/>
                  </a:lnTo>
                  <a:lnTo>
                    <a:pt x="126" y="825"/>
                  </a:lnTo>
                  <a:lnTo>
                    <a:pt x="126" y="819"/>
                  </a:lnTo>
                  <a:lnTo>
                    <a:pt x="127" y="815"/>
                  </a:lnTo>
                  <a:lnTo>
                    <a:pt x="130" y="811"/>
                  </a:lnTo>
                  <a:lnTo>
                    <a:pt x="132" y="808"/>
                  </a:lnTo>
                  <a:lnTo>
                    <a:pt x="134" y="805"/>
                  </a:lnTo>
                  <a:lnTo>
                    <a:pt x="137" y="802"/>
                  </a:lnTo>
                  <a:lnTo>
                    <a:pt x="140" y="800"/>
                  </a:lnTo>
                  <a:lnTo>
                    <a:pt x="144" y="799"/>
                  </a:lnTo>
                  <a:lnTo>
                    <a:pt x="154" y="797"/>
                  </a:lnTo>
                  <a:lnTo>
                    <a:pt x="163" y="796"/>
                  </a:lnTo>
                  <a:lnTo>
                    <a:pt x="174" y="796"/>
                  </a:lnTo>
                  <a:lnTo>
                    <a:pt x="184" y="796"/>
                  </a:lnTo>
                  <a:lnTo>
                    <a:pt x="186" y="789"/>
                  </a:lnTo>
                  <a:lnTo>
                    <a:pt x="185" y="779"/>
                  </a:lnTo>
                  <a:lnTo>
                    <a:pt x="184" y="770"/>
                  </a:lnTo>
                  <a:lnTo>
                    <a:pt x="183" y="760"/>
                  </a:lnTo>
                  <a:lnTo>
                    <a:pt x="183" y="752"/>
                  </a:lnTo>
                  <a:lnTo>
                    <a:pt x="184" y="745"/>
                  </a:lnTo>
                  <a:lnTo>
                    <a:pt x="186" y="742"/>
                  </a:lnTo>
                  <a:lnTo>
                    <a:pt x="189" y="739"/>
                  </a:lnTo>
                  <a:lnTo>
                    <a:pt x="191" y="738"/>
                  </a:lnTo>
                  <a:lnTo>
                    <a:pt x="195" y="737"/>
                  </a:lnTo>
                  <a:lnTo>
                    <a:pt x="230" y="739"/>
                  </a:lnTo>
                  <a:lnTo>
                    <a:pt x="263" y="738"/>
                  </a:lnTo>
                  <a:lnTo>
                    <a:pt x="271" y="739"/>
                  </a:lnTo>
                  <a:lnTo>
                    <a:pt x="279" y="741"/>
                  </a:lnTo>
                  <a:lnTo>
                    <a:pt x="286" y="745"/>
                  </a:lnTo>
                  <a:lnTo>
                    <a:pt x="294" y="748"/>
                  </a:lnTo>
                  <a:lnTo>
                    <a:pt x="301" y="753"/>
                  </a:lnTo>
                  <a:lnTo>
                    <a:pt x="307" y="759"/>
                  </a:lnTo>
                  <a:lnTo>
                    <a:pt x="315" y="767"/>
                  </a:lnTo>
                  <a:lnTo>
                    <a:pt x="320" y="776"/>
                  </a:lnTo>
                  <a:lnTo>
                    <a:pt x="328" y="771"/>
                  </a:lnTo>
                  <a:lnTo>
                    <a:pt x="334" y="766"/>
                  </a:lnTo>
                  <a:lnTo>
                    <a:pt x="340" y="762"/>
                  </a:lnTo>
                  <a:lnTo>
                    <a:pt x="348" y="758"/>
                  </a:lnTo>
                  <a:lnTo>
                    <a:pt x="354" y="756"/>
                  </a:lnTo>
                  <a:lnTo>
                    <a:pt x="360" y="754"/>
                  </a:lnTo>
                  <a:lnTo>
                    <a:pt x="366" y="753"/>
                  </a:lnTo>
                  <a:lnTo>
                    <a:pt x="373" y="752"/>
                  </a:lnTo>
                  <a:lnTo>
                    <a:pt x="384" y="752"/>
                  </a:lnTo>
                  <a:lnTo>
                    <a:pt x="397" y="753"/>
                  </a:lnTo>
                  <a:lnTo>
                    <a:pt x="409" y="756"/>
                  </a:lnTo>
                  <a:lnTo>
                    <a:pt x="420" y="760"/>
                  </a:lnTo>
                  <a:lnTo>
                    <a:pt x="443" y="771"/>
                  </a:lnTo>
                  <a:lnTo>
                    <a:pt x="466" y="782"/>
                  </a:lnTo>
                  <a:lnTo>
                    <a:pt x="478" y="787"/>
                  </a:lnTo>
                  <a:lnTo>
                    <a:pt x="491" y="791"/>
                  </a:lnTo>
                  <a:lnTo>
                    <a:pt x="502" y="794"/>
                  </a:lnTo>
                  <a:lnTo>
                    <a:pt x="515" y="796"/>
                  </a:lnTo>
                  <a:lnTo>
                    <a:pt x="518" y="795"/>
                  </a:lnTo>
                  <a:lnTo>
                    <a:pt x="519" y="794"/>
                  </a:lnTo>
                  <a:lnTo>
                    <a:pt x="520" y="792"/>
                  </a:lnTo>
                  <a:lnTo>
                    <a:pt x="520" y="790"/>
                  </a:lnTo>
                  <a:lnTo>
                    <a:pt x="519" y="783"/>
                  </a:lnTo>
                  <a:lnTo>
                    <a:pt x="518" y="776"/>
                  </a:lnTo>
                  <a:lnTo>
                    <a:pt x="517" y="773"/>
                  </a:lnTo>
                  <a:lnTo>
                    <a:pt x="517" y="770"/>
                  </a:lnTo>
                  <a:lnTo>
                    <a:pt x="517" y="767"/>
                  </a:lnTo>
                  <a:lnTo>
                    <a:pt x="518" y="763"/>
                  </a:lnTo>
                  <a:lnTo>
                    <a:pt x="520" y="761"/>
                  </a:lnTo>
                  <a:lnTo>
                    <a:pt x="523" y="759"/>
                  </a:lnTo>
                  <a:lnTo>
                    <a:pt x="529" y="757"/>
                  </a:lnTo>
                  <a:lnTo>
                    <a:pt x="534" y="757"/>
                  </a:lnTo>
                  <a:lnTo>
                    <a:pt x="551" y="759"/>
                  </a:lnTo>
                  <a:lnTo>
                    <a:pt x="570" y="760"/>
                  </a:lnTo>
                  <a:lnTo>
                    <a:pt x="590" y="760"/>
                  </a:lnTo>
                  <a:lnTo>
                    <a:pt x="610" y="760"/>
                  </a:lnTo>
                  <a:lnTo>
                    <a:pt x="649" y="758"/>
                  </a:lnTo>
                  <a:lnTo>
                    <a:pt x="680" y="757"/>
                  </a:lnTo>
                  <a:lnTo>
                    <a:pt x="686" y="747"/>
                  </a:lnTo>
                  <a:lnTo>
                    <a:pt x="689" y="738"/>
                  </a:lnTo>
                  <a:lnTo>
                    <a:pt x="692" y="731"/>
                  </a:lnTo>
                  <a:lnTo>
                    <a:pt x="693" y="723"/>
                  </a:lnTo>
                  <a:lnTo>
                    <a:pt x="696" y="707"/>
                  </a:lnTo>
                  <a:lnTo>
                    <a:pt x="699" y="679"/>
                  </a:lnTo>
                  <a:lnTo>
                    <a:pt x="720" y="676"/>
                  </a:lnTo>
                  <a:lnTo>
                    <a:pt x="734" y="676"/>
                  </a:lnTo>
                  <a:lnTo>
                    <a:pt x="738" y="675"/>
                  </a:lnTo>
                  <a:lnTo>
                    <a:pt x="743" y="674"/>
                  </a:lnTo>
                  <a:lnTo>
                    <a:pt x="750" y="673"/>
                  </a:lnTo>
                  <a:lnTo>
                    <a:pt x="757" y="670"/>
                  </a:lnTo>
                  <a:lnTo>
                    <a:pt x="759" y="652"/>
                  </a:lnTo>
                  <a:lnTo>
                    <a:pt x="762" y="636"/>
                  </a:lnTo>
                  <a:lnTo>
                    <a:pt x="764" y="629"/>
                  </a:lnTo>
                  <a:lnTo>
                    <a:pt x="768" y="622"/>
                  </a:lnTo>
                  <a:lnTo>
                    <a:pt x="772" y="616"/>
                  </a:lnTo>
                  <a:lnTo>
                    <a:pt x="777" y="612"/>
                  </a:lnTo>
                  <a:lnTo>
                    <a:pt x="801" y="613"/>
                  </a:lnTo>
                  <a:lnTo>
                    <a:pt x="823" y="616"/>
                  </a:lnTo>
                  <a:lnTo>
                    <a:pt x="845" y="620"/>
                  </a:lnTo>
                  <a:lnTo>
                    <a:pt x="863" y="624"/>
                  </a:lnTo>
                  <a:lnTo>
                    <a:pt x="873" y="626"/>
                  </a:lnTo>
                  <a:lnTo>
                    <a:pt x="883" y="626"/>
                  </a:lnTo>
                  <a:lnTo>
                    <a:pt x="893" y="627"/>
                  </a:lnTo>
                  <a:lnTo>
                    <a:pt x="902" y="626"/>
                  </a:lnTo>
                  <a:lnTo>
                    <a:pt x="912" y="623"/>
                  </a:lnTo>
                  <a:lnTo>
                    <a:pt x="921" y="621"/>
                  </a:lnTo>
                  <a:lnTo>
                    <a:pt x="932" y="617"/>
                  </a:lnTo>
                  <a:lnTo>
                    <a:pt x="941" y="612"/>
                  </a:lnTo>
                  <a:lnTo>
                    <a:pt x="932" y="609"/>
                  </a:lnTo>
                  <a:lnTo>
                    <a:pt x="924" y="603"/>
                  </a:lnTo>
                  <a:lnTo>
                    <a:pt x="916" y="598"/>
                  </a:lnTo>
                  <a:lnTo>
                    <a:pt x="910" y="593"/>
                  </a:lnTo>
                  <a:lnTo>
                    <a:pt x="903" y="586"/>
                  </a:lnTo>
                  <a:lnTo>
                    <a:pt x="899" y="578"/>
                  </a:lnTo>
                  <a:lnTo>
                    <a:pt x="894" y="570"/>
                  </a:lnTo>
                  <a:lnTo>
                    <a:pt x="890" y="561"/>
                  </a:lnTo>
                  <a:lnTo>
                    <a:pt x="881" y="544"/>
                  </a:lnTo>
                  <a:lnTo>
                    <a:pt x="874" y="527"/>
                  </a:lnTo>
                  <a:lnTo>
                    <a:pt x="870" y="518"/>
                  </a:lnTo>
                  <a:lnTo>
                    <a:pt x="866" y="510"/>
                  </a:lnTo>
                  <a:lnTo>
                    <a:pt x="860" y="502"/>
                  </a:lnTo>
                  <a:lnTo>
                    <a:pt x="854" y="495"/>
                  </a:lnTo>
                  <a:lnTo>
                    <a:pt x="857" y="483"/>
                  </a:lnTo>
                  <a:lnTo>
                    <a:pt x="860" y="472"/>
                  </a:lnTo>
                  <a:lnTo>
                    <a:pt x="867" y="462"/>
                  </a:lnTo>
                  <a:lnTo>
                    <a:pt x="873" y="454"/>
                  </a:lnTo>
                  <a:lnTo>
                    <a:pt x="881" y="445"/>
                  </a:lnTo>
                  <a:lnTo>
                    <a:pt x="890" y="438"/>
                  </a:lnTo>
                  <a:lnTo>
                    <a:pt x="900" y="431"/>
                  </a:lnTo>
                  <a:lnTo>
                    <a:pt x="910" y="424"/>
                  </a:lnTo>
                  <a:lnTo>
                    <a:pt x="932" y="411"/>
                  </a:lnTo>
                  <a:lnTo>
                    <a:pt x="953" y="396"/>
                  </a:lnTo>
                  <a:lnTo>
                    <a:pt x="964" y="389"/>
                  </a:lnTo>
                  <a:lnTo>
                    <a:pt x="973" y="379"/>
                  </a:lnTo>
                  <a:lnTo>
                    <a:pt x="982" y="370"/>
                  </a:lnTo>
                  <a:lnTo>
                    <a:pt x="990" y="359"/>
                  </a:lnTo>
                  <a:lnTo>
                    <a:pt x="980" y="350"/>
                  </a:lnTo>
                  <a:lnTo>
                    <a:pt x="971" y="340"/>
                  </a:lnTo>
                  <a:lnTo>
                    <a:pt x="962" y="331"/>
                  </a:lnTo>
                  <a:lnTo>
                    <a:pt x="954" y="320"/>
                  </a:lnTo>
                  <a:lnTo>
                    <a:pt x="939" y="300"/>
                  </a:lnTo>
                  <a:lnTo>
                    <a:pt x="926" y="278"/>
                  </a:lnTo>
                  <a:lnTo>
                    <a:pt x="914" y="256"/>
                  </a:lnTo>
                  <a:lnTo>
                    <a:pt x="903" y="233"/>
                  </a:lnTo>
                  <a:lnTo>
                    <a:pt x="894" y="209"/>
                  </a:lnTo>
                  <a:lnTo>
                    <a:pt x="885" y="184"/>
                  </a:lnTo>
                  <a:lnTo>
                    <a:pt x="867" y="137"/>
                  </a:lnTo>
                  <a:lnTo>
                    <a:pt x="848" y="90"/>
                  </a:lnTo>
                  <a:lnTo>
                    <a:pt x="836" y="65"/>
                  </a:lnTo>
                  <a:lnTo>
                    <a:pt x="825" y="43"/>
                  </a:lnTo>
                  <a:lnTo>
                    <a:pt x="811" y="21"/>
                  </a:lnTo>
                  <a:lnTo>
                    <a:pt x="796" y="0"/>
                  </a:lnTo>
                  <a:lnTo>
                    <a:pt x="778" y="13"/>
                  </a:lnTo>
                  <a:lnTo>
                    <a:pt x="758" y="24"/>
                  </a:lnTo>
                  <a:lnTo>
                    <a:pt x="736" y="35"/>
                  </a:lnTo>
                  <a:lnTo>
                    <a:pt x="713" y="44"/>
                  </a:lnTo>
                  <a:lnTo>
                    <a:pt x="689" y="53"/>
                  </a:lnTo>
                  <a:lnTo>
                    <a:pt x="662" y="60"/>
                  </a:lnTo>
                  <a:lnTo>
                    <a:pt x="636" y="66"/>
                  </a:lnTo>
                  <a:lnTo>
                    <a:pt x="608" y="71"/>
                  </a:lnTo>
                  <a:lnTo>
                    <a:pt x="579" y="75"/>
                  </a:lnTo>
                  <a:lnTo>
                    <a:pt x="550" y="77"/>
                  </a:lnTo>
                  <a:lnTo>
                    <a:pt x="520" y="78"/>
                  </a:lnTo>
                  <a:lnTo>
                    <a:pt x="490" y="79"/>
                  </a:lnTo>
                  <a:lnTo>
                    <a:pt x="459" y="78"/>
                  </a:lnTo>
                  <a:lnTo>
                    <a:pt x="430" y="76"/>
                  </a:lnTo>
                  <a:lnTo>
                    <a:pt x="399" y="73"/>
                  </a:lnTo>
                  <a:lnTo>
                    <a:pt x="370" y="67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236" name="Jammerbugt"/>
            <p:cNvSpPr>
              <a:spLocks/>
            </p:cNvSpPr>
            <p:nvPr/>
          </p:nvSpPr>
          <p:spPr bwMode="auto">
            <a:xfrm>
              <a:off x="1263650" y="2716213"/>
              <a:ext cx="661987" cy="509588"/>
            </a:xfrm>
            <a:custGeom>
              <a:avLst/>
              <a:gdLst>
                <a:gd name="T0" fmla="*/ 103 w 1252"/>
                <a:gd name="T1" fmla="*/ 319 h 964"/>
                <a:gd name="T2" fmla="*/ 118 w 1252"/>
                <a:gd name="T3" fmla="*/ 308 h 964"/>
                <a:gd name="T4" fmla="*/ 165 w 1252"/>
                <a:gd name="T5" fmla="*/ 286 h 964"/>
                <a:gd name="T6" fmla="*/ 200 w 1252"/>
                <a:gd name="T7" fmla="*/ 275 h 964"/>
                <a:gd name="T8" fmla="*/ 221 w 1252"/>
                <a:gd name="T9" fmla="*/ 272 h 964"/>
                <a:gd name="T10" fmla="*/ 244 w 1252"/>
                <a:gd name="T11" fmla="*/ 272 h 964"/>
                <a:gd name="T12" fmla="*/ 262 w 1252"/>
                <a:gd name="T13" fmla="*/ 272 h 964"/>
                <a:gd name="T14" fmla="*/ 270 w 1252"/>
                <a:gd name="T15" fmla="*/ 265 h 964"/>
                <a:gd name="T16" fmla="*/ 281 w 1252"/>
                <a:gd name="T17" fmla="*/ 261 h 964"/>
                <a:gd name="T18" fmla="*/ 287 w 1252"/>
                <a:gd name="T19" fmla="*/ 252 h 964"/>
                <a:gd name="T20" fmla="*/ 281 w 1252"/>
                <a:gd name="T21" fmla="*/ 248 h 964"/>
                <a:gd name="T22" fmla="*/ 278 w 1252"/>
                <a:gd name="T23" fmla="*/ 242 h 964"/>
                <a:gd name="T24" fmla="*/ 284 w 1252"/>
                <a:gd name="T25" fmla="*/ 237 h 964"/>
                <a:gd name="T26" fmla="*/ 297 w 1252"/>
                <a:gd name="T27" fmla="*/ 227 h 964"/>
                <a:gd name="T28" fmla="*/ 306 w 1252"/>
                <a:gd name="T29" fmla="*/ 225 h 964"/>
                <a:gd name="T30" fmla="*/ 307 w 1252"/>
                <a:gd name="T31" fmla="*/ 232 h 964"/>
                <a:gd name="T32" fmla="*/ 303 w 1252"/>
                <a:gd name="T33" fmla="*/ 235 h 964"/>
                <a:gd name="T34" fmla="*/ 295 w 1252"/>
                <a:gd name="T35" fmla="*/ 238 h 964"/>
                <a:gd name="T36" fmla="*/ 296 w 1252"/>
                <a:gd name="T37" fmla="*/ 244 h 964"/>
                <a:gd name="T38" fmla="*/ 306 w 1252"/>
                <a:gd name="T39" fmla="*/ 250 h 964"/>
                <a:gd name="T40" fmla="*/ 319 w 1252"/>
                <a:gd name="T41" fmla="*/ 253 h 964"/>
                <a:gd name="T42" fmla="*/ 338 w 1252"/>
                <a:gd name="T43" fmla="*/ 249 h 964"/>
                <a:gd name="T44" fmla="*/ 353 w 1252"/>
                <a:gd name="T45" fmla="*/ 236 h 964"/>
                <a:gd name="T46" fmla="*/ 358 w 1252"/>
                <a:gd name="T47" fmla="*/ 220 h 964"/>
                <a:gd name="T48" fmla="*/ 343 w 1252"/>
                <a:gd name="T49" fmla="*/ 209 h 964"/>
                <a:gd name="T50" fmla="*/ 338 w 1252"/>
                <a:gd name="T51" fmla="*/ 200 h 964"/>
                <a:gd name="T52" fmla="*/ 342 w 1252"/>
                <a:gd name="T53" fmla="*/ 191 h 964"/>
                <a:gd name="T54" fmla="*/ 364 w 1252"/>
                <a:gd name="T55" fmla="*/ 190 h 964"/>
                <a:gd name="T56" fmla="*/ 387 w 1252"/>
                <a:gd name="T57" fmla="*/ 184 h 964"/>
                <a:gd name="T58" fmla="*/ 411 w 1252"/>
                <a:gd name="T59" fmla="*/ 181 h 964"/>
                <a:gd name="T60" fmla="*/ 415 w 1252"/>
                <a:gd name="T61" fmla="*/ 170 h 964"/>
                <a:gd name="T62" fmla="*/ 410 w 1252"/>
                <a:gd name="T63" fmla="*/ 157 h 964"/>
                <a:gd name="T64" fmla="*/ 395 w 1252"/>
                <a:gd name="T65" fmla="*/ 136 h 964"/>
                <a:gd name="T66" fmla="*/ 370 w 1252"/>
                <a:gd name="T67" fmla="*/ 117 h 964"/>
                <a:gd name="T68" fmla="*/ 340 w 1252"/>
                <a:gd name="T69" fmla="*/ 103 h 964"/>
                <a:gd name="T70" fmla="*/ 333 w 1252"/>
                <a:gd name="T71" fmla="*/ 91 h 964"/>
                <a:gd name="T72" fmla="*/ 339 w 1252"/>
                <a:gd name="T73" fmla="*/ 82 h 964"/>
                <a:gd name="T74" fmla="*/ 349 w 1252"/>
                <a:gd name="T75" fmla="*/ 72 h 964"/>
                <a:gd name="T76" fmla="*/ 351 w 1252"/>
                <a:gd name="T77" fmla="*/ 59 h 964"/>
                <a:gd name="T78" fmla="*/ 346 w 1252"/>
                <a:gd name="T79" fmla="*/ 37 h 964"/>
                <a:gd name="T80" fmla="*/ 336 w 1252"/>
                <a:gd name="T81" fmla="*/ 19 h 964"/>
                <a:gd name="T82" fmla="*/ 322 w 1252"/>
                <a:gd name="T83" fmla="*/ 6 h 964"/>
                <a:gd name="T84" fmla="*/ 303 w 1252"/>
                <a:gd name="T85" fmla="*/ 10 h 964"/>
                <a:gd name="T86" fmla="*/ 283 w 1252"/>
                <a:gd name="T87" fmla="*/ 51 h 964"/>
                <a:gd name="T88" fmla="*/ 255 w 1252"/>
                <a:gd name="T89" fmla="*/ 90 h 964"/>
                <a:gd name="T90" fmla="*/ 221 w 1252"/>
                <a:gd name="T91" fmla="*/ 126 h 964"/>
                <a:gd name="T92" fmla="*/ 182 w 1252"/>
                <a:gd name="T93" fmla="*/ 156 h 964"/>
                <a:gd name="T94" fmla="*/ 138 w 1252"/>
                <a:gd name="T95" fmla="*/ 177 h 964"/>
                <a:gd name="T96" fmla="*/ 90 w 1252"/>
                <a:gd name="T97" fmla="*/ 187 h 964"/>
                <a:gd name="T98" fmla="*/ 40 w 1252"/>
                <a:gd name="T99" fmla="*/ 184 h 964"/>
                <a:gd name="T100" fmla="*/ 2 w 1252"/>
                <a:gd name="T101" fmla="*/ 179 h 964"/>
                <a:gd name="T102" fmla="*/ 10 w 1252"/>
                <a:gd name="T103" fmla="*/ 215 h 964"/>
                <a:gd name="T104" fmla="*/ 21 w 1252"/>
                <a:gd name="T105" fmla="*/ 262 h 964"/>
                <a:gd name="T106" fmla="*/ 32 w 1252"/>
                <a:gd name="T107" fmla="*/ 280 h 964"/>
                <a:gd name="T108" fmla="*/ 43 w 1252"/>
                <a:gd name="T109" fmla="*/ 278 h 964"/>
                <a:gd name="T110" fmla="*/ 53 w 1252"/>
                <a:gd name="T111" fmla="*/ 283 h 964"/>
                <a:gd name="T112" fmla="*/ 65 w 1252"/>
                <a:gd name="T113" fmla="*/ 292 h 964"/>
                <a:gd name="T114" fmla="*/ 83 w 1252"/>
                <a:gd name="T115" fmla="*/ 311 h 964"/>
                <a:gd name="T116" fmla="*/ 95 w 1252"/>
                <a:gd name="T117" fmla="*/ 319 h 964"/>
                <a:gd name="T118" fmla="*/ 107 w 1252"/>
                <a:gd name="T119" fmla="*/ 321 h 964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1252" h="964">
                  <a:moveTo>
                    <a:pt x="330" y="961"/>
                  </a:moveTo>
                  <a:lnTo>
                    <a:pt x="321" y="961"/>
                  </a:lnTo>
                  <a:lnTo>
                    <a:pt x="311" y="959"/>
                  </a:lnTo>
                  <a:lnTo>
                    <a:pt x="308" y="959"/>
                  </a:lnTo>
                  <a:lnTo>
                    <a:pt x="304" y="957"/>
                  </a:lnTo>
                  <a:lnTo>
                    <a:pt x="302" y="955"/>
                  </a:lnTo>
                  <a:lnTo>
                    <a:pt x="301" y="951"/>
                  </a:lnTo>
                  <a:lnTo>
                    <a:pt x="354" y="926"/>
                  </a:lnTo>
                  <a:lnTo>
                    <a:pt x="410" y="898"/>
                  </a:lnTo>
                  <a:lnTo>
                    <a:pt x="438" y="885"/>
                  </a:lnTo>
                  <a:lnTo>
                    <a:pt x="466" y="872"/>
                  </a:lnTo>
                  <a:lnTo>
                    <a:pt x="495" y="859"/>
                  </a:lnTo>
                  <a:lnTo>
                    <a:pt x="524" y="848"/>
                  </a:lnTo>
                  <a:lnTo>
                    <a:pt x="555" y="838"/>
                  </a:lnTo>
                  <a:lnTo>
                    <a:pt x="585" y="830"/>
                  </a:lnTo>
                  <a:lnTo>
                    <a:pt x="601" y="826"/>
                  </a:lnTo>
                  <a:lnTo>
                    <a:pt x="617" y="823"/>
                  </a:lnTo>
                  <a:lnTo>
                    <a:pt x="632" y="820"/>
                  </a:lnTo>
                  <a:lnTo>
                    <a:pt x="648" y="818"/>
                  </a:lnTo>
                  <a:lnTo>
                    <a:pt x="665" y="816"/>
                  </a:lnTo>
                  <a:lnTo>
                    <a:pt x="681" y="815"/>
                  </a:lnTo>
                  <a:lnTo>
                    <a:pt x="698" y="815"/>
                  </a:lnTo>
                  <a:lnTo>
                    <a:pt x="716" y="816"/>
                  </a:lnTo>
                  <a:lnTo>
                    <a:pt x="733" y="817"/>
                  </a:lnTo>
                  <a:lnTo>
                    <a:pt x="750" y="819"/>
                  </a:lnTo>
                  <a:lnTo>
                    <a:pt x="768" y="822"/>
                  </a:lnTo>
                  <a:lnTo>
                    <a:pt x="786" y="825"/>
                  </a:lnTo>
                  <a:lnTo>
                    <a:pt x="788" y="817"/>
                  </a:lnTo>
                  <a:lnTo>
                    <a:pt x="791" y="812"/>
                  </a:lnTo>
                  <a:lnTo>
                    <a:pt x="796" y="807"/>
                  </a:lnTo>
                  <a:lnTo>
                    <a:pt x="800" y="804"/>
                  </a:lnTo>
                  <a:lnTo>
                    <a:pt x="812" y="797"/>
                  </a:lnTo>
                  <a:lnTo>
                    <a:pt x="824" y="792"/>
                  </a:lnTo>
                  <a:lnTo>
                    <a:pt x="830" y="790"/>
                  </a:lnTo>
                  <a:lnTo>
                    <a:pt x="837" y="787"/>
                  </a:lnTo>
                  <a:lnTo>
                    <a:pt x="843" y="784"/>
                  </a:lnTo>
                  <a:lnTo>
                    <a:pt x="848" y="778"/>
                  </a:lnTo>
                  <a:lnTo>
                    <a:pt x="854" y="773"/>
                  </a:lnTo>
                  <a:lnTo>
                    <a:pt x="858" y="766"/>
                  </a:lnTo>
                  <a:lnTo>
                    <a:pt x="861" y="757"/>
                  </a:lnTo>
                  <a:lnTo>
                    <a:pt x="864" y="748"/>
                  </a:lnTo>
                  <a:lnTo>
                    <a:pt x="857" y="748"/>
                  </a:lnTo>
                  <a:lnTo>
                    <a:pt x="850" y="747"/>
                  </a:lnTo>
                  <a:lnTo>
                    <a:pt x="845" y="745"/>
                  </a:lnTo>
                  <a:lnTo>
                    <a:pt x="841" y="742"/>
                  </a:lnTo>
                  <a:lnTo>
                    <a:pt x="838" y="737"/>
                  </a:lnTo>
                  <a:lnTo>
                    <a:pt x="836" y="732"/>
                  </a:lnTo>
                  <a:lnTo>
                    <a:pt x="835" y="726"/>
                  </a:lnTo>
                  <a:lnTo>
                    <a:pt x="835" y="718"/>
                  </a:lnTo>
                  <a:lnTo>
                    <a:pt x="840" y="716"/>
                  </a:lnTo>
                  <a:lnTo>
                    <a:pt x="846" y="714"/>
                  </a:lnTo>
                  <a:lnTo>
                    <a:pt x="852" y="711"/>
                  </a:lnTo>
                  <a:lnTo>
                    <a:pt x="857" y="707"/>
                  </a:lnTo>
                  <a:lnTo>
                    <a:pt x="868" y="698"/>
                  </a:lnTo>
                  <a:lnTo>
                    <a:pt x="880" y="689"/>
                  </a:lnTo>
                  <a:lnTo>
                    <a:pt x="892" y="682"/>
                  </a:lnTo>
                  <a:lnTo>
                    <a:pt x="902" y="676"/>
                  </a:lnTo>
                  <a:lnTo>
                    <a:pt x="907" y="675"/>
                  </a:lnTo>
                  <a:lnTo>
                    <a:pt x="913" y="675"/>
                  </a:lnTo>
                  <a:lnTo>
                    <a:pt x="918" y="676"/>
                  </a:lnTo>
                  <a:lnTo>
                    <a:pt x="922" y="679"/>
                  </a:lnTo>
                  <a:lnTo>
                    <a:pt x="923" y="687"/>
                  </a:lnTo>
                  <a:lnTo>
                    <a:pt x="923" y="692"/>
                  </a:lnTo>
                  <a:lnTo>
                    <a:pt x="922" y="696"/>
                  </a:lnTo>
                  <a:lnTo>
                    <a:pt x="920" y="699"/>
                  </a:lnTo>
                  <a:lnTo>
                    <a:pt x="917" y="702"/>
                  </a:lnTo>
                  <a:lnTo>
                    <a:pt x="914" y="704"/>
                  </a:lnTo>
                  <a:lnTo>
                    <a:pt x="909" y="705"/>
                  </a:lnTo>
                  <a:lnTo>
                    <a:pt x="904" y="706"/>
                  </a:lnTo>
                  <a:lnTo>
                    <a:pt x="896" y="708"/>
                  </a:lnTo>
                  <a:lnTo>
                    <a:pt x="888" y="711"/>
                  </a:lnTo>
                  <a:lnTo>
                    <a:pt x="885" y="714"/>
                  </a:lnTo>
                  <a:lnTo>
                    <a:pt x="883" y="717"/>
                  </a:lnTo>
                  <a:lnTo>
                    <a:pt x="882" y="722"/>
                  </a:lnTo>
                  <a:lnTo>
                    <a:pt x="883" y="728"/>
                  </a:lnTo>
                  <a:lnTo>
                    <a:pt x="890" y="734"/>
                  </a:lnTo>
                  <a:lnTo>
                    <a:pt x="898" y="739"/>
                  </a:lnTo>
                  <a:lnTo>
                    <a:pt x="905" y="744"/>
                  </a:lnTo>
                  <a:lnTo>
                    <a:pt x="913" y="748"/>
                  </a:lnTo>
                  <a:lnTo>
                    <a:pt x="920" y="751"/>
                  </a:lnTo>
                  <a:lnTo>
                    <a:pt x="927" y="753"/>
                  </a:lnTo>
                  <a:lnTo>
                    <a:pt x="935" y="756"/>
                  </a:lnTo>
                  <a:lnTo>
                    <a:pt x="942" y="757"/>
                  </a:lnTo>
                  <a:lnTo>
                    <a:pt x="957" y="759"/>
                  </a:lnTo>
                  <a:lnTo>
                    <a:pt x="972" y="758"/>
                  </a:lnTo>
                  <a:lnTo>
                    <a:pt x="986" y="756"/>
                  </a:lnTo>
                  <a:lnTo>
                    <a:pt x="1000" y="752"/>
                  </a:lnTo>
                  <a:lnTo>
                    <a:pt x="1014" y="747"/>
                  </a:lnTo>
                  <a:lnTo>
                    <a:pt x="1026" y="739"/>
                  </a:lnTo>
                  <a:lnTo>
                    <a:pt x="1039" y="730"/>
                  </a:lnTo>
                  <a:lnTo>
                    <a:pt x="1051" y="720"/>
                  </a:lnTo>
                  <a:lnTo>
                    <a:pt x="1061" y="709"/>
                  </a:lnTo>
                  <a:lnTo>
                    <a:pt x="1071" y="697"/>
                  </a:lnTo>
                  <a:lnTo>
                    <a:pt x="1080" y="684"/>
                  </a:lnTo>
                  <a:lnTo>
                    <a:pt x="1087" y="670"/>
                  </a:lnTo>
                  <a:lnTo>
                    <a:pt x="1074" y="661"/>
                  </a:lnTo>
                  <a:lnTo>
                    <a:pt x="1060" y="653"/>
                  </a:lnTo>
                  <a:lnTo>
                    <a:pt x="1047" y="644"/>
                  </a:lnTo>
                  <a:lnTo>
                    <a:pt x="1036" y="633"/>
                  </a:lnTo>
                  <a:lnTo>
                    <a:pt x="1031" y="628"/>
                  </a:lnTo>
                  <a:lnTo>
                    <a:pt x="1026" y="621"/>
                  </a:lnTo>
                  <a:lnTo>
                    <a:pt x="1022" y="615"/>
                  </a:lnTo>
                  <a:lnTo>
                    <a:pt x="1018" y="608"/>
                  </a:lnTo>
                  <a:lnTo>
                    <a:pt x="1015" y="600"/>
                  </a:lnTo>
                  <a:lnTo>
                    <a:pt x="1013" y="592"/>
                  </a:lnTo>
                  <a:lnTo>
                    <a:pt x="1011" y="583"/>
                  </a:lnTo>
                  <a:lnTo>
                    <a:pt x="1009" y="573"/>
                  </a:lnTo>
                  <a:lnTo>
                    <a:pt x="1027" y="575"/>
                  </a:lnTo>
                  <a:lnTo>
                    <a:pt x="1045" y="576"/>
                  </a:lnTo>
                  <a:lnTo>
                    <a:pt x="1061" y="575"/>
                  </a:lnTo>
                  <a:lnTo>
                    <a:pt x="1077" y="574"/>
                  </a:lnTo>
                  <a:lnTo>
                    <a:pt x="1093" y="571"/>
                  </a:lnTo>
                  <a:lnTo>
                    <a:pt x="1106" y="569"/>
                  </a:lnTo>
                  <a:lnTo>
                    <a:pt x="1120" y="565"/>
                  </a:lnTo>
                  <a:lnTo>
                    <a:pt x="1135" y="561"/>
                  </a:lnTo>
                  <a:lnTo>
                    <a:pt x="1161" y="554"/>
                  </a:lnTo>
                  <a:lnTo>
                    <a:pt x="1190" y="547"/>
                  </a:lnTo>
                  <a:lnTo>
                    <a:pt x="1204" y="545"/>
                  </a:lnTo>
                  <a:lnTo>
                    <a:pt x="1219" y="544"/>
                  </a:lnTo>
                  <a:lnTo>
                    <a:pt x="1235" y="543"/>
                  </a:lnTo>
                  <a:lnTo>
                    <a:pt x="1252" y="544"/>
                  </a:lnTo>
                  <a:lnTo>
                    <a:pt x="1251" y="533"/>
                  </a:lnTo>
                  <a:lnTo>
                    <a:pt x="1250" y="521"/>
                  </a:lnTo>
                  <a:lnTo>
                    <a:pt x="1247" y="511"/>
                  </a:lnTo>
                  <a:lnTo>
                    <a:pt x="1244" y="500"/>
                  </a:lnTo>
                  <a:lnTo>
                    <a:pt x="1240" y="490"/>
                  </a:lnTo>
                  <a:lnTo>
                    <a:pt x="1237" y="480"/>
                  </a:lnTo>
                  <a:lnTo>
                    <a:pt x="1232" y="470"/>
                  </a:lnTo>
                  <a:lnTo>
                    <a:pt x="1226" y="460"/>
                  </a:lnTo>
                  <a:lnTo>
                    <a:pt x="1215" y="442"/>
                  </a:lnTo>
                  <a:lnTo>
                    <a:pt x="1201" y="425"/>
                  </a:lnTo>
                  <a:lnTo>
                    <a:pt x="1185" y="408"/>
                  </a:lnTo>
                  <a:lnTo>
                    <a:pt x="1168" y="392"/>
                  </a:lnTo>
                  <a:lnTo>
                    <a:pt x="1150" y="377"/>
                  </a:lnTo>
                  <a:lnTo>
                    <a:pt x="1131" y="363"/>
                  </a:lnTo>
                  <a:lnTo>
                    <a:pt x="1111" y="350"/>
                  </a:lnTo>
                  <a:lnTo>
                    <a:pt x="1088" y="338"/>
                  </a:lnTo>
                  <a:lnTo>
                    <a:pt x="1067" y="328"/>
                  </a:lnTo>
                  <a:lnTo>
                    <a:pt x="1044" y="317"/>
                  </a:lnTo>
                  <a:lnTo>
                    <a:pt x="1022" y="309"/>
                  </a:lnTo>
                  <a:lnTo>
                    <a:pt x="1000" y="301"/>
                  </a:lnTo>
                  <a:lnTo>
                    <a:pt x="999" y="290"/>
                  </a:lnTo>
                  <a:lnTo>
                    <a:pt x="999" y="280"/>
                  </a:lnTo>
                  <a:lnTo>
                    <a:pt x="1001" y="272"/>
                  </a:lnTo>
                  <a:lnTo>
                    <a:pt x="1004" y="265"/>
                  </a:lnTo>
                  <a:lnTo>
                    <a:pt x="1008" y="258"/>
                  </a:lnTo>
                  <a:lnTo>
                    <a:pt x="1013" y="252"/>
                  </a:lnTo>
                  <a:lnTo>
                    <a:pt x="1018" y="247"/>
                  </a:lnTo>
                  <a:lnTo>
                    <a:pt x="1023" y="242"/>
                  </a:lnTo>
                  <a:lnTo>
                    <a:pt x="1035" y="233"/>
                  </a:lnTo>
                  <a:lnTo>
                    <a:pt x="1045" y="222"/>
                  </a:lnTo>
                  <a:lnTo>
                    <a:pt x="1049" y="217"/>
                  </a:lnTo>
                  <a:lnTo>
                    <a:pt x="1053" y="210"/>
                  </a:lnTo>
                  <a:lnTo>
                    <a:pt x="1056" y="202"/>
                  </a:lnTo>
                  <a:lnTo>
                    <a:pt x="1058" y="194"/>
                  </a:lnTo>
                  <a:lnTo>
                    <a:pt x="1055" y="176"/>
                  </a:lnTo>
                  <a:lnTo>
                    <a:pt x="1052" y="159"/>
                  </a:lnTo>
                  <a:lnTo>
                    <a:pt x="1048" y="142"/>
                  </a:lnTo>
                  <a:lnTo>
                    <a:pt x="1044" y="126"/>
                  </a:lnTo>
                  <a:lnTo>
                    <a:pt x="1039" y="111"/>
                  </a:lnTo>
                  <a:lnTo>
                    <a:pt x="1033" y="96"/>
                  </a:lnTo>
                  <a:lnTo>
                    <a:pt x="1025" y="82"/>
                  </a:lnTo>
                  <a:lnTo>
                    <a:pt x="1018" y="69"/>
                  </a:lnTo>
                  <a:lnTo>
                    <a:pt x="1009" y="57"/>
                  </a:lnTo>
                  <a:lnTo>
                    <a:pt x="1000" y="45"/>
                  </a:lnTo>
                  <a:lnTo>
                    <a:pt x="989" y="36"/>
                  </a:lnTo>
                  <a:lnTo>
                    <a:pt x="978" y="27"/>
                  </a:lnTo>
                  <a:lnTo>
                    <a:pt x="966" y="18"/>
                  </a:lnTo>
                  <a:lnTo>
                    <a:pt x="953" y="11"/>
                  </a:lnTo>
                  <a:lnTo>
                    <a:pt x="938" y="5"/>
                  </a:lnTo>
                  <a:lnTo>
                    <a:pt x="922" y="0"/>
                  </a:lnTo>
                  <a:lnTo>
                    <a:pt x="910" y="31"/>
                  </a:lnTo>
                  <a:lnTo>
                    <a:pt x="897" y="61"/>
                  </a:lnTo>
                  <a:lnTo>
                    <a:pt x="882" y="92"/>
                  </a:lnTo>
                  <a:lnTo>
                    <a:pt x="866" y="122"/>
                  </a:lnTo>
                  <a:lnTo>
                    <a:pt x="849" y="152"/>
                  </a:lnTo>
                  <a:lnTo>
                    <a:pt x="830" y="182"/>
                  </a:lnTo>
                  <a:lnTo>
                    <a:pt x="810" y="213"/>
                  </a:lnTo>
                  <a:lnTo>
                    <a:pt x="788" y="242"/>
                  </a:lnTo>
                  <a:lnTo>
                    <a:pt x="766" y="271"/>
                  </a:lnTo>
                  <a:lnTo>
                    <a:pt x="742" y="299"/>
                  </a:lnTo>
                  <a:lnTo>
                    <a:pt x="718" y="327"/>
                  </a:lnTo>
                  <a:lnTo>
                    <a:pt x="691" y="353"/>
                  </a:lnTo>
                  <a:lnTo>
                    <a:pt x="664" y="379"/>
                  </a:lnTo>
                  <a:lnTo>
                    <a:pt x="636" y="404"/>
                  </a:lnTo>
                  <a:lnTo>
                    <a:pt x="607" y="427"/>
                  </a:lnTo>
                  <a:lnTo>
                    <a:pt x="577" y="448"/>
                  </a:lnTo>
                  <a:lnTo>
                    <a:pt x="546" y="469"/>
                  </a:lnTo>
                  <a:lnTo>
                    <a:pt x="515" y="487"/>
                  </a:lnTo>
                  <a:lnTo>
                    <a:pt x="481" y="504"/>
                  </a:lnTo>
                  <a:lnTo>
                    <a:pt x="448" y="519"/>
                  </a:lnTo>
                  <a:lnTo>
                    <a:pt x="413" y="532"/>
                  </a:lnTo>
                  <a:lnTo>
                    <a:pt x="379" y="544"/>
                  </a:lnTo>
                  <a:lnTo>
                    <a:pt x="343" y="552"/>
                  </a:lnTo>
                  <a:lnTo>
                    <a:pt x="307" y="558"/>
                  </a:lnTo>
                  <a:lnTo>
                    <a:pt x="270" y="563"/>
                  </a:lnTo>
                  <a:lnTo>
                    <a:pt x="233" y="565"/>
                  </a:lnTo>
                  <a:lnTo>
                    <a:pt x="195" y="564"/>
                  </a:lnTo>
                  <a:lnTo>
                    <a:pt x="157" y="559"/>
                  </a:lnTo>
                  <a:lnTo>
                    <a:pt x="119" y="553"/>
                  </a:lnTo>
                  <a:lnTo>
                    <a:pt x="79" y="544"/>
                  </a:lnTo>
                  <a:lnTo>
                    <a:pt x="40" y="531"/>
                  </a:lnTo>
                  <a:lnTo>
                    <a:pt x="0" y="514"/>
                  </a:lnTo>
                  <a:lnTo>
                    <a:pt x="6" y="537"/>
                  </a:lnTo>
                  <a:lnTo>
                    <a:pt x="12" y="559"/>
                  </a:lnTo>
                  <a:lnTo>
                    <a:pt x="18" y="580"/>
                  </a:lnTo>
                  <a:lnTo>
                    <a:pt x="22" y="603"/>
                  </a:lnTo>
                  <a:lnTo>
                    <a:pt x="29" y="645"/>
                  </a:lnTo>
                  <a:lnTo>
                    <a:pt x="36" y="686"/>
                  </a:lnTo>
                  <a:lnTo>
                    <a:pt x="45" y="726"/>
                  </a:lnTo>
                  <a:lnTo>
                    <a:pt x="55" y="766"/>
                  </a:lnTo>
                  <a:lnTo>
                    <a:pt x="62" y="786"/>
                  </a:lnTo>
                  <a:lnTo>
                    <a:pt x="69" y="805"/>
                  </a:lnTo>
                  <a:lnTo>
                    <a:pt x="78" y="825"/>
                  </a:lnTo>
                  <a:lnTo>
                    <a:pt x="87" y="845"/>
                  </a:lnTo>
                  <a:lnTo>
                    <a:pt x="97" y="841"/>
                  </a:lnTo>
                  <a:lnTo>
                    <a:pt x="105" y="837"/>
                  </a:lnTo>
                  <a:lnTo>
                    <a:pt x="114" y="836"/>
                  </a:lnTo>
                  <a:lnTo>
                    <a:pt x="122" y="835"/>
                  </a:lnTo>
                  <a:lnTo>
                    <a:pt x="130" y="836"/>
                  </a:lnTo>
                  <a:lnTo>
                    <a:pt x="138" y="838"/>
                  </a:lnTo>
                  <a:lnTo>
                    <a:pt x="146" y="841"/>
                  </a:lnTo>
                  <a:lnTo>
                    <a:pt x="153" y="845"/>
                  </a:lnTo>
                  <a:lnTo>
                    <a:pt x="160" y="849"/>
                  </a:lnTo>
                  <a:lnTo>
                    <a:pt x="167" y="854"/>
                  </a:lnTo>
                  <a:lnTo>
                    <a:pt x="174" y="859"/>
                  </a:lnTo>
                  <a:lnTo>
                    <a:pt x="181" y="866"/>
                  </a:lnTo>
                  <a:lnTo>
                    <a:pt x="194" y="878"/>
                  </a:lnTo>
                  <a:lnTo>
                    <a:pt x="207" y="893"/>
                  </a:lnTo>
                  <a:lnTo>
                    <a:pt x="221" y="908"/>
                  </a:lnTo>
                  <a:lnTo>
                    <a:pt x="234" y="922"/>
                  </a:lnTo>
                  <a:lnTo>
                    <a:pt x="248" y="935"/>
                  </a:lnTo>
                  <a:lnTo>
                    <a:pt x="263" y="947"/>
                  </a:lnTo>
                  <a:lnTo>
                    <a:pt x="270" y="951"/>
                  </a:lnTo>
                  <a:lnTo>
                    <a:pt x="278" y="955"/>
                  </a:lnTo>
                  <a:lnTo>
                    <a:pt x="286" y="958"/>
                  </a:lnTo>
                  <a:lnTo>
                    <a:pt x="294" y="962"/>
                  </a:lnTo>
                  <a:lnTo>
                    <a:pt x="303" y="963"/>
                  </a:lnTo>
                  <a:lnTo>
                    <a:pt x="311" y="964"/>
                  </a:lnTo>
                  <a:lnTo>
                    <a:pt x="321" y="963"/>
                  </a:lnTo>
                  <a:lnTo>
                    <a:pt x="330" y="961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237" name="Jammerbugt kant"/>
            <p:cNvSpPr>
              <a:spLocks/>
            </p:cNvSpPr>
            <p:nvPr/>
          </p:nvSpPr>
          <p:spPr bwMode="auto">
            <a:xfrm>
              <a:off x="1263650" y="2716213"/>
              <a:ext cx="661987" cy="509588"/>
            </a:xfrm>
            <a:custGeom>
              <a:avLst/>
              <a:gdLst>
                <a:gd name="T0" fmla="*/ 103 w 1252"/>
                <a:gd name="T1" fmla="*/ 319 h 964"/>
                <a:gd name="T2" fmla="*/ 118 w 1252"/>
                <a:gd name="T3" fmla="*/ 308 h 964"/>
                <a:gd name="T4" fmla="*/ 165 w 1252"/>
                <a:gd name="T5" fmla="*/ 286 h 964"/>
                <a:gd name="T6" fmla="*/ 200 w 1252"/>
                <a:gd name="T7" fmla="*/ 275 h 964"/>
                <a:gd name="T8" fmla="*/ 221 w 1252"/>
                <a:gd name="T9" fmla="*/ 272 h 964"/>
                <a:gd name="T10" fmla="*/ 244 w 1252"/>
                <a:gd name="T11" fmla="*/ 272 h 964"/>
                <a:gd name="T12" fmla="*/ 262 w 1252"/>
                <a:gd name="T13" fmla="*/ 272 h 964"/>
                <a:gd name="T14" fmla="*/ 270 w 1252"/>
                <a:gd name="T15" fmla="*/ 265 h 964"/>
                <a:gd name="T16" fmla="*/ 281 w 1252"/>
                <a:gd name="T17" fmla="*/ 261 h 964"/>
                <a:gd name="T18" fmla="*/ 287 w 1252"/>
                <a:gd name="T19" fmla="*/ 252 h 964"/>
                <a:gd name="T20" fmla="*/ 281 w 1252"/>
                <a:gd name="T21" fmla="*/ 248 h 964"/>
                <a:gd name="T22" fmla="*/ 278 w 1252"/>
                <a:gd name="T23" fmla="*/ 242 h 964"/>
                <a:gd name="T24" fmla="*/ 284 w 1252"/>
                <a:gd name="T25" fmla="*/ 237 h 964"/>
                <a:gd name="T26" fmla="*/ 297 w 1252"/>
                <a:gd name="T27" fmla="*/ 227 h 964"/>
                <a:gd name="T28" fmla="*/ 306 w 1252"/>
                <a:gd name="T29" fmla="*/ 225 h 964"/>
                <a:gd name="T30" fmla="*/ 307 w 1252"/>
                <a:gd name="T31" fmla="*/ 232 h 964"/>
                <a:gd name="T32" fmla="*/ 303 w 1252"/>
                <a:gd name="T33" fmla="*/ 235 h 964"/>
                <a:gd name="T34" fmla="*/ 295 w 1252"/>
                <a:gd name="T35" fmla="*/ 238 h 964"/>
                <a:gd name="T36" fmla="*/ 296 w 1252"/>
                <a:gd name="T37" fmla="*/ 244 h 964"/>
                <a:gd name="T38" fmla="*/ 306 w 1252"/>
                <a:gd name="T39" fmla="*/ 250 h 964"/>
                <a:gd name="T40" fmla="*/ 319 w 1252"/>
                <a:gd name="T41" fmla="*/ 253 h 964"/>
                <a:gd name="T42" fmla="*/ 338 w 1252"/>
                <a:gd name="T43" fmla="*/ 249 h 964"/>
                <a:gd name="T44" fmla="*/ 353 w 1252"/>
                <a:gd name="T45" fmla="*/ 236 h 964"/>
                <a:gd name="T46" fmla="*/ 358 w 1252"/>
                <a:gd name="T47" fmla="*/ 220 h 964"/>
                <a:gd name="T48" fmla="*/ 343 w 1252"/>
                <a:gd name="T49" fmla="*/ 209 h 964"/>
                <a:gd name="T50" fmla="*/ 338 w 1252"/>
                <a:gd name="T51" fmla="*/ 200 h 964"/>
                <a:gd name="T52" fmla="*/ 342 w 1252"/>
                <a:gd name="T53" fmla="*/ 191 h 964"/>
                <a:gd name="T54" fmla="*/ 364 w 1252"/>
                <a:gd name="T55" fmla="*/ 190 h 964"/>
                <a:gd name="T56" fmla="*/ 387 w 1252"/>
                <a:gd name="T57" fmla="*/ 184 h 964"/>
                <a:gd name="T58" fmla="*/ 411 w 1252"/>
                <a:gd name="T59" fmla="*/ 181 h 964"/>
                <a:gd name="T60" fmla="*/ 415 w 1252"/>
                <a:gd name="T61" fmla="*/ 170 h 964"/>
                <a:gd name="T62" fmla="*/ 410 w 1252"/>
                <a:gd name="T63" fmla="*/ 157 h 964"/>
                <a:gd name="T64" fmla="*/ 395 w 1252"/>
                <a:gd name="T65" fmla="*/ 136 h 964"/>
                <a:gd name="T66" fmla="*/ 370 w 1252"/>
                <a:gd name="T67" fmla="*/ 117 h 964"/>
                <a:gd name="T68" fmla="*/ 340 w 1252"/>
                <a:gd name="T69" fmla="*/ 103 h 964"/>
                <a:gd name="T70" fmla="*/ 333 w 1252"/>
                <a:gd name="T71" fmla="*/ 91 h 964"/>
                <a:gd name="T72" fmla="*/ 339 w 1252"/>
                <a:gd name="T73" fmla="*/ 82 h 964"/>
                <a:gd name="T74" fmla="*/ 349 w 1252"/>
                <a:gd name="T75" fmla="*/ 72 h 964"/>
                <a:gd name="T76" fmla="*/ 351 w 1252"/>
                <a:gd name="T77" fmla="*/ 59 h 964"/>
                <a:gd name="T78" fmla="*/ 346 w 1252"/>
                <a:gd name="T79" fmla="*/ 37 h 964"/>
                <a:gd name="T80" fmla="*/ 336 w 1252"/>
                <a:gd name="T81" fmla="*/ 19 h 964"/>
                <a:gd name="T82" fmla="*/ 322 w 1252"/>
                <a:gd name="T83" fmla="*/ 6 h 964"/>
                <a:gd name="T84" fmla="*/ 303 w 1252"/>
                <a:gd name="T85" fmla="*/ 10 h 964"/>
                <a:gd name="T86" fmla="*/ 283 w 1252"/>
                <a:gd name="T87" fmla="*/ 51 h 964"/>
                <a:gd name="T88" fmla="*/ 255 w 1252"/>
                <a:gd name="T89" fmla="*/ 90 h 964"/>
                <a:gd name="T90" fmla="*/ 221 w 1252"/>
                <a:gd name="T91" fmla="*/ 126 h 964"/>
                <a:gd name="T92" fmla="*/ 182 w 1252"/>
                <a:gd name="T93" fmla="*/ 156 h 964"/>
                <a:gd name="T94" fmla="*/ 138 w 1252"/>
                <a:gd name="T95" fmla="*/ 177 h 964"/>
                <a:gd name="T96" fmla="*/ 90 w 1252"/>
                <a:gd name="T97" fmla="*/ 187 h 964"/>
                <a:gd name="T98" fmla="*/ 40 w 1252"/>
                <a:gd name="T99" fmla="*/ 184 h 964"/>
                <a:gd name="T100" fmla="*/ 2 w 1252"/>
                <a:gd name="T101" fmla="*/ 179 h 964"/>
                <a:gd name="T102" fmla="*/ 10 w 1252"/>
                <a:gd name="T103" fmla="*/ 215 h 964"/>
                <a:gd name="T104" fmla="*/ 21 w 1252"/>
                <a:gd name="T105" fmla="*/ 262 h 964"/>
                <a:gd name="T106" fmla="*/ 32 w 1252"/>
                <a:gd name="T107" fmla="*/ 280 h 964"/>
                <a:gd name="T108" fmla="*/ 43 w 1252"/>
                <a:gd name="T109" fmla="*/ 278 h 964"/>
                <a:gd name="T110" fmla="*/ 53 w 1252"/>
                <a:gd name="T111" fmla="*/ 283 h 964"/>
                <a:gd name="T112" fmla="*/ 65 w 1252"/>
                <a:gd name="T113" fmla="*/ 292 h 964"/>
                <a:gd name="T114" fmla="*/ 83 w 1252"/>
                <a:gd name="T115" fmla="*/ 311 h 964"/>
                <a:gd name="T116" fmla="*/ 95 w 1252"/>
                <a:gd name="T117" fmla="*/ 319 h 964"/>
                <a:gd name="T118" fmla="*/ 107 w 1252"/>
                <a:gd name="T119" fmla="*/ 321 h 964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1252" h="964">
                  <a:moveTo>
                    <a:pt x="330" y="961"/>
                  </a:moveTo>
                  <a:lnTo>
                    <a:pt x="321" y="961"/>
                  </a:lnTo>
                  <a:lnTo>
                    <a:pt x="311" y="959"/>
                  </a:lnTo>
                  <a:lnTo>
                    <a:pt x="308" y="959"/>
                  </a:lnTo>
                  <a:lnTo>
                    <a:pt x="304" y="957"/>
                  </a:lnTo>
                  <a:lnTo>
                    <a:pt x="302" y="955"/>
                  </a:lnTo>
                  <a:lnTo>
                    <a:pt x="301" y="951"/>
                  </a:lnTo>
                  <a:lnTo>
                    <a:pt x="354" y="926"/>
                  </a:lnTo>
                  <a:lnTo>
                    <a:pt x="410" y="898"/>
                  </a:lnTo>
                  <a:lnTo>
                    <a:pt x="438" y="885"/>
                  </a:lnTo>
                  <a:lnTo>
                    <a:pt x="466" y="872"/>
                  </a:lnTo>
                  <a:lnTo>
                    <a:pt x="495" y="859"/>
                  </a:lnTo>
                  <a:lnTo>
                    <a:pt x="524" y="848"/>
                  </a:lnTo>
                  <a:lnTo>
                    <a:pt x="555" y="838"/>
                  </a:lnTo>
                  <a:lnTo>
                    <a:pt x="585" y="830"/>
                  </a:lnTo>
                  <a:lnTo>
                    <a:pt x="601" y="826"/>
                  </a:lnTo>
                  <a:lnTo>
                    <a:pt x="617" y="823"/>
                  </a:lnTo>
                  <a:lnTo>
                    <a:pt x="632" y="820"/>
                  </a:lnTo>
                  <a:lnTo>
                    <a:pt x="648" y="818"/>
                  </a:lnTo>
                  <a:lnTo>
                    <a:pt x="665" y="816"/>
                  </a:lnTo>
                  <a:lnTo>
                    <a:pt x="681" y="815"/>
                  </a:lnTo>
                  <a:lnTo>
                    <a:pt x="698" y="815"/>
                  </a:lnTo>
                  <a:lnTo>
                    <a:pt x="716" y="816"/>
                  </a:lnTo>
                  <a:lnTo>
                    <a:pt x="733" y="817"/>
                  </a:lnTo>
                  <a:lnTo>
                    <a:pt x="750" y="819"/>
                  </a:lnTo>
                  <a:lnTo>
                    <a:pt x="768" y="822"/>
                  </a:lnTo>
                  <a:lnTo>
                    <a:pt x="786" y="825"/>
                  </a:lnTo>
                  <a:lnTo>
                    <a:pt x="788" y="817"/>
                  </a:lnTo>
                  <a:lnTo>
                    <a:pt x="791" y="812"/>
                  </a:lnTo>
                  <a:lnTo>
                    <a:pt x="796" y="807"/>
                  </a:lnTo>
                  <a:lnTo>
                    <a:pt x="800" y="804"/>
                  </a:lnTo>
                  <a:lnTo>
                    <a:pt x="812" y="797"/>
                  </a:lnTo>
                  <a:lnTo>
                    <a:pt x="824" y="792"/>
                  </a:lnTo>
                  <a:lnTo>
                    <a:pt x="830" y="790"/>
                  </a:lnTo>
                  <a:lnTo>
                    <a:pt x="837" y="787"/>
                  </a:lnTo>
                  <a:lnTo>
                    <a:pt x="843" y="784"/>
                  </a:lnTo>
                  <a:lnTo>
                    <a:pt x="848" y="778"/>
                  </a:lnTo>
                  <a:lnTo>
                    <a:pt x="854" y="773"/>
                  </a:lnTo>
                  <a:lnTo>
                    <a:pt x="858" y="766"/>
                  </a:lnTo>
                  <a:lnTo>
                    <a:pt x="861" y="757"/>
                  </a:lnTo>
                  <a:lnTo>
                    <a:pt x="864" y="748"/>
                  </a:lnTo>
                  <a:lnTo>
                    <a:pt x="857" y="748"/>
                  </a:lnTo>
                  <a:lnTo>
                    <a:pt x="850" y="747"/>
                  </a:lnTo>
                  <a:lnTo>
                    <a:pt x="845" y="745"/>
                  </a:lnTo>
                  <a:lnTo>
                    <a:pt x="841" y="742"/>
                  </a:lnTo>
                  <a:lnTo>
                    <a:pt x="838" y="737"/>
                  </a:lnTo>
                  <a:lnTo>
                    <a:pt x="836" y="732"/>
                  </a:lnTo>
                  <a:lnTo>
                    <a:pt x="835" y="726"/>
                  </a:lnTo>
                  <a:lnTo>
                    <a:pt x="835" y="718"/>
                  </a:lnTo>
                  <a:lnTo>
                    <a:pt x="840" y="716"/>
                  </a:lnTo>
                  <a:lnTo>
                    <a:pt x="846" y="714"/>
                  </a:lnTo>
                  <a:lnTo>
                    <a:pt x="852" y="711"/>
                  </a:lnTo>
                  <a:lnTo>
                    <a:pt x="857" y="707"/>
                  </a:lnTo>
                  <a:lnTo>
                    <a:pt x="868" y="698"/>
                  </a:lnTo>
                  <a:lnTo>
                    <a:pt x="880" y="689"/>
                  </a:lnTo>
                  <a:lnTo>
                    <a:pt x="892" y="682"/>
                  </a:lnTo>
                  <a:lnTo>
                    <a:pt x="902" y="676"/>
                  </a:lnTo>
                  <a:lnTo>
                    <a:pt x="907" y="675"/>
                  </a:lnTo>
                  <a:lnTo>
                    <a:pt x="913" y="675"/>
                  </a:lnTo>
                  <a:lnTo>
                    <a:pt x="918" y="676"/>
                  </a:lnTo>
                  <a:lnTo>
                    <a:pt x="922" y="679"/>
                  </a:lnTo>
                  <a:lnTo>
                    <a:pt x="923" y="687"/>
                  </a:lnTo>
                  <a:lnTo>
                    <a:pt x="923" y="692"/>
                  </a:lnTo>
                  <a:lnTo>
                    <a:pt x="922" y="696"/>
                  </a:lnTo>
                  <a:lnTo>
                    <a:pt x="920" y="699"/>
                  </a:lnTo>
                  <a:lnTo>
                    <a:pt x="917" y="702"/>
                  </a:lnTo>
                  <a:lnTo>
                    <a:pt x="914" y="704"/>
                  </a:lnTo>
                  <a:lnTo>
                    <a:pt x="909" y="705"/>
                  </a:lnTo>
                  <a:lnTo>
                    <a:pt x="904" y="706"/>
                  </a:lnTo>
                  <a:lnTo>
                    <a:pt x="896" y="708"/>
                  </a:lnTo>
                  <a:lnTo>
                    <a:pt x="888" y="711"/>
                  </a:lnTo>
                  <a:lnTo>
                    <a:pt x="885" y="714"/>
                  </a:lnTo>
                  <a:lnTo>
                    <a:pt x="883" y="717"/>
                  </a:lnTo>
                  <a:lnTo>
                    <a:pt x="882" y="722"/>
                  </a:lnTo>
                  <a:lnTo>
                    <a:pt x="883" y="728"/>
                  </a:lnTo>
                  <a:lnTo>
                    <a:pt x="890" y="734"/>
                  </a:lnTo>
                  <a:lnTo>
                    <a:pt x="898" y="739"/>
                  </a:lnTo>
                  <a:lnTo>
                    <a:pt x="905" y="744"/>
                  </a:lnTo>
                  <a:lnTo>
                    <a:pt x="913" y="748"/>
                  </a:lnTo>
                  <a:lnTo>
                    <a:pt x="920" y="751"/>
                  </a:lnTo>
                  <a:lnTo>
                    <a:pt x="927" y="753"/>
                  </a:lnTo>
                  <a:lnTo>
                    <a:pt x="935" y="756"/>
                  </a:lnTo>
                  <a:lnTo>
                    <a:pt x="942" y="757"/>
                  </a:lnTo>
                  <a:lnTo>
                    <a:pt x="957" y="759"/>
                  </a:lnTo>
                  <a:lnTo>
                    <a:pt x="972" y="758"/>
                  </a:lnTo>
                  <a:lnTo>
                    <a:pt x="986" y="756"/>
                  </a:lnTo>
                  <a:lnTo>
                    <a:pt x="1000" y="752"/>
                  </a:lnTo>
                  <a:lnTo>
                    <a:pt x="1014" y="747"/>
                  </a:lnTo>
                  <a:lnTo>
                    <a:pt x="1026" y="739"/>
                  </a:lnTo>
                  <a:lnTo>
                    <a:pt x="1039" y="730"/>
                  </a:lnTo>
                  <a:lnTo>
                    <a:pt x="1051" y="720"/>
                  </a:lnTo>
                  <a:lnTo>
                    <a:pt x="1061" y="709"/>
                  </a:lnTo>
                  <a:lnTo>
                    <a:pt x="1071" y="697"/>
                  </a:lnTo>
                  <a:lnTo>
                    <a:pt x="1080" y="684"/>
                  </a:lnTo>
                  <a:lnTo>
                    <a:pt x="1087" y="670"/>
                  </a:lnTo>
                  <a:lnTo>
                    <a:pt x="1074" y="661"/>
                  </a:lnTo>
                  <a:lnTo>
                    <a:pt x="1060" y="653"/>
                  </a:lnTo>
                  <a:lnTo>
                    <a:pt x="1047" y="644"/>
                  </a:lnTo>
                  <a:lnTo>
                    <a:pt x="1036" y="633"/>
                  </a:lnTo>
                  <a:lnTo>
                    <a:pt x="1031" y="628"/>
                  </a:lnTo>
                  <a:lnTo>
                    <a:pt x="1026" y="621"/>
                  </a:lnTo>
                  <a:lnTo>
                    <a:pt x="1022" y="615"/>
                  </a:lnTo>
                  <a:lnTo>
                    <a:pt x="1018" y="608"/>
                  </a:lnTo>
                  <a:lnTo>
                    <a:pt x="1015" y="600"/>
                  </a:lnTo>
                  <a:lnTo>
                    <a:pt x="1013" y="592"/>
                  </a:lnTo>
                  <a:lnTo>
                    <a:pt x="1011" y="583"/>
                  </a:lnTo>
                  <a:lnTo>
                    <a:pt x="1009" y="573"/>
                  </a:lnTo>
                  <a:lnTo>
                    <a:pt x="1027" y="575"/>
                  </a:lnTo>
                  <a:lnTo>
                    <a:pt x="1045" y="576"/>
                  </a:lnTo>
                  <a:lnTo>
                    <a:pt x="1061" y="575"/>
                  </a:lnTo>
                  <a:lnTo>
                    <a:pt x="1077" y="574"/>
                  </a:lnTo>
                  <a:lnTo>
                    <a:pt x="1093" y="571"/>
                  </a:lnTo>
                  <a:lnTo>
                    <a:pt x="1106" y="569"/>
                  </a:lnTo>
                  <a:lnTo>
                    <a:pt x="1120" y="565"/>
                  </a:lnTo>
                  <a:lnTo>
                    <a:pt x="1135" y="561"/>
                  </a:lnTo>
                  <a:lnTo>
                    <a:pt x="1161" y="554"/>
                  </a:lnTo>
                  <a:lnTo>
                    <a:pt x="1190" y="547"/>
                  </a:lnTo>
                  <a:lnTo>
                    <a:pt x="1204" y="545"/>
                  </a:lnTo>
                  <a:lnTo>
                    <a:pt x="1219" y="544"/>
                  </a:lnTo>
                  <a:lnTo>
                    <a:pt x="1235" y="543"/>
                  </a:lnTo>
                  <a:lnTo>
                    <a:pt x="1252" y="544"/>
                  </a:lnTo>
                  <a:lnTo>
                    <a:pt x="1251" y="533"/>
                  </a:lnTo>
                  <a:lnTo>
                    <a:pt x="1250" y="521"/>
                  </a:lnTo>
                  <a:lnTo>
                    <a:pt x="1247" y="511"/>
                  </a:lnTo>
                  <a:lnTo>
                    <a:pt x="1244" y="500"/>
                  </a:lnTo>
                  <a:lnTo>
                    <a:pt x="1240" y="490"/>
                  </a:lnTo>
                  <a:lnTo>
                    <a:pt x="1237" y="480"/>
                  </a:lnTo>
                  <a:lnTo>
                    <a:pt x="1232" y="470"/>
                  </a:lnTo>
                  <a:lnTo>
                    <a:pt x="1226" y="460"/>
                  </a:lnTo>
                  <a:lnTo>
                    <a:pt x="1215" y="442"/>
                  </a:lnTo>
                  <a:lnTo>
                    <a:pt x="1201" y="425"/>
                  </a:lnTo>
                  <a:lnTo>
                    <a:pt x="1185" y="408"/>
                  </a:lnTo>
                  <a:lnTo>
                    <a:pt x="1168" y="392"/>
                  </a:lnTo>
                  <a:lnTo>
                    <a:pt x="1150" y="377"/>
                  </a:lnTo>
                  <a:lnTo>
                    <a:pt x="1131" y="363"/>
                  </a:lnTo>
                  <a:lnTo>
                    <a:pt x="1111" y="350"/>
                  </a:lnTo>
                  <a:lnTo>
                    <a:pt x="1088" y="338"/>
                  </a:lnTo>
                  <a:lnTo>
                    <a:pt x="1067" y="328"/>
                  </a:lnTo>
                  <a:lnTo>
                    <a:pt x="1044" y="317"/>
                  </a:lnTo>
                  <a:lnTo>
                    <a:pt x="1022" y="309"/>
                  </a:lnTo>
                  <a:lnTo>
                    <a:pt x="1000" y="301"/>
                  </a:lnTo>
                  <a:lnTo>
                    <a:pt x="999" y="290"/>
                  </a:lnTo>
                  <a:lnTo>
                    <a:pt x="999" y="280"/>
                  </a:lnTo>
                  <a:lnTo>
                    <a:pt x="1001" y="272"/>
                  </a:lnTo>
                  <a:lnTo>
                    <a:pt x="1004" y="265"/>
                  </a:lnTo>
                  <a:lnTo>
                    <a:pt x="1008" y="258"/>
                  </a:lnTo>
                  <a:lnTo>
                    <a:pt x="1013" y="252"/>
                  </a:lnTo>
                  <a:lnTo>
                    <a:pt x="1018" y="247"/>
                  </a:lnTo>
                  <a:lnTo>
                    <a:pt x="1023" y="242"/>
                  </a:lnTo>
                  <a:lnTo>
                    <a:pt x="1035" y="233"/>
                  </a:lnTo>
                  <a:lnTo>
                    <a:pt x="1045" y="222"/>
                  </a:lnTo>
                  <a:lnTo>
                    <a:pt x="1049" y="217"/>
                  </a:lnTo>
                  <a:lnTo>
                    <a:pt x="1053" y="210"/>
                  </a:lnTo>
                  <a:lnTo>
                    <a:pt x="1056" y="202"/>
                  </a:lnTo>
                  <a:lnTo>
                    <a:pt x="1058" y="194"/>
                  </a:lnTo>
                  <a:lnTo>
                    <a:pt x="1055" y="176"/>
                  </a:lnTo>
                  <a:lnTo>
                    <a:pt x="1052" y="159"/>
                  </a:lnTo>
                  <a:lnTo>
                    <a:pt x="1048" y="142"/>
                  </a:lnTo>
                  <a:lnTo>
                    <a:pt x="1044" y="126"/>
                  </a:lnTo>
                  <a:lnTo>
                    <a:pt x="1039" y="111"/>
                  </a:lnTo>
                  <a:lnTo>
                    <a:pt x="1033" y="96"/>
                  </a:lnTo>
                  <a:lnTo>
                    <a:pt x="1025" y="82"/>
                  </a:lnTo>
                  <a:lnTo>
                    <a:pt x="1018" y="69"/>
                  </a:lnTo>
                  <a:lnTo>
                    <a:pt x="1009" y="57"/>
                  </a:lnTo>
                  <a:lnTo>
                    <a:pt x="1000" y="45"/>
                  </a:lnTo>
                  <a:lnTo>
                    <a:pt x="989" y="36"/>
                  </a:lnTo>
                  <a:lnTo>
                    <a:pt x="978" y="27"/>
                  </a:lnTo>
                  <a:lnTo>
                    <a:pt x="966" y="18"/>
                  </a:lnTo>
                  <a:lnTo>
                    <a:pt x="953" y="11"/>
                  </a:lnTo>
                  <a:lnTo>
                    <a:pt x="938" y="5"/>
                  </a:lnTo>
                  <a:lnTo>
                    <a:pt x="922" y="0"/>
                  </a:lnTo>
                  <a:lnTo>
                    <a:pt x="910" y="31"/>
                  </a:lnTo>
                  <a:lnTo>
                    <a:pt x="897" y="61"/>
                  </a:lnTo>
                  <a:lnTo>
                    <a:pt x="882" y="92"/>
                  </a:lnTo>
                  <a:lnTo>
                    <a:pt x="866" y="122"/>
                  </a:lnTo>
                  <a:lnTo>
                    <a:pt x="849" y="152"/>
                  </a:lnTo>
                  <a:lnTo>
                    <a:pt x="830" y="182"/>
                  </a:lnTo>
                  <a:lnTo>
                    <a:pt x="810" y="213"/>
                  </a:lnTo>
                  <a:lnTo>
                    <a:pt x="788" y="242"/>
                  </a:lnTo>
                  <a:lnTo>
                    <a:pt x="766" y="271"/>
                  </a:lnTo>
                  <a:lnTo>
                    <a:pt x="742" y="299"/>
                  </a:lnTo>
                  <a:lnTo>
                    <a:pt x="718" y="327"/>
                  </a:lnTo>
                  <a:lnTo>
                    <a:pt x="691" y="353"/>
                  </a:lnTo>
                  <a:lnTo>
                    <a:pt x="664" y="379"/>
                  </a:lnTo>
                  <a:lnTo>
                    <a:pt x="636" y="404"/>
                  </a:lnTo>
                  <a:lnTo>
                    <a:pt x="607" y="427"/>
                  </a:lnTo>
                  <a:lnTo>
                    <a:pt x="577" y="448"/>
                  </a:lnTo>
                  <a:lnTo>
                    <a:pt x="546" y="469"/>
                  </a:lnTo>
                  <a:lnTo>
                    <a:pt x="515" y="487"/>
                  </a:lnTo>
                  <a:lnTo>
                    <a:pt x="481" y="504"/>
                  </a:lnTo>
                  <a:lnTo>
                    <a:pt x="448" y="519"/>
                  </a:lnTo>
                  <a:lnTo>
                    <a:pt x="413" y="532"/>
                  </a:lnTo>
                  <a:lnTo>
                    <a:pt x="379" y="544"/>
                  </a:lnTo>
                  <a:lnTo>
                    <a:pt x="343" y="552"/>
                  </a:lnTo>
                  <a:lnTo>
                    <a:pt x="307" y="558"/>
                  </a:lnTo>
                  <a:lnTo>
                    <a:pt x="270" y="563"/>
                  </a:lnTo>
                  <a:lnTo>
                    <a:pt x="233" y="565"/>
                  </a:lnTo>
                  <a:lnTo>
                    <a:pt x="195" y="564"/>
                  </a:lnTo>
                  <a:lnTo>
                    <a:pt x="157" y="559"/>
                  </a:lnTo>
                  <a:lnTo>
                    <a:pt x="119" y="553"/>
                  </a:lnTo>
                  <a:lnTo>
                    <a:pt x="79" y="544"/>
                  </a:lnTo>
                  <a:lnTo>
                    <a:pt x="40" y="531"/>
                  </a:lnTo>
                  <a:lnTo>
                    <a:pt x="0" y="514"/>
                  </a:lnTo>
                  <a:lnTo>
                    <a:pt x="6" y="537"/>
                  </a:lnTo>
                  <a:lnTo>
                    <a:pt x="12" y="559"/>
                  </a:lnTo>
                  <a:lnTo>
                    <a:pt x="18" y="580"/>
                  </a:lnTo>
                  <a:lnTo>
                    <a:pt x="22" y="603"/>
                  </a:lnTo>
                  <a:lnTo>
                    <a:pt x="29" y="645"/>
                  </a:lnTo>
                  <a:lnTo>
                    <a:pt x="36" y="686"/>
                  </a:lnTo>
                  <a:lnTo>
                    <a:pt x="45" y="726"/>
                  </a:lnTo>
                  <a:lnTo>
                    <a:pt x="55" y="766"/>
                  </a:lnTo>
                  <a:lnTo>
                    <a:pt x="62" y="786"/>
                  </a:lnTo>
                  <a:lnTo>
                    <a:pt x="69" y="805"/>
                  </a:lnTo>
                  <a:lnTo>
                    <a:pt x="78" y="825"/>
                  </a:lnTo>
                  <a:lnTo>
                    <a:pt x="87" y="845"/>
                  </a:lnTo>
                  <a:lnTo>
                    <a:pt x="97" y="841"/>
                  </a:lnTo>
                  <a:lnTo>
                    <a:pt x="105" y="837"/>
                  </a:lnTo>
                  <a:lnTo>
                    <a:pt x="114" y="836"/>
                  </a:lnTo>
                  <a:lnTo>
                    <a:pt x="122" y="835"/>
                  </a:lnTo>
                  <a:lnTo>
                    <a:pt x="130" y="836"/>
                  </a:lnTo>
                  <a:lnTo>
                    <a:pt x="138" y="838"/>
                  </a:lnTo>
                  <a:lnTo>
                    <a:pt x="146" y="841"/>
                  </a:lnTo>
                  <a:lnTo>
                    <a:pt x="153" y="845"/>
                  </a:lnTo>
                  <a:lnTo>
                    <a:pt x="160" y="849"/>
                  </a:lnTo>
                  <a:lnTo>
                    <a:pt x="167" y="854"/>
                  </a:lnTo>
                  <a:lnTo>
                    <a:pt x="174" y="859"/>
                  </a:lnTo>
                  <a:lnTo>
                    <a:pt x="181" y="866"/>
                  </a:lnTo>
                  <a:lnTo>
                    <a:pt x="194" y="878"/>
                  </a:lnTo>
                  <a:lnTo>
                    <a:pt x="207" y="893"/>
                  </a:lnTo>
                  <a:lnTo>
                    <a:pt x="221" y="908"/>
                  </a:lnTo>
                  <a:lnTo>
                    <a:pt x="234" y="922"/>
                  </a:lnTo>
                  <a:lnTo>
                    <a:pt x="248" y="935"/>
                  </a:lnTo>
                  <a:lnTo>
                    <a:pt x="263" y="947"/>
                  </a:lnTo>
                  <a:lnTo>
                    <a:pt x="270" y="951"/>
                  </a:lnTo>
                  <a:lnTo>
                    <a:pt x="278" y="955"/>
                  </a:lnTo>
                  <a:lnTo>
                    <a:pt x="286" y="958"/>
                  </a:lnTo>
                  <a:lnTo>
                    <a:pt x="294" y="962"/>
                  </a:lnTo>
                  <a:lnTo>
                    <a:pt x="303" y="963"/>
                  </a:lnTo>
                  <a:lnTo>
                    <a:pt x="311" y="964"/>
                  </a:lnTo>
                  <a:lnTo>
                    <a:pt x="321" y="963"/>
                  </a:lnTo>
                  <a:lnTo>
                    <a:pt x="330" y="961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238" name="Brønderslev"/>
            <p:cNvSpPr>
              <a:spLocks/>
            </p:cNvSpPr>
            <p:nvPr/>
          </p:nvSpPr>
          <p:spPr bwMode="auto">
            <a:xfrm>
              <a:off x="1801813" y="2732088"/>
              <a:ext cx="528637" cy="358775"/>
            </a:xfrm>
            <a:custGeom>
              <a:avLst/>
              <a:gdLst>
                <a:gd name="T0" fmla="*/ 121 w 999"/>
                <a:gd name="T1" fmla="*/ 125 h 679"/>
                <a:gd name="T2" fmla="*/ 152 w 999"/>
                <a:gd name="T3" fmla="*/ 148 h 679"/>
                <a:gd name="T4" fmla="*/ 164 w 999"/>
                <a:gd name="T5" fmla="*/ 158 h 679"/>
                <a:gd name="T6" fmla="*/ 175 w 999"/>
                <a:gd name="T7" fmla="*/ 161 h 679"/>
                <a:gd name="T8" fmla="*/ 189 w 999"/>
                <a:gd name="T9" fmla="*/ 174 h 679"/>
                <a:gd name="T10" fmla="*/ 210 w 999"/>
                <a:gd name="T11" fmla="*/ 194 h 679"/>
                <a:gd name="T12" fmla="*/ 227 w 999"/>
                <a:gd name="T13" fmla="*/ 198 h 679"/>
                <a:gd name="T14" fmla="*/ 264 w 999"/>
                <a:gd name="T15" fmla="*/ 196 h 679"/>
                <a:gd name="T16" fmla="*/ 281 w 999"/>
                <a:gd name="T17" fmla="*/ 200 h 679"/>
                <a:gd name="T18" fmla="*/ 287 w 999"/>
                <a:gd name="T19" fmla="*/ 207 h 679"/>
                <a:gd name="T20" fmla="*/ 285 w 999"/>
                <a:gd name="T21" fmla="*/ 212 h 679"/>
                <a:gd name="T22" fmla="*/ 285 w 999"/>
                <a:gd name="T23" fmla="*/ 225 h 679"/>
                <a:gd name="T24" fmla="*/ 291 w 999"/>
                <a:gd name="T25" fmla="*/ 220 h 679"/>
                <a:gd name="T26" fmla="*/ 299 w 999"/>
                <a:gd name="T27" fmla="*/ 213 h 679"/>
                <a:gd name="T28" fmla="*/ 311 w 999"/>
                <a:gd name="T29" fmla="*/ 213 h 679"/>
                <a:gd name="T30" fmla="*/ 323 w 999"/>
                <a:gd name="T31" fmla="*/ 168 h 679"/>
                <a:gd name="T32" fmla="*/ 329 w 999"/>
                <a:gd name="T33" fmla="*/ 145 h 679"/>
                <a:gd name="T34" fmla="*/ 317 w 999"/>
                <a:gd name="T35" fmla="*/ 137 h 679"/>
                <a:gd name="T36" fmla="*/ 319 w 999"/>
                <a:gd name="T37" fmla="*/ 123 h 679"/>
                <a:gd name="T38" fmla="*/ 316 w 999"/>
                <a:gd name="T39" fmla="*/ 112 h 679"/>
                <a:gd name="T40" fmla="*/ 301 w 999"/>
                <a:gd name="T41" fmla="*/ 92 h 679"/>
                <a:gd name="T42" fmla="*/ 296 w 999"/>
                <a:gd name="T43" fmla="*/ 78 h 679"/>
                <a:gd name="T44" fmla="*/ 301 w 999"/>
                <a:gd name="T45" fmla="*/ 68 h 679"/>
                <a:gd name="T46" fmla="*/ 281 w 999"/>
                <a:gd name="T47" fmla="*/ 59 h 679"/>
                <a:gd name="T48" fmla="*/ 274 w 999"/>
                <a:gd name="T49" fmla="*/ 66 h 679"/>
                <a:gd name="T50" fmla="*/ 268 w 999"/>
                <a:gd name="T51" fmla="*/ 64 h 679"/>
                <a:gd name="T52" fmla="*/ 259 w 999"/>
                <a:gd name="T53" fmla="*/ 61 h 679"/>
                <a:gd name="T54" fmla="*/ 239 w 999"/>
                <a:gd name="T55" fmla="*/ 79 h 679"/>
                <a:gd name="T56" fmla="*/ 223 w 999"/>
                <a:gd name="T57" fmla="*/ 81 h 679"/>
                <a:gd name="T58" fmla="*/ 219 w 999"/>
                <a:gd name="T59" fmla="*/ 67 h 679"/>
                <a:gd name="T60" fmla="*/ 220 w 999"/>
                <a:gd name="T61" fmla="*/ 47 h 679"/>
                <a:gd name="T62" fmla="*/ 217 w 999"/>
                <a:gd name="T63" fmla="*/ 32 h 679"/>
                <a:gd name="T64" fmla="*/ 211 w 999"/>
                <a:gd name="T65" fmla="*/ 21 h 679"/>
                <a:gd name="T66" fmla="*/ 205 w 999"/>
                <a:gd name="T67" fmla="*/ 5 h 679"/>
                <a:gd name="T68" fmla="*/ 195 w 999"/>
                <a:gd name="T69" fmla="*/ 11 h 679"/>
                <a:gd name="T70" fmla="*/ 176 w 999"/>
                <a:gd name="T71" fmla="*/ 11 h 679"/>
                <a:gd name="T72" fmla="*/ 155 w 999"/>
                <a:gd name="T73" fmla="*/ 9 h 679"/>
                <a:gd name="T74" fmla="*/ 154 w 999"/>
                <a:gd name="T75" fmla="*/ 20 h 679"/>
                <a:gd name="T76" fmla="*/ 141 w 999"/>
                <a:gd name="T77" fmla="*/ 22 h 679"/>
                <a:gd name="T78" fmla="*/ 117 w 999"/>
                <a:gd name="T79" fmla="*/ 12 h 679"/>
                <a:gd name="T80" fmla="*/ 97 w 999"/>
                <a:gd name="T81" fmla="*/ 6 h 679"/>
                <a:gd name="T82" fmla="*/ 95 w 999"/>
                <a:gd name="T83" fmla="*/ 11 h 679"/>
                <a:gd name="T84" fmla="*/ 92 w 999"/>
                <a:gd name="T85" fmla="*/ 19 h 679"/>
                <a:gd name="T86" fmla="*/ 77 w 999"/>
                <a:gd name="T87" fmla="*/ 13 h 679"/>
                <a:gd name="T88" fmla="*/ 58 w 999"/>
                <a:gd name="T89" fmla="*/ 2 h 679"/>
                <a:gd name="T90" fmla="*/ 51 w 999"/>
                <a:gd name="T91" fmla="*/ 6 h 679"/>
                <a:gd name="T92" fmla="*/ 42 w 999"/>
                <a:gd name="T93" fmla="*/ 13 h 679"/>
                <a:gd name="T94" fmla="*/ 35 w 999"/>
                <a:gd name="T95" fmla="*/ 21 h 679"/>
                <a:gd name="T96" fmla="*/ 19 w 999"/>
                <a:gd name="T97" fmla="*/ 26 h 679"/>
                <a:gd name="T98" fmla="*/ 19 w 999"/>
                <a:gd name="T99" fmla="*/ 41 h 679"/>
                <a:gd name="T100" fmla="*/ 12 w 999"/>
                <a:gd name="T101" fmla="*/ 68 h 679"/>
                <a:gd name="T102" fmla="*/ 1 w 999"/>
                <a:gd name="T103" fmla="*/ 81 h 679"/>
                <a:gd name="T104" fmla="*/ 6 w 999"/>
                <a:gd name="T105" fmla="*/ 92 h 679"/>
                <a:gd name="T106" fmla="*/ 23 w 999"/>
                <a:gd name="T107" fmla="*/ 99 h 679"/>
                <a:gd name="T108" fmla="*/ 57 w 999"/>
                <a:gd name="T109" fmla="*/ 98 h 679"/>
                <a:gd name="T110" fmla="*/ 83 w 999"/>
                <a:gd name="T111" fmla="*/ 97 h 679"/>
                <a:gd name="T112" fmla="*/ 99 w 999"/>
                <a:gd name="T113" fmla="*/ 102 h 679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0" t="0" r="r" b="b"/>
              <a:pathLst>
                <a:path w="999" h="679">
                  <a:moveTo>
                    <a:pt x="330" y="339"/>
                  </a:moveTo>
                  <a:lnTo>
                    <a:pt x="337" y="348"/>
                  </a:lnTo>
                  <a:lnTo>
                    <a:pt x="345" y="358"/>
                  </a:lnTo>
                  <a:lnTo>
                    <a:pt x="355" y="366"/>
                  </a:lnTo>
                  <a:lnTo>
                    <a:pt x="364" y="375"/>
                  </a:lnTo>
                  <a:lnTo>
                    <a:pt x="385" y="390"/>
                  </a:lnTo>
                  <a:lnTo>
                    <a:pt x="407" y="406"/>
                  </a:lnTo>
                  <a:lnTo>
                    <a:pt x="427" y="421"/>
                  </a:lnTo>
                  <a:lnTo>
                    <a:pt x="447" y="438"/>
                  </a:lnTo>
                  <a:lnTo>
                    <a:pt x="456" y="446"/>
                  </a:lnTo>
                  <a:lnTo>
                    <a:pt x="463" y="456"/>
                  </a:lnTo>
                  <a:lnTo>
                    <a:pt x="471" y="465"/>
                  </a:lnTo>
                  <a:lnTo>
                    <a:pt x="476" y="475"/>
                  </a:lnTo>
                  <a:lnTo>
                    <a:pt x="484" y="475"/>
                  </a:lnTo>
                  <a:lnTo>
                    <a:pt x="492" y="475"/>
                  </a:lnTo>
                  <a:lnTo>
                    <a:pt x="499" y="476"/>
                  </a:lnTo>
                  <a:lnTo>
                    <a:pt x="506" y="477"/>
                  </a:lnTo>
                  <a:lnTo>
                    <a:pt x="513" y="479"/>
                  </a:lnTo>
                  <a:lnTo>
                    <a:pt x="519" y="481"/>
                  </a:lnTo>
                  <a:lnTo>
                    <a:pt x="525" y="483"/>
                  </a:lnTo>
                  <a:lnTo>
                    <a:pt x="531" y="486"/>
                  </a:lnTo>
                  <a:lnTo>
                    <a:pt x="541" y="494"/>
                  </a:lnTo>
                  <a:lnTo>
                    <a:pt x="551" y="502"/>
                  </a:lnTo>
                  <a:lnTo>
                    <a:pt x="559" y="511"/>
                  </a:lnTo>
                  <a:lnTo>
                    <a:pt x="568" y="522"/>
                  </a:lnTo>
                  <a:lnTo>
                    <a:pt x="583" y="542"/>
                  </a:lnTo>
                  <a:lnTo>
                    <a:pt x="601" y="563"/>
                  </a:lnTo>
                  <a:lnTo>
                    <a:pt x="612" y="571"/>
                  </a:lnTo>
                  <a:lnTo>
                    <a:pt x="623" y="580"/>
                  </a:lnTo>
                  <a:lnTo>
                    <a:pt x="630" y="583"/>
                  </a:lnTo>
                  <a:lnTo>
                    <a:pt x="636" y="586"/>
                  </a:lnTo>
                  <a:lnTo>
                    <a:pt x="642" y="589"/>
                  </a:lnTo>
                  <a:lnTo>
                    <a:pt x="651" y="591"/>
                  </a:lnTo>
                  <a:lnTo>
                    <a:pt x="665" y="595"/>
                  </a:lnTo>
                  <a:lnTo>
                    <a:pt x="681" y="596"/>
                  </a:lnTo>
                  <a:lnTo>
                    <a:pt x="698" y="597"/>
                  </a:lnTo>
                  <a:lnTo>
                    <a:pt x="714" y="596"/>
                  </a:lnTo>
                  <a:lnTo>
                    <a:pt x="747" y="594"/>
                  </a:lnTo>
                  <a:lnTo>
                    <a:pt x="778" y="590"/>
                  </a:lnTo>
                  <a:lnTo>
                    <a:pt x="793" y="590"/>
                  </a:lnTo>
                  <a:lnTo>
                    <a:pt x="808" y="590"/>
                  </a:lnTo>
                  <a:lnTo>
                    <a:pt x="820" y="593"/>
                  </a:lnTo>
                  <a:lnTo>
                    <a:pt x="832" y="596"/>
                  </a:lnTo>
                  <a:lnTo>
                    <a:pt x="837" y="598"/>
                  </a:lnTo>
                  <a:lnTo>
                    <a:pt x="842" y="601"/>
                  </a:lnTo>
                  <a:lnTo>
                    <a:pt x="848" y="604"/>
                  </a:lnTo>
                  <a:lnTo>
                    <a:pt x="852" y="608"/>
                  </a:lnTo>
                  <a:lnTo>
                    <a:pt x="855" y="613"/>
                  </a:lnTo>
                  <a:lnTo>
                    <a:pt x="858" y="618"/>
                  </a:lnTo>
                  <a:lnTo>
                    <a:pt x="861" y="623"/>
                  </a:lnTo>
                  <a:lnTo>
                    <a:pt x="863" y="630"/>
                  </a:lnTo>
                  <a:lnTo>
                    <a:pt x="861" y="630"/>
                  </a:lnTo>
                  <a:lnTo>
                    <a:pt x="858" y="631"/>
                  </a:lnTo>
                  <a:lnTo>
                    <a:pt x="856" y="634"/>
                  </a:lnTo>
                  <a:lnTo>
                    <a:pt x="855" y="637"/>
                  </a:lnTo>
                  <a:lnTo>
                    <a:pt x="853" y="645"/>
                  </a:lnTo>
                  <a:lnTo>
                    <a:pt x="852" y="655"/>
                  </a:lnTo>
                  <a:lnTo>
                    <a:pt x="853" y="664"/>
                  </a:lnTo>
                  <a:lnTo>
                    <a:pt x="855" y="673"/>
                  </a:lnTo>
                  <a:lnTo>
                    <a:pt x="856" y="676"/>
                  </a:lnTo>
                  <a:lnTo>
                    <a:pt x="858" y="678"/>
                  </a:lnTo>
                  <a:lnTo>
                    <a:pt x="861" y="679"/>
                  </a:lnTo>
                  <a:lnTo>
                    <a:pt x="863" y="679"/>
                  </a:lnTo>
                  <a:lnTo>
                    <a:pt x="869" y="670"/>
                  </a:lnTo>
                  <a:lnTo>
                    <a:pt x="874" y="662"/>
                  </a:lnTo>
                  <a:lnTo>
                    <a:pt x="879" y="654"/>
                  </a:lnTo>
                  <a:lnTo>
                    <a:pt x="886" y="647"/>
                  </a:lnTo>
                  <a:lnTo>
                    <a:pt x="890" y="644"/>
                  </a:lnTo>
                  <a:lnTo>
                    <a:pt x="894" y="642"/>
                  </a:lnTo>
                  <a:lnTo>
                    <a:pt x="898" y="640"/>
                  </a:lnTo>
                  <a:lnTo>
                    <a:pt x="903" y="639"/>
                  </a:lnTo>
                  <a:lnTo>
                    <a:pt x="910" y="638"/>
                  </a:lnTo>
                  <a:lnTo>
                    <a:pt x="916" y="638"/>
                  </a:lnTo>
                  <a:lnTo>
                    <a:pt x="923" y="639"/>
                  </a:lnTo>
                  <a:lnTo>
                    <a:pt x="932" y="640"/>
                  </a:lnTo>
                  <a:lnTo>
                    <a:pt x="937" y="606"/>
                  </a:lnTo>
                  <a:lnTo>
                    <a:pt x="944" y="577"/>
                  </a:lnTo>
                  <a:lnTo>
                    <a:pt x="952" y="550"/>
                  </a:lnTo>
                  <a:lnTo>
                    <a:pt x="960" y="526"/>
                  </a:lnTo>
                  <a:lnTo>
                    <a:pt x="970" y="504"/>
                  </a:lnTo>
                  <a:lnTo>
                    <a:pt x="979" y="482"/>
                  </a:lnTo>
                  <a:lnTo>
                    <a:pt x="990" y="460"/>
                  </a:lnTo>
                  <a:lnTo>
                    <a:pt x="999" y="436"/>
                  </a:lnTo>
                  <a:lnTo>
                    <a:pt x="993" y="437"/>
                  </a:lnTo>
                  <a:lnTo>
                    <a:pt x="988" y="437"/>
                  </a:lnTo>
                  <a:lnTo>
                    <a:pt x="982" y="436"/>
                  </a:lnTo>
                  <a:lnTo>
                    <a:pt x="977" y="435"/>
                  </a:lnTo>
                  <a:lnTo>
                    <a:pt x="969" y="430"/>
                  </a:lnTo>
                  <a:lnTo>
                    <a:pt x="962" y="425"/>
                  </a:lnTo>
                  <a:lnTo>
                    <a:pt x="951" y="411"/>
                  </a:lnTo>
                  <a:lnTo>
                    <a:pt x="941" y="398"/>
                  </a:lnTo>
                  <a:lnTo>
                    <a:pt x="947" y="390"/>
                  </a:lnTo>
                  <a:lnTo>
                    <a:pt x="952" y="384"/>
                  </a:lnTo>
                  <a:lnTo>
                    <a:pt x="954" y="378"/>
                  </a:lnTo>
                  <a:lnTo>
                    <a:pt x="956" y="371"/>
                  </a:lnTo>
                  <a:lnTo>
                    <a:pt x="957" y="365"/>
                  </a:lnTo>
                  <a:lnTo>
                    <a:pt x="957" y="359"/>
                  </a:lnTo>
                  <a:lnTo>
                    <a:pt x="956" y="354"/>
                  </a:lnTo>
                  <a:lnTo>
                    <a:pt x="955" y="347"/>
                  </a:lnTo>
                  <a:lnTo>
                    <a:pt x="949" y="335"/>
                  </a:lnTo>
                  <a:lnTo>
                    <a:pt x="941" y="323"/>
                  </a:lnTo>
                  <a:lnTo>
                    <a:pt x="933" y="311"/>
                  </a:lnTo>
                  <a:lnTo>
                    <a:pt x="923" y="299"/>
                  </a:lnTo>
                  <a:lnTo>
                    <a:pt x="913" y="287"/>
                  </a:lnTo>
                  <a:lnTo>
                    <a:pt x="904" y="276"/>
                  </a:lnTo>
                  <a:lnTo>
                    <a:pt x="897" y="264"/>
                  </a:lnTo>
                  <a:lnTo>
                    <a:pt x="891" y="251"/>
                  </a:lnTo>
                  <a:lnTo>
                    <a:pt x="889" y="246"/>
                  </a:lnTo>
                  <a:lnTo>
                    <a:pt x="888" y="240"/>
                  </a:lnTo>
                  <a:lnTo>
                    <a:pt x="888" y="233"/>
                  </a:lnTo>
                  <a:lnTo>
                    <a:pt x="889" y="228"/>
                  </a:lnTo>
                  <a:lnTo>
                    <a:pt x="891" y="222"/>
                  </a:lnTo>
                  <a:lnTo>
                    <a:pt x="893" y="216"/>
                  </a:lnTo>
                  <a:lnTo>
                    <a:pt x="897" y="209"/>
                  </a:lnTo>
                  <a:lnTo>
                    <a:pt x="902" y="203"/>
                  </a:lnTo>
                  <a:lnTo>
                    <a:pt x="891" y="201"/>
                  </a:lnTo>
                  <a:lnTo>
                    <a:pt x="879" y="198"/>
                  </a:lnTo>
                  <a:lnTo>
                    <a:pt x="870" y="192"/>
                  </a:lnTo>
                  <a:lnTo>
                    <a:pt x="860" y="187"/>
                  </a:lnTo>
                  <a:lnTo>
                    <a:pt x="842" y="176"/>
                  </a:lnTo>
                  <a:lnTo>
                    <a:pt x="824" y="164"/>
                  </a:lnTo>
                  <a:lnTo>
                    <a:pt x="824" y="177"/>
                  </a:lnTo>
                  <a:lnTo>
                    <a:pt x="824" y="188"/>
                  </a:lnTo>
                  <a:lnTo>
                    <a:pt x="823" y="193"/>
                  </a:lnTo>
                  <a:lnTo>
                    <a:pt x="822" y="198"/>
                  </a:lnTo>
                  <a:lnTo>
                    <a:pt x="819" y="201"/>
                  </a:lnTo>
                  <a:lnTo>
                    <a:pt x="815" y="203"/>
                  </a:lnTo>
                  <a:lnTo>
                    <a:pt x="813" y="199"/>
                  </a:lnTo>
                  <a:lnTo>
                    <a:pt x="809" y="195"/>
                  </a:lnTo>
                  <a:lnTo>
                    <a:pt x="804" y="191"/>
                  </a:lnTo>
                  <a:lnTo>
                    <a:pt x="800" y="189"/>
                  </a:lnTo>
                  <a:lnTo>
                    <a:pt x="795" y="187"/>
                  </a:lnTo>
                  <a:lnTo>
                    <a:pt x="790" y="185"/>
                  </a:lnTo>
                  <a:lnTo>
                    <a:pt x="783" y="184"/>
                  </a:lnTo>
                  <a:lnTo>
                    <a:pt x="776" y="184"/>
                  </a:lnTo>
                  <a:lnTo>
                    <a:pt x="757" y="205"/>
                  </a:lnTo>
                  <a:lnTo>
                    <a:pt x="737" y="226"/>
                  </a:lnTo>
                  <a:lnTo>
                    <a:pt x="731" y="230"/>
                  </a:lnTo>
                  <a:lnTo>
                    <a:pt x="724" y="235"/>
                  </a:lnTo>
                  <a:lnTo>
                    <a:pt x="717" y="238"/>
                  </a:lnTo>
                  <a:lnTo>
                    <a:pt x="710" y="241"/>
                  </a:lnTo>
                  <a:lnTo>
                    <a:pt x="701" y="242"/>
                  </a:lnTo>
                  <a:lnTo>
                    <a:pt x="692" y="243"/>
                  </a:lnTo>
                  <a:lnTo>
                    <a:pt x="681" y="243"/>
                  </a:lnTo>
                  <a:lnTo>
                    <a:pt x="670" y="242"/>
                  </a:lnTo>
                  <a:lnTo>
                    <a:pt x="665" y="233"/>
                  </a:lnTo>
                  <a:lnTo>
                    <a:pt x="662" y="226"/>
                  </a:lnTo>
                  <a:lnTo>
                    <a:pt x="659" y="218"/>
                  </a:lnTo>
                  <a:lnTo>
                    <a:pt x="657" y="209"/>
                  </a:lnTo>
                  <a:lnTo>
                    <a:pt x="656" y="202"/>
                  </a:lnTo>
                  <a:lnTo>
                    <a:pt x="655" y="193"/>
                  </a:lnTo>
                  <a:lnTo>
                    <a:pt x="655" y="185"/>
                  </a:lnTo>
                  <a:lnTo>
                    <a:pt x="655" y="177"/>
                  </a:lnTo>
                  <a:lnTo>
                    <a:pt x="657" y="160"/>
                  </a:lnTo>
                  <a:lnTo>
                    <a:pt x="660" y="142"/>
                  </a:lnTo>
                  <a:lnTo>
                    <a:pt x="664" y="124"/>
                  </a:lnTo>
                  <a:lnTo>
                    <a:pt x="670" y="106"/>
                  </a:lnTo>
                  <a:lnTo>
                    <a:pt x="662" y="104"/>
                  </a:lnTo>
                  <a:lnTo>
                    <a:pt x="657" y="100"/>
                  </a:lnTo>
                  <a:lnTo>
                    <a:pt x="652" y="96"/>
                  </a:lnTo>
                  <a:lnTo>
                    <a:pt x="646" y="90"/>
                  </a:lnTo>
                  <a:lnTo>
                    <a:pt x="643" y="84"/>
                  </a:lnTo>
                  <a:lnTo>
                    <a:pt x="640" y="78"/>
                  </a:lnTo>
                  <a:lnTo>
                    <a:pt x="637" y="71"/>
                  </a:lnTo>
                  <a:lnTo>
                    <a:pt x="634" y="64"/>
                  </a:lnTo>
                  <a:lnTo>
                    <a:pt x="630" y="49"/>
                  </a:lnTo>
                  <a:lnTo>
                    <a:pt x="625" y="34"/>
                  </a:lnTo>
                  <a:lnTo>
                    <a:pt x="622" y="27"/>
                  </a:lnTo>
                  <a:lnTo>
                    <a:pt x="619" y="21"/>
                  </a:lnTo>
                  <a:lnTo>
                    <a:pt x="616" y="14"/>
                  </a:lnTo>
                  <a:lnTo>
                    <a:pt x="612" y="9"/>
                  </a:lnTo>
                  <a:lnTo>
                    <a:pt x="606" y="18"/>
                  </a:lnTo>
                  <a:lnTo>
                    <a:pt x="601" y="24"/>
                  </a:lnTo>
                  <a:lnTo>
                    <a:pt x="594" y="29"/>
                  </a:lnTo>
                  <a:lnTo>
                    <a:pt x="586" y="32"/>
                  </a:lnTo>
                  <a:lnTo>
                    <a:pt x="578" y="34"/>
                  </a:lnTo>
                  <a:lnTo>
                    <a:pt x="570" y="35"/>
                  </a:lnTo>
                  <a:lnTo>
                    <a:pt x="560" y="37"/>
                  </a:lnTo>
                  <a:lnTo>
                    <a:pt x="550" y="35"/>
                  </a:lnTo>
                  <a:lnTo>
                    <a:pt x="529" y="33"/>
                  </a:lnTo>
                  <a:lnTo>
                    <a:pt x="507" y="30"/>
                  </a:lnTo>
                  <a:lnTo>
                    <a:pt x="497" y="29"/>
                  </a:lnTo>
                  <a:lnTo>
                    <a:pt x="486" y="28"/>
                  </a:lnTo>
                  <a:lnTo>
                    <a:pt x="476" y="28"/>
                  </a:lnTo>
                  <a:lnTo>
                    <a:pt x="465" y="28"/>
                  </a:lnTo>
                  <a:lnTo>
                    <a:pt x="466" y="37"/>
                  </a:lnTo>
                  <a:lnTo>
                    <a:pt x="466" y="44"/>
                  </a:lnTo>
                  <a:lnTo>
                    <a:pt x="465" y="50"/>
                  </a:lnTo>
                  <a:lnTo>
                    <a:pt x="463" y="56"/>
                  </a:lnTo>
                  <a:lnTo>
                    <a:pt x="461" y="60"/>
                  </a:lnTo>
                  <a:lnTo>
                    <a:pt x="457" y="63"/>
                  </a:lnTo>
                  <a:lnTo>
                    <a:pt x="453" y="66"/>
                  </a:lnTo>
                  <a:lnTo>
                    <a:pt x="446" y="67"/>
                  </a:lnTo>
                  <a:lnTo>
                    <a:pt x="434" y="67"/>
                  </a:lnTo>
                  <a:lnTo>
                    <a:pt x="423" y="65"/>
                  </a:lnTo>
                  <a:lnTo>
                    <a:pt x="413" y="63"/>
                  </a:lnTo>
                  <a:lnTo>
                    <a:pt x="403" y="60"/>
                  </a:lnTo>
                  <a:lnTo>
                    <a:pt x="385" y="52"/>
                  </a:lnTo>
                  <a:lnTo>
                    <a:pt x="367" y="44"/>
                  </a:lnTo>
                  <a:lnTo>
                    <a:pt x="352" y="35"/>
                  </a:lnTo>
                  <a:lnTo>
                    <a:pt x="334" y="27"/>
                  </a:lnTo>
                  <a:lnTo>
                    <a:pt x="324" y="24"/>
                  </a:lnTo>
                  <a:lnTo>
                    <a:pt x="314" y="22"/>
                  </a:lnTo>
                  <a:lnTo>
                    <a:pt x="303" y="20"/>
                  </a:lnTo>
                  <a:lnTo>
                    <a:pt x="292" y="19"/>
                  </a:lnTo>
                  <a:lnTo>
                    <a:pt x="288" y="20"/>
                  </a:lnTo>
                  <a:lnTo>
                    <a:pt x="287" y="22"/>
                  </a:lnTo>
                  <a:lnTo>
                    <a:pt x="286" y="24"/>
                  </a:lnTo>
                  <a:lnTo>
                    <a:pt x="285" y="27"/>
                  </a:lnTo>
                  <a:lnTo>
                    <a:pt x="284" y="33"/>
                  </a:lnTo>
                  <a:lnTo>
                    <a:pt x="283" y="40"/>
                  </a:lnTo>
                  <a:lnTo>
                    <a:pt x="282" y="46"/>
                  </a:lnTo>
                  <a:lnTo>
                    <a:pt x="280" y="51"/>
                  </a:lnTo>
                  <a:lnTo>
                    <a:pt x="279" y="54"/>
                  </a:lnTo>
                  <a:lnTo>
                    <a:pt x="277" y="56"/>
                  </a:lnTo>
                  <a:lnTo>
                    <a:pt x="275" y="57"/>
                  </a:lnTo>
                  <a:lnTo>
                    <a:pt x="272" y="58"/>
                  </a:lnTo>
                  <a:lnTo>
                    <a:pt x="257" y="52"/>
                  </a:lnTo>
                  <a:lnTo>
                    <a:pt x="244" y="46"/>
                  </a:lnTo>
                  <a:lnTo>
                    <a:pt x="232" y="40"/>
                  </a:lnTo>
                  <a:lnTo>
                    <a:pt x="220" y="31"/>
                  </a:lnTo>
                  <a:lnTo>
                    <a:pt x="197" y="15"/>
                  </a:lnTo>
                  <a:lnTo>
                    <a:pt x="175" y="0"/>
                  </a:lnTo>
                  <a:lnTo>
                    <a:pt x="174" y="3"/>
                  </a:lnTo>
                  <a:lnTo>
                    <a:pt x="174" y="6"/>
                  </a:lnTo>
                  <a:lnTo>
                    <a:pt x="172" y="9"/>
                  </a:lnTo>
                  <a:lnTo>
                    <a:pt x="169" y="11"/>
                  </a:lnTo>
                  <a:lnTo>
                    <a:pt x="165" y="15"/>
                  </a:lnTo>
                  <a:lnTo>
                    <a:pt x="159" y="18"/>
                  </a:lnTo>
                  <a:lnTo>
                    <a:pt x="152" y="19"/>
                  </a:lnTo>
                  <a:lnTo>
                    <a:pt x="144" y="20"/>
                  </a:lnTo>
                  <a:lnTo>
                    <a:pt x="135" y="20"/>
                  </a:lnTo>
                  <a:lnTo>
                    <a:pt x="126" y="19"/>
                  </a:lnTo>
                  <a:lnTo>
                    <a:pt x="127" y="29"/>
                  </a:lnTo>
                  <a:lnTo>
                    <a:pt x="127" y="39"/>
                  </a:lnTo>
                  <a:lnTo>
                    <a:pt x="126" y="46"/>
                  </a:lnTo>
                  <a:lnTo>
                    <a:pt x="123" y="51"/>
                  </a:lnTo>
                  <a:lnTo>
                    <a:pt x="118" y="57"/>
                  </a:lnTo>
                  <a:lnTo>
                    <a:pt x="113" y="60"/>
                  </a:lnTo>
                  <a:lnTo>
                    <a:pt x="106" y="63"/>
                  </a:lnTo>
                  <a:lnTo>
                    <a:pt x="100" y="65"/>
                  </a:lnTo>
                  <a:lnTo>
                    <a:pt x="85" y="69"/>
                  </a:lnTo>
                  <a:lnTo>
                    <a:pt x="70" y="72"/>
                  </a:lnTo>
                  <a:lnTo>
                    <a:pt x="64" y="76"/>
                  </a:lnTo>
                  <a:lnTo>
                    <a:pt x="58" y="78"/>
                  </a:lnTo>
                  <a:lnTo>
                    <a:pt x="53" y="82"/>
                  </a:lnTo>
                  <a:lnTo>
                    <a:pt x="48" y="87"/>
                  </a:lnTo>
                  <a:lnTo>
                    <a:pt x="53" y="98"/>
                  </a:lnTo>
                  <a:lnTo>
                    <a:pt x="55" y="109"/>
                  </a:lnTo>
                  <a:lnTo>
                    <a:pt x="57" y="122"/>
                  </a:lnTo>
                  <a:lnTo>
                    <a:pt x="58" y="136"/>
                  </a:lnTo>
                  <a:lnTo>
                    <a:pt x="59" y="164"/>
                  </a:lnTo>
                  <a:lnTo>
                    <a:pt x="58" y="193"/>
                  </a:lnTo>
                  <a:lnTo>
                    <a:pt x="47" y="199"/>
                  </a:lnTo>
                  <a:lnTo>
                    <a:pt x="37" y="204"/>
                  </a:lnTo>
                  <a:lnTo>
                    <a:pt x="27" y="210"/>
                  </a:lnTo>
                  <a:lnTo>
                    <a:pt x="19" y="218"/>
                  </a:lnTo>
                  <a:lnTo>
                    <a:pt x="13" y="226"/>
                  </a:lnTo>
                  <a:lnTo>
                    <a:pt x="6" y="237"/>
                  </a:lnTo>
                  <a:lnTo>
                    <a:pt x="4" y="242"/>
                  </a:lnTo>
                  <a:lnTo>
                    <a:pt x="2" y="248"/>
                  </a:lnTo>
                  <a:lnTo>
                    <a:pt x="1" y="255"/>
                  </a:lnTo>
                  <a:lnTo>
                    <a:pt x="0" y="262"/>
                  </a:lnTo>
                  <a:lnTo>
                    <a:pt x="9" y="269"/>
                  </a:lnTo>
                  <a:lnTo>
                    <a:pt x="18" y="277"/>
                  </a:lnTo>
                  <a:lnTo>
                    <a:pt x="28" y="283"/>
                  </a:lnTo>
                  <a:lnTo>
                    <a:pt x="38" y="287"/>
                  </a:lnTo>
                  <a:lnTo>
                    <a:pt x="48" y="291"/>
                  </a:lnTo>
                  <a:lnTo>
                    <a:pt x="59" y="295"/>
                  </a:lnTo>
                  <a:lnTo>
                    <a:pt x="69" y="297"/>
                  </a:lnTo>
                  <a:lnTo>
                    <a:pt x="80" y="298"/>
                  </a:lnTo>
                  <a:lnTo>
                    <a:pt x="102" y="299"/>
                  </a:lnTo>
                  <a:lnTo>
                    <a:pt x="125" y="298"/>
                  </a:lnTo>
                  <a:lnTo>
                    <a:pt x="148" y="297"/>
                  </a:lnTo>
                  <a:lnTo>
                    <a:pt x="171" y="293"/>
                  </a:lnTo>
                  <a:lnTo>
                    <a:pt x="194" y="291"/>
                  </a:lnTo>
                  <a:lnTo>
                    <a:pt x="216" y="290"/>
                  </a:lnTo>
                  <a:lnTo>
                    <a:pt x="227" y="290"/>
                  </a:lnTo>
                  <a:lnTo>
                    <a:pt x="238" y="291"/>
                  </a:lnTo>
                  <a:lnTo>
                    <a:pt x="248" y="291"/>
                  </a:lnTo>
                  <a:lnTo>
                    <a:pt x="259" y="293"/>
                  </a:lnTo>
                  <a:lnTo>
                    <a:pt x="268" y="296"/>
                  </a:lnTo>
                  <a:lnTo>
                    <a:pt x="279" y="299"/>
                  </a:lnTo>
                  <a:lnTo>
                    <a:pt x="288" y="303"/>
                  </a:lnTo>
                  <a:lnTo>
                    <a:pt x="297" y="307"/>
                  </a:lnTo>
                  <a:lnTo>
                    <a:pt x="306" y="313"/>
                  </a:lnTo>
                  <a:lnTo>
                    <a:pt x="315" y="321"/>
                  </a:lnTo>
                  <a:lnTo>
                    <a:pt x="322" y="329"/>
                  </a:lnTo>
                  <a:lnTo>
                    <a:pt x="330" y="339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239" name="Brønderslev kant"/>
            <p:cNvSpPr>
              <a:spLocks/>
            </p:cNvSpPr>
            <p:nvPr/>
          </p:nvSpPr>
          <p:spPr bwMode="auto">
            <a:xfrm>
              <a:off x="1801813" y="2732088"/>
              <a:ext cx="528637" cy="358775"/>
            </a:xfrm>
            <a:custGeom>
              <a:avLst/>
              <a:gdLst>
                <a:gd name="T0" fmla="*/ 121 w 999"/>
                <a:gd name="T1" fmla="*/ 125 h 679"/>
                <a:gd name="T2" fmla="*/ 152 w 999"/>
                <a:gd name="T3" fmla="*/ 148 h 679"/>
                <a:gd name="T4" fmla="*/ 164 w 999"/>
                <a:gd name="T5" fmla="*/ 158 h 679"/>
                <a:gd name="T6" fmla="*/ 175 w 999"/>
                <a:gd name="T7" fmla="*/ 161 h 679"/>
                <a:gd name="T8" fmla="*/ 189 w 999"/>
                <a:gd name="T9" fmla="*/ 174 h 679"/>
                <a:gd name="T10" fmla="*/ 210 w 999"/>
                <a:gd name="T11" fmla="*/ 194 h 679"/>
                <a:gd name="T12" fmla="*/ 227 w 999"/>
                <a:gd name="T13" fmla="*/ 198 h 679"/>
                <a:gd name="T14" fmla="*/ 264 w 999"/>
                <a:gd name="T15" fmla="*/ 196 h 679"/>
                <a:gd name="T16" fmla="*/ 281 w 999"/>
                <a:gd name="T17" fmla="*/ 200 h 679"/>
                <a:gd name="T18" fmla="*/ 287 w 999"/>
                <a:gd name="T19" fmla="*/ 207 h 679"/>
                <a:gd name="T20" fmla="*/ 285 w 999"/>
                <a:gd name="T21" fmla="*/ 212 h 679"/>
                <a:gd name="T22" fmla="*/ 285 w 999"/>
                <a:gd name="T23" fmla="*/ 225 h 679"/>
                <a:gd name="T24" fmla="*/ 291 w 999"/>
                <a:gd name="T25" fmla="*/ 220 h 679"/>
                <a:gd name="T26" fmla="*/ 299 w 999"/>
                <a:gd name="T27" fmla="*/ 213 h 679"/>
                <a:gd name="T28" fmla="*/ 311 w 999"/>
                <a:gd name="T29" fmla="*/ 213 h 679"/>
                <a:gd name="T30" fmla="*/ 323 w 999"/>
                <a:gd name="T31" fmla="*/ 168 h 679"/>
                <a:gd name="T32" fmla="*/ 329 w 999"/>
                <a:gd name="T33" fmla="*/ 145 h 679"/>
                <a:gd name="T34" fmla="*/ 317 w 999"/>
                <a:gd name="T35" fmla="*/ 137 h 679"/>
                <a:gd name="T36" fmla="*/ 319 w 999"/>
                <a:gd name="T37" fmla="*/ 123 h 679"/>
                <a:gd name="T38" fmla="*/ 316 w 999"/>
                <a:gd name="T39" fmla="*/ 112 h 679"/>
                <a:gd name="T40" fmla="*/ 301 w 999"/>
                <a:gd name="T41" fmla="*/ 92 h 679"/>
                <a:gd name="T42" fmla="*/ 296 w 999"/>
                <a:gd name="T43" fmla="*/ 78 h 679"/>
                <a:gd name="T44" fmla="*/ 301 w 999"/>
                <a:gd name="T45" fmla="*/ 68 h 679"/>
                <a:gd name="T46" fmla="*/ 281 w 999"/>
                <a:gd name="T47" fmla="*/ 59 h 679"/>
                <a:gd name="T48" fmla="*/ 274 w 999"/>
                <a:gd name="T49" fmla="*/ 66 h 679"/>
                <a:gd name="T50" fmla="*/ 268 w 999"/>
                <a:gd name="T51" fmla="*/ 64 h 679"/>
                <a:gd name="T52" fmla="*/ 259 w 999"/>
                <a:gd name="T53" fmla="*/ 61 h 679"/>
                <a:gd name="T54" fmla="*/ 239 w 999"/>
                <a:gd name="T55" fmla="*/ 79 h 679"/>
                <a:gd name="T56" fmla="*/ 223 w 999"/>
                <a:gd name="T57" fmla="*/ 81 h 679"/>
                <a:gd name="T58" fmla="*/ 219 w 999"/>
                <a:gd name="T59" fmla="*/ 67 h 679"/>
                <a:gd name="T60" fmla="*/ 220 w 999"/>
                <a:gd name="T61" fmla="*/ 47 h 679"/>
                <a:gd name="T62" fmla="*/ 217 w 999"/>
                <a:gd name="T63" fmla="*/ 32 h 679"/>
                <a:gd name="T64" fmla="*/ 211 w 999"/>
                <a:gd name="T65" fmla="*/ 21 h 679"/>
                <a:gd name="T66" fmla="*/ 205 w 999"/>
                <a:gd name="T67" fmla="*/ 5 h 679"/>
                <a:gd name="T68" fmla="*/ 195 w 999"/>
                <a:gd name="T69" fmla="*/ 11 h 679"/>
                <a:gd name="T70" fmla="*/ 176 w 999"/>
                <a:gd name="T71" fmla="*/ 11 h 679"/>
                <a:gd name="T72" fmla="*/ 155 w 999"/>
                <a:gd name="T73" fmla="*/ 9 h 679"/>
                <a:gd name="T74" fmla="*/ 154 w 999"/>
                <a:gd name="T75" fmla="*/ 20 h 679"/>
                <a:gd name="T76" fmla="*/ 141 w 999"/>
                <a:gd name="T77" fmla="*/ 22 h 679"/>
                <a:gd name="T78" fmla="*/ 117 w 999"/>
                <a:gd name="T79" fmla="*/ 12 h 679"/>
                <a:gd name="T80" fmla="*/ 97 w 999"/>
                <a:gd name="T81" fmla="*/ 6 h 679"/>
                <a:gd name="T82" fmla="*/ 95 w 999"/>
                <a:gd name="T83" fmla="*/ 11 h 679"/>
                <a:gd name="T84" fmla="*/ 92 w 999"/>
                <a:gd name="T85" fmla="*/ 19 h 679"/>
                <a:gd name="T86" fmla="*/ 77 w 999"/>
                <a:gd name="T87" fmla="*/ 13 h 679"/>
                <a:gd name="T88" fmla="*/ 58 w 999"/>
                <a:gd name="T89" fmla="*/ 2 h 679"/>
                <a:gd name="T90" fmla="*/ 51 w 999"/>
                <a:gd name="T91" fmla="*/ 6 h 679"/>
                <a:gd name="T92" fmla="*/ 42 w 999"/>
                <a:gd name="T93" fmla="*/ 13 h 679"/>
                <a:gd name="T94" fmla="*/ 35 w 999"/>
                <a:gd name="T95" fmla="*/ 21 h 679"/>
                <a:gd name="T96" fmla="*/ 19 w 999"/>
                <a:gd name="T97" fmla="*/ 26 h 679"/>
                <a:gd name="T98" fmla="*/ 19 w 999"/>
                <a:gd name="T99" fmla="*/ 41 h 679"/>
                <a:gd name="T100" fmla="*/ 12 w 999"/>
                <a:gd name="T101" fmla="*/ 68 h 679"/>
                <a:gd name="T102" fmla="*/ 1 w 999"/>
                <a:gd name="T103" fmla="*/ 81 h 679"/>
                <a:gd name="T104" fmla="*/ 6 w 999"/>
                <a:gd name="T105" fmla="*/ 92 h 679"/>
                <a:gd name="T106" fmla="*/ 23 w 999"/>
                <a:gd name="T107" fmla="*/ 99 h 679"/>
                <a:gd name="T108" fmla="*/ 57 w 999"/>
                <a:gd name="T109" fmla="*/ 98 h 679"/>
                <a:gd name="T110" fmla="*/ 83 w 999"/>
                <a:gd name="T111" fmla="*/ 97 h 679"/>
                <a:gd name="T112" fmla="*/ 99 w 999"/>
                <a:gd name="T113" fmla="*/ 102 h 679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0" t="0" r="r" b="b"/>
              <a:pathLst>
                <a:path w="999" h="679">
                  <a:moveTo>
                    <a:pt x="330" y="339"/>
                  </a:moveTo>
                  <a:lnTo>
                    <a:pt x="337" y="348"/>
                  </a:lnTo>
                  <a:lnTo>
                    <a:pt x="345" y="358"/>
                  </a:lnTo>
                  <a:lnTo>
                    <a:pt x="355" y="366"/>
                  </a:lnTo>
                  <a:lnTo>
                    <a:pt x="364" y="375"/>
                  </a:lnTo>
                  <a:lnTo>
                    <a:pt x="385" y="390"/>
                  </a:lnTo>
                  <a:lnTo>
                    <a:pt x="407" y="406"/>
                  </a:lnTo>
                  <a:lnTo>
                    <a:pt x="427" y="421"/>
                  </a:lnTo>
                  <a:lnTo>
                    <a:pt x="447" y="438"/>
                  </a:lnTo>
                  <a:lnTo>
                    <a:pt x="456" y="446"/>
                  </a:lnTo>
                  <a:lnTo>
                    <a:pt x="463" y="456"/>
                  </a:lnTo>
                  <a:lnTo>
                    <a:pt x="471" y="465"/>
                  </a:lnTo>
                  <a:lnTo>
                    <a:pt x="476" y="475"/>
                  </a:lnTo>
                  <a:lnTo>
                    <a:pt x="484" y="475"/>
                  </a:lnTo>
                  <a:lnTo>
                    <a:pt x="492" y="475"/>
                  </a:lnTo>
                  <a:lnTo>
                    <a:pt x="499" y="476"/>
                  </a:lnTo>
                  <a:lnTo>
                    <a:pt x="506" y="477"/>
                  </a:lnTo>
                  <a:lnTo>
                    <a:pt x="513" y="479"/>
                  </a:lnTo>
                  <a:lnTo>
                    <a:pt x="519" y="481"/>
                  </a:lnTo>
                  <a:lnTo>
                    <a:pt x="525" y="483"/>
                  </a:lnTo>
                  <a:lnTo>
                    <a:pt x="531" y="486"/>
                  </a:lnTo>
                  <a:lnTo>
                    <a:pt x="541" y="494"/>
                  </a:lnTo>
                  <a:lnTo>
                    <a:pt x="551" y="502"/>
                  </a:lnTo>
                  <a:lnTo>
                    <a:pt x="559" y="511"/>
                  </a:lnTo>
                  <a:lnTo>
                    <a:pt x="568" y="522"/>
                  </a:lnTo>
                  <a:lnTo>
                    <a:pt x="583" y="542"/>
                  </a:lnTo>
                  <a:lnTo>
                    <a:pt x="601" y="563"/>
                  </a:lnTo>
                  <a:lnTo>
                    <a:pt x="612" y="571"/>
                  </a:lnTo>
                  <a:lnTo>
                    <a:pt x="623" y="580"/>
                  </a:lnTo>
                  <a:lnTo>
                    <a:pt x="630" y="583"/>
                  </a:lnTo>
                  <a:lnTo>
                    <a:pt x="636" y="586"/>
                  </a:lnTo>
                  <a:lnTo>
                    <a:pt x="642" y="589"/>
                  </a:lnTo>
                  <a:lnTo>
                    <a:pt x="651" y="591"/>
                  </a:lnTo>
                  <a:lnTo>
                    <a:pt x="665" y="595"/>
                  </a:lnTo>
                  <a:lnTo>
                    <a:pt x="681" y="596"/>
                  </a:lnTo>
                  <a:lnTo>
                    <a:pt x="698" y="597"/>
                  </a:lnTo>
                  <a:lnTo>
                    <a:pt x="714" y="596"/>
                  </a:lnTo>
                  <a:lnTo>
                    <a:pt x="747" y="594"/>
                  </a:lnTo>
                  <a:lnTo>
                    <a:pt x="778" y="590"/>
                  </a:lnTo>
                  <a:lnTo>
                    <a:pt x="793" y="590"/>
                  </a:lnTo>
                  <a:lnTo>
                    <a:pt x="808" y="590"/>
                  </a:lnTo>
                  <a:lnTo>
                    <a:pt x="820" y="593"/>
                  </a:lnTo>
                  <a:lnTo>
                    <a:pt x="832" y="596"/>
                  </a:lnTo>
                  <a:lnTo>
                    <a:pt x="837" y="598"/>
                  </a:lnTo>
                  <a:lnTo>
                    <a:pt x="842" y="601"/>
                  </a:lnTo>
                  <a:lnTo>
                    <a:pt x="848" y="604"/>
                  </a:lnTo>
                  <a:lnTo>
                    <a:pt x="852" y="608"/>
                  </a:lnTo>
                  <a:lnTo>
                    <a:pt x="855" y="613"/>
                  </a:lnTo>
                  <a:lnTo>
                    <a:pt x="858" y="618"/>
                  </a:lnTo>
                  <a:lnTo>
                    <a:pt x="861" y="623"/>
                  </a:lnTo>
                  <a:lnTo>
                    <a:pt x="863" y="630"/>
                  </a:lnTo>
                  <a:lnTo>
                    <a:pt x="861" y="630"/>
                  </a:lnTo>
                  <a:lnTo>
                    <a:pt x="858" y="631"/>
                  </a:lnTo>
                  <a:lnTo>
                    <a:pt x="856" y="634"/>
                  </a:lnTo>
                  <a:lnTo>
                    <a:pt x="855" y="637"/>
                  </a:lnTo>
                  <a:lnTo>
                    <a:pt x="853" y="645"/>
                  </a:lnTo>
                  <a:lnTo>
                    <a:pt x="852" y="655"/>
                  </a:lnTo>
                  <a:lnTo>
                    <a:pt x="853" y="664"/>
                  </a:lnTo>
                  <a:lnTo>
                    <a:pt x="855" y="673"/>
                  </a:lnTo>
                  <a:lnTo>
                    <a:pt x="856" y="676"/>
                  </a:lnTo>
                  <a:lnTo>
                    <a:pt x="858" y="678"/>
                  </a:lnTo>
                  <a:lnTo>
                    <a:pt x="861" y="679"/>
                  </a:lnTo>
                  <a:lnTo>
                    <a:pt x="863" y="679"/>
                  </a:lnTo>
                  <a:lnTo>
                    <a:pt x="869" y="670"/>
                  </a:lnTo>
                  <a:lnTo>
                    <a:pt x="874" y="662"/>
                  </a:lnTo>
                  <a:lnTo>
                    <a:pt x="879" y="654"/>
                  </a:lnTo>
                  <a:lnTo>
                    <a:pt x="886" y="647"/>
                  </a:lnTo>
                  <a:lnTo>
                    <a:pt x="890" y="644"/>
                  </a:lnTo>
                  <a:lnTo>
                    <a:pt x="894" y="642"/>
                  </a:lnTo>
                  <a:lnTo>
                    <a:pt x="898" y="640"/>
                  </a:lnTo>
                  <a:lnTo>
                    <a:pt x="903" y="639"/>
                  </a:lnTo>
                  <a:lnTo>
                    <a:pt x="910" y="638"/>
                  </a:lnTo>
                  <a:lnTo>
                    <a:pt x="916" y="638"/>
                  </a:lnTo>
                  <a:lnTo>
                    <a:pt x="923" y="639"/>
                  </a:lnTo>
                  <a:lnTo>
                    <a:pt x="932" y="640"/>
                  </a:lnTo>
                  <a:lnTo>
                    <a:pt x="937" y="606"/>
                  </a:lnTo>
                  <a:lnTo>
                    <a:pt x="944" y="577"/>
                  </a:lnTo>
                  <a:lnTo>
                    <a:pt x="952" y="550"/>
                  </a:lnTo>
                  <a:lnTo>
                    <a:pt x="960" y="526"/>
                  </a:lnTo>
                  <a:lnTo>
                    <a:pt x="970" y="504"/>
                  </a:lnTo>
                  <a:lnTo>
                    <a:pt x="979" y="482"/>
                  </a:lnTo>
                  <a:lnTo>
                    <a:pt x="990" y="460"/>
                  </a:lnTo>
                  <a:lnTo>
                    <a:pt x="999" y="436"/>
                  </a:lnTo>
                  <a:lnTo>
                    <a:pt x="993" y="437"/>
                  </a:lnTo>
                  <a:lnTo>
                    <a:pt x="988" y="437"/>
                  </a:lnTo>
                  <a:lnTo>
                    <a:pt x="982" y="436"/>
                  </a:lnTo>
                  <a:lnTo>
                    <a:pt x="977" y="435"/>
                  </a:lnTo>
                  <a:lnTo>
                    <a:pt x="969" y="430"/>
                  </a:lnTo>
                  <a:lnTo>
                    <a:pt x="962" y="425"/>
                  </a:lnTo>
                  <a:lnTo>
                    <a:pt x="951" y="411"/>
                  </a:lnTo>
                  <a:lnTo>
                    <a:pt x="941" y="398"/>
                  </a:lnTo>
                  <a:lnTo>
                    <a:pt x="947" y="390"/>
                  </a:lnTo>
                  <a:lnTo>
                    <a:pt x="952" y="384"/>
                  </a:lnTo>
                  <a:lnTo>
                    <a:pt x="954" y="378"/>
                  </a:lnTo>
                  <a:lnTo>
                    <a:pt x="956" y="371"/>
                  </a:lnTo>
                  <a:lnTo>
                    <a:pt x="957" y="365"/>
                  </a:lnTo>
                  <a:lnTo>
                    <a:pt x="957" y="359"/>
                  </a:lnTo>
                  <a:lnTo>
                    <a:pt x="956" y="354"/>
                  </a:lnTo>
                  <a:lnTo>
                    <a:pt x="955" y="347"/>
                  </a:lnTo>
                  <a:lnTo>
                    <a:pt x="949" y="335"/>
                  </a:lnTo>
                  <a:lnTo>
                    <a:pt x="941" y="323"/>
                  </a:lnTo>
                  <a:lnTo>
                    <a:pt x="933" y="311"/>
                  </a:lnTo>
                  <a:lnTo>
                    <a:pt x="923" y="299"/>
                  </a:lnTo>
                  <a:lnTo>
                    <a:pt x="913" y="287"/>
                  </a:lnTo>
                  <a:lnTo>
                    <a:pt x="904" y="276"/>
                  </a:lnTo>
                  <a:lnTo>
                    <a:pt x="897" y="264"/>
                  </a:lnTo>
                  <a:lnTo>
                    <a:pt x="891" y="251"/>
                  </a:lnTo>
                  <a:lnTo>
                    <a:pt x="889" y="246"/>
                  </a:lnTo>
                  <a:lnTo>
                    <a:pt x="888" y="240"/>
                  </a:lnTo>
                  <a:lnTo>
                    <a:pt x="888" y="233"/>
                  </a:lnTo>
                  <a:lnTo>
                    <a:pt x="889" y="228"/>
                  </a:lnTo>
                  <a:lnTo>
                    <a:pt x="891" y="222"/>
                  </a:lnTo>
                  <a:lnTo>
                    <a:pt x="893" y="216"/>
                  </a:lnTo>
                  <a:lnTo>
                    <a:pt x="897" y="209"/>
                  </a:lnTo>
                  <a:lnTo>
                    <a:pt x="902" y="203"/>
                  </a:lnTo>
                  <a:lnTo>
                    <a:pt x="891" y="201"/>
                  </a:lnTo>
                  <a:lnTo>
                    <a:pt x="879" y="198"/>
                  </a:lnTo>
                  <a:lnTo>
                    <a:pt x="870" y="192"/>
                  </a:lnTo>
                  <a:lnTo>
                    <a:pt x="860" y="187"/>
                  </a:lnTo>
                  <a:lnTo>
                    <a:pt x="842" y="176"/>
                  </a:lnTo>
                  <a:lnTo>
                    <a:pt x="824" y="164"/>
                  </a:lnTo>
                  <a:lnTo>
                    <a:pt x="824" y="177"/>
                  </a:lnTo>
                  <a:lnTo>
                    <a:pt x="824" y="188"/>
                  </a:lnTo>
                  <a:lnTo>
                    <a:pt x="823" y="193"/>
                  </a:lnTo>
                  <a:lnTo>
                    <a:pt x="822" y="198"/>
                  </a:lnTo>
                  <a:lnTo>
                    <a:pt x="819" y="201"/>
                  </a:lnTo>
                  <a:lnTo>
                    <a:pt x="815" y="203"/>
                  </a:lnTo>
                  <a:lnTo>
                    <a:pt x="813" y="199"/>
                  </a:lnTo>
                  <a:lnTo>
                    <a:pt x="809" y="195"/>
                  </a:lnTo>
                  <a:lnTo>
                    <a:pt x="804" y="191"/>
                  </a:lnTo>
                  <a:lnTo>
                    <a:pt x="800" y="189"/>
                  </a:lnTo>
                  <a:lnTo>
                    <a:pt x="795" y="187"/>
                  </a:lnTo>
                  <a:lnTo>
                    <a:pt x="790" y="185"/>
                  </a:lnTo>
                  <a:lnTo>
                    <a:pt x="783" y="184"/>
                  </a:lnTo>
                  <a:lnTo>
                    <a:pt x="776" y="184"/>
                  </a:lnTo>
                  <a:lnTo>
                    <a:pt x="757" y="205"/>
                  </a:lnTo>
                  <a:lnTo>
                    <a:pt x="737" y="226"/>
                  </a:lnTo>
                  <a:lnTo>
                    <a:pt x="731" y="230"/>
                  </a:lnTo>
                  <a:lnTo>
                    <a:pt x="724" y="235"/>
                  </a:lnTo>
                  <a:lnTo>
                    <a:pt x="717" y="238"/>
                  </a:lnTo>
                  <a:lnTo>
                    <a:pt x="710" y="241"/>
                  </a:lnTo>
                  <a:lnTo>
                    <a:pt x="701" y="242"/>
                  </a:lnTo>
                  <a:lnTo>
                    <a:pt x="692" y="243"/>
                  </a:lnTo>
                  <a:lnTo>
                    <a:pt x="681" y="243"/>
                  </a:lnTo>
                  <a:lnTo>
                    <a:pt x="670" y="242"/>
                  </a:lnTo>
                  <a:lnTo>
                    <a:pt x="665" y="233"/>
                  </a:lnTo>
                  <a:lnTo>
                    <a:pt x="662" y="226"/>
                  </a:lnTo>
                  <a:lnTo>
                    <a:pt x="659" y="218"/>
                  </a:lnTo>
                  <a:lnTo>
                    <a:pt x="657" y="209"/>
                  </a:lnTo>
                  <a:lnTo>
                    <a:pt x="656" y="202"/>
                  </a:lnTo>
                  <a:lnTo>
                    <a:pt x="655" y="193"/>
                  </a:lnTo>
                  <a:lnTo>
                    <a:pt x="655" y="185"/>
                  </a:lnTo>
                  <a:lnTo>
                    <a:pt x="655" y="177"/>
                  </a:lnTo>
                  <a:lnTo>
                    <a:pt x="657" y="160"/>
                  </a:lnTo>
                  <a:lnTo>
                    <a:pt x="660" y="142"/>
                  </a:lnTo>
                  <a:lnTo>
                    <a:pt x="664" y="124"/>
                  </a:lnTo>
                  <a:lnTo>
                    <a:pt x="670" y="106"/>
                  </a:lnTo>
                  <a:lnTo>
                    <a:pt x="662" y="104"/>
                  </a:lnTo>
                  <a:lnTo>
                    <a:pt x="657" y="100"/>
                  </a:lnTo>
                  <a:lnTo>
                    <a:pt x="652" y="96"/>
                  </a:lnTo>
                  <a:lnTo>
                    <a:pt x="646" y="90"/>
                  </a:lnTo>
                  <a:lnTo>
                    <a:pt x="643" y="84"/>
                  </a:lnTo>
                  <a:lnTo>
                    <a:pt x="640" y="78"/>
                  </a:lnTo>
                  <a:lnTo>
                    <a:pt x="637" y="71"/>
                  </a:lnTo>
                  <a:lnTo>
                    <a:pt x="634" y="64"/>
                  </a:lnTo>
                  <a:lnTo>
                    <a:pt x="630" y="49"/>
                  </a:lnTo>
                  <a:lnTo>
                    <a:pt x="625" y="34"/>
                  </a:lnTo>
                  <a:lnTo>
                    <a:pt x="622" y="27"/>
                  </a:lnTo>
                  <a:lnTo>
                    <a:pt x="619" y="21"/>
                  </a:lnTo>
                  <a:lnTo>
                    <a:pt x="616" y="14"/>
                  </a:lnTo>
                  <a:lnTo>
                    <a:pt x="612" y="9"/>
                  </a:lnTo>
                  <a:lnTo>
                    <a:pt x="606" y="18"/>
                  </a:lnTo>
                  <a:lnTo>
                    <a:pt x="601" y="24"/>
                  </a:lnTo>
                  <a:lnTo>
                    <a:pt x="594" y="29"/>
                  </a:lnTo>
                  <a:lnTo>
                    <a:pt x="586" y="32"/>
                  </a:lnTo>
                  <a:lnTo>
                    <a:pt x="578" y="34"/>
                  </a:lnTo>
                  <a:lnTo>
                    <a:pt x="570" y="35"/>
                  </a:lnTo>
                  <a:lnTo>
                    <a:pt x="560" y="37"/>
                  </a:lnTo>
                  <a:lnTo>
                    <a:pt x="550" y="35"/>
                  </a:lnTo>
                  <a:lnTo>
                    <a:pt x="529" y="33"/>
                  </a:lnTo>
                  <a:lnTo>
                    <a:pt x="507" y="30"/>
                  </a:lnTo>
                  <a:lnTo>
                    <a:pt x="497" y="29"/>
                  </a:lnTo>
                  <a:lnTo>
                    <a:pt x="486" y="28"/>
                  </a:lnTo>
                  <a:lnTo>
                    <a:pt x="476" y="28"/>
                  </a:lnTo>
                  <a:lnTo>
                    <a:pt x="465" y="28"/>
                  </a:lnTo>
                  <a:lnTo>
                    <a:pt x="466" y="37"/>
                  </a:lnTo>
                  <a:lnTo>
                    <a:pt x="466" y="44"/>
                  </a:lnTo>
                  <a:lnTo>
                    <a:pt x="465" y="50"/>
                  </a:lnTo>
                  <a:lnTo>
                    <a:pt x="463" y="56"/>
                  </a:lnTo>
                  <a:lnTo>
                    <a:pt x="461" y="60"/>
                  </a:lnTo>
                  <a:lnTo>
                    <a:pt x="457" y="63"/>
                  </a:lnTo>
                  <a:lnTo>
                    <a:pt x="453" y="66"/>
                  </a:lnTo>
                  <a:lnTo>
                    <a:pt x="446" y="67"/>
                  </a:lnTo>
                  <a:lnTo>
                    <a:pt x="434" y="67"/>
                  </a:lnTo>
                  <a:lnTo>
                    <a:pt x="423" y="65"/>
                  </a:lnTo>
                  <a:lnTo>
                    <a:pt x="413" y="63"/>
                  </a:lnTo>
                  <a:lnTo>
                    <a:pt x="403" y="60"/>
                  </a:lnTo>
                  <a:lnTo>
                    <a:pt x="385" y="52"/>
                  </a:lnTo>
                  <a:lnTo>
                    <a:pt x="367" y="44"/>
                  </a:lnTo>
                  <a:lnTo>
                    <a:pt x="352" y="35"/>
                  </a:lnTo>
                  <a:lnTo>
                    <a:pt x="334" y="27"/>
                  </a:lnTo>
                  <a:lnTo>
                    <a:pt x="324" y="24"/>
                  </a:lnTo>
                  <a:lnTo>
                    <a:pt x="314" y="22"/>
                  </a:lnTo>
                  <a:lnTo>
                    <a:pt x="303" y="20"/>
                  </a:lnTo>
                  <a:lnTo>
                    <a:pt x="292" y="19"/>
                  </a:lnTo>
                  <a:lnTo>
                    <a:pt x="288" y="20"/>
                  </a:lnTo>
                  <a:lnTo>
                    <a:pt x="287" y="22"/>
                  </a:lnTo>
                  <a:lnTo>
                    <a:pt x="286" y="24"/>
                  </a:lnTo>
                  <a:lnTo>
                    <a:pt x="285" y="27"/>
                  </a:lnTo>
                  <a:lnTo>
                    <a:pt x="284" y="33"/>
                  </a:lnTo>
                  <a:lnTo>
                    <a:pt x="283" y="40"/>
                  </a:lnTo>
                  <a:lnTo>
                    <a:pt x="282" y="46"/>
                  </a:lnTo>
                  <a:lnTo>
                    <a:pt x="280" y="51"/>
                  </a:lnTo>
                  <a:lnTo>
                    <a:pt x="279" y="54"/>
                  </a:lnTo>
                  <a:lnTo>
                    <a:pt x="277" y="56"/>
                  </a:lnTo>
                  <a:lnTo>
                    <a:pt x="275" y="57"/>
                  </a:lnTo>
                  <a:lnTo>
                    <a:pt x="272" y="58"/>
                  </a:lnTo>
                  <a:lnTo>
                    <a:pt x="257" y="52"/>
                  </a:lnTo>
                  <a:lnTo>
                    <a:pt x="244" y="46"/>
                  </a:lnTo>
                  <a:lnTo>
                    <a:pt x="232" y="40"/>
                  </a:lnTo>
                  <a:lnTo>
                    <a:pt x="220" y="31"/>
                  </a:lnTo>
                  <a:lnTo>
                    <a:pt x="197" y="15"/>
                  </a:lnTo>
                  <a:lnTo>
                    <a:pt x="175" y="0"/>
                  </a:lnTo>
                  <a:lnTo>
                    <a:pt x="174" y="3"/>
                  </a:lnTo>
                  <a:lnTo>
                    <a:pt x="174" y="6"/>
                  </a:lnTo>
                  <a:lnTo>
                    <a:pt x="172" y="9"/>
                  </a:lnTo>
                  <a:lnTo>
                    <a:pt x="169" y="11"/>
                  </a:lnTo>
                  <a:lnTo>
                    <a:pt x="165" y="15"/>
                  </a:lnTo>
                  <a:lnTo>
                    <a:pt x="159" y="18"/>
                  </a:lnTo>
                  <a:lnTo>
                    <a:pt x="152" y="19"/>
                  </a:lnTo>
                  <a:lnTo>
                    <a:pt x="144" y="20"/>
                  </a:lnTo>
                  <a:lnTo>
                    <a:pt x="135" y="20"/>
                  </a:lnTo>
                  <a:lnTo>
                    <a:pt x="126" y="19"/>
                  </a:lnTo>
                  <a:lnTo>
                    <a:pt x="127" y="29"/>
                  </a:lnTo>
                  <a:lnTo>
                    <a:pt x="127" y="39"/>
                  </a:lnTo>
                  <a:lnTo>
                    <a:pt x="126" y="46"/>
                  </a:lnTo>
                  <a:lnTo>
                    <a:pt x="123" y="51"/>
                  </a:lnTo>
                  <a:lnTo>
                    <a:pt x="118" y="57"/>
                  </a:lnTo>
                  <a:lnTo>
                    <a:pt x="113" y="60"/>
                  </a:lnTo>
                  <a:lnTo>
                    <a:pt x="106" y="63"/>
                  </a:lnTo>
                  <a:lnTo>
                    <a:pt x="100" y="65"/>
                  </a:lnTo>
                  <a:lnTo>
                    <a:pt x="85" y="69"/>
                  </a:lnTo>
                  <a:lnTo>
                    <a:pt x="70" y="72"/>
                  </a:lnTo>
                  <a:lnTo>
                    <a:pt x="64" y="76"/>
                  </a:lnTo>
                  <a:lnTo>
                    <a:pt x="58" y="78"/>
                  </a:lnTo>
                  <a:lnTo>
                    <a:pt x="53" y="82"/>
                  </a:lnTo>
                  <a:lnTo>
                    <a:pt x="48" y="87"/>
                  </a:lnTo>
                  <a:lnTo>
                    <a:pt x="53" y="98"/>
                  </a:lnTo>
                  <a:lnTo>
                    <a:pt x="55" y="109"/>
                  </a:lnTo>
                  <a:lnTo>
                    <a:pt x="57" y="122"/>
                  </a:lnTo>
                  <a:lnTo>
                    <a:pt x="58" y="136"/>
                  </a:lnTo>
                  <a:lnTo>
                    <a:pt x="59" y="164"/>
                  </a:lnTo>
                  <a:lnTo>
                    <a:pt x="58" y="193"/>
                  </a:lnTo>
                  <a:lnTo>
                    <a:pt x="47" y="199"/>
                  </a:lnTo>
                  <a:lnTo>
                    <a:pt x="37" y="204"/>
                  </a:lnTo>
                  <a:lnTo>
                    <a:pt x="27" y="210"/>
                  </a:lnTo>
                  <a:lnTo>
                    <a:pt x="19" y="218"/>
                  </a:lnTo>
                  <a:lnTo>
                    <a:pt x="13" y="226"/>
                  </a:lnTo>
                  <a:lnTo>
                    <a:pt x="6" y="237"/>
                  </a:lnTo>
                  <a:lnTo>
                    <a:pt x="4" y="242"/>
                  </a:lnTo>
                  <a:lnTo>
                    <a:pt x="2" y="248"/>
                  </a:lnTo>
                  <a:lnTo>
                    <a:pt x="1" y="255"/>
                  </a:lnTo>
                  <a:lnTo>
                    <a:pt x="0" y="262"/>
                  </a:lnTo>
                  <a:lnTo>
                    <a:pt x="9" y="269"/>
                  </a:lnTo>
                  <a:lnTo>
                    <a:pt x="18" y="277"/>
                  </a:lnTo>
                  <a:lnTo>
                    <a:pt x="28" y="283"/>
                  </a:lnTo>
                  <a:lnTo>
                    <a:pt x="38" y="287"/>
                  </a:lnTo>
                  <a:lnTo>
                    <a:pt x="48" y="291"/>
                  </a:lnTo>
                  <a:lnTo>
                    <a:pt x="59" y="295"/>
                  </a:lnTo>
                  <a:lnTo>
                    <a:pt x="69" y="297"/>
                  </a:lnTo>
                  <a:lnTo>
                    <a:pt x="80" y="298"/>
                  </a:lnTo>
                  <a:lnTo>
                    <a:pt x="102" y="299"/>
                  </a:lnTo>
                  <a:lnTo>
                    <a:pt x="125" y="298"/>
                  </a:lnTo>
                  <a:lnTo>
                    <a:pt x="148" y="297"/>
                  </a:lnTo>
                  <a:lnTo>
                    <a:pt x="171" y="293"/>
                  </a:lnTo>
                  <a:lnTo>
                    <a:pt x="194" y="291"/>
                  </a:lnTo>
                  <a:lnTo>
                    <a:pt x="216" y="290"/>
                  </a:lnTo>
                  <a:lnTo>
                    <a:pt x="227" y="290"/>
                  </a:lnTo>
                  <a:lnTo>
                    <a:pt x="238" y="291"/>
                  </a:lnTo>
                  <a:lnTo>
                    <a:pt x="248" y="291"/>
                  </a:lnTo>
                  <a:lnTo>
                    <a:pt x="259" y="293"/>
                  </a:lnTo>
                  <a:lnTo>
                    <a:pt x="268" y="296"/>
                  </a:lnTo>
                  <a:lnTo>
                    <a:pt x="279" y="299"/>
                  </a:lnTo>
                  <a:lnTo>
                    <a:pt x="288" y="303"/>
                  </a:lnTo>
                  <a:lnTo>
                    <a:pt x="297" y="307"/>
                  </a:lnTo>
                  <a:lnTo>
                    <a:pt x="306" y="313"/>
                  </a:lnTo>
                  <a:lnTo>
                    <a:pt x="315" y="321"/>
                  </a:lnTo>
                  <a:lnTo>
                    <a:pt x="322" y="329"/>
                  </a:lnTo>
                  <a:lnTo>
                    <a:pt x="330" y="339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240" name="Læsø"/>
            <p:cNvGrpSpPr/>
            <p:nvPr/>
          </p:nvGrpSpPr>
          <p:grpSpPr>
            <a:xfrm>
              <a:off x="2654300" y="2728913"/>
              <a:ext cx="246062" cy="177800"/>
              <a:chOff x="2654300" y="2728913"/>
              <a:chExt cx="246062" cy="177800"/>
            </a:xfrm>
            <a:grpFill/>
          </p:grpSpPr>
          <p:sp>
            <p:nvSpPr>
              <p:cNvPr id="1266" name="Læsø"/>
              <p:cNvSpPr>
                <a:spLocks/>
              </p:cNvSpPr>
              <p:nvPr/>
            </p:nvSpPr>
            <p:spPr bwMode="auto">
              <a:xfrm>
                <a:off x="2654300" y="2728913"/>
                <a:ext cx="246062" cy="157163"/>
              </a:xfrm>
              <a:custGeom>
                <a:avLst/>
                <a:gdLst>
                  <a:gd name="T0" fmla="*/ 155 w 465"/>
                  <a:gd name="T1" fmla="*/ 9 h 297"/>
                  <a:gd name="T2" fmla="*/ 155 w 465"/>
                  <a:gd name="T3" fmla="*/ 24 h 297"/>
                  <a:gd name="T4" fmla="*/ 153 w 465"/>
                  <a:gd name="T5" fmla="*/ 32 h 297"/>
                  <a:gd name="T6" fmla="*/ 151 w 465"/>
                  <a:gd name="T7" fmla="*/ 33 h 297"/>
                  <a:gd name="T8" fmla="*/ 150 w 465"/>
                  <a:gd name="T9" fmla="*/ 33 h 297"/>
                  <a:gd name="T10" fmla="*/ 150 w 465"/>
                  <a:gd name="T11" fmla="*/ 31 h 297"/>
                  <a:gd name="T12" fmla="*/ 150 w 465"/>
                  <a:gd name="T13" fmla="*/ 28 h 297"/>
                  <a:gd name="T14" fmla="*/ 151 w 465"/>
                  <a:gd name="T15" fmla="*/ 23 h 297"/>
                  <a:gd name="T16" fmla="*/ 150 w 465"/>
                  <a:gd name="T17" fmla="*/ 20 h 297"/>
                  <a:gd name="T18" fmla="*/ 146 w 465"/>
                  <a:gd name="T19" fmla="*/ 20 h 297"/>
                  <a:gd name="T20" fmla="*/ 141 w 465"/>
                  <a:gd name="T21" fmla="*/ 22 h 297"/>
                  <a:gd name="T22" fmla="*/ 130 w 465"/>
                  <a:gd name="T23" fmla="*/ 24 h 297"/>
                  <a:gd name="T24" fmla="*/ 118 w 465"/>
                  <a:gd name="T25" fmla="*/ 25 h 297"/>
                  <a:gd name="T26" fmla="*/ 111 w 465"/>
                  <a:gd name="T27" fmla="*/ 26 h 297"/>
                  <a:gd name="T28" fmla="*/ 104 w 465"/>
                  <a:gd name="T29" fmla="*/ 29 h 297"/>
                  <a:gd name="T30" fmla="*/ 100 w 465"/>
                  <a:gd name="T31" fmla="*/ 33 h 297"/>
                  <a:gd name="T32" fmla="*/ 98 w 465"/>
                  <a:gd name="T33" fmla="*/ 36 h 297"/>
                  <a:gd name="T34" fmla="*/ 99 w 465"/>
                  <a:gd name="T35" fmla="*/ 40 h 297"/>
                  <a:gd name="T36" fmla="*/ 102 w 465"/>
                  <a:gd name="T37" fmla="*/ 44 h 297"/>
                  <a:gd name="T38" fmla="*/ 104 w 465"/>
                  <a:gd name="T39" fmla="*/ 49 h 297"/>
                  <a:gd name="T40" fmla="*/ 105 w 465"/>
                  <a:gd name="T41" fmla="*/ 54 h 297"/>
                  <a:gd name="T42" fmla="*/ 104 w 465"/>
                  <a:gd name="T43" fmla="*/ 59 h 297"/>
                  <a:gd name="T44" fmla="*/ 102 w 465"/>
                  <a:gd name="T45" fmla="*/ 64 h 297"/>
                  <a:gd name="T46" fmla="*/ 98 w 465"/>
                  <a:gd name="T47" fmla="*/ 71 h 297"/>
                  <a:gd name="T48" fmla="*/ 91 w 465"/>
                  <a:gd name="T49" fmla="*/ 80 h 297"/>
                  <a:gd name="T50" fmla="*/ 81 w 465"/>
                  <a:gd name="T51" fmla="*/ 88 h 297"/>
                  <a:gd name="T52" fmla="*/ 71 w 465"/>
                  <a:gd name="T53" fmla="*/ 94 h 297"/>
                  <a:gd name="T54" fmla="*/ 60 w 465"/>
                  <a:gd name="T55" fmla="*/ 98 h 297"/>
                  <a:gd name="T56" fmla="*/ 52 w 465"/>
                  <a:gd name="T57" fmla="*/ 96 h 297"/>
                  <a:gd name="T58" fmla="*/ 46 w 465"/>
                  <a:gd name="T59" fmla="*/ 89 h 297"/>
                  <a:gd name="T60" fmla="*/ 40 w 465"/>
                  <a:gd name="T61" fmla="*/ 82 h 297"/>
                  <a:gd name="T62" fmla="*/ 35 w 465"/>
                  <a:gd name="T63" fmla="*/ 77 h 297"/>
                  <a:gd name="T64" fmla="*/ 31 w 465"/>
                  <a:gd name="T65" fmla="*/ 74 h 297"/>
                  <a:gd name="T66" fmla="*/ 27 w 465"/>
                  <a:gd name="T67" fmla="*/ 73 h 297"/>
                  <a:gd name="T68" fmla="*/ 25 w 465"/>
                  <a:gd name="T69" fmla="*/ 73 h 297"/>
                  <a:gd name="T70" fmla="*/ 22 w 465"/>
                  <a:gd name="T71" fmla="*/ 75 h 297"/>
                  <a:gd name="T72" fmla="*/ 20 w 465"/>
                  <a:gd name="T73" fmla="*/ 78 h 297"/>
                  <a:gd name="T74" fmla="*/ 17 w 465"/>
                  <a:gd name="T75" fmla="*/ 80 h 297"/>
                  <a:gd name="T76" fmla="*/ 15 w 465"/>
                  <a:gd name="T77" fmla="*/ 80 h 297"/>
                  <a:gd name="T78" fmla="*/ 13 w 465"/>
                  <a:gd name="T79" fmla="*/ 78 h 297"/>
                  <a:gd name="T80" fmla="*/ 13 w 465"/>
                  <a:gd name="T81" fmla="*/ 76 h 297"/>
                  <a:gd name="T82" fmla="*/ 12 w 465"/>
                  <a:gd name="T83" fmla="*/ 74 h 297"/>
                  <a:gd name="T84" fmla="*/ 8 w 465"/>
                  <a:gd name="T85" fmla="*/ 73 h 297"/>
                  <a:gd name="T86" fmla="*/ 3 w 465"/>
                  <a:gd name="T87" fmla="*/ 71 h 297"/>
                  <a:gd name="T88" fmla="*/ 0 w 465"/>
                  <a:gd name="T89" fmla="*/ 66 h 297"/>
                  <a:gd name="T90" fmla="*/ 2 w 465"/>
                  <a:gd name="T91" fmla="*/ 59 h 297"/>
                  <a:gd name="T92" fmla="*/ 5 w 465"/>
                  <a:gd name="T93" fmla="*/ 53 h 297"/>
                  <a:gd name="T94" fmla="*/ 9 w 465"/>
                  <a:gd name="T95" fmla="*/ 48 h 297"/>
                  <a:gd name="T96" fmla="*/ 16 w 465"/>
                  <a:gd name="T97" fmla="*/ 42 h 297"/>
                  <a:gd name="T98" fmla="*/ 22 w 465"/>
                  <a:gd name="T99" fmla="*/ 35 h 297"/>
                  <a:gd name="T100" fmla="*/ 25 w 465"/>
                  <a:gd name="T101" fmla="*/ 28 h 297"/>
                  <a:gd name="T102" fmla="*/ 40 w 465"/>
                  <a:gd name="T103" fmla="*/ 23 h 297"/>
                  <a:gd name="T104" fmla="*/ 57 w 465"/>
                  <a:gd name="T105" fmla="*/ 22 h 297"/>
                  <a:gd name="T106" fmla="*/ 63 w 465"/>
                  <a:gd name="T107" fmla="*/ 20 h 297"/>
                  <a:gd name="T108" fmla="*/ 67 w 465"/>
                  <a:gd name="T109" fmla="*/ 17 h 297"/>
                  <a:gd name="T110" fmla="*/ 71 w 465"/>
                  <a:gd name="T111" fmla="*/ 12 h 297"/>
                  <a:gd name="T112" fmla="*/ 78 w 465"/>
                  <a:gd name="T113" fmla="*/ 9 h 297"/>
                  <a:gd name="T114" fmla="*/ 90 w 465"/>
                  <a:gd name="T115" fmla="*/ 9 h 297"/>
                  <a:gd name="T116" fmla="*/ 106 w 465"/>
                  <a:gd name="T117" fmla="*/ 7 h 297"/>
                  <a:gd name="T118" fmla="*/ 120 w 465"/>
                  <a:gd name="T119" fmla="*/ 3 h 297"/>
                  <a:gd name="T120" fmla="*/ 130 w 465"/>
                  <a:gd name="T121" fmla="*/ 1 h 297"/>
                  <a:gd name="T122" fmla="*/ 139 w 465"/>
                  <a:gd name="T123" fmla="*/ 0 h 297"/>
                  <a:gd name="T124" fmla="*/ 150 w 465"/>
                  <a:gd name="T125" fmla="*/ 1 h 297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465" h="297">
                    <a:moveTo>
                      <a:pt x="465" y="7"/>
                    </a:moveTo>
                    <a:lnTo>
                      <a:pt x="465" y="28"/>
                    </a:lnTo>
                    <a:lnTo>
                      <a:pt x="465" y="50"/>
                    </a:lnTo>
                    <a:lnTo>
                      <a:pt x="465" y="72"/>
                    </a:lnTo>
                    <a:lnTo>
                      <a:pt x="465" y="94"/>
                    </a:lnTo>
                    <a:lnTo>
                      <a:pt x="460" y="97"/>
                    </a:lnTo>
                    <a:lnTo>
                      <a:pt x="456" y="98"/>
                    </a:lnTo>
                    <a:lnTo>
                      <a:pt x="453" y="99"/>
                    </a:lnTo>
                    <a:lnTo>
                      <a:pt x="451" y="99"/>
                    </a:lnTo>
                    <a:lnTo>
                      <a:pt x="450" y="98"/>
                    </a:lnTo>
                    <a:lnTo>
                      <a:pt x="449" y="96"/>
                    </a:lnTo>
                    <a:lnTo>
                      <a:pt x="449" y="93"/>
                    </a:lnTo>
                    <a:lnTo>
                      <a:pt x="450" y="90"/>
                    </a:lnTo>
                    <a:lnTo>
                      <a:pt x="451" y="83"/>
                    </a:lnTo>
                    <a:lnTo>
                      <a:pt x="452" y="73"/>
                    </a:lnTo>
                    <a:lnTo>
                      <a:pt x="452" y="69"/>
                    </a:lnTo>
                    <a:lnTo>
                      <a:pt x="451" y="64"/>
                    </a:lnTo>
                    <a:lnTo>
                      <a:pt x="449" y="59"/>
                    </a:lnTo>
                    <a:lnTo>
                      <a:pt x="447" y="55"/>
                    </a:lnTo>
                    <a:lnTo>
                      <a:pt x="439" y="60"/>
                    </a:lnTo>
                    <a:lnTo>
                      <a:pt x="432" y="64"/>
                    </a:lnTo>
                    <a:lnTo>
                      <a:pt x="422" y="67"/>
                    </a:lnTo>
                    <a:lnTo>
                      <a:pt x="412" y="69"/>
                    </a:lnTo>
                    <a:lnTo>
                      <a:pt x="390" y="71"/>
                    </a:lnTo>
                    <a:lnTo>
                      <a:pt x="365" y="73"/>
                    </a:lnTo>
                    <a:lnTo>
                      <a:pt x="354" y="74"/>
                    </a:lnTo>
                    <a:lnTo>
                      <a:pt x="342" y="76"/>
                    </a:lnTo>
                    <a:lnTo>
                      <a:pt x="332" y="79"/>
                    </a:lnTo>
                    <a:lnTo>
                      <a:pt x="321" y="83"/>
                    </a:lnTo>
                    <a:lnTo>
                      <a:pt x="312" y="88"/>
                    </a:lnTo>
                    <a:lnTo>
                      <a:pt x="303" y="94"/>
                    </a:lnTo>
                    <a:lnTo>
                      <a:pt x="300" y="98"/>
                    </a:lnTo>
                    <a:lnTo>
                      <a:pt x="297" y="103"/>
                    </a:lnTo>
                    <a:lnTo>
                      <a:pt x="294" y="108"/>
                    </a:lnTo>
                    <a:lnTo>
                      <a:pt x="292" y="113"/>
                    </a:lnTo>
                    <a:lnTo>
                      <a:pt x="297" y="119"/>
                    </a:lnTo>
                    <a:lnTo>
                      <a:pt x="302" y="127"/>
                    </a:lnTo>
                    <a:lnTo>
                      <a:pt x="306" y="133"/>
                    </a:lnTo>
                    <a:lnTo>
                      <a:pt x="310" y="140"/>
                    </a:lnTo>
                    <a:lnTo>
                      <a:pt x="312" y="148"/>
                    </a:lnTo>
                    <a:lnTo>
                      <a:pt x="313" y="154"/>
                    </a:lnTo>
                    <a:lnTo>
                      <a:pt x="314" y="161"/>
                    </a:lnTo>
                    <a:lnTo>
                      <a:pt x="313" y="169"/>
                    </a:lnTo>
                    <a:lnTo>
                      <a:pt x="312" y="176"/>
                    </a:lnTo>
                    <a:lnTo>
                      <a:pt x="310" y="184"/>
                    </a:lnTo>
                    <a:lnTo>
                      <a:pt x="306" y="191"/>
                    </a:lnTo>
                    <a:lnTo>
                      <a:pt x="303" y="198"/>
                    </a:lnTo>
                    <a:lnTo>
                      <a:pt x="295" y="212"/>
                    </a:lnTo>
                    <a:lnTo>
                      <a:pt x="284" y="226"/>
                    </a:lnTo>
                    <a:lnTo>
                      <a:pt x="272" y="239"/>
                    </a:lnTo>
                    <a:lnTo>
                      <a:pt x="258" y="251"/>
                    </a:lnTo>
                    <a:lnTo>
                      <a:pt x="243" y="263"/>
                    </a:lnTo>
                    <a:lnTo>
                      <a:pt x="227" y="273"/>
                    </a:lnTo>
                    <a:lnTo>
                      <a:pt x="212" y="282"/>
                    </a:lnTo>
                    <a:lnTo>
                      <a:pt x="196" y="289"/>
                    </a:lnTo>
                    <a:lnTo>
                      <a:pt x="180" y="294"/>
                    </a:lnTo>
                    <a:lnTo>
                      <a:pt x="165" y="297"/>
                    </a:lnTo>
                    <a:lnTo>
                      <a:pt x="155" y="288"/>
                    </a:lnTo>
                    <a:lnTo>
                      <a:pt x="146" y="277"/>
                    </a:lnTo>
                    <a:lnTo>
                      <a:pt x="138" y="267"/>
                    </a:lnTo>
                    <a:lnTo>
                      <a:pt x="130" y="255"/>
                    </a:lnTo>
                    <a:lnTo>
                      <a:pt x="121" y="245"/>
                    </a:lnTo>
                    <a:lnTo>
                      <a:pt x="111" y="235"/>
                    </a:lnTo>
                    <a:lnTo>
                      <a:pt x="105" y="231"/>
                    </a:lnTo>
                    <a:lnTo>
                      <a:pt x="100" y="227"/>
                    </a:lnTo>
                    <a:lnTo>
                      <a:pt x="94" y="223"/>
                    </a:lnTo>
                    <a:lnTo>
                      <a:pt x="87" y="219"/>
                    </a:lnTo>
                    <a:lnTo>
                      <a:pt x="82" y="219"/>
                    </a:lnTo>
                    <a:lnTo>
                      <a:pt x="78" y="219"/>
                    </a:lnTo>
                    <a:lnTo>
                      <a:pt x="75" y="219"/>
                    </a:lnTo>
                    <a:lnTo>
                      <a:pt x="72" y="220"/>
                    </a:lnTo>
                    <a:lnTo>
                      <a:pt x="66" y="225"/>
                    </a:lnTo>
                    <a:lnTo>
                      <a:pt x="63" y="230"/>
                    </a:lnTo>
                    <a:lnTo>
                      <a:pt x="59" y="234"/>
                    </a:lnTo>
                    <a:lnTo>
                      <a:pt x="55" y="238"/>
                    </a:lnTo>
                    <a:lnTo>
                      <a:pt x="52" y="239"/>
                    </a:lnTo>
                    <a:lnTo>
                      <a:pt x="48" y="240"/>
                    </a:lnTo>
                    <a:lnTo>
                      <a:pt x="44" y="240"/>
                    </a:lnTo>
                    <a:lnTo>
                      <a:pt x="39" y="239"/>
                    </a:lnTo>
                    <a:lnTo>
                      <a:pt x="40" y="235"/>
                    </a:lnTo>
                    <a:lnTo>
                      <a:pt x="40" y="231"/>
                    </a:lnTo>
                    <a:lnTo>
                      <a:pt x="39" y="228"/>
                    </a:lnTo>
                    <a:lnTo>
                      <a:pt x="38" y="226"/>
                    </a:lnTo>
                    <a:lnTo>
                      <a:pt x="36" y="223"/>
                    </a:lnTo>
                    <a:lnTo>
                      <a:pt x="31" y="220"/>
                    </a:lnTo>
                    <a:lnTo>
                      <a:pt x="24" y="219"/>
                    </a:lnTo>
                    <a:lnTo>
                      <a:pt x="17" y="217"/>
                    </a:lnTo>
                    <a:lnTo>
                      <a:pt x="10" y="214"/>
                    </a:lnTo>
                    <a:lnTo>
                      <a:pt x="0" y="210"/>
                    </a:lnTo>
                    <a:lnTo>
                      <a:pt x="1" y="197"/>
                    </a:lnTo>
                    <a:lnTo>
                      <a:pt x="3" y="186"/>
                    </a:lnTo>
                    <a:lnTo>
                      <a:pt x="6" y="176"/>
                    </a:lnTo>
                    <a:lnTo>
                      <a:pt x="11" y="167"/>
                    </a:lnTo>
                    <a:lnTo>
                      <a:pt x="16" y="159"/>
                    </a:lnTo>
                    <a:lnTo>
                      <a:pt x="22" y="152"/>
                    </a:lnTo>
                    <a:lnTo>
                      <a:pt x="28" y="145"/>
                    </a:lnTo>
                    <a:lnTo>
                      <a:pt x="35" y="138"/>
                    </a:lnTo>
                    <a:lnTo>
                      <a:pt x="48" y="126"/>
                    </a:lnTo>
                    <a:lnTo>
                      <a:pt x="61" y="111"/>
                    </a:lnTo>
                    <a:lnTo>
                      <a:pt x="66" y="104"/>
                    </a:lnTo>
                    <a:lnTo>
                      <a:pt x="72" y="95"/>
                    </a:lnTo>
                    <a:lnTo>
                      <a:pt x="75" y="85"/>
                    </a:lnTo>
                    <a:lnTo>
                      <a:pt x="78" y="74"/>
                    </a:lnTo>
                    <a:lnTo>
                      <a:pt x="120" y="70"/>
                    </a:lnTo>
                    <a:lnTo>
                      <a:pt x="162" y="67"/>
                    </a:lnTo>
                    <a:lnTo>
                      <a:pt x="172" y="65"/>
                    </a:lnTo>
                    <a:lnTo>
                      <a:pt x="181" y="63"/>
                    </a:lnTo>
                    <a:lnTo>
                      <a:pt x="190" y="59"/>
                    </a:lnTo>
                    <a:lnTo>
                      <a:pt x="196" y="55"/>
                    </a:lnTo>
                    <a:lnTo>
                      <a:pt x="202" y="50"/>
                    </a:lnTo>
                    <a:lnTo>
                      <a:pt x="207" y="42"/>
                    </a:lnTo>
                    <a:lnTo>
                      <a:pt x="212" y="35"/>
                    </a:lnTo>
                    <a:lnTo>
                      <a:pt x="214" y="26"/>
                    </a:lnTo>
                    <a:lnTo>
                      <a:pt x="234" y="28"/>
                    </a:lnTo>
                    <a:lnTo>
                      <a:pt x="253" y="29"/>
                    </a:lnTo>
                    <a:lnTo>
                      <a:pt x="271" y="28"/>
                    </a:lnTo>
                    <a:lnTo>
                      <a:pt x="288" y="26"/>
                    </a:lnTo>
                    <a:lnTo>
                      <a:pt x="318" y="20"/>
                    </a:lnTo>
                    <a:lnTo>
                      <a:pt x="346" y="13"/>
                    </a:lnTo>
                    <a:lnTo>
                      <a:pt x="361" y="10"/>
                    </a:lnTo>
                    <a:lnTo>
                      <a:pt x="375" y="7"/>
                    </a:lnTo>
                    <a:lnTo>
                      <a:pt x="389" y="4"/>
                    </a:lnTo>
                    <a:lnTo>
                      <a:pt x="402" y="1"/>
                    </a:lnTo>
                    <a:lnTo>
                      <a:pt x="417" y="0"/>
                    </a:lnTo>
                    <a:lnTo>
                      <a:pt x="433" y="1"/>
                    </a:lnTo>
                    <a:lnTo>
                      <a:pt x="449" y="2"/>
                    </a:lnTo>
                    <a:lnTo>
                      <a:pt x="465" y="7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67" name="Læsø2"/>
              <p:cNvSpPr>
                <a:spLocks/>
              </p:cNvSpPr>
              <p:nvPr/>
            </p:nvSpPr>
            <p:spPr bwMode="auto">
              <a:xfrm>
                <a:off x="2751138" y="2886075"/>
                <a:ext cx="31750" cy="20638"/>
              </a:xfrm>
              <a:custGeom>
                <a:avLst/>
                <a:gdLst>
                  <a:gd name="T0" fmla="*/ 0 w 59"/>
                  <a:gd name="T1" fmla="*/ 12 h 41"/>
                  <a:gd name="T2" fmla="*/ 4 w 59"/>
                  <a:gd name="T3" fmla="*/ 13 h 41"/>
                  <a:gd name="T4" fmla="*/ 7 w 59"/>
                  <a:gd name="T5" fmla="*/ 13 h 41"/>
                  <a:gd name="T6" fmla="*/ 9 w 59"/>
                  <a:gd name="T7" fmla="*/ 12 h 41"/>
                  <a:gd name="T8" fmla="*/ 11 w 59"/>
                  <a:gd name="T9" fmla="*/ 12 h 41"/>
                  <a:gd name="T10" fmla="*/ 13 w 59"/>
                  <a:gd name="T11" fmla="*/ 11 h 41"/>
                  <a:gd name="T12" fmla="*/ 16 w 59"/>
                  <a:gd name="T13" fmla="*/ 10 h 41"/>
                  <a:gd name="T14" fmla="*/ 18 w 59"/>
                  <a:gd name="T15" fmla="*/ 10 h 41"/>
                  <a:gd name="T16" fmla="*/ 20 w 59"/>
                  <a:gd name="T17" fmla="*/ 10 h 41"/>
                  <a:gd name="T18" fmla="*/ 20 w 59"/>
                  <a:gd name="T19" fmla="*/ 6 h 41"/>
                  <a:gd name="T20" fmla="*/ 20 w 59"/>
                  <a:gd name="T21" fmla="*/ 3 h 41"/>
                  <a:gd name="T22" fmla="*/ 17 w 59"/>
                  <a:gd name="T23" fmla="*/ 2 h 41"/>
                  <a:gd name="T24" fmla="*/ 14 w 59"/>
                  <a:gd name="T25" fmla="*/ 0 h 41"/>
                  <a:gd name="T26" fmla="*/ 13 w 59"/>
                  <a:gd name="T27" fmla="*/ 1 h 41"/>
                  <a:gd name="T28" fmla="*/ 12 w 59"/>
                  <a:gd name="T29" fmla="*/ 2 h 41"/>
                  <a:gd name="T30" fmla="*/ 12 w 59"/>
                  <a:gd name="T31" fmla="*/ 3 h 41"/>
                  <a:gd name="T32" fmla="*/ 10 w 59"/>
                  <a:gd name="T33" fmla="*/ 3 h 41"/>
                  <a:gd name="T34" fmla="*/ 7 w 59"/>
                  <a:gd name="T35" fmla="*/ 4 h 41"/>
                  <a:gd name="T36" fmla="*/ 5 w 59"/>
                  <a:gd name="T37" fmla="*/ 4 h 41"/>
                  <a:gd name="T38" fmla="*/ 4 w 59"/>
                  <a:gd name="T39" fmla="*/ 5 h 41"/>
                  <a:gd name="T40" fmla="*/ 3 w 59"/>
                  <a:gd name="T41" fmla="*/ 5 h 41"/>
                  <a:gd name="T42" fmla="*/ 1 w 59"/>
                  <a:gd name="T43" fmla="*/ 6 h 41"/>
                  <a:gd name="T44" fmla="*/ 1 w 59"/>
                  <a:gd name="T45" fmla="*/ 6 h 41"/>
                  <a:gd name="T46" fmla="*/ 0 w 59"/>
                  <a:gd name="T47" fmla="*/ 8 h 41"/>
                  <a:gd name="T48" fmla="*/ 0 w 59"/>
                  <a:gd name="T49" fmla="*/ 9 h 41"/>
                  <a:gd name="T50" fmla="*/ 0 w 59"/>
                  <a:gd name="T51" fmla="*/ 10 h 41"/>
                  <a:gd name="T52" fmla="*/ 0 w 59"/>
                  <a:gd name="T53" fmla="*/ 12 h 41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9" h="41">
                    <a:moveTo>
                      <a:pt x="1" y="39"/>
                    </a:moveTo>
                    <a:lnTo>
                      <a:pt x="12" y="41"/>
                    </a:lnTo>
                    <a:lnTo>
                      <a:pt x="20" y="40"/>
                    </a:lnTo>
                    <a:lnTo>
                      <a:pt x="27" y="39"/>
                    </a:lnTo>
                    <a:lnTo>
                      <a:pt x="33" y="37"/>
                    </a:lnTo>
                    <a:lnTo>
                      <a:pt x="39" y="34"/>
                    </a:lnTo>
                    <a:lnTo>
                      <a:pt x="46" y="32"/>
                    </a:lnTo>
                    <a:lnTo>
                      <a:pt x="52" y="30"/>
                    </a:lnTo>
                    <a:lnTo>
                      <a:pt x="59" y="30"/>
                    </a:lnTo>
                    <a:lnTo>
                      <a:pt x="59" y="20"/>
                    </a:lnTo>
                    <a:lnTo>
                      <a:pt x="59" y="10"/>
                    </a:lnTo>
                    <a:lnTo>
                      <a:pt x="50" y="6"/>
                    </a:lnTo>
                    <a:lnTo>
                      <a:pt x="40" y="0"/>
                    </a:lnTo>
                    <a:lnTo>
                      <a:pt x="39" y="3"/>
                    </a:lnTo>
                    <a:lnTo>
                      <a:pt x="36" y="7"/>
                    </a:lnTo>
                    <a:lnTo>
                      <a:pt x="34" y="9"/>
                    </a:lnTo>
                    <a:lnTo>
                      <a:pt x="30" y="10"/>
                    </a:lnTo>
                    <a:lnTo>
                      <a:pt x="22" y="12"/>
                    </a:lnTo>
                    <a:lnTo>
                      <a:pt x="15" y="14"/>
                    </a:lnTo>
                    <a:lnTo>
                      <a:pt x="11" y="15"/>
                    </a:lnTo>
                    <a:lnTo>
                      <a:pt x="8" y="16"/>
                    </a:lnTo>
                    <a:lnTo>
                      <a:pt x="4" y="18"/>
                    </a:lnTo>
                    <a:lnTo>
                      <a:pt x="2" y="20"/>
                    </a:lnTo>
                    <a:lnTo>
                      <a:pt x="0" y="25"/>
                    </a:lnTo>
                    <a:lnTo>
                      <a:pt x="0" y="28"/>
                    </a:lnTo>
                    <a:lnTo>
                      <a:pt x="0" y="33"/>
                    </a:lnTo>
                    <a:lnTo>
                      <a:pt x="1" y="39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68" name="Læsø kant"/>
              <p:cNvSpPr>
                <a:spLocks/>
              </p:cNvSpPr>
              <p:nvPr/>
            </p:nvSpPr>
            <p:spPr bwMode="auto">
              <a:xfrm>
                <a:off x="2654300" y="2728913"/>
                <a:ext cx="246062" cy="157163"/>
              </a:xfrm>
              <a:custGeom>
                <a:avLst/>
                <a:gdLst>
                  <a:gd name="T0" fmla="*/ 155 w 465"/>
                  <a:gd name="T1" fmla="*/ 9 h 297"/>
                  <a:gd name="T2" fmla="*/ 155 w 465"/>
                  <a:gd name="T3" fmla="*/ 24 h 297"/>
                  <a:gd name="T4" fmla="*/ 153 w 465"/>
                  <a:gd name="T5" fmla="*/ 32 h 297"/>
                  <a:gd name="T6" fmla="*/ 151 w 465"/>
                  <a:gd name="T7" fmla="*/ 33 h 297"/>
                  <a:gd name="T8" fmla="*/ 150 w 465"/>
                  <a:gd name="T9" fmla="*/ 33 h 297"/>
                  <a:gd name="T10" fmla="*/ 150 w 465"/>
                  <a:gd name="T11" fmla="*/ 31 h 297"/>
                  <a:gd name="T12" fmla="*/ 150 w 465"/>
                  <a:gd name="T13" fmla="*/ 28 h 297"/>
                  <a:gd name="T14" fmla="*/ 151 w 465"/>
                  <a:gd name="T15" fmla="*/ 23 h 297"/>
                  <a:gd name="T16" fmla="*/ 150 w 465"/>
                  <a:gd name="T17" fmla="*/ 20 h 297"/>
                  <a:gd name="T18" fmla="*/ 146 w 465"/>
                  <a:gd name="T19" fmla="*/ 20 h 297"/>
                  <a:gd name="T20" fmla="*/ 141 w 465"/>
                  <a:gd name="T21" fmla="*/ 22 h 297"/>
                  <a:gd name="T22" fmla="*/ 130 w 465"/>
                  <a:gd name="T23" fmla="*/ 24 h 297"/>
                  <a:gd name="T24" fmla="*/ 118 w 465"/>
                  <a:gd name="T25" fmla="*/ 25 h 297"/>
                  <a:gd name="T26" fmla="*/ 111 w 465"/>
                  <a:gd name="T27" fmla="*/ 26 h 297"/>
                  <a:gd name="T28" fmla="*/ 104 w 465"/>
                  <a:gd name="T29" fmla="*/ 29 h 297"/>
                  <a:gd name="T30" fmla="*/ 100 w 465"/>
                  <a:gd name="T31" fmla="*/ 33 h 297"/>
                  <a:gd name="T32" fmla="*/ 98 w 465"/>
                  <a:gd name="T33" fmla="*/ 36 h 297"/>
                  <a:gd name="T34" fmla="*/ 99 w 465"/>
                  <a:gd name="T35" fmla="*/ 40 h 297"/>
                  <a:gd name="T36" fmla="*/ 102 w 465"/>
                  <a:gd name="T37" fmla="*/ 44 h 297"/>
                  <a:gd name="T38" fmla="*/ 104 w 465"/>
                  <a:gd name="T39" fmla="*/ 49 h 297"/>
                  <a:gd name="T40" fmla="*/ 105 w 465"/>
                  <a:gd name="T41" fmla="*/ 54 h 297"/>
                  <a:gd name="T42" fmla="*/ 104 w 465"/>
                  <a:gd name="T43" fmla="*/ 59 h 297"/>
                  <a:gd name="T44" fmla="*/ 102 w 465"/>
                  <a:gd name="T45" fmla="*/ 64 h 297"/>
                  <a:gd name="T46" fmla="*/ 98 w 465"/>
                  <a:gd name="T47" fmla="*/ 71 h 297"/>
                  <a:gd name="T48" fmla="*/ 91 w 465"/>
                  <a:gd name="T49" fmla="*/ 80 h 297"/>
                  <a:gd name="T50" fmla="*/ 81 w 465"/>
                  <a:gd name="T51" fmla="*/ 88 h 297"/>
                  <a:gd name="T52" fmla="*/ 71 w 465"/>
                  <a:gd name="T53" fmla="*/ 94 h 297"/>
                  <a:gd name="T54" fmla="*/ 60 w 465"/>
                  <a:gd name="T55" fmla="*/ 98 h 297"/>
                  <a:gd name="T56" fmla="*/ 52 w 465"/>
                  <a:gd name="T57" fmla="*/ 96 h 297"/>
                  <a:gd name="T58" fmla="*/ 46 w 465"/>
                  <a:gd name="T59" fmla="*/ 89 h 297"/>
                  <a:gd name="T60" fmla="*/ 40 w 465"/>
                  <a:gd name="T61" fmla="*/ 82 h 297"/>
                  <a:gd name="T62" fmla="*/ 35 w 465"/>
                  <a:gd name="T63" fmla="*/ 77 h 297"/>
                  <a:gd name="T64" fmla="*/ 31 w 465"/>
                  <a:gd name="T65" fmla="*/ 74 h 297"/>
                  <a:gd name="T66" fmla="*/ 27 w 465"/>
                  <a:gd name="T67" fmla="*/ 73 h 297"/>
                  <a:gd name="T68" fmla="*/ 25 w 465"/>
                  <a:gd name="T69" fmla="*/ 73 h 297"/>
                  <a:gd name="T70" fmla="*/ 22 w 465"/>
                  <a:gd name="T71" fmla="*/ 75 h 297"/>
                  <a:gd name="T72" fmla="*/ 20 w 465"/>
                  <a:gd name="T73" fmla="*/ 78 h 297"/>
                  <a:gd name="T74" fmla="*/ 17 w 465"/>
                  <a:gd name="T75" fmla="*/ 80 h 297"/>
                  <a:gd name="T76" fmla="*/ 15 w 465"/>
                  <a:gd name="T77" fmla="*/ 80 h 297"/>
                  <a:gd name="T78" fmla="*/ 13 w 465"/>
                  <a:gd name="T79" fmla="*/ 78 h 297"/>
                  <a:gd name="T80" fmla="*/ 13 w 465"/>
                  <a:gd name="T81" fmla="*/ 76 h 297"/>
                  <a:gd name="T82" fmla="*/ 12 w 465"/>
                  <a:gd name="T83" fmla="*/ 74 h 297"/>
                  <a:gd name="T84" fmla="*/ 8 w 465"/>
                  <a:gd name="T85" fmla="*/ 73 h 297"/>
                  <a:gd name="T86" fmla="*/ 3 w 465"/>
                  <a:gd name="T87" fmla="*/ 71 h 297"/>
                  <a:gd name="T88" fmla="*/ 0 w 465"/>
                  <a:gd name="T89" fmla="*/ 66 h 297"/>
                  <a:gd name="T90" fmla="*/ 2 w 465"/>
                  <a:gd name="T91" fmla="*/ 59 h 297"/>
                  <a:gd name="T92" fmla="*/ 5 w 465"/>
                  <a:gd name="T93" fmla="*/ 53 h 297"/>
                  <a:gd name="T94" fmla="*/ 9 w 465"/>
                  <a:gd name="T95" fmla="*/ 48 h 297"/>
                  <a:gd name="T96" fmla="*/ 16 w 465"/>
                  <a:gd name="T97" fmla="*/ 42 h 297"/>
                  <a:gd name="T98" fmla="*/ 22 w 465"/>
                  <a:gd name="T99" fmla="*/ 35 h 297"/>
                  <a:gd name="T100" fmla="*/ 25 w 465"/>
                  <a:gd name="T101" fmla="*/ 28 h 297"/>
                  <a:gd name="T102" fmla="*/ 40 w 465"/>
                  <a:gd name="T103" fmla="*/ 23 h 297"/>
                  <a:gd name="T104" fmla="*/ 57 w 465"/>
                  <a:gd name="T105" fmla="*/ 22 h 297"/>
                  <a:gd name="T106" fmla="*/ 63 w 465"/>
                  <a:gd name="T107" fmla="*/ 20 h 297"/>
                  <a:gd name="T108" fmla="*/ 67 w 465"/>
                  <a:gd name="T109" fmla="*/ 17 h 297"/>
                  <a:gd name="T110" fmla="*/ 71 w 465"/>
                  <a:gd name="T111" fmla="*/ 12 h 297"/>
                  <a:gd name="T112" fmla="*/ 78 w 465"/>
                  <a:gd name="T113" fmla="*/ 9 h 297"/>
                  <a:gd name="T114" fmla="*/ 90 w 465"/>
                  <a:gd name="T115" fmla="*/ 9 h 297"/>
                  <a:gd name="T116" fmla="*/ 106 w 465"/>
                  <a:gd name="T117" fmla="*/ 7 h 297"/>
                  <a:gd name="T118" fmla="*/ 120 w 465"/>
                  <a:gd name="T119" fmla="*/ 3 h 297"/>
                  <a:gd name="T120" fmla="*/ 130 w 465"/>
                  <a:gd name="T121" fmla="*/ 1 h 297"/>
                  <a:gd name="T122" fmla="*/ 139 w 465"/>
                  <a:gd name="T123" fmla="*/ 0 h 297"/>
                  <a:gd name="T124" fmla="*/ 150 w 465"/>
                  <a:gd name="T125" fmla="*/ 1 h 297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465" h="297">
                    <a:moveTo>
                      <a:pt x="465" y="7"/>
                    </a:moveTo>
                    <a:lnTo>
                      <a:pt x="465" y="28"/>
                    </a:lnTo>
                    <a:lnTo>
                      <a:pt x="465" y="50"/>
                    </a:lnTo>
                    <a:lnTo>
                      <a:pt x="465" y="72"/>
                    </a:lnTo>
                    <a:lnTo>
                      <a:pt x="465" y="94"/>
                    </a:lnTo>
                    <a:lnTo>
                      <a:pt x="460" y="97"/>
                    </a:lnTo>
                    <a:lnTo>
                      <a:pt x="456" y="98"/>
                    </a:lnTo>
                    <a:lnTo>
                      <a:pt x="453" y="99"/>
                    </a:lnTo>
                    <a:lnTo>
                      <a:pt x="451" y="99"/>
                    </a:lnTo>
                    <a:lnTo>
                      <a:pt x="450" y="98"/>
                    </a:lnTo>
                    <a:lnTo>
                      <a:pt x="449" y="96"/>
                    </a:lnTo>
                    <a:lnTo>
                      <a:pt x="449" y="93"/>
                    </a:lnTo>
                    <a:lnTo>
                      <a:pt x="450" y="90"/>
                    </a:lnTo>
                    <a:lnTo>
                      <a:pt x="451" y="83"/>
                    </a:lnTo>
                    <a:lnTo>
                      <a:pt x="452" y="73"/>
                    </a:lnTo>
                    <a:lnTo>
                      <a:pt x="452" y="69"/>
                    </a:lnTo>
                    <a:lnTo>
                      <a:pt x="451" y="64"/>
                    </a:lnTo>
                    <a:lnTo>
                      <a:pt x="449" y="59"/>
                    </a:lnTo>
                    <a:lnTo>
                      <a:pt x="447" y="55"/>
                    </a:lnTo>
                    <a:lnTo>
                      <a:pt x="439" y="60"/>
                    </a:lnTo>
                    <a:lnTo>
                      <a:pt x="432" y="64"/>
                    </a:lnTo>
                    <a:lnTo>
                      <a:pt x="422" y="67"/>
                    </a:lnTo>
                    <a:lnTo>
                      <a:pt x="412" y="69"/>
                    </a:lnTo>
                    <a:lnTo>
                      <a:pt x="390" y="71"/>
                    </a:lnTo>
                    <a:lnTo>
                      <a:pt x="365" y="73"/>
                    </a:lnTo>
                    <a:lnTo>
                      <a:pt x="354" y="74"/>
                    </a:lnTo>
                    <a:lnTo>
                      <a:pt x="342" y="76"/>
                    </a:lnTo>
                    <a:lnTo>
                      <a:pt x="332" y="79"/>
                    </a:lnTo>
                    <a:lnTo>
                      <a:pt x="321" y="83"/>
                    </a:lnTo>
                    <a:lnTo>
                      <a:pt x="312" y="88"/>
                    </a:lnTo>
                    <a:lnTo>
                      <a:pt x="303" y="94"/>
                    </a:lnTo>
                    <a:lnTo>
                      <a:pt x="300" y="98"/>
                    </a:lnTo>
                    <a:lnTo>
                      <a:pt x="297" y="103"/>
                    </a:lnTo>
                    <a:lnTo>
                      <a:pt x="294" y="108"/>
                    </a:lnTo>
                    <a:lnTo>
                      <a:pt x="292" y="113"/>
                    </a:lnTo>
                    <a:lnTo>
                      <a:pt x="297" y="119"/>
                    </a:lnTo>
                    <a:lnTo>
                      <a:pt x="302" y="127"/>
                    </a:lnTo>
                    <a:lnTo>
                      <a:pt x="306" y="133"/>
                    </a:lnTo>
                    <a:lnTo>
                      <a:pt x="310" y="140"/>
                    </a:lnTo>
                    <a:lnTo>
                      <a:pt x="312" y="148"/>
                    </a:lnTo>
                    <a:lnTo>
                      <a:pt x="313" y="154"/>
                    </a:lnTo>
                    <a:lnTo>
                      <a:pt x="314" y="161"/>
                    </a:lnTo>
                    <a:lnTo>
                      <a:pt x="313" y="169"/>
                    </a:lnTo>
                    <a:lnTo>
                      <a:pt x="312" y="176"/>
                    </a:lnTo>
                    <a:lnTo>
                      <a:pt x="310" y="184"/>
                    </a:lnTo>
                    <a:lnTo>
                      <a:pt x="306" y="191"/>
                    </a:lnTo>
                    <a:lnTo>
                      <a:pt x="303" y="198"/>
                    </a:lnTo>
                    <a:lnTo>
                      <a:pt x="295" y="212"/>
                    </a:lnTo>
                    <a:lnTo>
                      <a:pt x="284" y="226"/>
                    </a:lnTo>
                    <a:lnTo>
                      <a:pt x="272" y="239"/>
                    </a:lnTo>
                    <a:lnTo>
                      <a:pt x="258" y="251"/>
                    </a:lnTo>
                    <a:lnTo>
                      <a:pt x="243" y="263"/>
                    </a:lnTo>
                    <a:lnTo>
                      <a:pt x="227" y="273"/>
                    </a:lnTo>
                    <a:lnTo>
                      <a:pt x="212" y="282"/>
                    </a:lnTo>
                    <a:lnTo>
                      <a:pt x="196" y="289"/>
                    </a:lnTo>
                    <a:lnTo>
                      <a:pt x="180" y="294"/>
                    </a:lnTo>
                    <a:lnTo>
                      <a:pt x="165" y="297"/>
                    </a:lnTo>
                    <a:lnTo>
                      <a:pt x="155" y="288"/>
                    </a:lnTo>
                    <a:lnTo>
                      <a:pt x="146" y="277"/>
                    </a:lnTo>
                    <a:lnTo>
                      <a:pt x="138" y="267"/>
                    </a:lnTo>
                    <a:lnTo>
                      <a:pt x="130" y="255"/>
                    </a:lnTo>
                    <a:lnTo>
                      <a:pt x="121" y="245"/>
                    </a:lnTo>
                    <a:lnTo>
                      <a:pt x="111" y="235"/>
                    </a:lnTo>
                    <a:lnTo>
                      <a:pt x="105" y="231"/>
                    </a:lnTo>
                    <a:lnTo>
                      <a:pt x="100" y="227"/>
                    </a:lnTo>
                    <a:lnTo>
                      <a:pt x="94" y="223"/>
                    </a:lnTo>
                    <a:lnTo>
                      <a:pt x="87" y="219"/>
                    </a:lnTo>
                    <a:lnTo>
                      <a:pt x="82" y="219"/>
                    </a:lnTo>
                    <a:lnTo>
                      <a:pt x="78" y="219"/>
                    </a:lnTo>
                    <a:lnTo>
                      <a:pt x="75" y="219"/>
                    </a:lnTo>
                    <a:lnTo>
                      <a:pt x="72" y="220"/>
                    </a:lnTo>
                    <a:lnTo>
                      <a:pt x="66" y="225"/>
                    </a:lnTo>
                    <a:lnTo>
                      <a:pt x="63" y="230"/>
                    </a:lnTo>
                    <a:lnTo>
                      <a:pt x="59" y="234"/>
                    </a:lnTo>
                    <a:lnTo>
                      <a:pt x="55" y="238"/>
                    </a:lnTo>
                    <a:lnTo>
                      <a:pt x="52" y="239"/>
                    </a:lnTo>
                    <a:lnTo>
                      <a:pt x="48" y="240"/>
                    </a:lnTo>
                    <a:lnTo>
                      <a:pt x="44" y="240"/>
                    </a:lnTo>
                    <a:lnTo>
                      <a:pt x="39" y="239"/>
                    </a:lnTo>
                    <a:lnTo>
                      <a:pt x="40" y="235"/>
                    </a:lnTo>
                    <a:lnTo>
                      <a:pt x="40" y="231"/>
                    </a:lnTo>
                    <a:lnTo>
                      <a:pt x="39" y="228"/>
                    </a:lnTo>
                    <a:lnTo>
                      <a:pt x="38" y="226"/>
                    </a:lnTo>
                    <a:lnTo>
                      <a:pt x="36" y="223"/>
                    </a:lnTo>
                    <a:lnTo>
                      <a:pt x="31" y="220"/>
                    </a:lnTo>
                    <a:lnTo>
                      <a:pt x="24" y="219"/>
                    </a:lnTo>
                    <a:lnTo>
                      <a:pt x="17" y="217"/>
                    </a:lnTo>
                    <a:lnTo>
                      <a:pt x="10" y="214"/>
                    </a:lnTo>
                    <a:lnTo>
                      <a:pt x="0" y="210"/>
                    </a:lnTo>
                    <a:lnTo>
                      <a:pt x="1" y="197"/>
                    </a:lnTo>
                    <a:lnTo>
                      <a:pt x="3" y="186"/>
                    </a:lnTo>
                    <a:lnTo>
                      <a:pt x="6" y="176"/>
                    </a:lnTo>
                    <a:lnTo>
                      <a:pt x="11" y="167"/>
                    </a:lnTo>
                    <a:lnTo>
                      <a:pt x="16" y="159"/>
                    </a:lnTo>
                    <a:lnTo>
                      <a:pt x="22" y="152"/>
                    </a:lnTo>
                    <a:lnTo>
                      <a:pt x="28" y="145"/>
                    </a:lnTo>
                    <a:lnTo>
                      <a:pt x="35" y="138"/>
                    </a:lnTo>
                    <a:lnTo>
                      <a:pt x="48" y="126"/>
                    </a:lnTo>
                    <a:lnTo>
                      <a:pt x="61" y="111"/>
                    </a:lnTo>
                    <a:lnTo>
                      <a:pt x="66" y="104"/>
                    </a:lnTo>
                    <a:lnTo>
                      <a:pt x="72" y="95"/>
                    </a:lnTo>
                    <a:lnTo>
                      <a:pt x="75" y="85"/>
                    </a:lnTo>
                    <a:lnTo>
                      <a:pt x="78" y="74"/>
                    </a:lnTo>
                    <a:lnTo>
                      <a:pt x="120" y="70"/>
                    </a:lnTo>
                    <a:lnTo>
                      <a:pt x="162" y="67"/>
                    </a:lnTo>
                    <a:lnTo>
                      <a:pt x="172" y="65"/>
                    </a:lnTo>
                    <a:lnTo>
                      <a:pt x="181" y="63"/>
                    </a:lnTo>
                    <a:lnTo>
                      <a:pt x="190" y="59"/>
                    </a:lnTo>
                    <a:lnTo>
                      <a:pt x="196" y="55"/>
                    </a:lnTo>
                    <a:lnTo>
                      <a:pt x="202" y="50"/>
                    </a:lnTo>
                    <a:lnTo>
                      <a:pt x="207" y="42"/>
                    </a:lnTo>
                    <a:lnTo>
                      <a:pt x="212" y="35"/>
                    </a:lnTo>
                    <a:lnTo>
                      <a:pt x="214" y="26"/>
                    </a:lnTo>
                    <a:lnTo>
                      <a:pt x="234" y="28"/>
                    </a:lnTo>
                    <a:lnTo>
                      <a:pt x="253" y="29"/>
                    </a:lnTo>
                    <a:lnTo>
                      <a:pt x="271" y="28"/>
                    </a:lnTo>
                    <a:lnTo>
                      <a:pt x="288" y="26"/>
                    </a:lnTo>
                    <a:lnTo>
                      <a:pt x="318" y="20"/>
                    </a:lnTo>
                    <a:lnTo>
                      <a:pt x="346" y="13"/>
                    </a:lnTo>
                    <a:lnTo>
                      <a:pt x="361" y="10"/>
                    </a:lnTo>
                    <a:lnTo>
                      <a:pt x="375" y="7"/>
                    </a:lnTo>
                    <a:lnTo>
                      <a:pt x="389" y="4"/>
                    </a:lnTo>
                    <a:lnTo>
                      <a:pt x="402" y="1"/>
                    </a:lnTo>
                    <a:lnTo>
                      <a:pt x="417" y="0"/>
                    </a:lnTo>
                    <a:lnTo>
                      <a:pt x="433" y="1"/>
                    </a:lnTo>
                    <a:lnTo>
                      <a:pt x="449" y="2"/>
                    </a:lnTo>
                    <a:lnTo>
                      <a:pt x="465" y="7"/>
                    </a:lnTo>
                    <a:close/>
                  </a:path>
                </a:pathLst>
              </a:custGeom>
              <a:grpFill/>
              <a:ln w="6350"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69" name="Læsø kant2"/>
              <p:cNvSpPr>
                <a:spLocks/>
              </p:cNvSpPr>
              <p:nvPr/>
            </p:nvSpPr>
            <p:spPr bwMode="auto">
              <a:xfrm>
                <a:off x="2751138" y="2886075"/>
                <a:ext cx="31750" cy="20638"/>
              </a:xfrm>
              <a:custGeom>
                <a:avLst/>
                <a:gdLst>
                  <a:gd name="T0" fmla="*/ 0 w 59"/>
                  <a:gd name="T1" fmla="*/ 12 h 41"/>
                  <a:gd name="T2" fmla="*/ 4 w 59"/>
                  <a:gd name="T3" fmla="*/ 13 h 41"/>
                  <a:gd name="T4" fmla="*/ 7 w 59"/>
                  <a:gd name="T5" fmla="*/ 13 h 41"/>
                  <a:gd name="T6" fmla="*/ 9 w 59"/>
                  <a:gd name="T7" fmla="*/ 12 h 41"/>
                  <a:gd name="T8" fmla="*/ 11 w 59"/>
                  <a:gd name="T9" fmla="*/ 12 h 41"/>
                  <a:gd name="T10" fmla="*/ 13 w 59"/>
                  <a:gd name="T11" fmla="*/ 11 h 41"/>
                  <a:gd name="T12" fmla="*/ 16 w 59"/>
                  <a:gd name="T13" fmla="*/ 10 h 41"/>
                  <a:gd name="T14" fmla="*/ 18 w 59"/>
                  <a:gd name="T15" fmla="*/ 10 h 41"/>
                  <a:gd name="T16" fmla="*/ 20 w 59"/>
                  <a:gd name="T17" fmla="*/ 10 h 41"/>
                  <a:gd name="T18" fmla="*/ 20 w 59"/>
                  <a:gd name="T19" fmla="*/ 6 h 41"/>
                  <a:gd name="T20" fmla="*/ 20 w 59"/>
                  <a:gd name="T21" fmla="*/ 3 h 41"/>
                  <a:gd name="T22" fmla="*/ 17 w 59"/>
                  <a:gd name="T23" fmla="*/ 2 h 41"/>
                  <a:gd name="T24" fmla="*/ 14 w 59"/>
                  <a:gd name="T25" fmla="*/ 0 h 41"/>
                  <a:gd name="T26" fmla="*/ 13 w 59"/>
                  <a:gd name="T27" fmla="*/ 1 h 41"/>
                  <a:gd name="T28" fmla="*/ 12 w 59"/>
                  <a:gd name="T29" fmla="*/ 2 h 41"/>
                  <a:gd name="T30" fmla="*/ 12 w 59"/>
                  <a:gd name="T31" fmla="*/ 3 h 41"/>
                  <a:gd name="T32" fmla="*/ 10 w 59"/>
                  <a:gd name="T33" fmla="*/ 3 h 41"/>
                  <a:gd name="T34" fmla="*/ 7 w 59"/>
                  <a:gd name="T35" fmla="*/ 4 h 41"/>
                  <a:gd name="T36" fmla="*/ 5 w 59"/>
                  <a:gd name="T37" fmla="*/ 4 h 41"/>
                  <a:gd name="T38" fmla="*/ 4 w 59"/>
                  <a:gd name="T39" fmla="*/ 5 h 41"/>
                  <a:gd name="T40" fmla="*/ 3 w 59"/>
                  <a:gd name="T41" fmla="*/ 5 h 41"/>
                  <a:gd name="T42" fmla="*/ 1 w 59"/>
                  <a:gd name="T43" fmla="*/ 6 h 41"/>
                  <a:gd name="T44" fmla="*/ 1 w 59"/>
                  <a:gd name="T45" fmla="*/ 6 h 41"/>
                  <a:gd name="T46" fmla="*/ 0 w 59"/>
                  <a:gd name="T47" fmla="*/ 8 h 41"/>
                  <a:gd name="T48" fmla="*/ 0 w 59"/>
                  <a:gd name="T49" fmla="*/ 9 h 41"/>
                  <a:gd name="T50" fmla="*/ 0 w 59"/>
                  <a:gd name="T51" fmla="*/ 10 h 41"/>
                  <a:gd name="T52" fmla="*/ 0 w 59"/>
                  <a:gd name="T53" fmla="*/ 12 h 41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59" h="41">
                    <a:moveTo>
                      <a:pt x="1" y="39"/>
                    </a:moveTo>
                    <a:lnTo>
                      <a:pt x="12" y="41"/>
                    </a:lnTo>
                    <a:lnTo>
                      <a:pt x="20" y="40"/>
                    </a:lnTo>
                    <a:lnTo>
                      <a:pt x="27" y="39"/>
                    </a:lnTo>
                    <a:lnTo>
                      <a:pt x="33" y="37"/>
                    </a:lnTo>
                    <a:lnTo>
                      <a:pt x="39" y="34"/>
                    </a:lnTo>
                    <a:lnTo>
                      <a:pt x="46" y="32"/>
                    </a:lnTo>
                    <a:lnTo>
                      <a:pt x="52" y="30"/>
                    </a:lnTo>
                    <a:lnTo>
                      <a:pt x="59" y="30"/>
                    </a:lnTo>
                    <a:lnTo>
                      <a:pt x="59" y="20"/>
                    </a:lnTo>
                    <a:lnTo>
                      <a:pt x="59" y="10"/>
                    </a:lnTo>
                    <a:lnTo>
                      <a:pt x="50" y="6"/>
                    </a:lnTo>
                    <a:lnTo>
                      <a:pt x="40" y="0"/>
                    </a:lnTo>
                    <a:lnTo>
                      <a:pt x="39" y="3"/>
                    </a:lnTo>
                    <a:lnTo>
                      <a:pt x="36" y="7"/>
                    </a:lnTo>
                    <a:lnTo>
                      <a:pt x="34" y="9"/>
                    </a:lnTo>
                    <a:lnTo>
                      <a:pt x="30" y="10"/>
                    </a:lnTo>
                    <a:lnTo>
                      <a:pt x="22" y="12"/>
                    </a:lnTo>
                    <a:lnTo>
                      <a:pt x="15" y="14"/>
                    </a:lnTo>
                    <a:lnTo>
                      <a:pt x="11" y="15"/>
                    </a:lnTo>
                    <a:lnTo>
                      <a:pt x="8" y="16"/>
                    </a:lnTo>
                    <a:lnTo>
                      <a:pt x="4" y="18"/>
                    </a:lnTo>
                    <a:lnTo>
                      <a:pt x="2" y="20"/>
                    </a:lnTo>
                    <a:lnTo>
                      <a:pt x="0" y="25"/>
                    </a:lnTo>
                    <a:lnTo>
                      <a:pt x="0" y="28"/>
                    </a:lnTo>
                    <a:lnTo>
                      <a:pt x="0" y="33"/>
                    </a:lnTo>
                    <a:lnTo>
                      <a:pt x="1" y="39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</p:grpSp>
        <p:grpSp>
          <p:nvGrpSpPr>
            <p:cNvPr id="1241" name="Aalborg"/>
            <p:cNvGrpSpPr/>
            <p:nvPr/>
          </p:nvGrpSpPr>
          <p:grpSpPr>
            <a:xfrm>
              <a:off x="1539875" y="2890838"/>
              <a:ext cx="750887" cy="569912"/>
              <a:chOff x="1539875" y="2890838"/>
              <a:chExt cx="750887" cy="569912"/>
            </a:xfrm>
            <a:grpFill/>
          </p:grpSpPr>
          <p:sp>
            <p:nvSpPr>
              <p:cNvPr id="1260" name="Aalborg"/>
              <p:cNvSpPr>
                <a:spLocks/>
              </p:cNvSpPr>
              <p:nvPr/>
            </p:nvSpPr>
            <p:spPr bwMode="auto">
              <a:xfrm>
                <a:off x="1854200" y="3101975"/>
                <a:ext cx="46038" cy="30163"/>
              </a:xfrm>
              <a:custGeom>
                <a:avLst/>
                <a:gdLst>
                  <a:gd name="T0" fmla="*/ 29 w 88"/>
                  <a:gd name="T1" fmla="*/ 6 h 58"/>
                  <a:gd name="T2" fmla="*/ 29 w 88"/>
                  <a:gd name="T3" fmla="*/ 8 h 58"/>
                  <a:gd name="T4" fmla="*/ 29 w 88"/>
                  <a:gd name="T5" fmla="*/ 9 h 58"/>
                  <a:gd name="T6" fmla="*/ 29 w 88"/>
                  <a:gd name="T7" fmla="*/ 11 h 58"/>
                  <a:gd name="T8" fmla="*/ 28 w 88"/>
                  <a:gd name="T9" fmla="*/ 12 h 58"/>
                  <a:gd name="T10" fmla="*/ 27 w 88"/>
                  <a:gd name="T11" fmla="*/ 13 h 58"/>
                  <a:gd name="T12" fmla="*/ 25 w 88"/>
                  <a:gd name="T13" fmla="*/ 15 h 58"/>
                  <a:gd name="T14" fmla="*/ 20 w 88"/>
                  <a:gd name="T15" fmla="*/ 16 h 58"/>
                  <a:gd name="T16" fmla="*/ 16 w 88"/>
                  <a:gd name="T17" fmla="*/ 19 h 58"/>
                  <a:gd name="T18" fmla="*/ 13 w 88"/>
                  <a:gd name="T19" fmla="*/ 18 h 58"/>
                  <a:gd name="T20" fmla="*/ 10 w 88"/>
                  <a:gd name="T21" fmla="*/ 17 h 58"/>
                  <a:gd name="T22" fmla="*/ 7 w 88"/>
                  <a:gd name="T23" fmla="*/ 15 h 58"/>
                  <a:gd name="T24" fmla="*/ 5 w 88"/>
                  <a:gd name="T25" fmla="*/ 14 h 58"/>
                  <a:gd name="T26" fmla="*/ 3 w 88"/>
                  <a:gd name="T27" fmla="*/ 12 h 58"/>
                  <a:gd name="T28" fmla="*/ 2 w 88"/>
                  <a:gd name="T29" fmla="*/ 9 h 58"/>
                  <a:gd name="T30" fmla="*/ 1 w 88"/>
                  <a:gd name="T31" fmla="*/ 6 h 58"/>
                  <a:gd name="T32" fmla="*/ 0 w 88"/>
                  <a:gd name="T33" fmla="*/ 3 h 58"/>
                  <a:gd name="T34" fmla="*/ 4 w 88"/>
                  <a:gd name="T35" fmla="*/ 1 h 58"/>
                  <a:gd name="T36" fmla="*/ 8 w 88"/>
                  <a:gd name="T37" fmla="*/ 0 h 58"/>
                  <a:gd name="T38" fmla="*/ 12 w 88"/>
                  <a:gd name="T39" fmla="*/ 0 h 58"/>
                  <a:gd name="T40" fmla="*/ 16 w 88"/>
                  <a:gd name="T41" fmla="*/ 0 h 58"/>
                  <a:gd name="T42" fmla="*/ 20 w 88"/>
                  <a:gd name="T43" fmla="*/ 1 h 58"/>
                  <a:gd name="T44" fmla="*/ 23 w 88"/>
                  <a:gd name="T45" fmla="*/ 2 h 58"/>
                  <a:gd name="T46" fmla="*/ 25 w 88"/>
                  <a:gd name="T47" fmla="*/ 2 h 58"/>
                  <a:gd name="T48" fmla="*/ 26 w 88"/>
                  <a:gd name="T49" fmla="*/ 3 h 58"/>
                  <a:gd name="T50" fmla="*/ 28 w 88"/>
                  <a:gd name="T51" fmla="*/ 5 h 58"/>
                  <a:gd name="T52" fmla="*/ 29 w 88"/>
                  <a:gd name="T53" fmla="*/ 6 h 58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88" h="58">
                    <a:moveTo>
                      <a:pt x="87" y="19"/>
                    </a:moveTo>
                    <a:lnTo>
                      <a:pt x="88" y="24"/>
                    </a:lnTo>
                    <a:lnTo>
                      <a:pt x="87" y="28"/>
                    </a:lnTo>
                    <a:lnTo>
                      <a:pt x="87" y="33"/>
                    </a:lnTo>
                    <a:lnTo>
                      <a:pt x="85" y="36"/>
                    </a:lnTo>
                    <a:lnTo>
                      <a:pt x="81" y="41"/>
                    </a:lnTo>
                    <a:lnTo>
                      <a:pt x="75" y="45"/>
                    </a:lnTo>
                    <a:lnTo>
                      <a:pt x="61" y="50"/>
                    </a:lnTo>
                    <a:lnTo>
                      <a:pt x="48" y="58"/>
                    </a:lnTo>
                    <a:lnTo>
                      <a:pt x="39" y="56"/>
                    </a:lnTo>
                    <a:lnTo>
                      <a:pt x="29" y="51"/>
                    </a:lnTo>
                    <a:lnTo>
                      <a:pt x="22" y="47"/>
                    </a:lnTo>
                    <a:lnTo>
                      <a:pt x="16" y="42"/>
                    </a:lnTo>
                    <a:lnTo>
                      <a:pt x="10" y="36"/>
                    </a:lnTo>
                    <a:lnTo>
                      <a:pt x="5" y="27"/>
                    </a:lnTo>
                    <a:lnTo>
                      <a:pt x="2" y="19"/>
                    </a:lnTo>
                    <a:lnTo>
                      <a:pt x="0" y="8"/>
                    </a:lnTo>
                    <a:lnTo>
                      <a:pt x="11" y="4"/>
                    </a:lnTo>
                    <a:lnTo>
                      <a:pt x="23" y="1"/>
                    </a:lnTo>
                    <a:lnTo>
                      <a:pt x="36" y="0"/>
                    </a:lnTo>
                    <a:lnTo>
                      <a:pt x="48" y="0"/>
                    </a:lnTo>
                    <a:lnTo>
                      <a:pt x="60" y="2"/>
                    </a:lnTo>
                    <a:lnTo>
                      <a:pt x="70" y="5"/>
                    </a:lnTo>
                    <a:lnTo>
                      <a:pt x="76" y="7"/>
                    </a:lnTo>
                    <a:lnTo>
                      <a:pt x="80" y="10"/>
                    </a:lnTo>
                    <a:lnTo>
                      <a:pt x="84" y="15"/>
                    </a:lnTo>
                    <a:lnTo>
                      <a:pt x="87" y="19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61" name="Aalborg kant"/>
              <p:cNvSpPr>
                <a:spLocks/>
              </p:cNvSpPr>
              <p:nvPr/>
            </p:nvSpPr>
            <p:spPr bwMode="auto">
              <a:xfrm>
                <a:off x="1854200" y="3101975"/>
                <a:ext cx="46038" cy="30163"/>
              </a:xfrm>
              <a:custGeom>
                <a:avLst/>
                <a:gdLst>
                  <a:gd name="T0" fmla="*/ 29 w 88"/>
                  <a:gd name="T1" fmla="*/ 6 h 58"/>
                  <a:gd name="T2" fmla="*/ 29 w 88"/>
                  <a:gd name="T3" fmla="*/ 8 h 58"/>
                  <a:gd name="T4" fmla="*/ 29 w 88"/>
                  <a:gd name="T5" fmla="*/ 9 h 58"/>
                  <a:gd name="T6" fmla="*/ 29 w 88"/>
                  <a:gd name="T7" fmla="*/ 11 h 58"/>
                  <a:gd name="T8" fmla="*/ 28 w 88"/>
                  <a:gd name="T9" fmla="*/ 12 h 58"/>
                  <a:gd name="T10" fmla="*/ 27 w 88"/>
                  <a:gd name="T11" fmla="*/ 13 h 58"/>
                  <a:gd name="T12" fmla="*/ 25 w 88"/>
                  <a:gd name="T13" fmla="*/ 15 h 58"/>
                  <a:gd name="T14" fmla="*/ 20 w 88"/>
                  <a:gd name="T15" fmla="*/ 16 h 58"/>
                  <a:gd name="T16" fmla="*/ 16 w 88"/>
                  <a:gd name="T17" fmla="*/ 19 h 58"/>
                  <a:gd name="T18" fmla="*/ 13 w 88"/>
                  <a:gd name="T19" fmla="*/ 18 h 58"/>
                  <a:gd name="T20" fmla="*/ 10 w 88"/>
                  <a:gd name="T21" fmla="*/ 17 h 58"/>
                  <a:gd name="T22" fmla="*/ 7 w 88"/>
                  <a:gd name="T23" fmla="*/ 15 h 58"/>
                  <a:gd name="T24" fmla="*/ 5 w 88"/>
                  <a:gd name="T25" fmla="*/ 14 h 58"/>
                  <a:gd name="T26" fmla="*/ 3 w 88"/>
                  <a:gd name="T27" fmla="*/ 12 h 58"/>
                  <a:gd name="T28" fmla="*/ 2 w 88"/>
                  <a:gd name="T29" fmla="*/ 9 h 58"/>
                  <a:gd name="T30" fmla="*/ 1 w 88"/>
                  <a:gd name="T31" fmla="*/ 6 h 58"/>
                  <a:gd name="T32" fmla="*/ 0 w 88"/>
                  <a:gd name="T33" fmla="*/ 3 h 58"/>
                  <a:gd name="T34" fmla="*/ 4 w 88"/>
                  <a:gd name="T35" fmla="*/ 1 h 58"/>
                  <a:gd name="T36" fmla="*/ 8 w 88"/>
                  <a:gd name="T37" fmla="*/ 0 h 58"/>
                  <a:gd name="T38" fmla="*/ 12 w 88"/>
                  <a:gd name="T39" fmla="*/ 0 h 58"/>
                  <a:gd name="T40" fmla="*/ 16 w 88"/>
                  <a:gd name="T41" fmla="*/ 0 h 58"/>
                  <a:gd name="T42" fmla="*/ 20 w 88"/>
                  <a:gd name="T43" fmla="*/ 1 h 58"/>
                  <a:gd name="T44" fmla="*/ 23 w 88"/>
                  <a:gd name="T45" fmla="*/ 2 h 58"/>
                  <a:gd name="T46" fmla="*/ 25 w 88"/>
                  <a:gd name="T47" fmla="*/ 2 h 58"/>
                  <a:gd name="T48" fmla="*/ 26 w 88"/>
                  <a:gd name="T49" fmla="*/ 3 h 58"/>
                  <a:gd name="T50" fmla="*/ 28 w 88"/>
                  <a:gd name="T51" fmla="*/ 5 h 58"/>
                  <a:gd name="T52" fmla="*/ 29 w 88"/>
                  <a:gd name="T53" fmla="*/ 6 h 58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0" t="0" r="r" b="b"/>
                <a:pathLst>
                  <a:path w="88" h="58">
                    <a:moveTo>
                      <a:pt x="87" y="19"/>
                    </a:moveTo>
                    <a:lnTo>
                      <a:pt x="88" y="24"/>
                    </a:lnTo>
                    <a:lnTo>
                      <a:pt x="87" y="28"/>
                    </a:lnTo>
                    <a:lnTo>
                      <a:pt x="87" y="33"/>
                    </a:lnTo>
                    <a:lnTo>
                      <a:pt x="85" y="36"/>
                    </a:lnTo>
                    <a:lnTo>
                      <a:pt x="81" y="41"/>
                    </a:lnTo>
                    <a:lnTo>
                      <a:pt x="75" y="45"/>
                    </a:lnTo>
                    <a:lnTo>
                      <a:pt x="61" y="50"/>
                    </a:lnTo>
                    <a:lnTo>
                      <a:pt x="48" y="58"/>
                    </a:lnTo>
                    <a:lnTo>
                      <a:pt x="39" y="56"/>
                    </a:lnTo>
                    <a:lnTo>
                      <a:pt x="29" y="51"/>
                    </a:lnTo>
                    <a:lnTo>
                      <a:pt x="22" y="47"/>
                    </a:lnTo>
                    <a:lnTo>
                      <a:pt x="16" y="42"/>
                    </a:lnTo>
                    <a:lnTo>
                      <a:pt x="10" y="36"/>
                    </a:lnTo>
                    <a:lnTo>
                      <a:pt x="5" y="27"/>
                    </a:lnTo>
                    <a:lnTo>
                      <a:pt x="2" y="19"/>
                    </a:lnTo>
                    <a:lnTo>
                      <a:pt x="0" y="8"/>
                    </a:lnTo>
                    <a:lnTo>
                      <a:pt x="11" y="4"/>
                    </a:lnTo>
                    <a:lnTo>
                      <a:pt x="23" y="1"/>
                    </a:lnTo>
                    <a:lnTo>
                      <a:pt x="36" y="0"/>
                    </a:lnTo>
                    <a:lnTo>
                      <a:pt x="48" y="0"/>
                    </a:lnTo>
                    <a:lnTo>
                      <a:pt x="60" y="2"/>
                    </a:lnTo>
                    <a:lnTo>
                      <a:pt x="70" y="5"/>
                    </a:lnTo>
                    <a:lnTo>
                      <a:pt x="76" y="7"/>
                    </a:lnTo>
                    <a:lnTo>
                      <a:pt x="80" y="10"/>
                    </a:lnTo>
                    <a:lnTo>
                      <a:pt x="84" y="15"/>
                    </a:lnTo>
                    <a:lnTo>
                      <a:pt x="87" y="19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62" name="Aalborg"/>
              <p:cNvSpPr>
                <a:spLocks/>
              </p:cNvSpPr>
              <p:nvPr/>
            </p:nvSpPr>
            <p:spPr bwMode="auto">
              <a:xfrm>
                <a:off x="1812925" y="2890838"/>
                <a:ext cx="477837" cy="328613"/>
              </a:xfrm>
              <a:custGeom>
                <a:avLst/>
                <a:gdLst>
                  <a:gd name="T0" fmla="*/ 79 w 902"/>
                  <a:gd name="T1" fmla="*/ 150 h 621"/>
                  <a:gd name="T2" fmla="*/ 85 w 902"/>
                  <a:gd name="T3" fmla="*/ 151 h 621"/>
                  <a:gd name="T4" fmla="*/ 90 w 902"/>
                  <a:gd name="T5" fmla="*/ 146 h 621"/>
                  <a:gd name="T6" fmla="*/ 98 w 902"/>
                  <a:gd name="T7" fmla="*/ 134 h 621"/>
                  <a:gd name="T8" fmla="*/ 107 w 902"/>
                  <a:gd name="T9" fmla="*/ 122 h 621"/>
                  <a:gd name="T10" fmla="*/ 115 w 902"/>
                  <a:gd name="T11" fmla="*/ 119 h 621"/>
                  <a:gd name="T12" fmla="*/ 126 w 902"/>
                  <a:gd name="T13" fmla="*/ 123 h 621"/>
                  <a:gd name="T14" fmla="*/ 140 w 902"/>
                  <a:gd name="T15" fmla="*/ 138 h 621"/>
                  <a:gd name="T16" fmla="*/ 169 w 902"/>
                  <a:gd name="T17" fmla="*/ 155 h 621"/>
                  <a:gd name="T18" fmla="*/ 193 w 902"/>
                  <a:gd name="T19" fmla="*/ 177 h 621"/>
                  <a:gd name="T20" fmla="*/ 210 w 902"/>
                  <a:gd name="T21" fmla="*/ 197 h 621"/>
                  <a:gd name="T22" fmla="*/ 225 w 902"/>
                  <a:gd name="T23" fmla="*/ 206 h 621"/>
                  <a:gd name="T24" fmla="*/ 241 w 902"/>
                  <a:gd name="T25" fmla="*/ 206 h 621"/>
                  <a:gd name="T26" fmla="*/ 265 w 902"/>
                  <a:gd name="T27" fmla="*/ 202 h 621"/>
                  <a:gd name="T28" fmla="*/ 283 w 902"/>
                  <a:gd name="T29" fmla="*/ 193 h 621"/>
                  <a:gd name="T30" fmla="*/ 297 w 902"/>
                  <a:gd name="T31" fmla="*/ 152 h 621"/>
                  <a:gd name="T32" fmla="*/ 301 w 902"/>
                  <a:gd name="T33" fmla="*/ 126 h 621"/>
                  <a:gd name="T34" fmla="*/ 293 w 902"/>
                  <a:gd name="T35" fmla="*/ 120 h 621"/>
                  <a:gd name="T36" fmla="*/ 288 w 902"/>
                  <a:gd name="T37" fmla="*/ 125 h 621"/>
                  <a:gd name="T38" fmla="*/ 282 w 902"/>
                  <a:gd name="T39" fmla="*/ 135 h 621"/>
                  <a:gd name="T40" fmla="*/ 274 w 902"/>
                  <a:gd name="T41" fmla="*/ 127 h 621"/>
                  <a:gd name="T42" fmla="*/ 269 w 902"/>
                  <a:gd name="T43" fmla="*/ 108 h 621"/>
                  <a:gd name="T44" fmla="*/ 256 w 902"/>
                  <a:gd name="T45" fmla="*/ 104 h 621"/>
                  <a:gd name="T46" fmla="*/ 222 w 902"/>
                  <a:gd name="T47" fmla="*/ 102 h 621"/>
                  <a:gd name="T48" fmla="*/ 197 w 902"/>
                  <a:gd name="T49" fmla="*/ 93 h 621"/>
                  <a:gd name="T50" fmla="*/ 175 w 902"/>
                  <a:gd name="T51" fmla="*/ 81 h 621"/>
                  <a:gd name="T52" fmla="*/ 144 w 902"/>
                  <a:gd name="T53" fmla="*/ 53 h 621"/>
                  <a:gd name="T54" fmla="*/ 110 w 902"/>
                  <a:gd name="T55" fmla="*/ 25 h 621"/>
                  <a:gd name="T56" fmla="*/ 85 w 902"/>
                  <a:gd name="T57" fmla="*/ 12 h 621"/>
                  <a:gd name="T58" fmla="*/ 79 w 902"/>
                  <a:gd name="T59" fmla="*/ 2 h 621"/>
                  <a:gd name="T60" fmla="*/ 67 w 902"/>
                  <a:gd name="T61" fmla="*/ 1 h 621"/>
                  <a:gd name="T62" fmla="*/ 51 w 902"/>
                  <a:gd name="T63" fmla="*/ 4 h 621"/>
                  <a:gd name="T64" fmla="*/ 48 w 902"/>
                  <a:gd name="T65" fmla="*/ 13 h 621"/>
                  <a:gd name="T66" fmla="*/ 65 w 902"/>
                  <a:gd name="T67" fmla="*/ 38 h 621"/>
                  <a:gd name="T68" fmla="*/ 78 w 902"/>
                  <a:gd name="T69" fmla="*/ 60 h 621"/>
                  <a:gd name="T70" fmla="*/ 77 w 902"/>
                  <a:gd name="T71" fmla="*/ 68 h 621"/>
                  <a:gd name="T72" fmla="*/ 71 w 902"/>
                  <a:gd name="T73" fmla="*/ 76 h 621"/>
                  <a:gd name="T74" fmla="*/ 59 w 902"/>
                  <a:gd name="T75" fmla="*/ 81 h 621"/>
                  <a:gd name="T76" fmla="*/ 47 w 902"/>
                  <a:gd name="T77" fmla="*/ 78 h 621"/>
                  <a:gd name="T78" fmla="*/ 38 w 902"/>
                  <a:gd name="T79" fmla="*/ 80 h 621"/>
                  <a:gd name="T80" fmla="*/ 21 w 902"/>
                  <a:gd name="T81" fmla="*/ 89 h 621"/>
                  <a:gd name="T82" fmla="*/ 12 w 902"/>
                  <a:gd name="T83" fmla="*/ 94 h 621"/>
                  <a:gd name="T84" fmla="*/ 8 w 902"/>
                  <a:gd name="T85" fmla="*/ 89 h 621"/>
                  <a:gd name="T86" fmla="*/ 3 w 902"/>
                  <a:gd name="T87" fmla="*/ 84 h 621"/>
                  <a:gd name="T88" fmla="*/ 0 w 902"/>
                  <a:gd name="T89" fmla="*/ 86 h 621"/>
                  <a:gd name="T90" fmla="*/ 11 w 902"/>
                  <a:gd name="T91" fmla="*/ 101 h 621"/>
                  <a:gd name="T92" fmla="*/ 29 w 902"/>
                  <a:gd name="T93" fmla="*/ 116 h 621"/>
                  <a:gd name="T94" fmla="*/ 64 w 902"/>
                  <a:gd name="T95" fmla="*/ 139 h 621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0" t="0" r="r" b="b"/>
                <a:pathLst>
                  <a:path w="902" h="621">
                    <a:moveTo>
                      <a:pt x="218" y="438"/>
                    </a:moveTo>
                    <a:lnTo>
                      <a:pt x="224" y="443"/>
                    </a:lnTo>
                    <a:lnTo>
                      <a:pt x="231" y="447"/>
                    </a:lnTo>
                    <a:lnTo>
                      <a:pt x="237" y="449"/>
                    </a:lnTo>
                    <a:lnTo>
                      <a:pt x="242" y="452"/>
                    </a:lnTo>
                    <a:lnTo>
                      <a:pt x="247" y="453"/>
                    </a:lnTo>
                    <a:lnTo>
                      <a:pt x="252" y="453"/>
                    </a:lnTo>
                    <a:lnTo>
                      <a:pt x="256" y="452"/>
                    </a:lnTo>
                    <a:lnTo>
                      <a:pt x="260" y="449"/>
                    </a:lnTo>
                    <a:lnTo>
                      <a:pt x="264" y="446"/>
                    </a:lnTo>
                    <a:lnTo>
                      <a:pt x="267" y="443"/>
                    </a:lnTo>
                    <a:lnTo>
                      <a:pt x="271" y="439"/>
                    </a:lnTo>
                    <a:lnTo>
                      <a:pt x="275" y="435"/>
                    </a:lnTo>
                    <a:lnTo>
                      <a:pt x="281" y="425"/>
                    </a:lnTo>
                    <a:lnTo>
                      <a:pt x="286" y="414"/>
                    </a:lnTo>
                    <a:lnTo>
                      <a:pt x="293" y="402"/>
                    </a:lnTo>
                    <a:lnTo>
                      <a:pt x="300" y="390"/>
                    </a:lnTo>
                    <a:lnTo>
                      <a:pt x="307" y="380"/>
                    </a:lnTo>
                    <a:lnTo>
                      <a:pt x="317" y="370"/>
                    </a:lnTo>
                    <a:lnTo>
                      <a:pt x="321" y="367"/>
                    </a:lnTo>
                    <a:lnTo>
                      <a:pt x="326" y="363"/>
                    </a:lnTo>
                    <a:lnTo>
                      <a:pt x="333" y="361"/>
                    </a:lnTo>
                    <a:lnTo>
                      <a:pt x="338" y="359"/>
                    </a:lnTo>
                    <a:lnTo>
                      <a:pt x="345" y="358"/>
                    </a:lnTo>
                    <a:lnTo>
                      <a:pt x="352" y="357"/>
                    </a:lnTo>
                    <a:lnTo>
                      <a:pt x="360" y="358"/>
                    </a:lnTo>
                    <a:lnTo>
                      <a:pt x="368" y="359"/>
                    </a:lnTo>
                    <a:lnTo>
                      <a:pt x="377" y="370"/>
                    </a:lnTo>
                    <a:lnTo>
                      <a:pt x="385" y="381"/>
                    </a:lnTo>
                    <a:lnTo>
                      <a:pt x="394" y="390"/>
                    </a:lnTo>
                    <a:lnTo>
                      <a:pt x="403" y="398"/>
                    </a:lnTo>
                    <a:lnTo>
                      <a:pt x="421" y="413"/>
                    </a:lnTo>
                    <a:lnTo>
                      <a:pt x="441" y="425"/>
                    </a:lnTo>
                    <a:lnTo>
                      <a:pt x="462" y="438"/>
                    </a:lnTo>
                    <a:lnTo>
                      <a:pt x="484" y="450"/>
                    </a:lnTo>
                    <a:lnTo>
                      <a:pt x="507" y="466"/>
                    </a:lnTo>
                    <a:lnTo>
                      <a:pt x="533" y="485"/>
                    </a:lnTo>
                    <a:lnTo>
                      <a:pt x="550" y="500"/>
                    </a:lnTo>
                    <a:lnTo>
                      <a:pt x="564" y="516"/>
                    </a:lnTo>
                    <a:lnTo>
                      <a:pt x="578" y="532"/>
                    </a:lnTo>
                    <a:lnTo>
                      <a:pt x="592" y="548"/>
                    </a:lnTo>
                    <a:lnTo>
                      <a:pt x="604" y="564"/>
                    </a:lnTo>
                    <a:lnTo>
                      <a:pt x="617" y="579"/>
                    </a:lnTo>
                    <a:lnTo>
                      <a:pt x="629" y="592"/>
                    </a:lnTo>
                    <a:lnTo>
                      <a:pt x="640" y="602"/>
                    </a:lnTo>
                    <a:lnTo>
                      <a:pt x="652" y="609"/>
                    </a:lnTo>
                    <a:lnTo>
                      <a:pt x="663" y="616"/>
                    </a:lnTo>
                    <a:lnTo>
                      <a:pt x="675" y="619"/>
                    </a:lnTo>
                    <a:lnTo>
                      <a:pt x="687" y="621"/>
                    </a:lnTo>
                    <a:lnTo>
                      <a:pt x="698" y="621"/>
                    </a:lnTo>
                    <a:lnTo>
                      <a:pt x="710" y="620"/>
                    </a:lnTo>
                    <a:lnTo>
                      <a:pt x="721" y="618"/>
                    </a:lnTo>
                    <a:lnTo>
                      <a:pt x="732" y="616"/>
                    </a:lnTo>
                    <a:lnTo>
                      <a:pt x="756" y="609"/>
                    </a:lnTo>
                    <a:lnTo>
                      <a:pt x="780" y="606"/>
                    </a:lnTo>
                    <a:lnTo>
                      <a:pt x="793" y="605"/>
                    </a:lnTo>
                    <a:lnTo>
                      <a:pt x="807" y="605"/>
                    </a:lnTo>
                    <a:lnTo>
                      <a:pt x="820" y="607"/>
                    </a:lnTo>
                    <a:lnTo>
                      <a:pt x="834" y="612"/>
                    </a:lnTo>
                    <a:lnTo>
                      <a:pt x="849" y="578"/>
                    </a:lnTo>
                    <a:lnTo>
                      <a:pt x="861" y="546"/>
                    </a:lnTo>
                    <a:lnTo>
                      <a:pt x="873" y="516"/>
                    </a:lnTo>
                    <a:lnTo>
                      <a:pt x="882" y="486"/>
                    </a:lnTo>
                    <a:lnTo>
                      <a:pt x="891" y="456"/>
                    </a:lnTo>
                    <a:lnTo>
                      <a:pt x="896" y="425"/>
                    </a:lnTo>
                    <a:lnTo>
                      <a:pt x="898" y="409"/>
                    </a:lnTo>
                    <a:lnTo>
                      <a:pt x="900" y="394"/>
                    </a:lnTo>
                    <a:lnTo>
                      <a:pt x="901" y="377"/>
                    </a:lnTo>
                    <a:lnTo>
                      <a:pt x="902" y="359"/>
                    </a:lnTo>
                    <a:lnTo>
                      <a:pt x="893" y="358"/>
                    </a:lnTo>
                    <a:lnTo>
                      <a:pt x="886" y="359"/>
                    </a:lnTo>
                    <a:lnTo>
                      <a:pt x="879" y="360"/>
                    </a:lnTo>
                    <a:lnTo>
                      <a:pt x="874" y="363"/>
                    </a:lnTo>
                    <a:lnTo>
                      <a:pt x="870" y="366"/>
                    </a:lnTo>
                    <a:lnTo>
                      <a:pt x="867" y="372"/>
                    </a:lnTo>
                    <a:lnTo>
                      <a:pt x="863" y="376"/>
                    </a:lnTo>
                    <a:lnTo>
                      <a:pt x="861" y="381"/>
                    </a:lnTo>
                    <a:lnTo>
                      <a:pt x="855" y="392"/>
                    </a:lnTo>
                    <a:lnTo>
                      <a:pt x="849" y="401"/>
                    </a:lnTo>
                    <a:lnTo>
                      <a:pt x="844" y="404"/>
                    </a:lnTo>
                    <a:lnTo>
                      <a:pt x="839" y="406"/>
                    </a:lnTo>
                    <a:lnTo>
                      <a:pt x="832" y="408"/>
                    </a:lnTo>
                    <a:lnTo>
                      <a:pt x="824" y="407"/>
                    </a:lnTo>
                    <a:lnTo>
                      <a:pt x="820" y="381"/>
                    </a:lnTo>
                    <a:lnTo>
                      <a:pt x="815" y="354"/>
                    </a:lnTo>
                    <a:lnTo>
                      <a:pt x="812" y="341"/>
                    </a:lnTo>
                    <a:lnTo>
                      <a:pt x="808" y="329"/>
                    </a:lnTo>
                    <a:lnTo>
                      <a:pt x="805" y="324"/>
                    </a:lnTo>
                    <a:lnTo>
                      <a:pt x="802" y="320"/>
                    </a:lnTo>
                    <a:lnTo>
                      <a:pt x="799" y="315"/>
                    </a:lnTo>
                    <a:lnTo>
                      <a:pt x="795" y="310"/>
                    </a:lnTo>
                    <a:lnTo>
                      <a:pt x="767" y="313"/>
                    </a:lnTo>
                    <a:lnTo>
                      <a:pt x="739" y="313"/>
                    </a:lnTo>
                    <a:lnTo>
                      <a:pt x="713" y="311"/>
                    </a:lnTo>
                    <a:lnTo>
                      <a:pt x="690" y="308"/>
                    </a:lnTo>
                    <a:lnTo>
                      <a:pt x="666" y="305"/>
                    </a:lnTo>
                    <a:lnTo>
                      <a:pt x="645" y="300"/>
                    </a:lnTo>
                    <a:lnTo>
                      <a:pt x="625" y="295"/>
                    </a:lnTo>
                    <a:lnTo>
                      <a:pt x="606" y="287"/>
                    </a:lnTo>
                    <a:lnTo>
                      <a:pt x="589" y="280"/>
                    </a:lnTo>
                    <a:lnTo>
                      <a:pt x="572" y="271"/>
                    </a:lnTo>
                    <a:lnTo>
                      <a:pt x="556" y="263"/>
                    </a:lnTo>
                    <a:lnTo>
                      <a:pt x="540" y="253"/>
                    </a:lnTo>
                    <a:lnTo>
                      <a:pt x="525" y="242"/>
                    </a:lnTo>
                    <a:lnTo>
                      <a:pt x="512" y="231"/>
                    </a:lnTo>
                    <a:lnTo>
                      <a:pt x="498" y="220"/>
                    </a:lnTo>
                    <a:lnTo>
                      <a:pt x="484" y="208"/>
                    </a:lnTo>
                    <a:lnTo>
                      <a:pt x="433" y="159"/>
                    </a:lnTo>
                    <a:lnTo>
                      <a:pt x="378" y="109"/>
                    </a:lnTo>
                    <a:lnTo>
                      <a:pt x="362" y="98"/>
                    </a:lnTo>
                    <a:lnTo>
                      <a:pt x="346" y="86"/>
                    </a:lnTo>
                    <a:lnTo>
                      <a:pt x="331" y="76"/>
                    </a:lnTo>
                    <a:lnTo>
                      <a:pt x="313" y="65"/>
                    </a:lnTo>
                    <a:lnTo>
                      <a:pt x="295" y="55"/>
                    </a:lnTo>
                    <a:lnTo>
                      <a:pt x="275" y="46"/>
                    </a:lnTo>
                    <a:lnTo>
                      <a:pt x="255" y="37"/>
                    </a:lnTo>
                    <a:lnTo>
                      <a:pt x="233" y="29"/>
                    </a:lnTo>
                    <a:lnTo>
                      <a:pt x="233" y="20"/>
                    </a:lnTo>
                    <a:lnTo>
                      <a:pt x="235" y="12"/>
                    </a:lnTo>
                    <a:lnTo>
                      <a:pt x="238" y="6"/>
                    </a:lnTo>
                    <a:lnTo>
                      <a:pt x="242" y="0"/>
                    </a:lnTo>
                    <a:lnTo>
                      <a:pt x="226" y="0"/>
                    </a:lnTo>
                    <a:lnTo>
                      <a:pt x="214" y="1"/>
                    </a:lnTo>
                    <a:lnTo>
                      <a:pt x="201" y="3"/>
                    </a:lnTo>
                    <a:lnTo>
                      <a:pt x="189" y="6"/>
                    </a:lnTo>
                    <a:lnTo>
                      <a:pt x="178" y="8"/>
                    </a:lnTo>
                    <a:lnTo>
                      <a:pt x="165" y="10"/>
                    </a:lnTo>
                    <a:lnTo>
                      <a:pt x="152" y="11"/>
                    </a:lnTo>
                    <a:lnTo>
                      <a:pt x="136" y="10"/>
                    </a:lnTo>
                    <a:lnTo>
                      <a:pt x="138" y="20"/>
                    </a:lnTo>
                    <a:lnTo>
                      <a:pt x="141" y="28"/>
                    </a:lnTo>
                    <a:lnTo>
                      <a:pt x="145" y="38"/>
                    </a:lnTo>
                    <a:lnTo>
                      <a:pt x="149" y="47"/>
                    </a:lnTo>
                    <a:lnTo>
                      <a:pt x="160" y="65"/>
                    </a:lnTo>
                    <a:lnTo>
                      <a:pt x="172" y="82"/>
                    </a:lnTo>
                    <a:lnTo>
                      <a:pt x="195" y="115"/>
                    </a:lnTo>
                    <a:lnTo>
                      <a:pt x="216" y="144"/>
                    </a:lnTo>
                    <a:lnTo>
                      <a:pt x="224" y="159"/>
                    </a:lnTo>
                    <a:lnTo>
                      <a:pt x="231" y="172"/>
                    </a:lnTo>
                    <a:lnTo>
                      <a:pt x="233" y="179"/>
                    </a:lnTo>
                    <a:lnTo>
                      <a:pt x="234" y="185"/>
                    </a:lnTo>
                    <a:lnTo>
                      <a:pt x="234" y="191"/>
                    </a:lnTo>
                    <a:lnTo>
                      <a:pt x="233" y="198"/>
                    </a:lnTo>
                    <a:lnTo>
                      <a:pt x="231" y="204"/>
                    </a:lnTo>
                    <a:lnTo>
                      <a:pt x="228" y="209"/>
                    </a:lnTo>
                    <a:lnTo>
                      <a:pt x="224" y="216"/>
                    </a:lnTo>
                    <a:lnTo>
                      <a:pt x="219" y="221"/>
                    </a:lnTo>
                    <a:lnTo>
                      <a:pt x="213" y="227"/>
                    </a:lnTo>
                    <a:lnTo>
                      <a:pt x="204" y="233"/>
                    </a:lnTo>
                    <a:lnTo>
                      <a:pt x="195" y="238"/>
                    </a:lnTo>
                    <a:lnTo>
                      <a:pt x="184" y="243"/>
                    </a:lnTo>
                    <a:lnTo>
                      <a:pt x="177" y="242"/>
                    </a:lnTo>
                    <a:lnTo>
                      <a:pt x="164" y="238"/>
                    </a:lnTo>
                    <a:lnTo>
                      <a:pt x="157" y="236"/>
                    </a:lnTo>
                    <a:lnTo>
                      <a:pt x="149" y="234"/>
                    </a:lnTo>
                    <a:lnTo>
                      <a:pt x="142" y="234"/>
                    </a:lnTo>
                    <a:lnTo>
                      <a:pt x="136" y="234"/>
                    </a:lnTo>
                    <a:lnTo>
                      <a:pt x="128" y="235"/>
                    </a:lnTo>
                    <a:lnTo>
                      <a:pt x="121" y="237"/>
                    </a:lnTo>
                    <a:lnTo>
                      <a:pt x="114" y="239"/>
                    </a:lnTo>
                    <a:lnTo>
                      <a:pt x="106" y="243"/>
                    </a:lnTo>
                    <a:lnTo>
                      <a:pt x="92" y="250"/>
                    </a:lnTo>
                    <a:lnTo>
                      <a:pt x="77" y="259"/>
                    </a:lnTo>
                    <a:lnTo>
                      <a:pt x="64" y="267"/>
                    </a:lnTo>
                    <a:lnTo>
                      <a:pt x="53" y="275"/>
                    </a:lnTo>
                    <a:lnTo>
                      <a:pt x="44" y="280"/>
                    </a:lnTo>
                    <a:lnTo>
                      <a:pt x="38" y="282"/>
                    </a:lnTo>
                    <a:lnTo>
                      <a:pt x="36" y="281"/>
                    </a:lnTo>
                    <a:lnTo>
                      <a:pt x="34" y="280"/>
                    </a:lnTo>
                    <a:lnTo>
                      <a:pt x="32" y="277"/>
                    </a:lnTo>
                    <a:lnTo>
                      <a:pt x="28" y="274"/>
                    </a:lnTo>
                    <a:lnTo>
                      <a:pt x="23" y="267"/>
                    </a:lnTo>
                    <a:lnTo>
                      <a:pt x="18" y="260"/>
                    </a:lnTo>
                    <a:lnTo>
                      <a:pt x="15" y="257"/>
                    </a:lnTo>
                    <a:lnTo>
                      <a:pt x="13" y="254"/>
                    </a:lnTo>
                    <a:lnTo>
                      <a:pt x="9" y="253"/>
                    </a:lnTo>
                    <a:lnTo>
                      <a:pt x="7" y="251"/>
                    </a:lnTo>
                    <a:lnTo>
                      <a:pt x="5" y="251"/>
                    </a:lnTo>
                    <a:lnTo>
                      <a:pt x="3" y="254"/>
                    </a:lnTo>
                    <a:lnTo>
                      <a:pt x="1" y="257"/>
                    </a:lnTo>
                    <a:lnTo>
                      <a:pt x="0" y="262"/>
                    </a:lnTo>
                    <a:lnTo>
                      <a:pt x="9" y="277"/>
                    </a:lnTo>
                    <a:lnTo>
                      <a:pt x="20" y="289"/>
                    </a:lnTo>
                    <a:lnTo>
                      <a:pt x="32" y="302"/>
                    </a:lnTo>
                    <a:lnTo>
                      <a:pt x="44" y="315"/>
                    </a:lnTo>
                    <a:lnTo>
                      <a:pt x="58" y="325"/>
                    </a:lnTo>
                    <a:lnTo>
                      <a:pt x="72" y="337"/>
                    </a:lnTo>
                    <a:lnTo>
                      <a:pt x="86" y="347"/>
                    </a:lnTo>
                    <a:lnTo>
                      <a:pt x="101" y="357"/>
                    </a:lnTo>
                    <a:lnTo>
                      <a:pt x="132" y="377"/>
                    </a:lnTo>
                    <a:lnTo>
                      <a:pt x="162" y="397"/>
                    </a:lnTo>
                    <a:lnTo>
                      <a:pt x="191" y="417"/>
                    </a:lnTo>
                    <a:lnTo>
                      <a:pt x="218" y="438"/>
                    </a:ln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63" name="Aalborg"/>
              <p:cNvSpPr>
                <a:spLocks/>
              </p:cNvSpPr>
              <p:nvPr/>
            </p:nvSpPr>
            <p:spPr bwMode="auto">
              <a:xfrm>
                <a:off x="1539875" y="3095625"/>
                <a:ext cx="688975" cy="365125"/>
              </a:xfrm>
              <a:custGeom>
                <a:avLst/>
                <a:gdLst>
                  <a:gd name="T0" fmla="*/ 232 w 1300"/>
                  <a:gd name="T1" fmla="*/ 16 h 691"/>
                  <a:gd name="T2" fmla="*/ 217 w 1300"/>
                  <a:gd name="T3" fmla="*/ 30 h 691"/>
                  <a:gd name="T4" fmla="*/ 196 w 1300"/>
                  <a:gd name="T5" fmla="*/ 27 h 691"/>
                  <a:gd name="T6" fmla="*/ 164 w 1300"/>
                  <a:gd name="T7" fmla="*/ 29 h 691"/>
                  <a:gd name="T8" fmla="*/ 134 w 1300"/>
                  <a:gd name="T9" fmla="*/ 40 h 691"/>
                  <a:gd name="T10" fmla="*/ 123 w 1300"/>
                  <a:gd name="T11" fmla="*/ 71 h 691"/>
                  <a:gd name="T12" fmla="*/ 105 w 1300"/>
                  <a:gd name="T13" fmla="*/ 95 h 691"/>
                  <a:gd name="T14" fmla="*/ 87 w 1300"/>
                  <a:gd name="T15" fmla="*/ 105 h 691"/>
                  <a:gd name="T16" fmla="*/ 85 w 1300"/>
                  <a:gd name="T17" fmla="*/ 123 h 691"/>
                  <a:gd name="T18" fmla="*/ 76 w 1300"/>
                  <a:gd name="T19" fmla="*/ 128 h 691"/>
                  <a:gd name="T20" fmla="*/ 69 w 1300"/>
                  <a:gd name="T21" fmla="*/ 107 h 691"/>
                  <a:gd name="T22" fmla="*/ 79 w 1300"/>
                  <a:gd name="T23" fmla="*/ 109 h 691"/>
                  <a:gd name="T24" fmla="*/ 84 w 1300"/>
                  <a:gd name="T25" fmla="*/ 84 h 691"/>
                  <a:gd name="T26" fmla="*/ 75 w 1300"/>
                  <a:gd name="T27" fmla="*/ 70 h 691"/>
                  <a:gd name="T28" fmla="*/ 42 w 1300"/>
                  <a:gd name="T29" fmla="*/ 59 h 691"/>
                  <a:gd name="T30" fmla="*/ 6 w 1300"/>
                  <a:gd name="T31" fmla="*/ 58 h 691"/>
                  <a:gd name="T32" fmla="*/ 6 w 1300"/>
                  <a:gd name="T33" fmla="*/ 107 h 691"/>
                  <a:gd name="T34" fmla="*/ 17 w 1300"/>
                  <a:gd name="T35" fmla="*/ 135 h 691"/>
                  <a:gd name="T36" fmla="*/ 38 w 1300"/>
                  <a:gd name="T37" fmla="*/ 129 h 691"/>
                  <a:gd name="T38" fmla="*/ 54 w 1300"/>
                  <a:gd name="T39" fmla="*/ 130 h 691"/>
                  <a:gd name="T40" fmla="*/ 57 w 1300"/>
                  <a:gd name="T41" fmla="*/ 158 h 691"/>
                  <a:gd name="T42" fmla="*/ 60 w 1300"/>
                  <a:gd name="T43" fmla="*/ 172 h 691"/>
                  <a:gd name="T44" fmla="*/ 74 w 1300"/>
                  <a:gd name="T45" fmla="*/ 170 h 691"/>
                  <a:gd name="T46" fmla="*/ 84 w 1300"/>
                  <a:gd name="T47" fmla="*/ 163 h 691"/>
                  <a:gd name="T48" fmla="*/ 96 w 1300"/>
                  <a:gd name="T49" fmla="*/ 152 h 691"/>
                  <a:gd name="T50" fmla="*/ 117 w 1300"/>
                  <a:gd name="T51" fmla="*/ 137 h 691"/>
                  <a:gd name="T52" fmla="*/ 144 w 1300"/>
                  <a:gd name="T53" fmla="*/ 133 h 691"/>
                  <a:gd name="T54" fmla="*/ 148 w 1300"/>
                  <a:gd name="T55" fmla="*/ 125 h 691"/>
                  <a:gd name="T56" fmla="*/ 147 w 1300"/>
                  <a:gd name="T57" fmla="*/ 106 h 691"/>
                  <a:gd name="T58" fmla="*/ 158 w 1300"/>
                  <a:gd name="T59" fmla="*/ 95 h 691"/>
                  <a:gd name="T60" fmla="*/ 172 w 1300"/>
                  <a:gd name="T61" fmla="*/ 94 h 691"/>
                  <a:gd name="T62" fmla="*/ 198 w 1300"/>
                  <a:gd name="T63" fmla="*/ 106 h 691"/>
                  <a:gd name="T64" fmla="*/ 212 w 1300"/>
                  <a:gd name="T65" fmla="*/ 119 h 691"/>
                  <a:gd name="T66" fmla="*/ 213 w 1300"/>
                  <a:gd name="T67" fmla="*/ 133 h 691"/>
                  <a:gd name="T68" fmla="*/ 219 w 1300"/>
                  <a:gd name="T69" fmla="*/ 153 h 691"/>
                  <a:gd name="T70" fmla="*/ 244 w 1300"/>
                  <a:gd name="T71" fmla="*/ 162 h 691"/>
                  <a:gd name="T72" fmla="*/ 276 w 1300"/>
                  <a:gd name="T73" fmla="*/ 151 h 691"/>
                  <a:gd name="T74" fmla="*/ 316 w 1300"/>
                  <a:gd name="T75" fmla="*/ 144 h 691"/>
                  <a:gd name="T76" fmla="*/ 328 w 1300"/>
                  <a:gd name="T77" fmla="*/ 166 h 691"/>
                  <a:gd name="T78" fmla="*/ 372 w 1300"/>
                  <a:gd name="T79" fmla="*/ 186 h 691"/>
                  <a:gd name="T80" fmla="*/ 373 w 1300"/>
                  <a:gd name="T81" fmla="*/ 209 h 691"/>
                  <a:gd name="T82" fmla="*/ 385 w 1300"/>
                  <a:gd name="T83" fmla="*/ 226 h 691"/>
                  <a:gd name="T84" fmla="*/ 397 w 1300"/>
                  <a:gd name="T85" fmla="*/ 221 h 691"/>
                  <a:gd name="T86" fmla="*/ 389 w 1300"/>
                  <a:gd name="T87" fmla="*/ 210 h 691"/>
                  <a:gd name="T88" fmla="*/ 384 w 1300"/>
                  <a:gd name="T89" fmla="*/ 198 h 691"/>
                  <a:gd name="T90" fmla="*/ 399 w 1300"/>
                  <a:gd name="T91" fmla="*/ 186 h 691"/>
                  <a:gd name="T92" fmla="*/ 406 w 1300"/>
                  <a:gd name="T93" fmla="*/ 191 h 691"/>
                  <a:gd name="T94" fmla="*/ 420 w 1300"/>
                  <a:gd name="T95" fmla="*/ 184 h 691"/>
                  <a:gd name="T96" fmla="*/ 419 w 1300"/>
                  <a:gd name="T97" fmla="*/ 148 h 691"/>
                  <a:gd name="T98" fmla="*/ 432 w 1300"/>
                  <a:gd name="T99" fmla="*/ 94 h 691"/>
                  <a:gd name="T100" fmla="*/ 417 w 1300"/>
                  <a:gd name="T101" fmla="*/ 82 h 691"/>
                  <a:gd name="T102" fmla="*/ 385 w 1300"/>
                  <a:gd name="T103" fmla="*/ 78 h 691"/>
                  <a:gd name="T104" fmla="*/ 359 w 1300"/>
                  <a:gd name="T105" fmla="*/ 64 h 691"/>
                  <a:gd name="T106" fmla="*/ 313 w 1300"/>
                  <a:gd name="T107" fmla="*/ 16 h 691"/>
                  <a:gd name="T108" fmla="*/ 282 w 1300"/>
                  <a:gd name="T109" fmla="*/ 4 h 691"/>
                  <a:gd name="T110" fmla="*/ 265 w 1300"/>
                  <a:gd name="T111" fmla="*/ 23 h 691"/>
                  <a:gd name="T112" fmla="*/ 246 w 1300"/>
                  <a:gd name="T113" fmla="*/ 19 h 691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1300" h="691">
                    <a:moveTo>
                      <a:pt x="728" y="51"/>
                    </a:moveTo>
                    <a:lnTo>
                      <a:pt x="720" y="47"/>
                    </a:lnTo>
                    <a:lnTo>
                      <a:pt x="714" y="44"/>
                    </a:lnTo>
                    <a:lnTo>
                      <a:pt x="708" y="44"/>
                    </a:lnTo>
                    <a:lnTo>
                      <a:pt x="701" y="46"/>
                    </a:lnTo>
                    <a:lnTo>
                      <a:pt x="695" y="48"/>
                    </a:lnTo>
                    <a:lnTo>
                      <a:pt x="690" y="52"/>
                    </a:lnTo>
                    <a:lnTo>
                      <a:pt x="684" y="56"/>
                    </a:lnTo>
                    <a:lnTo>
                      <a:pt x="679" y="61"/>
                    </a:lnTo>
                    <a:lnTo>
                      <a:pt x="668" y="73"/>
                    </a:lnTo>
                    <a:lnTo>
                      <a:pt x="656" y="83"/>
                    </a:lnTo>
                    <a:lnTo>
                      <a:pt x="651" y="89"/>
                    </a:lnTo>
                    <a:lnTo>
                      <a:pt x="644" y="93"/>
                    </a:lnTo>
                    <a:lnTo>
                      <a:pt x="638" y="97"/>
                    </a:lnTo>
                    <a:lnTo>
                      <a:pt x="631" y="99"/>
                    </a:lnTo>
                    <a:lnTo>
                      <a:pt x="617" y="91"/>
                    </a:lnTo>
                    <a:lnTo>
                      <a:pt x="602" y="84"/>
                    </a:lnTo>
                    <a:lnTo>
                      <a:pt x="588" y="80"/>
                    </a:lnTo>
                    <a:lnTo>
                      <a:pt x="572" y="78"/>
                    </a:lnTo>
                    <a:lnTo>
                      <a:pt x="556" y="77"/>
                    </a:lnTo>
                    <a:lnTo>
                      <a:pt x="539" y="77"/>
                    </a:lnTo>
                    <a:lnTo>
                      <a:pt x="523" y="78"/>
                    </a:lnTo>
                    <a:lnTo>
                      <a:pt x="507" y="81"/>
                    </a:lnTo>
                    <a:lnTo>
                      <a:pt x="491" y="86"/>
                    </a:lnTo>
                    <a:lnTo>
                      <a:pt x="474" y="90"/>
                    </a:lnTo>
                    <a:lnTo>
                      <a:pt x="458" y="95"/>
                    </a:lnTo>
                    <a:lnTo>
                      <a:pt x="443" y="101"/>
                    </a:lnTo>
                    <a:lnTo>
                      <a:pt x="429" y="108"/>
                    </a:lnTo>
                    <a:lnTo>
                      <a:pt x="414" y="114"/>
                    </a:lnTo>
                    <a:lnTo>
                      <a:pt x="401" y="121"/>
                    </a:lnTo>
                    <a:lnTo>
                      <a:pt x="389" y="129"/>
                    </a:lnTo>
                    <a:lnTo>
                      <a:pt x="386" y="147"/>
                    </a:lnTo>
                    <a:lnTo>
                      <a:pt x="384" y="163"/>
                    </a:lnTo>
                    <a:lnTo>
                      <a:pt x="380" y="180"/>
                    </a:lnTo>
                    <a:lnTo>
                      <a:pt x="375" y="197"/>
                    </a:lnTo>
                    <a:lnTo>
                      <a:pt x="369" y="212"/>
                    </a:lnTo>
                    <a:lnTo>
                      <a:pt x="362" y="227"/>
                    </a:lnTo>
                    <a:lnTo>
                      <a:pt x="354" y="239"/>
                    </a:lnTo>
                    <a:lnTo>
                      <a:pt x="345" y="252"/>
                    </a:lnTo>
                    <a:lnTo>
                      <a:pt x="336" y="263"/>
                    </a:lnTo>
                    <a:lnTo>
                      <a:pt x="326" y="274"/>
                    </a:lnTo>
                    <a:lnTo>
                      <a:pt x="316" y="284"/>
                    </a:lnTo>
                    <a:lnTo>
                      <a:pt x="305" y="292"/>
                    </a:lnTo>
                    <a:lnTo>
                      <a:pt x="295" y="299"/>
                    </a:lnTo>
                    <a:lnTo>
                      <a:pt x="284" y="306"/>
                    </a:lnTo>
                    <a:lnTo>
                      <a:pt x="273" y="310"/>
                    </a:lnTo>
                    <a:lnTo>
                      <a:pt x="262" y="313"/>
                    </a:lnTo>
                    <a:lnTo>
                      <a:pt x="260" y="316"/>
                    </a:lnTo>
                    <a:lnTo>
                      <a:pt x="259" y="321"/>
                    </a:lnTo>
                    <a:lnTo>
                      <a:pt x="258" y="326"/>
                    </a:lnTo>
                    <a:lnTo>
                      <a:pt x="257" y="331"/>
                    </a:lnTo>
                    <a:lnTo>
                      <a:pt x="257" y="344"/>
                    </a:lnTo>
                    <a:lnTo>
                      <a:pt x="256" y="357"/>
                    </a:lnTo>
                    <a:lnTo>
                      <a:pt x="255" y="371"/>
                    </a:lnTo>
                    <a:lnTo>
                      <a:pt x="254" y="385"/>
                    </a:lnTo>
                    <a:lnTo>
                      <a:pt x="252" y="392"/>
                    </a:lnTo>
                    <a:lnTo>
                      <a:pt x="250" y="398"/>
                    </a:lnTo>
                    <a:lnTo>
                      <a:pt x="246" y="405"/>
                    </a:lnTo>
                    <a:lnTo>
                      <a:pt x="242" y="410"/>
                    </a:lnTo>
                    <a:lnTo>
                      <a:pt x="227" y="385"/>
                    </a:lnTo>
                    <a:lnTo>
                      <a:pt x="212" y="356"/>
                    </a:lnTo>
                    <a:lnTo>
                      <a:pt x="209" y="349"/>
                    </a:lnTo>
                    <a:lnTo>
                      <a:pt x="206" y="342"/>
                    </a:lnTo>
                    <a:lnTo>
                      <a:pt x="206" y="335"/>
                    </a:lnTo>
                    <a:lnTo>
                      <a:pt x="206" y="328"/>
                    </a:lnTo>
                    <a:lnTo>
                      <a:pt x="207" y="321"/>
                    </a:lnTo>
                    <a:lnTo>
                      <a:pt x="212" y="315"/>
                    </a:lnTo>
                    <a:lnTo>
                      <a:pt x="216" y="309"/>
                    </a:lnTo>
                    <a:lnTo>
                      <a:pt x="223" y="304"/>
                    </a:lnTo>
                    <a:lnTo>
                      <a:pt x="227" y="312"/>
                    </a:lnTo>
                    <a:lnTo>
                      <a:pt x="232" y="319"/>
                    </a:lnTo>
                    <a:lnTo>
                      <a:pt x="237" y="327"/>
                    </a:lnTo>
                    <a:lnTo>
                      <a:pt x="242" y="332"/>
                    </a:lnTo>
                    <a:lnTo>
                      <a:pt x="244" y="311"/>
                    </a:lnTo>
                    <a:lnTo>
                      <a:pt x="245" y="286"/>
                    </a:lnTo>
                    <a:lnTo>
                      <a:pt x="247" y="272"/>
                    </a:lnTo>
                    <a:lnTo>
                      <a:pt x="250" y="259"/>
                    </a:lnTo>
                    <a:lnTo>
                      <a:pt x="252" y="253"/>
                    </a:lnTo>
                    <a:lnTo>
                      <a:pt x="255" y="247"/>
                    </a:lnTo>
                    <a:lnTo>
                      <a:pt x="258" y="240"/>
                    </a:lnTo>
                    <a:lnTo>
                      <a:pt x="262" y="235"/>
                    </a:lnTo>
                    <a:lnTo>
                      <a:pt x="251" y="227"/>
                    </a:lnTo>
                    <a:lnTo>
                      <a:pt x="239" y="218"/>
                    </a:lnTo>
                    <a:lnTo>
                      <a:pt x="225" y="211"/>
                    </a:lnTo>
                    <a:lnTo>
                      <a:pt x="211" y="203"/>
                    </a:lnTo>
                    <a:lnTo>
                      <a:pt x="195" y="196"/>
                    </a:lnTo>
                    <a:lnTo>
                      <a:pt x="179" y="191"/>
                    </a:lnTo>
                    <a:lnTo>
                      <a:pt x="162" y="186"/>
                    </a:lnTo>
                    <a:lnTo>
                      <a:pt x="144" y="181"/>
                    </a:lnTo>
                    <a:lnTo>
                      <a:pt x="126" y="177"/>
                    </a:lnTo>
                    <a:lnTo>
                      <a:pt x="108" y="174"/>
                    </a:lnTo>
                    <a:lnTo>
                      <a:pt x="90" y="173"/>
                    </a:lnTo>
                    <a:lnTo>
                      <a:pt x="72" y="172"/>
                    </a:lnTo>
                    <a:lnTo>
                      <a:pt x="53" y="171"/>
                    </a:lnTo>
                    <a:lnTo>
                      <a:pt x="35" y="172"/>
                    </a:lnTo>
                    <a:lnTo>
                      <a:pt x="17" y="174"/>
                    </a:lnTo>
                    <a:lnTo>
                      <a:pt x="0" y="177"/>
                    </a:lnTo>
                    <a:lnTo>
                      <a:pt x="2" y="211"/>
                    </a:lnTo>
                    <a:lnTo>
                      <a:pt x="5" y="243"/>
                    </a:lnTo>
                    <a:lnTo>
                      <a:pt x="8" y="276"/>
                    </a:lnTo>
                    <a:lnTo>
                      <a:pt x="14" y="307"/>
                    </a:lnTo>
                    <a:lnTo>
                      <a:pt x="17" y="322"/>
                    </a:lnTo>
                    <a:lnTo>
                      <a:pt x="20" y="337"/>
                    </a:lnTo>
                    <a:lnTo>
                      <a:pt x="24" y="352"/>
                    </a:lnTo>
                    <a:lnTo>
                      <a:pt x="30" y="366"/>
                    </a:lnTo>
                    <a:lnTo>
                      <a:pt x="36" y="380"/>
                    </a:lnTo>
                    <a:lnTo>
                      <a:pt x="42" y="394"/>
                    </a:lnTo>
                    <a:lnTo>
                      <a:pt x="50" y="407"/>
                    </a:lnTo>
                    <a:lnTo>
                      <a:pt x="58" y="419"/>
                    </a:lnTo>
                    <a:lnTo>
                      <a:pt x="73" y="410"/>
                    </a:lnTo>
                    <a:lnTo>
                      <a:pt x="87" y="400"/>
                    </a:lnTo>
                    <a:lnTo>
                      <a:pt x="96" y="396"/>
                    </a:lnTo>
                    <a:lnTo>
                      <a:pt x="104" y="393"/>
                    </a:lnTo>
                    <a:lnTo>
                      <a:pt x="113" y="389"/>
                    </a:lnTo>
                    <a:lnTo>
                      <a:pt x="121" y="387"/>
                    </a:lnTo>
                    <a:lnTo>
                      <a:pt x="130" y="385"/>
                    </a:lnTo>
                    <a:lnTo>
                      <a:pt x="138" y="385"/>
                    </a:lnTo>
                    <a:lnTo>
                      <a:pt x="145" y="385"/>
                    </a:lnTo>
                    <a:lnTo>
                      <a:pt x="154" y="387"/>
                    </a:lnTo>
                    <a:lnTo>
                      <a:pt x="162" y="390"/>
                    </a:lnTo>
                    <a:lnTo>
                      <a:pt x="170" y="395"/>
                    </a:lnTo>
                    <a:lnTo>
                      <a:pt x="177" y="401"/>
                    </a:lnTo>
                    <a:lnTo>
                      <a:pt x="184" y="410"/>
                    </a:lnTo>
                    <a:lnTo>
                      <a:pt x="176" y="441"/>
                    </a:lnTo>
                    <a:lnTo>
                      <a:pt x="171" y="470"/>
                    </a:lnTo>
                    <a:lnTo>
                      <a:pt x="171" y="476"/>
                    </a:lnTo>
                    <a:lnTo>
                      <a:pt x="171" y="483"/>
                    </a:lnTo>
                    <a:lnTo>
                      <a:pt x="171" y="490"/>
                    </a:lnTo>
                    <a:lnTo>
                      <a:pt x="172" y="496"/>
                    </a:lnTo>
                    <a:lnTo>
                      <a:pt x="174" y="504"/>
                    </a:lnTo>
                    <a:lnTo>
                      <a:pt x="177" y="511"/>
                    </a:lnTo>
                    <a:lnTo>
                      <a:pt x="180" y="518"/>
                    </a:lnTo>
                    <a:lnTo>
                      <a:pt x="184" y="527"/>
                    </a:lnTo>
                    <a:lnTo>
                      <a:pt x="193" y="527"/>
                    </a:lnTo>
                    <a:lnTo>
                      <a:pt x="200" y="525"/>
                    </a:lnTo>
                    <a:lnTo>
                      <a:pt x="206" y="523"/>
                    </a:lnTo>
                    <a:lnTo>
                      <a:pt x="212" y="519"/>
                    </a:lnTo>
                    <a:lnTo>
                      <a:pt x="221" y="511"/>
                    </a:lnTo>
                    <a:lnTo>
                      <a:pt x="229" y="503"/>
                    </a:lnTo>
                    <a:lnTo>
                      <a:pt x="233" y="498"/>
                    </a:lnTo>
                    <a:lnTo>
                      <a:pt x="237" y="495"/>
                    </a:lnTo>
                    <a:lnTo>
                      <a:pt x="241" y="492"/>
                    </a:lnTo>
                    <a:lnTo>
                      <a:pt x="245" y="490"/>
                    </a:lnTo>
                    <a:lnTo>
                      <a:pt x="251" y="490"/>
                    </a:lnTo>
                    <a:lnTo>
                      <a:pt x="257" y="491"/>
                    </a:lnTo>
                    <a:lnTo>
                      <a:pt x="263" y="493"/>
                    </a:lnTo>
                    <a:lnTo>
                      <a:pt x="272" y="497"/>
                    </a:lnTo>
                    <a:lnTo>
                      <a:pt x="276" y="483"/>
                    </a:lnTo>
                    <a:lnTo>
                      <a:pt x="282" y="470"/>
                    </a:lnTo>
                    <a:lnTo>
                      <a:pt x="289" y="458"/>
                    </a:lnTo>
                    <a:lnTo>
                      <a:pt x="297" y="448"/>
                    </a:lnTo>
                    <a:lnTo>
                      <a:pt x="305" y="438"/>
                    </a:lnTo>
                    <a:lnTo>
                      <a:pt x="315" y="430"/>
                    </a:lnTo>
                    <a:lnTo>
                      <a:pt x="325" y="424"/>
                    </a:lnTo>
                    <a:lnTo>
                      <a:pt x="336" y="417"/>
                    </a:lnTo>
                    <a:lnTo>
                      <a:pt x="349" y="413"/>
                    </a:lnTo>
                    <a:lnTo>
                      <a:pt x="360" y="409"/>
                    </a:lnTo>
                    <a:lnTo>
                      <a:pt x="374" y="406"/>
                    </a:lnTo>
                    <a:lnTo>
                      <a:pt x="388" y="404"/>
                    </a:lnTo>
                    <a:lnTo>
                      <a:pt x="401" y="401"/>
                    </a:lnTo>
                    <a:lnTo>
                      <a:pt x="416" y="400"/>
                    </a:lnTo>
                    <a:lnTo>
                      <a:pt x="431" y="400"/>
                    </a:lnTo>
                    <a:lnTo>
                      <a:pt x="447" y="400"/>
                    </a:lnTo>
                    <a:lnTo>
                      <a:pt x="445" y="398"/>
                    </a:lnTo>
                    <a:lnTo>
                      <a:pt x="444" y="396"/>
                    </a:lnTo>
                    <a:lnTo>
                      <a:pt x="443" y="392"/>
                    </a:lnTo>
                    <a:lnTo>
                      <a:pt x="443" y="388"/>
                    </a:lnTo>
                    <a:lnTo>
                      <a:pt x="444" y="376"/>
                    </a:lnTo>
                    <a:lnTo>
                      <a:pt x="445" y="362"/>
                    </a:lnTo>
                    <a:lnTo>
                      <a:pt x="445" y="349"/>
                    </a:lnTo>
                    <a:lnTo>
                      <a:pt x="444" y="335"/>
                    </a:lnTo>
                    <a:lnTo>
                      <a:pt x="443" y="329"/>
                    </a:lnTo>
                    <a:lnTo>
                      <a:pt x="442" y="322"/>
                    </a:lnTo>
                    <a:lnTo>
                      <a:pt x="440" y="317"/>
                    </a:lnTo>
                    <a:lnTo>
                      <a:pt x="437" y="313"/>
                    </a:lnTo>
                    <a:lnTo>
                      <a:pt x="445" y="308"/>
                    </a:lnTo>
                    <a:lnTo>
                      <a:pt x="453" y="302"/>
                    </a:lnTo>
                    <a:lnTo>
                      <a:pt x="459" y="296"/>
                    </a:lnTo>
                    <a:lnTo>
                      <a:pt x="467" y="290"/>
                    </a:lnTo>
                    <a:lnTo>
                      <a:pt x="474" y="284"/>
                    </a:lnTo>
                    <a:lnTo>
                      <a:pt x="482" y="278"/>
                    </a:lnTo>
                    <a:lnTo>
                      <a:pt x="488" y="277"/>
                    </a:lnTo>
                    <a:lnTo>
                      <a:pt x="493" y="275"/>
                    </a:lnTo>
                    <a:lnTo>
                      <a:pt x="498" y="274"/>
                    </a:lnTo>
                    <a:lnTo>
                      <a:pt x="504" y="274"/>
                    </a:lnTo>
                    <a:lnTo>
                      <a:pt x="516" y="281"/>
                    </a:lnTo>
                    <a:lnTo>
                      <a:pt x="528" y="288"/>
                    </a:lnTo>
                    <a:lnTo>
                      <a:pt x="540" y="294"/>
                    </a:lnTo>
                    <a:lnTo>
                      <a:pt x="554" y="299"/>
                    </a:lnTo>
                    <a:lnTo>
                      <a:pt x="567" y="306"/>
                    </a:lnTo>
                    <a:lnTo>
                      <a:pt x="580" y="312"/>
                    </a:lnTo>
                    <a:lnTo>
                      <a:pt x="593" y="319"/>
                    </a:lnTo>
                    <a:lnTo>
                      <a:pt x="604" y="327"/>
                    </a:lnTo>
                    <a:lnTo>
                      <a:pt x="615" y="334"/>
                    </a:lnTo>
                    <a:lnTo>
                      <a:pt x="624" y="344"/>
                    </a:lnTo>
                    <a:lnTo>
                      <a:pt x="629" y="349"/>
                    </a:lnTo>
                    <a:lnTo>
                      <a:pt x="632" y="354"/>
                    </a:lnTo>
                    <a:lnTo>
                      <a:pt x="635" y="359"/>
                    </a:lnTo>
                    <a:lnTo>
                      <a:pt x="637" y="366"/>
                    </a:lnTo>
                    <a:lnTo>
                      <a:pt x="639" y="372"/>
                    </a:lnTo>
                    <a:lnTo>
                      <a:pt x="640" y="378"/>
                    </a:lnTo>
                    <a:lnTo>
                      <a:pt x="640" y="386"/>
                    </a:lnTo>
                    <a:lnTo>
                      <a:pt x="640" y="394"/>
                    </a:lnTo>
                    <a:lnTo>
                      <a:pt x="639" y="401"/>
                    </a:lnTo>
                    <a:lnTo>
                      <a:pt x="637" y="411"/>
                    </a:lnTo>
                    <a:lnTo>
                      <a:pt x="635" y="419"/>
                    </a:lnTo>
                    <a:lnTo>
                      <a:pt x="631" y="430"/>
                    </a:lnTo>
                    <a:lnTo>
                      <a:pt x="639" y="440"/>
                    </a:lnTo>
                    <a:lnTo>
                      <a:pt x="648" y="451"/>
                    </a:lnTo>
                    <a:lnTo>
                      <a:pt x="657" y="461"/>
                    </a:lnTo>
                    <a:lnTo>
                      <a:pt x="668" y="471"/>
                    </a:lnTo>
                    <a:lnTo>
                      <a:pt x="678" y="479"/>
                    </a:lnTo>
                    <a:lnTo>
                      <a:pt x="691" y="486"/>
                    </a:lnTo>
                    <a:lnTo>
                      <a:pt x="703" y="492"/>
                    </a:lnTo>
                    <a:lnTo>
                      <a:pt x="718" y="497"/>
                    </a:lnTo>
                    <a:lnTo>
                      <a:pt x="732" y="488"/>
                    </a:lnTo>
                    <a:lnTo>
                      <a:pt x="747" y="480"/>
                    </a:lnTo>
                    <a:lnTo>
                      <a:pt x="761" y="473"/>
                    </a:lnTo>
                    <a:lnTo>
                      <a:pt x="777" y="468"/>
                    </a:lnTo>
                    <a:lnTo>
                      <a:pt x="793" y="463"/>
                    </a:lnTo>
                    <a:lnTo>
                      <a:pt x="809" y="459"/>
                    </a:lnTo>
                    <a:lnTo>
                      <a:pt x="826" y="455"/>
                    </a:lnTo>
                    <a:lnTo>
                      <a:pt x="841" y="453"/>
                    </a:lnTo>
                    <a:lnTo>
                      <a:pt x="874" y="448"/>
                    </a:lnTo>
                    <a:lnTo>
                      <a:pt x="906" y="444"/>
                    </a:lnTo>
                    <a:lnTo>
                      <a:pt x="920" y="440"/>
                    </a:lnTo>
                    <a:lnTo>
                      <a:pt x="934" y="437"/>
                    </a:lnTo>
                    <a:lnTo>
                      <a:pt x="948" y="434"/>
                    </a:lnTo>
                    <a:lnTo>
                      <a:pt x="960" y="430"/>
                    </a:lnTo>
                    <a:lnTo>
                      <a:pt x="962" y="448"/>
                    </a:lnTo>
                    <a:lnTo>
                      <a:pt x="966" y="465"/>
                    </a:lnTo>
                    <a:lnTo>
                      <a:pt x="970" y="478"/>
                    </a:lnTo>
                    <a:lnTo>
                      <a:pt x="976" y="489"/>
                    </a:lnTo>
                    <a:lnTo>
                      <a:pt x="982" y="498"/>
                    </a:lnTo>
                    <a:lnTo>
                      <a:pt x="991" y="507"/>
                    </a:lnTo>
                    <a:lnTo>
                      <a:pt x="1000" y="513"/>
                    </a:lnTo>
                    <a:lnTo>
                      <a:pt x="1010" y="517"/>
                    </a:lnTo>
                    <a:lnTo>
                      <a:pt x="1059" y="531"/>
                    </a:lnTo>
                    <a:lnTo>
                      <a:pt x="1116" y="546"/>
                    </a:lnTo>
                    <a:lnTo>
                      <a:pt x="1113" y="558"/>
                    </a:lnTo>
                    <a:lnTo>
                      <a:pt x="1112" y="571"/>
                    </a:lnTo>
                    <a:lnTo>
                      <a:pt x="1111" y="584"/>
                    </a:lnTo>
                    <a:lnTo>
                      <a:pt x="1111" y="595"/>
                    </a:lnTo>
                    <a:lnTo>
                      <a:pt x="1112" y="607"/>
                    </a:lnTo>
                    <a:lnTo>
                      <a:pt x="1114" y="618"/>
                    </a:lnTo>
                    <a:lnTo>
                      <a:pt x="1116" y="629"/>
                    </a:lnTo>
                    <a:lnTo>
                      <a:pt x="1120" y="638"/>
                    </a:lnTo>
                    <a:lnTo>
                      <a:pt x="1125" y="648"/>
                    </a:lnTo>
                    <a:lnTo>
                      <a:pt x="1131" y="657"/>
                    </a:lnTo>
                    <a:lnTo>
                      <a:pt x="1137" y="665"/>
                    </a:lnTo>
                    <a:lnTo>
                      <a:pt x="1145" y="672"/>
                    </a:lnTo>
                    <a:lnTo>
                      <a:pt x="1153" y="678"/>
                    </a:lnTo>
                    <a:lnTo>
                      <a:pt x="1163" y="684"/>
                    </a:lnTo>
                    <a:lnTo>
                      <a:pt x="1173" y="688"/>
                    </a:lnTo>
                    <a:lnTo>
                      <a:pt x="1184" y="691"/>
                    </a:lnTo>
                    <a:lnTo>
                      <a:pt x="1187" y="680"/>
                    </a:lnTo>
                    <a:lnTo>
                      <a:pt x="1189" y="671"/>
                    </a:lnTo>
                    <a:lnTo>
                      <a:pt x="1189" y="664"/>
                    </a:lnTo>
                    <a:lnTo>
                      <a:pt x="1188" y="656"/>
                    </a:lnTo>
                    <a:lnTo>
                      <a:pt x="1185" y="651"/>
                    </a:lnTo>
                    <a:lnTo>
                      <a:pt x="1181" y="647"/>
                    </a:lnTo>
                    <a:lnTo>
                      <a:pt x="1178" y="643"/>
                    </a:lnTo>
                    <a:lnTo>
                      <a:pt x="1174" y="638"/>
                    </a:lnTo>
                    <a:lnTo>
                      <a:pt x="1165" y="632"/>
                    </a:lnTo>
                    <a:lnTo>
                      <a:pt x="1155" y="626"/>
                    </a:lnTo>
                    <a:lnTo>
                      <a:pt x="1152" y="622"/>
                    </a:lnTo>
                    <a:lnTo>
                      <a:pt x="1149" y="616"/>
                    </a:lnTo>
                    <a:lnTo>
                      <a:pt x="1147" y="611"/>
                    </a:lnTo>
                    <a:lnTo>
                      <a:pt x="1146" y="604"/>
                    </a:lnTo>
                    <a:lnTo>
                      <a:pt x="1150" y="595"/>
                    </a:lnTo>
                    <a:lnTo>
                      <a:pt x="1156" y="588"/>
                    </a:lnTo>
                    <a:lnTo>
                      <a:pt x="1163" y="582"/>
                    </a:lnTo>
                    <a:lnTo>
                      <a:pt x="1169" y="575"/>
                    </a:lnTo>
                    <a:lnTo>
                      <a:pt x="1177" y="569"/>
                    </a:lnTo>
                    <a:lnTo>
                      <a:pt x="1186" y="565"/>
                    </a:lnTo>
                    <a:lnTo>
                      <a:pt x="1194" y="559"/>
                    </a:lnTo>
                    <a:lnTo>
                      <a:pt x="1204" y="555"/>
                    </a:lnTo>
                    <a:lnTo>
                      <a:pt x="1205" y="561"/>
                    </a:lnTo>
                    <a:lnTo>
                      <a:pt x="1207" y="566"/>
                    </a:lnTo>
                    <a:lnTo>
                      <a:pt x="1209" y="569"/>
                    </a:lnTo>
                    <a:lnTo>
                      <a:pt x="1212" y="571"/>
                    </a:lnTo>
                    <a:lnTo>
                      <a:pt x="1215" y="573"/>
                    </a:lnTo>
                    <a:lnTo>
                      <a:pt x="1218" y="574"/>
                    </a:lnTo>
                    <a:lnTo>
                      <a:pt x="1223" y="574"/>
                    </a:lnTo>
                    <a:lnTo>
                      <a:pt x="1227" y="574"/>
                    </a:lnTo>
                    <a:lnTo>
                      <a:pt x="1245" y="570"/>
                    </a:lnTo>
                    <a:lnTo>
                      <a:pt x="1262" y="566"/>
                    </a:lnTo>
                    <a:lnTo>
                      <a:pt x="1258" y="553"/>
                    </a:lnTo>
                    <a:lnTo>
                      <a:pt x="1256" y="540"/>
                    </a:lnTo>
                    <a:lnTo>
                      <a:pt x="1254" y="528"/>
                    </a:lnTo>
                    <a:lnTo>
                      <a:pt x="1253" y="515"/>
                    </a:lnTo>
                    <a:lnTo>
                      <a:pt x="1252" y="491"/>
                    </a:lnTo>
                    <a:lnTo>
                      <a:pt x="1252" y="467"/>
                    </a:lnTo>
                    <a:lnTo>
                      <a:pt x="1254" y="444"/>
                    </a:lnTo>
                    <a:lnTo>
                      <a:pt x="1257" y="421"/>
                    </a:lnTo>
                    <a:lnTo>
                      <a:pt x="1262" y="399"/>
                    </a:lnTo>
                    <a:lnTo>
                      <a:pt x="1267" y="378"/>
                    </a:lnTo>
                    <a:lnTo>
                      <a:pt x="1277" y="337"/>
                    </a:lnTo>
                    <a:lnTo>
                      <a:pt x="1288" y="299"/>
                    </a:lnTo>
                    <a:lnTo>
                      <a:pt x="1293" y="282"/>
                    </a:lnTo>
                    <a:lnTo>
                      <a:pt x="1296" y="266"/>
                    </a:lnTo>
                    <a:lnTo>
                      <a:pt x="1299" y="250"/>
                    </a:lnTo>
                    <a:lnTo>
                      <a:pt x="1300" y="235"/>
                    </a:lnTo>
                    <a:lnTo>
                      <a:pt x="1283" y="240"/>
                    </a:lnTo>
                    <a:lnTo>
                      <a:pt x="1265" y="243"/>
                    </a:lnTo>
                    <a:lnTo>
                      <a:pt x="1248" y="246"/>
                    </a:lnTo>
                    <a:lnTo>
                      <a:pt x="1231" y="246"/>
                    </a:lnTo>
                    <a:lnTo>
                      <a:pt x="1215" y="246"/>
                    </a:lnTo>
                    <a:lnTo>
                      <a:pt x="1199" y="245"/>
                    </a:lnTo>
                    <a:lnTo>
                      <a:pt x="1184" y="241"/>
                    </a:lnTo>
                    <a:lnTo>
                      <a:pt x="1169" y="238"/>
                    </a:lnTo>
                    <a:lnTo>
                      <a:pt x="1154" y="234"/>
                    </a:lnTo>
                    <a:lnTo>
                      <a:pt x="1140" y="229"/>
                    </a:lnTo>
                    <a:lnTo>
                      <a:pt x="1127" y="222"/>
                    </a:lnTo>
                    <a:lnTo>
                      <a:pt x="1113" y="215"/>
                    </a:lnTo>
                    <a:lnTo>
                      <a:pt x="1100" y="208"/>
                    </a:lnTo>
                    <a:lnTo>
                      <a:pt x="1087" y="199"/>
                    </a:lnTo>
                    <a:lnTo>
                      <a:pt x="1075" y="191"/>
                    </a:lnTo>
                    <a:lnTo>
                      <a:pt x="1063" y="181"/>
                    </a:lnTo>
                    <a:lnTo>
                      <a:pt x="1039" y="161"/>
                    </a:lnTo>
                    <a:lnTo>
                      <a:pt x="1017" y="140"/>
                    </a:lnTo>
                    <a:lnTo>
                      <a:pt x="996" y="117"/>
                    </a:lnTo>
                    <a:lnTo>
                      <a:pt x="975" y="94"/>
                    </a:lnTo>
                    <a:lnTo>
                      <a:pt x="937" y="47"/>
                    </a:lnTo>
                    <a:lnTo>
                      <a:pt x="902" y="2"/>
                    </a:lnTo>
                    <a:lnTo>
                      <a:pt x="888" y="0"/>
                    </a:lnTo>
                    <a:lnTo>
                      <a:pt x="874" y="0"/>
                    </a:lnTo>
                    <a:lnTo>
                      <a:pt x="862" y="2"/>
                    </a:lnTo>
                    <a:lnTo>
                      <a:pt x="853" y="7"/>
                    </a:lnTo>
                    <a:lnTo>
                      <a:pt x="845" y="11"/>
                    </a:lnTo>
                    <a:lnTo>
                      <a:pt x="837" y="17"/>
                    </a:lnTo>
                    <a:lnTo>
                      <a:pt x="831" y="24"/>
                    </a:lnTo>
                    <a:lnTo>
                      <a:pt x="825" y="32"/>
                    </a:lnTo>
                    <a:lnTo>
                      <a:pt x="814" y="47"/>
                    </a:lnTo>
                    <a:lnTo>
                      <a:pt x="801" y="61"/>
                    </a:lnTo>
                    <a:lnTo>
                      <a:pt x="795" y="68"/>
                    </a:lnTo>
                    <a:lnTo>
                      <a:pt x="787" y="73"/>
                    </a:lnTo>
                    <a:lnTo>
                      <a:pt x="777" y="77"/>
                    </a:lnTo>
                    <a:lnTo>
                      <a:pt x="767" y="80"/>
                    </a:lnTo>
                    <a:lnTo>
                      <a:pt x="756" y="74"/>
                    </a:lnTo>
                    <a:lnTo>
                      <a:pt x="747" y="67"/>
                    </a:lnTo>
                    <a:lnTo>
                      <a:pt x="737" y="58"/>
                    </a:lnTo>
                    <a:lnTo>
                      <a:pt x="728" y="51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64" name="Aalborg kant"/>
              <p:cNvSpPr>
                <a:spLocks/>
              </p:cNvSpPr>
              <p:nvPr/>
            </p:nvSpPr>
            <p:spPr bwMode="auto">
              <a:xfrm>
                <a:off x="1539875" y="3095625"/>
                <a:ext cx="688975" cy="365125"/>
              </a:xfrm>
              <a:custGeom>
                <a:avLst/>
                <a:gdLst>
                  <a:gd name="T0" fmla="*/ 232 w 1300"/>
                  <a:gd name="T1" fmla="*/ 16 h 691"/>
                  <a:gd name="T2" fmla="*/ 217 w 1300"/>
                  <a:gd name="T3" fmla="*/ 30 h 691"/>
                  <a:gd name="T4" fmla="*/ 196 w 1300"/>
                  <a:gd name="T5" fmla="*/ 27 h 691"/>
                  <a:gd name="T6" fmla="*/ 164 w 1300"/>
                  <a:gd name="T7" fmla="*/ 29 h 691"/>
                  <a:gd name="T8" fmla="*/ 134 w 1300"/>
                  <a:gd name="T9" fmla="*/ 40 h 691"/>
                  <a:gd name="T10" fmla="*/ 123 w 1300"/>
                  <a:gd name="T11" fmla="*/ 71 h 691"/>
                  <a:gd name="T12" fmla="*/ 105 w 1300"/>
                  <a:gd name="T13" fmla="*/ 95 h 691"/>
                  <a:gd name="T14" fmla="*/ 87 w 1300"/>
                  <a:gd name="T15" fmla="*/ 105 h 691"/>
                  <a:gd name="T16" fmla="*/ 85 w 1300"/>
                  <a:gd name="T17" fmla="*/ 123 h 691"/>
                  <a:gd name="T18" fmla="*/ 76 w 1300"/>
                  <a:gd name="T19" fmla="*/ 128 h 691"/>
                  <a:gd name="T20" fmla="*/ 69 w 1300"/>
                  <a:gd name="T21" fmla="*/ 107 h 691"/>
                  <a:gd name="T22" fmla="*/ 79 w 1300"/>
                  <a:gd name="T23" fmla="*/ 109 h 691"/>
                  <a:gd name="T24" fmla="*/ 84 w 1300"/>
                  <a:gd name="T25" fmla="*/ 84 h 691"/>
                  <a:gd name="T26" fmla="*/ 75 w 1300"/>
                  <a:gd name="T27" fmla="*/ 70 h 691"/>
                  <a:gd name="T28" fmla="*/ 42 w 1300"/>
                  <a:gd name="T29" fmla="*/ 59 h 691"/>
                  <a:gd name="T30" fmla="*/ 6 w 1300"/>
                  <a:gd name="T31" fmla="*/ 58 h 691"/>
                  <a:gd name="T32" fmla="*/ 6 w 1300"/>
                  <a:gd name="T33" fmla="*/ 107 h 691"/>
                  <a:gd name="T34" fmla="*/ 17 w 1300"/>
                  <a:gd name="T35" fmla="*/ 135 h 691"/>
                  <a:gd name="T36" fmla="*/ 38 w 1300"/>
                  <a:gd name="T37" fmla="*/ 129 h 691"/>
                  <a:gd name="T38" fmla="*/ 54 w 1300"/>
                  <a:gd name="T39" fmla="*/ 130 h 691"/>
                  <a:gd name="T40" fmla="*/ 57 w 1300"/>
                  <a:gd name="T41" fmla="*/ 158 h 691"/>
                  <a:gd name="T42" fmla="*/ 60 w 1300"/>
                  <a:gd name="T43" fmla="*/ 172 h 691"/>
                  <a:gd name="T44" fmla="*/ 74 w 1300"/>
                  <a:gd name="T45" fmla="*/ 170 h 691"/>
                  <a:gd name="T46" fmla="*/ 84 w 1300"/>
                  <a:gd name="T47" fmla="*/ 163 h 691"/>
                  <a:gd name="T48" fmla="*/ 96 w 1300"/>
                  <a:gd name="T49" fmla="*/ 152 h 691"/>
                  <a:gd name="T50" fmla="*/ 117 w 1300"/>
                  <a:gd name="T51" fmla="*/ 137 h 691"/>
                  <a:gd name="T52" fmla="*/ 144 w 1300"/>
                  <a:gd name="T53" fmla="*/ 133 h 691"/>
                  <a:gd name="T54" fmla="*/ 148 w 1300"/>
                  <a:gd name="T55" fmla="*/ 125 h 691"/>
                  <a:gd name="T56" fmla="*/ 147 w 1300"/>
                  <a:gd name="T57" fmla="*/ 106 h 691"/>
                  <a:gd name="T58" fmla="*/ 158 w 1300"/>
                  <a:gd name="T59" fmla="*/ 95 h 691"/>
                  <a:gd name="T60" fmla="*/ 172 w 1300"/>
                  <a:gd name="T61" fmla="*/ 94 h 691"/>
                  <a:gd name="T62" fmla="*/ 198 w 1300"/>
                  <a:gd name="T63" fmla="*/ 106 h 691"/>
                  <a:gd name="T64" fmla="*/ 212 w 1300"/>
                  <a:gd name="T65" fmla="*/ 119 h 691"/>
                  <a:gd name="T66" fmla="*/ 213 w 1300"/>
                  <a:gd name="T67" fmla="*/ 133 h 691"/>
                  <a:gd name="T68" fmla="*/ 219 w 1300"/>
                  <a:gd name="T69" fmla="*/ 153 h 691"/>
                  <a:gd name="T70" fmla="*/ 244 w 1300"/>
                  <a:gd name="T71" fmla="*/ 162 h 691"/>
                  <a:gd name="T72" fmla="*/ 276 w 1300"/>
                  <a:gd name="T73" fmla="*/ 151 h 691"/>
                  <a:gd name="T74" fmla="*/ 316 w 1300"/>
                  <a:gd name="T75" fmla="*/ 144 h 691"/>
                  <a:gd name="T76" fmla="*/ 328 w 1300"/>
                  <a:gd name="T77" fmla="*/ 166 h 691"/>
                  <a:gd name="T78" fmla="*/ 372 w 1300"/>
                  <a:gd name="T79" fmla="*/ 186 h 691"/>
                  <a:gd name="T80" fmla="*/ 373 w 1300"/>
                  <a:gd name="T81" fmla="*/ 209 h 691"/>
                  <a:gd name="T82" fmla="*/ 385 w 1300"/>
                  <a:gd name="T83" fmla="*/ 226 h 691"/>
                  <a:gd name="T84" fmla="*/ 397 w 1300"/>
                  <a:gd name="T85" fmla="*/ 221 h 691"/>
                  <a:gd name="T86" fmla="*/ 389 w 1300"/>
                  <a:gd name="T87" fmla="*/ 210 h 691"/>
                  <a:gd name="T88" fmla="*/ 384 w 1300"/>
                  <a:gd name="T89" fmla="*/ 198 h 691"/>
                  <a:gd name="T90" fmla="*/ 399 w 1300"/>
                  <a:gd name="T91" fmla="*/ 186 h 691"/>
                  <a:gd name="T92" fmla="*/ 406 w 1300"/>
                  <a:gd name="T93" fmla="*/ 191 h 691"/>
                  <a:gd name="T94" fmla="*/ 420 w 1300"/>
                  <a:gd name="T95" fmla="*/ 184 h 691"/>
                  <a:gd name="T96" fmla="*/ 419 w 1300"/>
                  <a:gd name="T97" fmla="*/ 148 h 691"/>
                  <a:gd name="T98" fmla="*/ 432 w 1300"/>
                  <a:gd name="T99" fmla="*/ 94 h 691"/>
                  <a:gd name="T100" fmla="*/ 417 w 1300"/>
                  <a:gd name="T101" fmla="*/ 82 h 691"/>
                  <a:gd name="T102" fmla="*/ 385 w 1300"/>
                  <a:gd name="T103" fmla="*/ 78 h 691"/>
                  <a:gd name="T104" fmla="*/ 359 w 1300"/>
                  <a:gd name="T105" fmla="*/ 64 h 691"/>
                  <a:gd name="T106" fmla="*/ 313 w 1300"/>
                  <a:gd name="T107" fmla="*/ 16 h 691"/>
                  <a:gd name="T108" fmla="*/ 282 w 1300"/>
                  <a:gd name="T109" fmla="*/ 4 h 691"/>
                  <a:gd name="T110" fmla="*/ 265 w 1300"/>
                  <a:gd name="T111" fmla="*/ 23 h 691"/>
                  <a:gd name="T112" fmla="*/ 246 w 1300"/>
                  <a:gd name="T113" fmla="*/ 19 h 691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0" t="0" r="r" b="b"/>
                <a:pathLst>
                  <a:path w="1300" h="691">
                    <a:moveTo>
                      <a:pt x="728" y="51"/>
                    </a:moveTo>
                    <a:lnTo>
                      <a:pt x="720" y="47"/>
                    </a:lnTo>
                    <a:lnTo>
                      <a:pt x="714" y="44"/>
                    </a:lnTo>
                    <a:lnTo>
                      <a:pt x="708" y="44"/>
                    </a:lnTo>
                    <a:lnTo>
                      <a:pt x="701" y="46"/>
                    </a:lnTo>
                    <a:lnTo>
                      <a:pt x="695" y="48"/>
                    </a:lnTo>
                    <a:lnTo>
                      <a:pt x="690" y="52"/>
                    </a:lnTo>
                    <a:lnTo>
                      <a:pt x="684" y="56"/>
                    </a:lnTo>
                    <a:lnTo>
                      <a:pt x="679" y="61"/>
                    </a:lnTo>
                    <a:lnTo>
                      <a:pt x="668" y="73"/>
                    </a:lnTo>
                    <a:lnTo>
                      <a:pt x="656" y="83"/>
                    </a:lnTo>
                    <a:lnTo>
                      <a:pt x="651" y="89"/>
                    </a:lnTo>
                    <a:lnTo>
                      <a:pt x="644" y="93"/>
                    </a:lnTo>
                    <a:lnTo>
                      <a:pt x="638" y="97"/>
                    </a:lnTo>
                    <a:lnTo>
                      <a:pt x="631" y="99"/>
                    </a:lnTo>
                    <a:lnTo>
                      <a:pt x="617" y="91"/>
                    </a:lnTo>
                    <a:lnTo>
                      <a:pt x="602" y="84"/>
                    </a:lnTo>
                    <a:lnTo>
                      <a:pt x="588" y="80"/>
                    </a:lnTo>
                    <a:lnTo>
                      <a:pt x="572" y="78"/>
                    </a:lnTo>
                    <a:lnTo>
                      <a:pt x="556" y="77"/>
                    </a:lnTo>
                    <a:lnTo>
                      <a:pt x="539" y="77"/>
                    </a:lnTo>
                    <a:lnTo>
                      <a:pt x="523" y="78"/>
                    </a:lnTo>
                    <a:lnTo>
                      <a:pt x="507" y="81"/>
                    </a:lnTo>
                    <a:lnTo>
                      <a:pt x="491" y="86"/>
                    </a:lnTo>
                    <a:lnTo>
                      <a:pt x="474" y="90"/>
                    </a:lnTo>
                    <a:lnTo>
                      <a:pt x="458" y="95"/>
                    </a:lnTo>
                    <a:lnTo>
                      <a:pt x="443" y="101"/>
                    </a:lnTo>
                    <a:lnTo>
                      <a:pt x="429" y="108"/>
                    </a:lnTo>
                    <a:lnTo>
                      <a:pt x="414" y="114"/>
                    </a:lnTo>
                    <a:lnTo>
                      <a:pt x="401" y="121"/>
                    </a:lnTo>
                    <a:lnTo>
                      <a:pt x="389" y="129"/>
                    </a:lnTo>
                    <a:lnTo>
                      <a:pt x="386" y="147"/>
                    </a:lnTo>
                    <a:lnTo>
                      <a:pt x="384" y="163"/>
                    </a:lnTo>
                    <a:lnTo>
                      <a:pt x="380" y="180"/>
                    </a:lnTo>
                    <a:lnTo>
                      <a:pt x="375" y="197"/>
                    </a:lnTo>
                    <a:lnTo>
                      <a:pt x="369" y="212"/>
                    </a:lnTo>
                    <a:lnTo>
                      <a:pt x="362" y="227"/>
                    </a:lnTo>
                    <a:lnTo>
                      <a:pt x="354" y="239"/>
                    </a:lnTo>
                    <a:lnTo>
                      <a:pt x="345" y="252"/>
                    </a:lnTo>
                    <a:lnTo>
                      <a:pt x="336" y="263"/>
                    </a:lnTo>
                    <a:lnTo>
                      <a:pt x="326" y="274"/>
                    </a:lnTo>
                    <a:lnTo>
                      <a:pt x="316" y="284"/>
                    </a:lnTo>
                    <a:lnTo>
                      <a:pt x="305" y="292"/>
                    </a:lnTo>
                    <a:lnTo>
                      <a:pt x="295" y="299"/>
                    </a:lnTo>
                    <a:lnTo>
                      <a:pt x="284" y="306"/>
                    </a:lnTo>
                    <a:lnTo>
                      <a:pt x="273" y="310"/>
                    </a:lnTo>
                    <a:lnTo>
                      <a:pt x="262" y="313"/>
                    </a:lnTo>
                    <a:lnTo>
                      <a:pt x="260" y="316"/>
                    </a:lnTo>
                    <a:lnTo>
                      <a:pt x="259" y="321"/>
                    </a:lnTo>
                    <a:lnTo>
                      <a:pt x="258" y="326"/>
                    </a:lnTo>
                    <a:lnTo>
                      <a:pt x="257" y="331"/>
                    </a:lnTo>
                    <a:lnTo>
                      <a:pt x="257" y="344"/>
                    </a:lnTo>
                    <a:lnTo>
                      <a:pt x="256" y="357"/>
                    </a:lnTo>
                    <a:lnTo>
                      <a:pt x="255" y="371"/>
                    </a:lnTo>
                    <a:lnTo>
                      <a:pt x="254" y="385"/>
                    </a:lnTo>
                    <a:lnTo>
                      <a:pt x="252" y="392"/>
                    </a:lnTo>
                    <a:lnTo>
                      <a:pt x="250" y="398"/>
                    </a:lnTo>
                    <a:lnTo>
                      <a:pt x="246" y="405"/>
                    </a:lnTo>
                    <a:lnTo>
                      <a:pt x="242" y="410"/>
                    </a:lnTo>
                    <a:lnTo>
                      <a:pt x="227" y="385"/>
                    </a:lnTo>
                    <a:lnTo>
                      <a:pt x="212" y="356"/>
                    </a:lnTo>
                    <a:lnTo>
                      <a:pt x="209" y="349"/>
                    </a:lnTo>
                    <a:lnTo>
                      <a:pt x="206" y="342"/>
                    </a:lnTo>
                    <a:lnTo>
                      <a:pt x="206" y="335"/>
                    </a:lnTo>
                    <a:lnTo>
                      <a:pt x="206" y="328"/>
                    </a:lnTo>
                    <a:lnTo>
                      <a:pt x="207" y="321"/>
                    </a:lnTo>
                    <a:lnTo>
                      <a:pt x="212" y="315"/>
                    </a:lnTo>
                    <a:lnTo>
                      <a:pt x="216" y="309"/>
                    </a:lnTo>
                    <a:lnTo>
                      <a:pt x="223" y="304"/>
                    </a:lnTo>
                    <a:lnTo>
                      <a:pt x="227" y="312"/>
                    </a:lnTo>
                    <a:lnTo>
                      <a:pt x="232" y="319"/>
                    </a:lnTo>
                    <a:lnTo>
                      <a:pt x="237" y="327"/>
                    </a:lnTo>
                    <a:lnTo>
                      <a:pt x="242" y="332"/>
                    </a:lnTo>
                    <a:lnTo>
                      <a:pt x="244" y="311"/>
                    </a:lnTo>
                    <a:lnTo>
                      <a:pt x="245" y="286"/>
                    </a:lnTo>
                    <a:lnTo>
                      <a:pt x="247" y="272"/>
                    </a:lnTo>
                    <a:lnTo>
                      <a:pt x="250" y="259"/>
                    </a:lnTo>
                    <a:lnTo>
                      <a:pt x="252" y="253"/>
                    </a:lnTo>
                    <a:lnTo>
                      <a:pt x="255" y="247"/>
                    </a:lnTo>
                    <a:lnTo>
                      <a:pt x="258" y="240"/>
                    </a:lnTo>
                    <a:lnTo>
                      <a:pt x="262" y="235"/>
                    </a:lnTo>
                    <a:lnTo>
                      <a:pt x="251" y="227"/>
                    </a:lnTo>
                    <a:lnTo>
                      <a:pt x="239" y="218"/>
                    </a:lnTo>
                    <a:lnTo>
                      <a:pt x="225" y="211"/>
                    </a:lnTo>
                    <a:lnTo>
                      <a:pt x="211" y="203"/>
                    </a:lnTo>
                    <a:lnTo>
                      <a:pt x="195" y="196"/>
                    </a:lnTo>
                    <a:lnTo>
                      <a:pt x="179" y="191"/>
                    </a:lnTo>
                    <a:lnTo>
                      <a:pt x="162" y="186"/>
                    </a:lnTo>
                    <a:lnTo>
                      <a:pt x="144" y="181"/>
                    </a:lnTo>
                    <a:lnTo>
                      <a:pt x="126" y="177"/>
                    </a:lnTo>
                    <a:lnTo>
                      <a:pt x="108" y="174"/>
                    </a:lnTo>
                    <a:lnTo>
                      <a:pt x="90" y="173"/>
                    </a:lnTo>
                    <a:lnTo>
                      <a:pt x="72" y="172"/>
                    </a:lnTo>
                    <a:lnTo>
                      <a:pt x="53" y="171"/>
                    </a:lnTo>
                    <a:lnTo>
                      <a:pt x="35" y="172"/>
                    </a:lnTo>
                    <a:lnTo>
                      <a:pt x="17" y="174"/>
                    </a:lnTo>
                    <a:lnTo>
                      <a:pt x="0" y="177"/>
                    </a:lnTo>
                    <a:lnTo>
                      <a:pt x="2" y="211"/>
                    </a:lnTo>
                    <a:lnTo>
                      <a:pt x="5" y="243"/>
                    </a:lnTo>
                    <a:lnTo>
                      <a:pt x="8" y="276"/>
                    </a:lnTo>
                    <a:lnTo>
                      <a:pt x="14" y="307"/>
                    </a:lnTo>
                    <a:lnTo>
                      <a:pt x="17" y="322"/>
                    </a:lnTo>
                    <a:lnTo>
                      <a:pt x="20" y="337"/>
                    </a:lnTo>
                    <a:lnTo>
                      <a:pt x="24" y="352"/>
                    </a:lnTo>
                    <a:lnTo>
                      <a:pt x="30" y="366"/>
                    </a:lnTo>
                    <a:lnTo>
                      <a:pt x="36" y="380"/>
                    </a:lnTo>
                    <a:lnTo>
                      <a:pt x="42" y="394"/>
                    </a:lnTo>
                    <a:lnTo>
                      <a:pt x="50" y="407"/>
                    </a:lnTo>
                    <a:lnTo>
                      <a:pt x="58" y="419"/>
                    </a:lnTo>
                    <a:lnTo>
                      <a:pt x="73" y="410"/>
                    </a:lnTo>
                    <a:lnTo>
                      <a:pt x="87" y="400"/>
                    </a:lnTo>
                    <a:lnTo>
                      <a:pt x="96" y="396"/>
                    </a:lnTo>
                    <a:lnTo>
                      <a:pt x="104" y="393"/>
                    </a:lnTo>
                    <a:lnTo>
                      <a:pt x="113" y="389"/>
                    </a:lnTo>
                    <a:lnTo>
                      <a:pt x="121" y="387"/>
                    </a:lnTo>
                    <a:lnTo>
                      <a:pt x="130" y="385"/>
                    </a:lnTo>
                    <a:lnTo>
                      <a:pt x="138" y="385"/>
                    </a:lnTo>
                    <a:lnTo>
                      <a:pt x="145" y="385"/>
                    </a:lnTo>
                    <a:lnTo>
                      <a:pt x="154" y="387"/>
                    </a:lnTo>
                    <a:lnTo>
                      <a:pt x="162" y="390"/>
                    </a:lnTo>
                    <a:lnTo>
                      <a:pt x="170" y="395"/>
                    </a:lnTo>
                    <a:lnTo>
                      <a:pt x="177" y="401"/>
                    </a:lnTo>
                    <a:lnTo>
                      <a:pt x="184" y="410"/>
                    </a:lnTo>
                    <a:lnTo>
                      <a:pt x="176" y="441"/>
                    </a:lnTo>
                    <a:lnTo>
                      <a:pt x="171" y="470"/>
                    </a:lnTo>
                    <a:lnTo>
                      <a:pt x="171" y="476"/>
                    </a:lnTo>
                    <a:lnTo>
                      <a:pt x="171" y="483"/>
                    </a:lnTo>
                    <a:lnTo>
                      <a:pt x="171" y="490"/>
                    </a:lnTo>
                    <a:lnTo>
                      <a:pt x="172" y="496"/>
                    </a:lnTo>
                    <a:lnTo>
                      <a:pt x="174" y="504"/>
                    </a:lnTo>
                    <a:lnTo>
                      <a:pt x="177" y="511"/>
                    </a:lnTo>
                    <a:lnTo>
                      <a:pt x="180" y="518"/>
                    </a:lnTo>
                    <a:lnTo>
                      <a:pt x="184" y="527"/>
                    </a:lnTo>
                    <a:lnTo>
                      <a:pt x="193" y="527"/>
                    </a:lnTo>
                    <a:lnTo>
                      <a:pt x="200" y="525"/>
                    </a:lnTo>
                    <a:lnTo>
                      <a:pt x="206" y="523"/>
                    </a:lnTo>
                    <a:lnTo>
                      <a:pt x="212" y="519"/>
                    </a:lnTo>
                    <a:lnTo>
                      <a:pt x="221" y="511"/>
                    </a:lnTo>
                    <a:lnTo>
                      <a:pt x="229" y="503"/>
                    </a:lnTo>
                    <a:lnTo>
                      <a:pt x="233" y="498"/>
                    </a:lnTo>
                    <a:lnTo>
                      <a:pt x="237" y="495"/>
                    </a:lnTo>
                    <a:lnTo>
                      <a:pt x="241" y="492"/>
                    </a:lnTo>
                    <a:lnTo>
                      <a:pt x="245" y="490"/>
                    </a:lnTo>
                    <a:lnTo>
                      <a:pt x="251" y="490"/>
                    </a:lnTo>
                    <a:lnTo>
                      <a:pt x="257" y="491"/>
                    </a:lnTo>
                    <a:lnTo>
                      <a:pt x="263" y="493"/>
                    </a:lnTo>
                    <a:lnTo>
                      <a:pt x="272" y="497"/>
                    </a:lnTo>
                    <a:lnTo>
                      <a:pt x="276" y="483"/>
                    </a:lnTo>
                    <a:lnTo>
                      <a:pt x="282" y="470"/>
                    </a:lnTo>
                    <a:lnTo>
                      <a:pt x="289" y="458"/>
                    </a:lnTo>
                    <a:lnTo>
                      <a:pt x="297" y="448"/>
                    </a:lnTo>
                    <a:lnTo>
                      <a:pt x="305" y="438"/>
                    </a:lnTo>
                    <a:lnTo>
                      <a:pt x="315" y="430"/>
                    </a:lnTo>
                    <a:lnTo>
                      <a:pt x="325" y="424"/>
                    </a:lnTo>
                    <a:lnTo>
                      <a:pt x="336" y="417"/>
                    </a:lnTo>
                    <a:lnTo>
                      <a:pt x="349" y="413"/>
                    </a:lnTo>
                    <a:lnTo>
                      <a:pt x="360" y="409"/>
                    </a:lnTo>
                    <a:lnTo>
                      <a:pt x="374" y="406"/>
                    </a:lnTo>
                    <a:lnTo>
                      <a:pt x="388" y="404"/>
                    </a:lnTo>
                    <a:lnTo>
                      <a:pt x="401" y="401"/>
                    </a:lnTo>
                    <a:lnTo>
                      <a:pt x="416" y="400"/>
                    </a:lnTo>
                    <a:lnTo>
                      <a:pt x="431" y="400"/>
                    </a:lnTo>
                    <a:lnTo>
                      <a:pt x="447" y="400"/>
                    </a:lnTo>
                    <a:lnTo>
                      <a:pt x="445" y="398"/>
                    </a:lnTo>
                    <a:lnTo>
                      <a:pt x="444" y="396"/>
                    </a:lnTo>
                    <a:lnTo>
                      <a:pt x="443" y="392"/>
                    </a:lnTo>
                    <a:lnTo>
                      <a:pt x="443" y="388"/>
                    </a:lnTo>
                    <a:lnTo>
                      <a:pt x="444" y="376"/>
                    </a:lnTo>
                    <a:lnTo>
                      <a:pt x="445" y="362"/>
                    </a:lnTo>
                    <a:lnTo>
                      <a:pt x="445" y="349"/>
                    </a:lnTo>
                    <a:lnTo>
                      <a:pt x="444" y="335"/>
                    </a:lnTo>
                    <a:lnTo>
                      <a:pt x="443" y="329"/>
                    </a:lnTo>
                    <a:lnTo>
                      <a:pt x="442" y="322"/>
                    </a:lnTo>
                    <a:lnTo>
                      <a:pt x="440" y="317"/>
                    </a:lnTo>
                    <a:lnTo>
                      <a:pt x="437" y="313"/>
                    </a:lnTo>
                    <a:lnTo>
                      <a:pt x="445" y="308"/>
                    </a:lnTo>
                    <a:lnTo>
                      <a:pt x="453" y="302"/>
                    </a:lnTo>
                    <a:lnTo>
                      <a:pt x="459" y="296"/>
                    </a:lnTo>
                    <a:lnTo>
                      <a:pt x="467" y="290"/>
                    </a:lnTo>
                    <a:lnTo>
                      <a:pt x="474" y="284"/>
                    </a:lnTo>
                    <a:lnTo>
                      <a:pt x="482" y="278"/>
                    </a:lnTo>
                    <a:lnTo>
                      <a:pt x="488" y="277"/>
                    </a:lnTo>
                    <a:lnTo>
                      <a:pt x="493" y="275"/>
                    </a:lnTo>
                    <a:lnTo>
                      <a:pt x="498" y="274"/>
                    </a:lnTo>
                    <a:lnTo>
                      <a:pt x="504" y="274"/>
                    </a:lnTo>
                    <a:lnTo>
                      <a:pt x="516" y="281"/>
                    </a:lnTo>
                    <a:lnTo>
                      <a:pt x="528" y="288"/>
                    </a:lnTo>
                    <a:lnTo>
                      <a:pt x="540" y="294"/>
                    </a:lnTo>
                    <a:lnTo>
                      <a:pt x="554" y="299"/>
                    </a:lnTo>
                    <a:lnTo>
                      <a:pt x="567" y="306"/>
                    </a:lnTo>
                    <a:lnTo>
                      <a:pt x="580" y="312"/>
                    </a:lnTo>
                    <a:lnTo>
                      <a:pt x="593" y="319"/>
                    </a:lnTo>
                    <a:lnTo>
                      <a:pt x="604" y="327"/>
                    </a:lnTo>
                    <a:lnTo>
                      <a:pt x="615" y="334"/>
                    </a:lnTo>
                    <a:lnTo>
                      <a:pt x="624" y="344"/>
                    </a:lnTo>
                    <a:lnTo>
                      <a:pt x="629" y="349"/>
                    </a:lnTo>
                    <a:lnTo>
                      <a:pt x="632" y="354"/>
                    </a:lnTo>
                    <a:lnTo>
                      <a:pt x="635" y="359"/>
                    </a:lnTo>
                    <a:lnTo>
                      <a:pt x="637" y="366"/>
                    </a:lnTo>
                    <a:lnTo>
                      <a:pt x="639" y="372"/>
                    </a:lnTo>
                    <a:lnTo>
                      <a:pt x="640" y="378"/>
                    </a:lnTo>
                    <a:lnTo>
                      <a:pt x="640" y="386"/>
                    </a:lnTo>
                    <a:lnTo>
                      <a:pt x="640" y="394"/>
                    </a:lnTo>
                    <a:lnTo>
                      <a:pt x="639" y="401"/>
                    </a:lnTo>
                    <a:lnTo>
                      <a:pt x="637" y="411"/>
                    </a:lnTo>
                    <a:lnTo>
                      <a:pt x="635" y="419"/>
                    </a:lnTo>
                    <a:lnTo>
                      <a:pt x="631" y="430"/>
                    </a:lnTo>
                    <a:lnTo>
                      <a:pt x="639" y="440"/>
                    </a:lnTo>
                    <a:lnTo>
                      <a:pt x="648" y="451"/>
                    </a:lnTo>
                    <a:lnTo>
                      <a:pt x="657" y="461"/>
                    </a:lnTo>
                    <a:lnTo>
                      <a:pt x="668" y="471"/>
                    </a:lnTo>
                    <a:lnTo>
                      <a:pt x="678" y="479"/>
                    </a:lnTo>
                    <a:lnTo>
                      <a:pt x="691" y="486"/>
                    </a:lnTo>
                    <a:lnTo>
                      <a:pt x="703" y="492"/>
                    </a:lnTo>
                    <a:lnTo>
                      <a:pt x="718" y="497"/>
                    </a:lnTo>
                    <a:lnTo>
                      <a:pt x="732" y="488"/>
                    </a:lnTo>
                    <a:lnTo>
                      <a:pt x="747" y="480"/>
                    </a:lnTo>
                    <a:lnTo>
                      <a:pt x="761" y="473"/>
                    </a:lnTo>
                    <a:lnTo>
                      <a:pt x="777" y="468"/>
                    </a:lnTo>
                    <a:lnTo>
                      <a:pt x="793" y="463"/>
                    </a:lnTo>
                    <a:lnTo>
                      <a:pt x="809" y="459"/>
                    </a:lnTo>
                    <a:lnTo>
                      <a:pt x="826" y="455"/>
                    </a:lnTo>
                    <a:lnTo>
                      <a:pt x="841" y="453"/>
                    </a:lnTo>
                    <a:lnTo>
                      <a:pt x="874" y="448"/>
                    </a:lnTo>
                    <a:lnTo>
                      <a:pt x="906" y="444"/>
                    </a:lnTo>
                    <a:lnTo>
                      <a:pt x="920" y="440"/>
                    </a:lnTo>
                    <a:lnTo>
                      <a:pt x="934" y="437"/>
                    </a:lnTo>
                    <a:lnTo>
                      <a:pt x="948" y="434"/>
                    </a:lnTo>
                    <a:lnTo>
                      <a:pt x="960" y="430"/>
                    </a:lnTo>
                    <a:lnTo>
                      <a:pt x="962" y="448"/>
                    </a:lnTo>
                    <a:lnTo>
                      <a:pt x="966" y="465"/>
                    </a:lnTo>
                    <a:lnTo>
                      <a:pt x="970" y="478"/>
                    </a:lnTo>
                    <a:lnTo>
                      <a:pt x="976" y="489"/>
                    </a:lnTo>
                    <a:lnTo>
                      <a:pt x="982" y="498"/>
                    </a:lnTo>
                    <a:lnTo>
                      <a:pt x="991" y="507"/>
                    </a:lnTo>
                    <a:lnTo>
                      <a:pt x="1000" y="513"/>
                    </a:lnTo>
                    <a:lnTo>
                      <a:pt x="1010" y="517"/>
                    </a:lnTo>
                    <a:lnTo>
                      <a:pt x="1059" y="531"/>
                    </a:lnTo>
                    <a:lnTo>
                      <a:pt x="1116" y="546"/>
                    </a:lnTo>
                    <a:lnTo>
                      <a:pt x="1113" y="558"/>
                    </a:lnTo>
                    <a:lnTo>
                      <a:pt x="1112" y="571"/>
                    </a:lnTo>
                    <a:lnTo>
                      <a:pt x="1111" y="584"/>
                    </a:lnTo>
                    <a:lnTo>
                      <a:pt x="1111" y="595"/>
                    </a:lnTo>
                    <a:lnTo>
                      <a:pt x="1112" y="607"/>
                    </a:lnTo>
                    <a:lnTo>
                      <a:pt x="1114" y="618"/>
                    </a:lnTo>
                    <a:lnTo>
                      <a:pt x="1116" y="629"/>
                    </a:lnTo>
                    <a:lnTo>
                      <a:pt x="1120" y="638"/>
                    </a:lnTo>
                    <a:lnTo>
                      <a:pt x="1125" y="648"/>
                    </a:lnTo>
                    <a:lnTo>
                      <a:pt x="1131" y="657"/>
                    </a:lnTo>
                    <a:lnTo>
                      <a:pt x="1137" y="665"/>
                    </a:lnTo>
                    <a:lnTo>
                      <a:pt x="1145" y="672"/>
                    </a:lnTo>
                    <a:lnTo>
                      <a:pt x="1153" y="678"/>
                    </a:lnTo>
                    <a:lnTo>
                      <a:pt x="1163" y="684"/>
                    </a:lnTo>
                    <a:lnTo>
                      <a:pt x="1173" y="688"/>
                    </a:lnTo>
                    <a:lnTo>
                      <a:pt x="1184" y="691"/>
                    </a:lnTo>
                    <a:lnTo>
                      <a:pt x="1187" y="680"/>
                    </a:lnTo>
                    <a:lnTo>
                      <a:pt x="1189" y="671"/>
                    </a:lnTo>
                    <a:lnTo>
                      <a:pt x="1189" y="664"/>
                    </a:lnTo>
                    <a:lnTo>
                      <a:pt x="1188" y="656"/>
                    </a:lnTo>
                    <a:lnTo>
                      <a:pt x="1185" y="651"/>
                    </a:lnTo>
                    <a:lnTo>
                      <a:pt x="1181" y="647"/>
                    </a:lnTo>
                    <a:lnTo>
                      <a:pt x="1178" y="643"/>
                    </a:lnTo>
                    <a:lnTo>
                      <a:pt x="1174" y="638"/>
                    </a:lnTo>
                    <a:lnTo>
                      <a:pt x="1165" y="632"/>
                    </a:lnTo>
                    <a:lnTo>
                      <a:pt x="1155" y="626"/>
                    </a:lnTo>
                    <a:lnTo>
                      <a:pt x="1152" y="622"/>
                    </a:lnTo>
                    <a:lnTo>
                      <a:pt x="1149" y="616"/>
                    </a:lnTo>
                    <a:lnTo>
                      <a:pt x="1147" y="611"/>
                    </a:lnTo>
                    <a:lnTo>
                      <a:pt x="1146" y="604"/>
                    </a:lnTo>
                    <a:lnTo>
                      <a:pt x="1150" y="595"/>
                    </a:lnTo>
                    <a:lnTo>
                      <a:pt x="1156" y="588"/>
                    </a:lnTo>
                    <a:lnTo>
                      <a:pt x="1163" y="582"/>
                    </a:lnTo>
                    <a:lnTo>
                      <a:pt x="1169" y="575"/>
                    </a:lnTo>
                    <a:lnTo>
                      <a:pt x="1177" y="569"/>
                    </a:lnTo>
                    <a:lnTo>
                      <a:pt x="1186" y="565"/>
                    </a:lnTo>
                    <a:lnTo>
                      <a:pt x="1194" y="559"/>
                    </a:lnTo>
                    <a:lnTo>
                      <a:pt x="1204" y="555"/>
                    </a:lnTo>
                    <a:lnTo>
                      <a:pt x="1205" y="561"/>
                    </a:lnTo>
                    <a:lnTo>
                      <a:pt x="1207" y="566"/>
                    </a:lnTo>
                    <a:lnTo>
                      <a:pt x="1209" y="569"/>
                    </a:lnTo>
                    <a:lnTo>
                      <a:pt x="1212" y="571"/>
                    </a:lnTo>
                    <a:lnTo>
                      <a:pt x="1215" y="573"/>
                    </a:lnTo>
                    <a:lnTo>
                      <a:pt x="1218" y="574"/>
                    </a:lnTo>
                    <a:lnTo>
                      <a:pt x="1223" y="574"/>
                    </a:lnTo>
                    <a:lnTo>
                      <a:pt x="1227" y="574"/>
                    </a:lnTo>
                    <a:lnTo>
                      <a:pt x="1245" y="570"/>
                    </a:lnTo>
                    <a:lnTo>
                      <a:pt x="1262" y="566"/>
                    </a:lnTo>
                    <a:lnTo>
                      <a:pt x="1258" y="553"/>
                    </a:lnTo>
                    <a:lnTo>
                      <a:pt x="1256" y="540"/>
                    </a:lnTo>
                    <a:lnTo>
                      <a:pt x="1254" y="528"/>
                    </a:lnTo>
                    <a:lnTo>
                      <a:pt x="1253" y="515"/>
                    </a:lnTo>
                    <a:lnTo>
                      <a:pt x="1252" y="491"/>
                    </a:lnTo>
                    <a:lnTo>
                      <a:pt x="1252" y="467"/>
                    </a:lnTo>
                    <a:lnTo>
                      <a:pt x="1254" y="444"/>
                    </a:lnTo>
                    <a:lnTo>
                      <a:pt x="1257" y="421"/>
                    </a:lnTo>
                    <a:lnTo>
                      <a:pt x="1262" y="399"/>
                    </a:lnTo>
                    <a:lnTo>
                      <a:pt x="1267" y="378"/>
                    </a:lnTo>
                    <a:lnTo>
                      <a:pt x="1277" y="337"/>
                    </a:lnTo>
                    <a:lnTo>
                      <a:pt x="1288" y="299"/>
                    </a:lnTo>
                    <a:lnTo>
                      <a:pt x="1293" y="282"/>
                    </a:lnTo>
                    <a:lnTo>
                      <a:pt x="1296" y="266"/>
                    </a:lnTo>
                    <a:lnTo>
                      <a:pt x="1299" y="250"/>
                    </a:lnTo>
                    <a:lnTo>
                      <a:pt x="1300" y="235"/>
                    </a:lnTo>
                    <a:lnTo>
                      <a:pt x="1283" y="240"/>
                    </a:lnTo>
                    <a:lnTo>
                      <a:pt x="1265" y="243"/>
                    </a:lnTo>
                    <a:lnTo>
                      <a:pt x="1248" y="246"/>
                    </a:lnTo>
                    <a:lnTo>
                      <a:pt x="1231" y="246"/>
                    </a:lnTo>
                    <a:lnTo>
                      <a:pt x="1215" y="246"/>
                    </a:lnTo>
                    <a:lnTo>
                      <a:pt x="1199" y="245"/>
                    </a:lnTo>
                    <a:lnTo>
                      <a:pt x="1184" y="241"/>
                    </a:lnTo>
                    <a:lnTo>
                      <a:pt x="1169" y="238"/>
                    </a:lnTo>
                    <a:lnTo>
                      <a:pt x="1154" y="234"/>
                    </a:lnTo>
                    <a:lnTo>
                      <a:pt x="1140" y="229"/>
                    </a:lnTo>
                    <a:lnTo>
                      <a:pt x="1127" y="222"/>
                    </a:lnTo>
                    <a:lnTo>
                      <a:pt x="1113" y="215"/>
                    </a:lnTo>
                    <a:lnTo>
                      <a:pt x="1100" y="208"/>
                    </a:lnTo>
                    <a:lnTo>
                      <a:pt x="1087" y="199"/>
                    </a:lnTo>
                    <a:lnTo>
                      <a:pt x="1075" y="191"/>
                    </a:lnTo>
                    <a:lnTo>
                      <a:pt x="1063" y="181"/>
                    </a:lnTo>
                    <a:lnTo>
                      <a:pt x="1039" y="161"/>
                    </a:lnTo>
                    <a:lnTo>
                      <a:pt x="1017" y="140"/>
                    </a:lnTo>
                    <a:lnTo>
                      <a:pt x="996" y="117"/>
                    </a:lnTo>
                    <a:lnTo>
                      <a:pt x="975" y="94"/>
                    </a:lnTo>
                    <a:lnTo>
                      <a:pt x="937" y="47"/>
                    </a:lnTo>
                    <a:lnTo>
                      <a:pt x="902" y="2"/>
                    </a:lnTo>
                    <a:lnTo>
                      <a:pt x="888" y="0"/>
                    </a:lnTo>
                    <a:lnTo>
                      <a:pt x="874" y="0"/>
                    </a:lnTo>
                    <a:lnTo>
                      <a:pt x="862" y="2"/>
                    </a:lnTo>
                    <a:lnTo>
                      <a:pt x="853" y="7"/>
                    </a:lnTo>
                    <a:lnTo>
                      <a:pt x="845" y="11"/>
                    </a:lnTo>
                    <a:lnTo>
                      <a:pt x="837" y="17"/>
                    </a:lnTo>
                    <a:lnTo>
                      <a:pt x="831" y="24"/>
                    </a:lnTo>
                    <a:lnTo>
                      <a:pt x="825" y="32"/>
                    </a:lnTo>
                    <a:lnTo>
                      <a:pt x="814" y="47"/>
                    </a:lnTo>
                    <a:lnTo>
                      <a:pt x="801" y="61"/>
                    </a:lnTo>
                    <a:lnTo>
                      <a:pt x="795" y="68"/>
                    </a:lnTo>
                    <a:lnTo>
                      <a:pt x="787" y="73"/>
                    </a:lnTo>
                    <a:lnTo>
                      <a:pt x="777" y="77"/>
                    </a:lnTo>
                    <a:lnTo>
                      <a:pt x="767" y="80"/>
                    </a:lnTo>
                    <a:lnTo>
                      <a:pt x="756" y="74"/>
                    </a:lnTo>
                    <a:lnTo>
                      <a:pt x="747" y="67"/>
                    </a:lnTo>
                    <a:lnTo>
                      <a:pt x="737" y="58"/>
                    </a:lnTo>
                    <a:lnTo>
                      <a:pt x="728" y="51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65" name="Aalborg kant"/>
              <p:cNvSpPr>
                <a:spLocks/>
              </p:cNvSpPr>
              <p:nvPr/>
            </p:nvSpPr>
            <p:spPr bwMode="auto">
              <a:xfrm>
                <a:off x="1812925" y="2890838"/>
                <a:ext cx="477837" cy="328613"/>
              </a:xfrm>
              <a:custGeom>
                <a:avLst/>
                <a:gdLst>
                  <a:gd name="T0" fmla="*/ 79 w 902"/>
                  <a:gd name="T1" fmla="*/ 150 h 621"/>
                  <a:gd name="T2" fmla="*/ 85 w 902"/>
                  <a:gd name="T3" fmla="*/ 151 h 621"/>
                  <a:gd name="T4" fmla="*/ 90 w 902"/>
                  <a:gd name="T5" fmla="*/ 146 h 621"/>
                  <a:gd name="T6" fmla="*/ 98 w 902"/>
                  <a:gd name="T7" fmla="*/ 134 h 621"/>
                  <a:gd name="T8" fmla="*/ 107 w 902"/>
                  <a:gd name="T9" fmla="*/ 122 h 621"/>
                  <a:gd name="T10" fmla="*/ 115 w 902"/>
                  <a:gd name="T11" fmla="*/ 119 h 621"/>
                  <a:gd name="T12" fmla="*/ 126 w 902"/>
                  <a:gd name="T13" fmla="*/ 123 h 621"/>
                  <a:gd name="T14" fmla="*/ 140 w 902"/>
                  <a:gd name="T15" fmla="*/ 138 h 621"/>
                  <a:gd name="T16" fmla="*/ 169 w 902"/>
                  <a:gd name="T17" fmla="*/ 155 h 621"/>
                  <a:gd name="T18" fmla="*/ 193 w 902"/>
                  <a:gd name="T19" fmla="*/ 177 h 621"/>
                  <a:gd name="T20" fmla="*/ 210 w 902"/>
                  <a:gd name="T21" fmla="*/ 197 h 621"/>
                  <a:gd name="T22" fmla="*/ 225 w 902"/>
                  <a:gd name="T23" fmla="*/ 206 h 621"/>
                  <a:gd name="T24" fmla="*/ 241 w 902"/>
                  <a:gd name="T25" fmla="*/ 206 h 621"/>
                  <a:gd name="T26" fmla="*/ 265 w 902"/>
                  <a:gd name="T27" fmla="*/ 202 h 621"/>
                  <a:gd name="T28" fmla="*/ 283 w 902"/>
                  <a:gd name="T29" fmla="*/ 193 h 621"/>
                  <a:gd name="T30" fmla="*/ 297 w 902"/>
                  <a:gd name="T31" fmla="*/ 152 h 621"/>
                  <a:gd name="T32" fmla="*/ 301 w 902"/>
                  <a:gd name="T33" fmla="*/ 126 h 621"/>
                  <a:gd name="T34" fmla="*/ 293 w 902"/>
                  <a:gd name="T35" fmla="*/ 120 h 621"/>
                  <a:gd name="T36" fmla="*/ 288 w 902"/>
                  <a:gd name="T37" fmla="*/ 125 h 621"/>
                  <a:gd name="T38" fmla="*/ 282 w 902"/>
                  <a:gd name="T39" fmla="*/ 135 h 621"/>
                  <a:gd name="T40" fmla="*/ 274 w 902"/>
                  <a:gd name="T41" fmla="*/ 127 h 621"/>
                  <a:gd name="T42" fmla="*/ 269 w 902"/>
                  <a:gd name="T43" fmla="*/ 108 h 621"/>
                  <a:gd name="T44" fmla="*/ 256 w 902"/>
                  <a:gd name="T45" fmla="*/ 104 h 621"/>
                  <a:gd name="T46" fmla="*/ 222 w 902"/>
                  <a:gd name="T47" fmla="*/ 102 h 621"/>
                  <a:gd name="T48" fmla="*/ 197 w 902"/>
                  <a:gd name="T49" fmla="*/ 93 h 621"/>
                  <a:gd name="T50" fmla="*/ 175 w 902"/>
                  <a:gd name="T51" fmla="*/ 81 h 621"/>
                  <a:gd name="T52" fmla="*/ 144 w 902"/>
                  <a:gd name="T53" fmla="*/ 53 h 621"/>
                  <a:gd name="T54" fmla="*/ 110 w 902"/>
                  <a:gd name="T55" fmla="*/ 25 h 621"/>
                  <a:gd name="T56" fmla="*/ 85 w 902"/>
                  <a:gd name="T57" fmla="*/ 12 h 621"/>
                  <a:gd name="T58" fmla="*/ 79 w 902"/>
                  <a:gd name="T59" fmla="*/ 2 h 621"/>
                  <a:gd name="T60" fmla="*/ 67 w 902"/>
                  <a:gd name="T61" fmla="*/ 1 h 621"/>
                  <a:gd name="T62" fmla="*/ 51 w 902"/>
                  <a:gd name="T63" fmla="*/ 4 h 621"/>
                  <a:gd name="T64" fmla="*/ 48 w 902"/>
                  <a:gd name="T65" fmla="*/ 13 h 621"/>
                  <a:gd name="T66" fmla="*/ 65 w 902"/>
                  <a:gd name="T67" fmla="*/ 38 h 621"/>
                  <a:gd name="T68" fmla="*/ 78 w 902"/>
                  <a:gd name="T69" fmla="*/ 60 h 621"/>
                  <a:gd name="T70" fmla="*/ 77 w 902"/>
                  <a:gd name="T71" fmla="*/ 68 h 621"/>
                  <a:gd name="T72" fmla="*/ 71 w 902"/>
                  <a:gd name="T73" fmla="*/ 76 h 621"/>
                  <a:gd name="T74" fmla="*/ 59 w 902"/>
                  <a:gd name="T75" fmla="*/ 81 h 621"/>
                  <a:gd name="T76" fmla="*/ 47 w 902"/>
                  <a:gd name="T77" fmla="*/ 78 h 621"/>
                  <a:gd name="T78" fmla="*/ 38 w 902"/>
                  <a:gd name="T79" fmla="*/ 80 h 621"/>
                  <a:gd name="T80" fmla="*/ 21 w 902"/>
                  <a:gd name="T81" fmla="*/ 89 h 621"/>
                  <a:gd name="T82" fmla="*/ 12 w 902"/>
                  <a:gd name="T83" fmla="*/ 94 h 621"/>
                  <a:gd name="T84" fmla="*/ 8 w 902"/>
                  <a:gd name="T85" fmla="*/ 89 h 621"/>
                  <a:gd name="T86" fmla="*/ 3 w 902"/>
                  <a:gd name="T87" fmla="*/ 84 h 621"/>
                  <a:gd name="T88" fmla="*/ 0 w 902"/>
                  <a:gd name="T89" fmla="*/ 86 h 621"/>
                  <a:gd name="T90" fmla="*/ 11 w 902"/>
                  <a:gd name="T91" fmla="*/ 101 h 621"/>
                  <a:gd name="T92" fmla="*/ 29 w 902"/>
                  <a:gd name="T93" fmla="*/ 116 h 621"/>
                  <a:gd name="T94" fmla="*/ 64 w 902"/>
                  <a:gd name="T95" fmla="*/ 139 h 621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0" t="0" r="r" b="b"/>
                <a:pathLst>
                  <a:path w="902" h="621">
                    <a:moveTo>
                      <a:pt x="218" y="438"/>
                    </a:moveTo>
                    <a:lnTo>
                      <a:pt x="224" y="443"/>
                    </a:lnTo>
                    <a:lnTo>
                      <a:pt x="231" y="447"/>
                    </a:lnTo>
                    <a:lnTo>
                      <a:pt x="237" y="449"/>
                    </a:lnTo>
                    <a:lnTo>
                      <a:pt x="242" y="452"/>
                    </a:lnTo>
                    <a:lnTo>
                      <a:pt x="247" y="453"/>
                    </a:lnTo>
                    <a:lnTo>
                      <a:pt x="252" y="453"/>
                    </a:lnTo>
                    <a:lnTo>
                      <a:pt x="256" y="452"/>
                    </a:lnTo>
                    <a:lnTo>
                      <a:pt x="260" y="449"/>
                    </a:lnTo>
                    <a:lnTo>
                      <a:pt x="264" y="446"/>
                    </a:lnTo>
                    <a:lnTo>
                      <a:pt x="267" y="443"/>
                    </a:lnTo>
                    <a:lnTo>
                      <a:pt x="271" y="439"/>
                    </a:lnTo>
                    <a:lnTo>
                      <a:pt x="275" y="435"/>
                    </a:lnTo>
                    <a:lnTo>
                      <a:pt x="281" y="425"/>
                    </a:lnTo>
                    <a:lnTo>
                      <a:pt x="286" y="414"/>
                    </a:lnTo>
                    <a:lnTo>
                      <a:pt x="293" y="402"/>
                    </a:lnTo>
                    <a:lnTo>
                      <a:pt x="300" y="390"/>
                    </a:lnTo>
                    <a:lnTo>
                      <a:pt x="307" y="380"/>
                    </a:lnTo>
                    <a:lnTo>
                      <a:pt x="317" y="370"/>
                    </a:lnTo>
                    <a:lnTo>
                      <a:pt x="321" y="367"/>
                    </a:lnTo>
                    <a:lnTo>
                      <a:pt x="326" y="363"/>
                    </a:lnTo>
                    <a:lnTo>
                      <a:pt x="333" y="361"/>
                    </a:lnTo>
                    <a:lnTo>
                      <a:pt x="338" y="359"/>
                    </a:lnTo>
                    <a:lnTo>
                      <a:pt x="345" y="358"/>
                    </a:lnTo>
                    <a:lnTo>
                      <a:pt x="352" y="357"/>
                    </a:lnTo>
                    <a:lnTo>
                      <a:pt x="360" y="358"/>
                    </a:lnTo>
                    <a:lnTo>
                      <a:pt x="368" y="359"/>
                    </a:lnTo>
                    <a:lnTo>
                      <a:pt x="377" y="370"/>
                    </a:lnTo>
                    <a:lnTo>
                      <a:pt x="385" y="381"/>
                    </a:lnTo>
                    <a:lnTo>
                      <a:pt x="394" y="390"/>
                    </a:lnTo>
                    <a:lnTo>
                      <a:pt x="403" y="398"/>
                    </a:lnTo>
                    <a:lnTo>
                      <a:pt x="421" y="413"/>
                    </a:lnTo>
                    <a:lnTo>
                      <a:pt x="441" y="425"/>
                    </a:lnTo>
                    <a:lnTo>
                      <a:pt x="462" y="438"/>
                    </a:lnTo>
                    <a:lnTo>
                      <a:pt x="484" y="450"/>
                    </a:lnTo>
                    <a:lnTo>
                      <a:pt x="507" y="466"/>
                    </a:lnTo>
                    <a:lnTo>
                      <a:pt x="533" y="485"/>
                    </a:lnTo>
                    <a:lnTo>
                      <a:pt x="550" y="500"/>
                    </a:lnTo>
                    <a:lnTo>
                      <a:pt x="564" y="516"/>
                    </a:lnTo>
                    <a:lnTo>
                      <a:pt x="578" y="532"/>
                    </a:lnTo>
                    <a:lnTo>
                      <a:pt x="592" y="548"/>
                    </a:lnTo>
                    <a:lnTo>
                      <a:pt x="604" y="564"/>
                    </a:lnTo>
                    <a:lnTo>
                      <a:pt x="617" y="579"/>
                    </a:lnTo>
                    <a:lnTo>
                      <a:pt x="629" y="592"/>
                    </a:lnTo>
                    <a:lnTo>
                      <a:pt x="640" y="602"/>
                    </a:lnTo>
                    <a:lnTo>
                      <a:pt x="652" y="609"/>
                    </a:lnTo>
                    <a:lnTo>
                      <a:pt x="663" y="616"/>
                    </a:lnTo>
                    <a:lnTo>
                      <a:pt x="675" y="619"/>
                    </a:lnTo>
                    <a:lnTo>
                      <a:pt x="687" y="621"/>
                    </a:lnTo>
                    <a:lnTo>
                      <a:pt x="698" y="621"/>
                    </a:lnTo>
                    <a:lnTo>
                      <a:pt x="710" y="620"/>
                    </a:lnTo>
                    <a:lnTo>
                      <a:pt x="721" y="618"/>
                    </a:lnTo>
                    <a:lnTo>
                      <a:pt x="732" y="616"/>
                    </a:lnTo>
                    <a:lnTo>
                      <a:pt x="756" y="609"/>
                    </a:lnTo>
                    <a:lnTo>
                      <a:pt x="780" y="606"/>
                    </a:lnTo>
                    <a:lnTo>
                      <a:pt x="793" y="605"/>
                    </a:lnTo>
                    <a:lnTo>
                      <a:pt x="807" y="605"/>
                    </a:lnTo>
                    <a:lnTo>
                      <a:pt x="820" y="607"/>
                    </a:lnTo>
                    <a:lnTo>
                      <a:pt x="834" y="612"/>
                    </a:lnTo>
                    <a:lnTo>
                      <a:pt x="849" y="578"/>
                    </a:lnTo>
                    <a:lnTo>
                      <a:pt x="861" y="546"/>
                    </a:lnTo>
                    <a:lnTo>
                      <a:pt x="873" y="516"/>
                    </a:lnTo>
                    <a:lnTo>
                      <a:pt x="882" y="486"/>
                    </a:lnTo>
                    <a:lnTo>
                      <a:pt x="891" y="456"/>
                    </a:lnTo>
                    <a:lnTo>
                      <a:pt x="896" y="425"/>
                    </a:lnTo>
                    <a:lnTo>
                      <a:pt x="898" y="409"/>
                    </a:lnTo>
                    <a:lnTo>
                      <a:pt x="900" y="394"/>
                    </a:lnTo>
                    <a:lnTo>
                      <a:pt x="901" y="377"/>
                    </a:lnTo>
                    <a:lnTo>
                      <a:pt x="902" y="359"/>
                    </a:lnTo>
                    <a:lnTo>
                      <a:pt x="893" y="358"/>
                    </a:lnTo>
                    <a:lnTo>
                      <a:pt x="886" y="359"/>
                    </a:lnTo>
                    <a:lnTo>
                      <a:pt x="879" y="360"/>
                    </a:lnTo>
                    <a:lnTo>
                      <a:pt x="874" y="363"/>
                    </a:lnTo>
                    <a:lnTo>
                      <a:pt x="870" y="366"/>
                    </a:lnTo>
                    <a:lnTo>
                      <a:pt x="867" y="372"/>
                    </a:lnTo>
                    <a:lnTo>
                      <a:pt x="863" y="376"/>
                    </a:lnTo>
                    <a:lnTo>
                      <a:pt x="861" y="381"/>
                    </a:lnTo>
                    <a:lnTo>
                      <a:pt x="855" y="392"/>
                    </a:lnTo>
                    <a:lnTo>
                      <a:pt x="849" y="401"/>
                    </a:lnTo>
                    <a:lnTo>
                      <a:pt x="844" y="404"/>
                    </a:lnTo>
                    <a:lnTo>
                      <a:pt x="839" y="406"/>
                    </a:lnTo>
                    <a:lnTo>
                      <a:pt x="832" y="408"/>
                    </a:lnTo>
                    <a:lnTo>
                      <a:pt x="824" y="407"/>
                    </a:lnTo>
                    <a:lnTo>
                      <a:pt x="820" y="381"/>
                    </a:lnTo>
                    <a:lnTo>
                      <a:pt x="815" y="354"/>
                    </a:lnTo>
                    <a:lnTo>
                      <a:pt x="812" y="341"/>
                    </a:lnTo>
                    <a:lnTo>
                      <a:pt x="808" y="329"/>
                    </a:lnTo>
                    <a:lnTo>
                      <a:pt x="805" y="324"/>
                    </a:lnTo>
                    <a:lnTo>
                      <a:pt x="802" y="320"/>
                    </a:lnTo>
                    <a:lnTo>
                      <a:pt x="799" y="315"/>
                    </a:lnTo>
                    <a:lnTo>
                      <a:pt x="795" y="310"/>
                    </a:lnTo>
                    <a:lnTo>
                      <a:pt x="767" y="313"/>
                    </a:lnTo>
                    <a:lnTo>
                      <a:pt x="739" y="313"/>
                    </a:lnTo>
                    <a:lnTo>
                      <a:pt x="713" y="311"/>
                    </a:lnTo>
                    <a:lnTo>
                      <a:pt x="690" y="308"/>
                    </a:lnTo>
                    <a:lnTo>
                      <a:pt x="666" y="305"/>
                    </a:lnTo>
                    <a:lnTo>
                      <a:pt x="645" y="300"/>
                    </a:lnTo>
                    <a:lnTo>
                      <a:pt x="625" y="295"/>
                    </a:lnTo>
                    <a:lnTo>
                      <a:pt x="606" y="287"/>
                    </a:lnTo>
                    <a:lnTo>
                      <a:pt x="589" y="280"/>
                    </a:lnTo>
                    <a:lnTo>
                      <a:pt x="572" y="271"/>
                    </a:lnTo>
                    <a:lnTo>
                      <a:pt x="556" y="263"/>
                    </a:lnTo>
                    <a:lnTo>
                      <a:pt x="540" y="253"/>
                    </a:lnTo>
                    <a:lnTo>
                      <a:pt x="525" y="242"/>
                    </a:lnTo>
                    <a:lnTo>
                      <a:pt x="512" y="231"/>
                    </a:lnTo>
                    <a:lnTo>
                      <a:pt x="498" y="220"/>
                    </a:lnTo>
                    <a:lnTo>
                      <a:pt x="484" y="208"/>
                    </a:lnTo>
                    <a:lnTo>
                      <a:pt x="433" y="159"/>
                    </a:lnTo>
                    <a:lnTo>
                      <a:pt x="378" y="109"/>
                    </a:lnTo>
                    <a:lnTo>
                      <a:pt x="362" y="98"/>
                    </a:lnTo>
                    <a:lnTo>
                      <a:pt x="346" y="86"/>
                    </a:lnTo>
                    <a:lnTo>
                      <a:pt x="331" y="76"/>
                    </a:lnTo>
                    <a:lnTo>
                      <a:pt x="313" y="65"/>
                    </a:lnTo>
                    <a:lnTo>
                      <a:pt x="295" y="55"/>
                    </a:lnTo>
                    <a:lnTo>
                      <a:pt x="275" y="46"/>
                    </a:lnTo>
                    <a:lnTo>
                      <a:pt x="255" y="37"/>
                    </a:lnTo>
                    <a:lnTo>
                      <a:pt x="233" y="29"/>
                    </a:lnTo>
                    <a:lnTo>
                      <a:pt x="233" y="20"/>
                    </a:lnTo>
                    <a:lnTo>
                      <a:pt x="235" y="12"/>
                    </a:lnTo>
                    <a:lnTo>
                      <a:pt x="238" y="6"/>
                    </a:lnTo>
                    <a:lnTo>
                      <a:pt x="242" y="0"/>
                    </a:lnTo>
                    <a:lnTo>
                      <a:pt x="226" y="0"/>
                    </a:lnTo>
                    <a:lnTo>
                      <a:pt x="214" y="1"/>
                    </a:lnTo>
                    <a:lnTo>
                      <a:pt x="201" y="3"/>
                    </a:lnTo>
                    <a:lnTo>
                      <a:pt x="189" y="6"/>
                    </a:lnTo>
                    <a:lnTo>
                      <a:pt x="178" y="8"/>
                    </a:lnTo>
                    <a:lnTo>
                      <a:pt x="165" y="10"/>
                    </a:lnTo>
                    <a:lnTo>
                      <a:pt x="152" y="11"/>
                    </a:lnTo>
                    <a:lnTo>
                      <a:pt x="136" y="10"/>
                    </a:lnTo>
                    <a:lnTo>
                      <a:pt x="138" y="20"/>
                    </a:lnTo>
                    <a:lnTo>
                      <a:pt x="141" y="28"/>
                    </a:lnTo>
                    <a:lnTo>
                      <a:pt x="145" y="38"/>
                    </a:lnTo>
                    <a:lnTo>
                      <a:pt x="149" y="47"/>
                    </a:lnTo>
                    <a:lnTo>
                      <a:pt x="160" y="65"/>
                    </a:lnTo>
                    <a:lnTo>
                      <a:pt x="172" y="82"/>
                    </a:lnTo>
                    <a:lnTo>
                      <a:pt x="195" y="115"/>
                    </a:lnTo>
                    <a:lnTo>
                      <a:pt x="216" y="144"/>
                    </a:lnTo>
                    <a:lnTo>
                      <a:pt x="224" y="159"/>
                    </a:lnTo>
                    <a:lnTo>
                      <a:pt x="231" y="172"/>
                    </a:lnTo>
                    <a:lnTo>
                      <a:pt x="233" y="179"/>
                    </a:lnTo>
                    <a:lnTo>
                      <a:pt x="234" y="185"/>
                    </a:lnTo>
                    <a:lnTo>
                      <a:pt x="234" y="191"/>
                    </a:lnTo>
                    <a:lnTo>
                      <a:pt x="233" y="198"/>
                    </a:lnTo>
                    <a:lnTo>
                      <a:pt x="231" y="204"/>
                    </a:lnTo>
                    <a:lnTo>
                      <a:pt x="228" y="209"/>
                    </a:lnTo>
                    <a:lnTo>
                      <a:pt x="224" y="216"/>
                    </a:lnTo>
                    <a:lnTo>
                      <a:pt x="219" y="221"/>
                    </a:lnTo>
                    <a:lnTo>
                      <a:pt x="213" y="227"/>
                    </a:lnTo>
                    <a:lnTo>
                      <a:pt x="204" y="233"/>
                    </a:lnTo>
                    <a:lnTo>
                      <a:pt x="195" y="238"/>
                    </a:lnTo>
                    <a:lnTo>
                      <a:pt x="184" y="243"/>
                    </a:lnTo>
                    <a:lnTo>
                      <a:pt x="177" y="242"/>
                    </a:lnTo>
                    <a:lnTo>
                      <a:pt x="164" y="238"/>
                    </a:lnTo>
                    <a:lnTo>
                      <a:pt x="157" y="236"/>
                    </a:lnTo>
                    <a:lnTo>
                      <a:pt x="149" y="234"/>
                    </a:lnTo>
                    <a:lnTo>
                      <a:pt x="142" y="234"/>
                    </a:lnTo>
                    <a:lnTo>
                      <a:pt x="136" y="234"/>
                    </a:lnTo>
                    <a:lnTo>
                      <a:pt x="128" y="235"/>
                    </a:lnTo>
                    <a:lnTo>
                      <a:pt x="121" y="237"/>
                    </a:lnTo>
                    <a:lnTo>
                      <a:pt x="114" y="239"/>
                    </a:lnTo>
                    <a:lnTo>
                      <a:pt x="106" y="243"/>
                    </a:lnTo>
                    <a:lnTo>
                      <a:pt x="92" y="250"/>
                    </a:lnTo>
                    <a:lnTo>
                      <a:pt x="77" y="259"/>
                    </a:lnTo>
                    <a:lnTo>
                      <a:pt x="64" y="267"/>
                    </a:lnTo>
                    <a:lnTo>
                      <a:pt x="53" y="275"/>
                    </a:lnTo>
                    <a:lnTo>
                      <a:pt x="44" y="280"/>
                    </a:lnTo>
                    <a:lnTo>
                      <a:pt x="38" y="282"/>
                    </a:lnTo>
                    <a:lnTo>
                      <a:pt x="36" y="281"/>
                    </a:lnTo>
                    <a:lnTo>
                      <a:pt x="34" y="280"/>
                    </a:lnTo>
                    <a:lnTo>
                      <a:pt x="32" y="277"/>
                    </a:lnTo>
                    <a:lnTo>
                      <a:pt x="28" y="274"/>
                    </a:lnTo>
                    <a:lnTo>
                      <a:pt x="23" y="267"/>
                    </a:lnTo>
                    <a:lnTo>
                      <a:pt x="18" y="260"/>
                    </a:lnTo>
                    <a:lnTo>
                      <a:pt x="15" y="257"/>
                    </a:lnTo>
                    <a:lnTo>
                      <a:pt x="13" y="254"/>
                    </a:lnTo>
                    <a:lnTo>
                      <a:pt x="9" y="253"/>
                    </a:lnTo>
                    <a:lnTo>
                      <a:pt x="7" y="251"/>
                    </a:lnTo>
                    <a:lnTo>
                      <a:pt x="5" y="251"/>
                    </a:lnTo>
                    <a:lnTo>
                      <a:pt x="3" y="254"/>
                    </a:lnTo>
                    <a:lnTo>
                      <a:pt x="1" y="257"/>
                    </a:lnTo>
                    <a:lnTo>
                      <a:pt x="0" y="262"/>
                    </a:lnTo>
                    <a:lnTo>
                      <a:pt x="9" y="277"/>
                    </a:lnTo>
                    <a:lnTo>
                      <a:pt x="20" y="289"/>
                    </a:lnTo>
                    <a:lnTo>
                      <a:pt x="32" y="302"/>
                    </a:lnTo>
                    <a:lnTo>
                      <a:pt x="44" y="315"/>
                    </a:lnTo>
                    <a:lnTo>
                      <a:pt x="58" y="325"/>
                    </a:lnTo>
                    <a:lnTo>
                      <a:pt x="72" y="337"/>
                    </a:lnTo>
                    <a:lnTo>
                      <a:pt x="86" y="347"/>
                    </a:lnTo>
                    <a:lnTo>
                      <a:pt x="101" y="357"/>
                    </a:lnTo>
                    <a:lnTo>
                      <a:pt x="132" y="377"/>
                    </a:lnTo>
                    <a:lnTo>
                      <a:pt x="162" y="397"/>
                    </a:lnTo>
                    <a:lnTo>
                      <a:pt x="191" y="417"/>
                    </a:lnTo>
                    <a:lnTo>
                      <a:pt x="218" y="438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242" name="Thisted"/>
            <p:cNvSpPr>
              <a:spLocks/>
            </p:cNvSpPr>
            <p:nvPr/>
          </p:nvSpPr>
          <p:spPr bwMode="auto">
            <a:xfrm>
              <a:off x="636588" y="2987675"/>
              <a:ext cx="663575" cy="673100"/>
            </a:xfrm>
            <a:custGeom>
              <a:avLst/>
              <a:gdLst>
                <a:gd name="T0" fmla="*/ 298 w 1253"/>
                <a:gd name="T1" fmla="*/ 153 h 1274"/>
                <a:gd name="T2" fmla="*/ 294 w 1253"/>
                <a:gd name="T3" fmla="*/ 167 h 1274"/>
                <a:gd name="T4" fmla="*/ 252 w 1253"/>
                <a:gd name="T5" fmla="*/ 186 h 1274"/>
                <a:gd name="T6" fmla="*/ 208 w 1253"/>
                <a:gd name="T7" fmla="*/ 204 h 1274"/>
                <a:gd name="T8" fmla="*/ 187 w 1253"/>
                <a:gd name="T9" fmla="*/ 279 h 1274"/>
                <a:gd name="T10" fmla="*/ 160 w 1253"/>
                <a:gd name="T11" fmla="*/ 300 h 1274"/>
                <a:gd name="T12" fmla="*/ 131 w 1253"/>
                <a:gd name="T13" fmla="*/ 318 h 1274"/>
                <a:gd name="T14" fmla="*/ 123 w 1253"/>
                <a:gd name="T15" fmla="*/ 340 h 1274"/>
                <a:gd name="T16" fmla="*/ 128 w 1253"/>
                <a:gd name="T17" fmla="*/ 367 h 1274"/>
                <a:gd name="T18" fmla="*/ 121 w 1253"/>
                <a:gd name="T19" fmla="*/ 389 h 1274"/>
                <a:gd name="T20" fmla="*/ 144 w 1253"/>
                <a:gd name="T21" fmla="*/ 394 h 1274"/>
                <a:gd name="T22" fmla="*/ 140 w 1253"/>
                <a:gd name="T23" fmla="*/ 403 h 1274"/>
                <a:gd name="T24" fmla="*/ 154 w 1253"/>
                <a:gd name="T25" fmla="*/ 402 h 1274"/>
                <a:gd name="T26" fmla="*/ 148 w 1253"/>
                <a:gd name="T27" fmla="*/ 405 h 1274"/>
                <a:gd name="T28" fmla="*/ 140 w 1253"/>
                <a:gd name="T29" fmla="*/ 412 h 1274"/>
                <a:gd name="T30" fmla="*/ 121 w 1253"/>
                <a:gd name="T31" fmla="*/ 407 h 1274"/>
                <a:gd name="T32" fmla="*/ 91 w 1253"/>
                <a:gd name="T33" fmla="*/ 412 h 1274"/>
                <a:gd name="T34" fmla="*/ 80 w 1253"/>
                <a:gd name="T35" fmla="*/ 424 h 1274"/>
                <a:gd name="T36" fmla="*/ 57 w 1253"/>
                <a:gd name="T37" fmla="*/ 409 h 1274"/>
                <a:gd name="T38" fmla="*/ 38 w 1253"/>
                <a:gd name="T39" fmla="*/ 359 h 1274"/>
                <a:gd name="T40" fmla="*/ 22 w 1253"/>
                <a:gd name="T41" fmla="*/ 337 h 1274"/>
                <a:gd name="T42" fmla="*/ 14 w 1253"/>
                <a:gd name="T43" fmla="*/ 343 h 1274"/>
                <a:gd name="T44" fmla="*/ 7 w 1253"/>
                <a:gd name="T45" fmla="*/ 349 h 1274"/>
                <a:gd name="T46" fmla="*/ 14 w 1253"/>
                <a:gd name="T47" fmla="*/ 387 h 1274"/>
                <a:gd name="T48" fmla="*/ 5 w 1253"/>
                <a:gd name="T49" fmla="*/ 393 h 1274"/>
                <a:gd name="T50" fmla="*/ 1 w 1253"/>
                <a:gd name="T51" fmla="*/ 349 h 1274"/>
                <a:gd name="T52" fmla="*/ 16 w 1253"/>
                <a:gd name="T53" fmla="*/ 325 h 1274"/>
                <a:gd name="T54" fmla="*/ 28 w 1253"/>
                <a:gd name="T55" fmla="*/ 319 h 1274"/>
                <a:gd name="T56" fmla="*/ 23 w 1253"/>
                <a:gd name="T57" fmla="*/ 307 h 1274"/>
                <a:gd name="T58" fmla="*/ 10 w 1253"/>
                <a:gd name="T59" fmla="*/ 313 h 1274"/>
                <a:gd name="T60" fmla="*/ 25 w 1253"/>
                <a:gd name="T61" fmla="*/ 263 h 1274"/>
                <a:gd name="T62" fmla="*/ 99 w 1253"/>
                <a:gd name="T63" fmla="*/ 139 h 1274"/>
                <a:gd name="T64" fmla="*/ 139 w 1253"/>
                <a:gd name="T65" fmla="*/ 94 h 1274"/>
                <a:gd name="T66" fmla="*/ 175 w 1253"/>
                <a:gd name="T67" fmla="*/ 41 h 1274"/>
                <a:gd name="T68" fmla="*/ 214 w 1253"/>
                <a:gd name="T69" fmla="*/ 36 h 1274"/>
                <a:gd name="T70" fmla="*/ 257 w 1253"/>
                <a:gd name="T71" fmla="*/ 53 h 1274"/>
                <a:gd name="T72" fmla="*/ 306 w 1253"/>
                <a:gd name="T73" fmla="*/ 40 h 1274"/>
                <a:gd name="T74" fmla="*/ 364 w 1253"/>
                <a:gd name="T75" fmla="*/ 0 h 1274"/>
                <a:gd name="T76" fmla="*/ 382 w 1253"/>
                <a:gd name="T77" fmla="*/ 4 h 1274"/>
                <a:gd name="T78" fmla="*/ 391 w 1253"/>
                <a:gd name="T79" fmla="*/ 12 h 1274"/>
                <a:gd name="T80" fmla="*/ 388 w 1253"/>
                <a:gd name="T81" fmla="*/ 33 h 1274"/>
                <a:gd name="T82" fmla="*/ 387 w 1253"/>
                <a:gd name="T83" fmla="*/ 47 h 1274"/>
                <a:gd name="T84" fmla="*/ 398 w 1253"/>
                <a:gd name="T85" fmla="*/ 59 h 1274"/>
                <a:gd name="T86" fmla="*/ 398 w 1253"/>
                <a:gd name="T87" fmla="*/ 65 h 1274"/>
                <a:gd name="T88" fmla="*/ 386 w 1253"/>
                <a:gd name="T89" fmla="*/ 78 h 1274"/>
                <a:gd name="T90" fmla="*/ 396 w 1253"/>
                <a:gd name="T91" fmla="*/ 91 h 1274"/>
                <a:gd name="T92" fmla="*/ 406 w 1253"/>
                <a:gd name="T93" fmla="*/ 105 h 1274"/>
                <a:gd name="T94" fmla="*/ 411 w 1253"/>
                <a:gd name="T95" fmla="*/ 110 h 1274"/>
                <a:gd name="T96" fmla="*/ 418 w 1253"/>
                <a:gd name="T97" fmla="*/ 106 h 1274"/>
                <a:gd name="T98" fmla="*/ 407 w 1253"/>
                <a:gd name="T99" fmla="*/ 125 h 1274"/>
                <a:gd name="T100" fmla="*/ 391 w 1253"/>
                <a:gd name="T101" fmla="*/ 124 h 1274"/>
                <a:gd name="T102" fmla="*/ 356 w 1253"/>
                <a:gd name="T103" fmla="*/ 133 h 1274"/>
                <a:gd name="T104" fmla="*/ 332 w 1253"/>
                <a:gd name="T105" fmla="*/ 158 h 1274"/>
                <a:gd name="T106" fmla="*/ 322 w 1253"/>
                <a:gd name="T107" fmla="*/ 150 h 1274"/>
                <a:gd name="T108" fmla="*/ 317 w 1253"/>
                <a:gd name="T109" fmla="*/ 123 h 1274"/>
                <a:gd name="T110" fmla="*/ 307 w 1253"/>
                <a:gd name="T111" fmla="*/ 124 h 1274"/>
                <a:gd name="T112" fmla="*/ 313 w 1253"/>
                <a:gd name="T113" fmla="*/ 143 h 1274"/>
                <a:gd name="T114" fmla="*/ 302 w 1253"/>
                <a:gd name="T115" fmla="*/ 145 h 1274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1253" h="1274">
                  <a:moveTo>
                    <a:pt x="853" y="411"/>
                  </a:moveTo>
                  <a:lnTo>
                    <a:pt x="855" y="418"/>
                  </a:lnTo>
                  <a:lnTo>
                    <a:pt x="857" y="424"/>
                  </a:lnTo>
                  <a:lnTo>
                    <a:pt x="860" y="430"/>
                  </a:lnTo>
                  <a:lnTo>
                    <a:pt x="865" y="435"/>
                  </a:lnTo>
                  <a:lnTo>
                    <a:pt x="873" y="444"/>
                  </a:lnTo>
                  <a:lnTo>
                    <a:pt x="884" y="453"/>
                  </a:lnTo>
                  <a:lnTo>
                    <a:pt x="893" y="461"/>
                  </a:lnTo>
                  <a:lnTo>
                    <a:pt x="901" y="471"/>
                  </a:lnTo>
                  <a:lnTo>
                    <a:pt x="905" y="477"/>
                  </a:lnTo>
                  <a:lnTo>
                    <a:pt x="908" y="482"/>
                  </a:lnTo>
                  <a:lnTo>
                    <a:pt x="910" y="490"/>
                  </a:lnTo>
                  <a:lnTo>
                    <a:pt x="911" y="498"/>
                  </a:lnTo>
                  <a:lnTo>
                    <a:pt x="900" y="499"/>
                  </a:lnTo>
                  <a:lnTo>
                    <a:pt x="891" y="500"/>
                  </a:lnTo>
                  <a:lnTo>
                    <a:pt x="881" y="502"/>
                  </a:lnTo>
                  <a:lnTo>
                    <a:pt x="873" y="505"/>
                  </a:lnTo>
                  <a:lnTo>
                    <a:pt x="865" y="509"/>
                  </a:lnTo>
                  <a:lnTo>
                    <a:pt x="857" y="513"/>
                  </a:lnTo>
                  <a:lnTo>
                    <a:pt x="850" y="517"/>
                  </a:lnTo>
                  <a:lnTo>
                    <a:pt x="844" y="522"/>
                  </a:lnTo>
                  <a:lnTo>
                    <a:pt x="818" y="543"/>
                  </a:lnTo>
                  <a:lnTo>
                    <a:pt x="795" y="565"/>
                  </a:lnTo>
                  <a:lnTo>
                    <a:pt x="755" y="559"/>
                  </a:lnTo>
                  <a:lnTo>
                    <a:pt x="721" y="554"/>
                  </a:lnTo>
                  <a:lnTo>
                    <a:pt x="691" y="550"/>
                  </a:lnTo>
                  <a:lnTo>
                    <a:pt x="659" y="546"/>
                  </a:lnTo>
                  <a:lnTo>
                    <a:pt x="652" y="556"/>
                  </a:lnTo>
                  <a:lnTo>
                    <a:pt x="645" y="565"/>
                  </a:lnTo>
                  <a:lnTo>
                    <a:pt x="639" y="576"/>
                  </a:lnTo>
                  <a:lnTo>
                    <a:pt x="634" y="588"/>
                  </a:lnTo>
                  <a:lnTo>
                    <a:pt x="625" y="612"/>
                  </a:lnTo>
                  <a:lnTo>
                    <a:pt x="617" y="638"/>
                  </a:lnTo>
                  <a:lnTo>
                    <a:pt x="606" y="693"/>
                  </a:lnTo>
                  <a:lnTo>
                    <a:pt x="594" y="750"/>
                  </a:lnTo>
                  <a:lnTo>
                    <a:pt x="588" y="776"/>
                  </a:lnTo>
                  <a:lnTo>
                    <a:pt x="579" y="802"/>
                  </a:lnTo>
                  <a:lnTo>
                    <a:pt x="574" y="815"/>
                  </a:lnTo>
                  <a:lnTo>
                    <a:pt x="569" y="827"/>
                  </a:lnTo>
                  <a:lnTo>
                    <a:pt x="562" y="838"/>
                  </a:lnTo>
                  <a:lnTo>
                    <a:pt x="555" y="849"/>
                  </a:lnTo>
                  <a:lnTo>
                    <a:pt x="547" y="858"/>
                  </a:lnTo>
                  <a:lnTo>
                    <a:pt x="538" y="868"/>
                  </a:lnTo>
                  <a:lnTo>
                    <a:pt x="529" y="876"/>
                  </a:lnTo>
                  <a:lnTo>
                    <a:pt x="518" y="884"/>
                  </a:lnTo>
                  <a:lnTo>
                    <a:pt x="507" y="891"/>
                  </a:lnTo>
                  <a:lnTo>
                    <a:pt x="494" y="897"/>
                  </a:lnTo>
                  <a:lnTo>
                    <a:pt x="480" y="901"/>
                  </a:lnTo>
                  <a:lnTo>
                    <a:pt x="464" y="906"/>
                  </a:lnTo>
                  <a:lnTo>
                    <a:pt x="460" y="913"/>
                  </a:lnTo>
                  <a:lnTo>
                    <a:pt x="455" y="920"/>
                  </a:lnTo>
                  <a:lnTo>
                    <a:pt x="449" y="926"/>
                  </a:lnTo>
                  <a:lnTo>
                    <a:pt x="442" y="931"/>
                  </a:lnTo>
                  <a:lnTo>
                    <a:pt x="427" y="940"/>
                  </a:lnTo>
                  <a:lnTo>
                    <a:pt x="411" y="948"/>
                  </a:lnTo>
                  <a:lnTo>
                    <a:pt x="394" y="956"/>
                  </a:lnTo>
                  <a:lnTo>
                    <a:pt x="379" y="966"/>
                  </a:lnTo>
                  <a:lnTo>
                    <a:pt x="373" y="971"/>
                  </a:lnTo>
                  <a:lnTo>
                    <a:pt x="367" y="977"/>
                  </a:lnTo>
                  <a:lnTo>
                    <a:pt x="362" y="985"/>
                  </a:lnTo>
                  <a:lnTo>
                    <a:pt x="358" y="993"/>
                  </a:lnTo>
                  <a:lnTo>
                    <a:pt x="360" y="1003"/>
                  </a:lnTo>
                  <a:lnTo>
                    <a:pt x="364" y="1013"/>
                  </a:lnTo>
                  <a:lnTo>
                    <a:pt x="369" y="1021"/>
                  </a:lnTo>
                  <a:lnTo>
                    <a:pt x="375" y="1029"/>
                  </a:lnTo>
                  <a:lnTo>
                    <a:pt x="381" y="1036"/>
                  </a:lnTo>
                  <a:lnTo>
                    <a:pt x="387" y="1043"/>
                  </a:lnTo>
                  <a:lnTo>
                    <a:pt x="392" y="1052"/>
                  </a:lnTo>
                  <a:lnTo>
                    <a:pt x="397" y="1060"/>
                  </a:lnTo>
                  <a:lnTo>
                    <a:pt x="392" y="1074"/>
                  </a:lnTo>
                  <a:lnTo>
                    <a:pt x="389" y="1088"/>
                  </a:lnTo>
                  <a:lnTo>
                    <a:pt x="384" y="1104"/>
                  </a:lnTo>
                  <a:lnTo>
                    <a:pt x="381" y="1118"/>
                  </a:lnTo>
                  <a:lnTo>
                    <a:pt x="377" y="1132"/>
                  </a:lnTo>
                  <a:lnTo>
                    <a:pt x="373" y="1146"/>
                  </a:lnTo>
                  <a:lnTo>
                    <a:pt x="370" y="1152"/>
                  </a:lnTo>
                  <a:lnTo>
                    <a:pt x="367" y="1157"/>
                  </a:lnTo>
                  <a:lnTo>
                    <a:pt x="362" y="1162"/>
                  </a:lnTo>
                  <a:lnTo>
                    <a:pt x="358" y="1167"/>
                  </a:lnTo>
                  <a:lnTo>
                    <a:pt x="362" y="1169"/>
                  </a:lnTo>
                  <a:lnTo>
                    <a:pt x="370" y="1170"/>
                  </a:lnTo>
                  <a:lnTo>
                    <a:pt x="379" y="1170"/>
                  </a:lnTo>
                  <a:lnTo>
                    <a:pt x="390" y="1171"/>
                  </a:lnTo>
                  <a:lnTo>
                    <a:pt x="401" y="1171"/>
                  </a:lnTo>
                  <a:lnTo>
                    <a:pt x="413" y="1172"/>
                  </a:lnTo>
                  <a:lnTo>
                    <a:pt x="424" y="1174"/>
                  </a:lnTo>
                  <a:lnTo>
                    <a:pt x="436" y="1177"/>
                  </a:lnTo>
                  <a:lnTo>
                    <a:pt x="431" y="1185"/>
                  </a:lnTo>
                  <a:lnTo>
                    <a:pt x="428" y="1193"/>
                  </a:lnTo>
                  <a:lnTo>
                    <a:pt x="427" y="1198"/>
                  </a:lnTo>
                  <a:lnTo>
                    <a:pt x="423" y="1201"/>
                  </a:lnTo>
                  <a:lnTo>
                    <a:pt x="420" y="1205"/>
                  </a:lnTo>
                  <a:lnTo>
                    <a:pt x="416" y="1206"/>
                  </a:lnTo>
                  <a:lnTo>
                    <a:pt x="416" y="1210"/>
                  </a:lnTo>
                  <a:lnTo>
                    <a:pt x="417" y="1212"/>
                  </a:lnTo>
                  <a:lnTo>
                    <a:pt x="419" y="1212"/>
                  </a:lnTo>
                  <a:lnTo>
                    <a:pt x="422" y="1212"/>
                  </a:lnTo>
                  <a:lnTo>
                    <a:pt x="432" y="1210"/>
                  </a:lnTo>
                  <a:lnTo>
                    <a:pt x="442" y="1207"/>
                  </a:lnTo>
                  <a:lnTo>
                    <a:pt x="447" y="1206"/>
                  </a:lnTo>
                  <a:lnTo>
                    <a:pt x="452" y="1205"/>
                  </a:lnTo>
                  <a:lnTo>
                    <a:pt x="456" y="1205"/>
                  </a:lnTo>
                  <a:lnTo>
                    <a:pt x="460" y="1206"/>
                  </a:lnTo>
                  <a:lnTo>
                    <a:pt x="463" y="1208"/>
                  </a:lnTo>
                  <a:lnTo>
                    <a:pt x="466" y="1212"/>
                  </a:lnTo>
                  <a:lnTo>
                    <a:pt x="466" y="1217"/>
                  </a:lnTo>
                  <a:lnTo>
                    <a:pt x="464" y="1226"/>
                  </a:lnTo>
                  <a:lnTo>
                    <a:pt x="461" y="1222"/>
                  </a:lnTo>
                  <a:lnTo>
                    <a:pt x="457" y="1219"/>
                  </a:lnTo>
                  <a:lnTo>
                    <a:pt x="453" y="1218"/>
                  </a:lnTo>
                  <a:lnTo>
                    <a:pt x="449" y="1217"/>
                  </a:lnTo>
                  <a:lnTo>
                    <a:pt x="444" y="1217"/>
                  </a:lnTo>
                  <a:lnTo>
                    <a:pt x="440" y="1218"/>
                  </a:lnTo>
                  <a:lnTo>
                    <a:pt x="436" y="1219"/>
                  </a:lnTo>
                  <a:lnTo>
                    <a:pt x="433" y="1221"/>
                  </a:lnTo>
                  <a:lnTo>
                    <a:pt x="430" y="1225"/>
                  </a:lnTo>
                  <a:lnTo>
                    <a:pt x="426" y="1228"/>
                  </a:lnTo>
                  <a:lnTo>
                    <a:pt x="423" y="1231"/>
                  </a:lnTo>
                  <a:lnTo>
                    <a:pt x="420" y="1235"/>
                  </a:lnTo>
                  <a:lnTo>
                    <a:pt x="419" y="1239"/>
                  </a:lnTo>
                  <a:lnTo>
                    <a:pt x="417" y="1245"/>
                  </a:lnTo>
                  <a:lnTo>
                    <a:pt x="416" y="1249"/>
                  </a:lnTo>
                  <a:lnTo>
                    <a:pt x="416" y="1254"/>
                  </a:lnTo>
                  <a:lnTo>
                    <a:pt x="409" y="1246"/>
                  </a:lnTo>
                  <a:lnTo>
                    <a:pt x="399" y="1238"/>
                  </a:lnTo>
                  <a:lnTo>
                    <a:pt x="389" y="1233"/>
                  </a:lnTo>
                  <a:lnTo>
                    <a:pt x="377" y="1228"/>
                  </a:lnTo>
                  <a:lnTo>
                    <a:pt x="364" y="1224"/>
                  </a:lnTo>
                  <a:lnTo>
                    <a:pt x="352" y="1221"/>
                  </a:lnTo>
                  <a:lnTo>
                    <a:pt x="339" y="1219"/>
                  </a:lnTo>
                  <a:lnTo>
                    <a:pt x="327" y="1219"/>
                  </a:lnTo>
                  <a:lnTo>
                    <a:pt x="314" y="1221"/>
                  </a:lnTo>
                  <a:lnTo>
                    <a:pt x="301" y="1224"/>
                  </a:lnTo>
                  <a:lnTo>
                    <a:pt x="290" y="1229"/>
                  </a:lnTo>
                  <a:lnTo>
                    <a:pt x="279" y="1234"/>
                  </a:lnTo>
                  <a:lnTo>
                    <a:pt x="274" y="1238"/>
                  </a:lnTo>
                  <a:lnTo>
                    <a:pt x="270" y="1241"/>
                  </a:lnTo>
                  <a:lnTo>
                    <a:pt x="265" y="1246"/>
                  </a:lnTo>
                  <a:lnTo>
                    <a:pt x="262" y="1251"/>
                  </a:lnTo>
                  <a:lnTo>
                    <a:pt x="258" y="1256"/>
                  </a:lnTo>
                  <a:lnTo>
                    <a:pt x="256" y="1261"/>
                  </a:lnTo>
                  <a:lnTo>
                    <a:pt x="253" y="1268"/>
                  </a:lnTo>
                  <a:lnTo>
                    <a:pt x="252" y="1274"/>
                  </a:lnTo>
                  <a:lnTo>
                    <a:pt x="239" y="1274"/>
                  </a:lnTo>
                  <a:lnTo>
                    <a:pt x="228" y="1272"/>
                  </a:lnTo>
                  <a:lnTo>
                    <a:pt x="217" y="1270"/>
                  </a:lnTo>
                  <a:lnTo>
                    <a:pt x="208" y="1266"/>
                  </a:lnTo>
                  <a:lnTo>
                    <a:pt x="199" y="1260"/>
                  </a:lnTo>
                  <a:lnTo>
                    <a:pt x="191" y="1254"/>
                  </a:lnTo>
                  <a:lnTo>
                    <a:pt x="183" y="1247"/>
                  </a:lnTo>
                  <a:lnTo>
                    <a:pt x="177" y="1238"/>
                  </a:lnTo>
                  <a:lnTo>
                    <a:pt x="171" y="1229"/>
                  </a:lnTo>
                  <a:lnTo>
                    <a:pt x="164" y="1219"/>
                  </a:lnTo>
                  <a:lnTo>
                    <a:pt x="159" y="1209"/>
                  </a:lnTo>
                  <a:lnTo>
                    <a:pt x="155" y="1197"/>
                  </a:lnTo>
                  <a:lnTo>
                    <a:pt x="145" y="1174"/>
                  </a:lnTo>
                  <a:lnTo>
                    <a:pt x="138" y="1150"/>
                  </a:lnTo>
                  <a:lnTo>
                    <a:pt x="131" y="1126"/>
                  </a:lnTo>
                  <a:lnTo>
                    <a:pt x="123" y="1102"/>
                  </a:lnTo>
                  <a:lnTo>
                    <a:pt x="115" y="1079"/>
                  </a:lnTo>
                  <a:lnTo>
                    <a:pt x="106" y="1059"/>
                  </a:lnTo>
                  <a:lnTo>
                    <a:pt x="102" y="1050"/>
                  </a:lnTo>
                  <a:lnTo>
                    <a:pt x="97" y="1041"/>
                  </a:lnTo>
                  <a:lnTo>
                    <a:pt x="92" y="1034"/>
                  </a:lnTo>
                  <a:lnTo>
                    <a:pt x="86" y="1027"/>
                  </a:lnTo>
                  <a:lnTo>
                    <a:pt x="80" y="1021"/>
                  </a:lnTo>
                  <a:lnTo>
                    <a:pt x="73" y="1017"/>
                  </a:lnTo>
                  <a:lnTo>
                    <a:pt x="65" y="1014"/>
                  </a:lnTo>
                  <a:lnTo>
                    <a:pt x="57" y="1012"/>
                  </a:lnTo>
                  <a:lnTo>
                    <a:pt x="55" y="1012"/>
                  </a:lnTo>
                  <a:lnTo>
                    <a:pt x="53" y="1013"/>
                  </a:lnTo>
                  <a:lnTo>
                    <a:pt x="51" y="1015"/>
                  </a:lnTo>
                  <a:lnTo>
                    <a:pt x="50" y="1018"/>
                  </a:lnTo>
                  <a:lnTo>
                    <a:pt x="46" y="1023"/>
                  </a:lnTo>
                  <a:lnTo>
                    <a:pt x="44" y="1029"/>
                  </a:lnTo>
                  <a:lnTo>
                    <a:pt x="43" y="1031"/>
                  </a:lnTo>
                  <a:lnTo>
                    <a:pt x="43" y="1032"/>
                  </a:lnTo>
                  <a:lnTo>
                    <a:pt x="42" y="1033"/>
                  </a:lnTo>
                  <a:lnTo>
                    <a:pt x="41" y="1032"/>
                  </a:lnTo>
                  <a:lnTo>
                    <a:pt x="40" y="1026"/>
                  </a:lnTo>
                  <a:lnTo>
                    <a:pt x="38" y="1012"/>
                  </a:lnTo>
                  <a:lnTo>
                    <a:pt x="31" y="1025"/>
                  </a:lnTo>
                  <a:lnTo>
                    <a:pt x="25" y="1037"/>
                  </a:lnTo>
                  <a:lnTo>
                    <a:pt x="22" y="1049"/>
                  </a:lnTo>
                  <a:lnTo>
                    <a:pt x="21" y="1060"/>
                  </a:lnTo>
                  <a:lnTo>
                    <a:pt x="22" y="1071"/>
                  </a:lnTo>
                  <a:lnTo>
                    <a:pt x="23" y="1082"/>
                  </a:lnTo>
                  <a:lnTo>
                    <a:pt x="26" y="1093"/>
                  </a:lnTo>
                  <a:lnTo>
                    <a:pt x="30" y="1105"/>
                  </a:lnTo>
                  <a:lnTo>
                    <a:pt x="36" y="1127"/>
                  </a:lnTo>
                  <a:lnTo>
                    <a:pt x="41" y="1151"/>
                  </a:lnTo>
                  <a:lnTo>
                    <a:pt x="43" y="1164"/>
                  </a:lnTo>
                  <a:lnTo>
                    <a:pt x="43" y="1177"/>
                  </a:lnTo>
                  <a:lnTo>
                    <a:pt x="41" y="1191"/>
                  </a:lnTo>
                  <a:lnTo>
                    <a:pt x="38" y="1206"/>
                  </a:lnTo>
                  <a:lnTo>
                    <a:pt x="34" y="1204"/>
                  </a:lnTo>
                  <a:lnTo>
                    <a:pt x="30" y="1200"/>
                  </a:lnTo>
                  <a:lnTo>
                    <a:pt x="25" y="1197"/>
                  </a:lnTo>
                  <a:lnTo>
                    <a:pt x="22" y="1193"/>
                  </a:lnTo>
                  <a:lnTo>
                    <a:pt x="16" y="1182"/>
                  </a:lnTo>
                  <a:lnTo>
                    <a:pt x="11" y="1170"/>
                  </a:lnTo>
                  <a:lnTo>
                    <a:pt x="6" y="1156"/>
                  </a:lnTo>
                  <a:lnTo>
                    <a:pt x="3" y="1140"/>
                  </a:lnTo>
                  <a:lnTo>
                    <a:pt x="2" y="1124"/>
                  </a:lnTo>
                  <a:lnTo>
                    <a:pt x="1" y="1106"/>
                  </a:lnTo>
                  <a:lnTo>
                    <a:pt x="0" y="1087"/>
                  </a:lnTo>
                  <a:lnTo>
                    <a:pt x="1" y="1068"/>
                  </a:lnTo>
                  <a:lnTo>
                    <a:pt x="2" y="1049"/>
                  </a:lnTo>
                  <a:lnTo>
                    <a:pt x="4" y="1031"/>
                  </a:lnTo>
                  <a:lnTo>
                    <a:pt x="7" y="1012"/>
                  </a:lnTo>
                  <a:lnTo>
                    <a:pt x="11" y="995"/>
                  </a:lnTo>
                  <a:lnTo>
                    <a:pt x="14" y="978"/>
                  </a:lnTo>
                  <a:lnTo>
                    <a:pt x="18" y="963"/>
                  </a:lnTo>
                  <a:lnTo>
                    <a:pt x="31" y="970"/>
                  </a:lnTo>
                  <a:lnTo>
                    <a:pt x="42" y="975"/>
                  </a:lnTo>
                  <a:lnTo>
                    <a:pt x="49" y="976"/>
                  </a:lnTo>
                  <a:lnTo>
                    <a:pt x="55" y="977"/>
                  </a:lnTo>
                  <a:lnTo>
                    <a:pt x="60" y="977"/>
                  </a:lnTo>
                  <a:lnTo>
                    <a:pt x="65" y="977"/>
                  </a:lnTo>
                  <a:lnTo>
                    <a:pt x="70" y="975"/>
                  </a:lnTo>
                  <a:lnTo>
                    <a:pt x="75" y="973"/>
                  </a:lnTo>
                  <a:lnTo>
                    <a:pt x="78" y="970"/>
                  </a:lnTo>
                  <a:lnTo>
                    <a:pt x="81" y="966"/>
                  </a:lnTo>
                  <a:lnTo>
                    <a:pt x="84" y="959"/>
                  </a:lnTo>
                  <a:lnTo>
                    <a:pt x="85" y="952"/>
                  </a:lnTo>
                  <a:lnTo>
                    <a:pt x="86" y="945"/>
                  </a:lnTo>
                  <a:lnTo>
                    <a:pt x="86" y="934"/>
                  </a:lnTo>
                  <a:lnTo>
                    <a:pt x="84" y="931"/>
                  </a:lnTo>
                  <a:lnTo>
                    <a:pt x="81" y="928"/>
                  </a:lnTo>
                  <a:lnTo>
                    <a:pt x="78" y="926"/>
                  </a:lnTo>
                  <a:lnTo>
                    <a:pt x="74" y="923"/>
                  </a:lnTo>
                  <a:lnTo>
                    <a:pt x="70" y="923"/>
                  </a:lnTo>
                  <a:lnTo>
                    <a:pt x="65" y="923"/>
                  </a:lnTo>
                  <a:lnTo>
                    <a:pt x="60" y="924"/>
                  </a:lnTo>
                  <a:lnTo>
                    <a:pt x="55" y="926"/>
                  </a:lnTo>
                  <a:lnTo>
                    <a:pt x="45" y="929"/>
                  </a:lnTo>
                  <a:lnTo>
                    <a:pt x="37" y="933"/>
                  </a:lnTo>
                  <a:lnTo>
                    <a:pt x="34" y="936"/>
                  </a:lnTo>
                  <a:lnTo>
                    <a:pt x="31" y="938"/>
                  </a:lnTo>
                  <a:lnTo>
                    <a:pt x="30" y="941"/>
                  </a:lnTo>
                  <a:lnTo>
                    <a:pt x="29" y="945"/>
                  </a:lnTo>
                  <a:lnTo>
                    <a:pt x="33" y="921"/>
                  </a:lnTo>
                  <a:lnTo>
                    <a:pt x="37" y="898"/>
                  </a:lnTo>
                  <a:lnTo>
                    <a:pt x="43" y="876"/>
                  </a:lnTo>
                  <a:lnTo>
                    <a:pt x="50" y="854"/>
                  </a:lnTo>
                  <a:lnTo>
                    <a:pt x="57" y="833"/>
                  </a:lnTo>
                  <a:lnTo>
                    <a:pt x="65" y="811"/>
                  </a:lnTo>
                  <a:lnTo>
                    <a:pt x="74" y="790"/>
                  </a:lnTo>
                  <a:lnTo>
                    <a:pt x="82" y="769"/>
                  </a:lnTo>
                  <a:lnTo>
                    <a:pt x="102" y="728"/>
                  </a:lnTo>
                  <a:lnTo>
                    <a:pt x="123" y="688"/>
                  </a:lnTo>
                  <a:lnTo>
                    <a:pt x="146" y="648"/>
                  </a:lnTo>
                  <a:lnTo>
                    <a:pt x="171" y="609"/>
                  </a:lnTo>
                  <a:lnTo>
                    <a:pt x="221" y="532"/>
                  </a:lnTo>
                  <a:lnTo>
                    <a:pt x="272" y="456"/>
                  </a:lnTo>
                  <a:lnTo>
                    <a:pt x="297" y="418"/>
                  </a:lnTo>
                  <a:lnTo>
                    <a:pt x="322" y="380"/>
                  </a:lnTo>
                  <a:lnTo>
                    <a:pt x="346" y="342"/>
                  </a:lnTo>
                  <a:lnTo>
                    <a:pt x="368" y="303"/>
                  </a:lnTo>
                  <a:lnTo>
                    <a:pt x="377" y="301"/>
                  </a:lnTo>
                  <a:lnTo>
                    <a:pt x="387" y="298"/>
                  </a:lnTo>
                  <a:lnTo>
                    <a:pt x="395" y="295"/>
                  </a:lnTo>
                  <a:lnTo>
                    <a:pt x="403" y="291"/>
                  </a:lnTo>
                  <a:lnTo>
                    <a:pt x="418" y="281"/>
                  </a:lnTo>
                  <a:lnTo>
                    <a:pt x="433" y="271"/>
                  </a:lnTo>
                  <a:lnTo>
                    <a:pt x="446" y="259"/>
                  </a:lnTo>
                  <a:lnTo>
                    <a:pt x="456" y="246"/>
                  </a:lnTo>
                  <a:lnTo>
                    <a:pt x="467" y="233"/>
                  </a:lnTo>
                  <a:lnTo>
                    <a:pt x="477" y="218"/>
                  </a:lnTo>
                  <a:lnTo>
                    <a:pt x="494" y="187"/>
                  </a:lnTo>
                  <a:lnTo>
                    <a:pt x="511" y="155"/>
                  </a:lnTo>
                  <a:lnTo>
                    <a:pt x="526" y="122"/>
                  </a:lnTo>
                  <a:lnTo>
                    <a:pt x="542" y="89"/>
                  </a:lnTo>
                  <a:lnTo>
                    <a:pt x="558" y="87"/>
                  </a:lnTo>
                  <a:lnTo>
                    <a:pt x="573" y="87"/>
                  </a:lnTo>
                  <a:lnTo>
                    <a:pt x="588" y="88"/>
                  </a:lnTo>
                  <a:lnTo>
                    <a:pt x="601" y="92"/>
                  </a:lnTo>
                  <a:lnTo>
                    <a:pt x="615" y="96"/>
                  </a:lnTo>
                  <a:lnTo>
                    <a:pt x="628" y="101"/>
                  </a:lnTo>
                  <a:lnTo>
                    <a:pt x="640" y="107"/>
                  </a:lnTo>
                  <a:lnTo>
                    <a:pt x="653" y="114"/>
                  </a:lnTo>
                  <a:lnTo>
                    <a:pt x="678" y="128"/>
                  </a:lnTo>
                  <a:lnTo>
                    <a:pt x="704" y="141"/>
                  </a:lnTo>
                  <a:lnTo>
                    <a:pt x="716" y="147"/>
                  </a:lnTo>
                  <a:lnTo>
                    <a:pt x="729" y="153"/>
                  </a:lnTo>
                  <a:lnTo>
                    <a:pt x="742" y="156"/>
                  </a:lnTo>
                  <a:lnTo>
                    <a:pt x="756" y="158"/>
                  </a:lnTo>
                  <a:lnTo>
                    <a:pt x="769" y="159"/>
                  </a:lnTo>
                  <a:lnTo>
                    <a:pt x="780" y="159"/>
                  </a:lnTo>
                  <a:lnTo>
                    <a:pt x="793" y="159"/>
                  </a:lnTo>
                  <a:lnTo>
                    <a:pt x="805" y="158"/>
                  </a:lnTo>
                  <a:lnTo>
                    <a:pt x="829" y="154"/>
                  </a:lnTo>
                  <a:lnTo>
                    <a:pt x="852" y="148"/>
                  </a:lnTo>
                  <a:lnTo>
                    <a:pt x="874" y="141"/>
                  </a:lnTo>
                  <a:lnTo>
                    <a:pt x="896" y="132"/>
                  </a:lnTo>
                  <a:lnTo>
                    <a:pt x="917" y="121"/>
                  </a:lnTo>
                  <a:lnTo>
                    <a:pt x="938" y="109"/>
                  </a:lnTo>
                  <a:lnTo>
                    <a:pt x="958" y="97"/>
                  </a:lnTo>
                  <a:lnTo>
                    <a:pt x="978" y="84"/>
                  </a:lnTo>
                  <a:lnTo>
                    <a:pt x="997" y="71"/>
                  </a:lnTo>
                  <a:lnTo>
                    <a:pt x="1016" y="57"/>
                  </a:lnTo>
                  <a:lnTo>
                    <a:pt x="1052" y="28"/>
                  </a:lnTo>
                  <a:lnTo>
                    <a:pt x="1086" y="2"/>
                  </a:lnTo>
                  <a:lnTo>
                    <a:pt x="1091" y="1"/>
                  </a:lnTo>
                  <a:lnTo>
                    <a:pt x="1097" y="0"/>
                  </a:lnTo>
                  <a:lnTo>
                    <a:pt x="1103" y="0"/>
                  </a:lnTo>
                  <a:lnTo>
                    <a:pt x="1107" y="1"/>
                  </a:lnTo>
                  <a:lnTo>
                    <a:pt x="1117" y="4"/>
                  </a:lnTo>
                  <a:lnTo>
                    <a:pt x="1126" y="8"/>
                  </a:lnTo>
                  <a:lnTo>
                    <a:pt x="1134" y="12"/>
                  </a:lnTo>
                  <a:lnTo>
                    <a:pt x="1142" y="13"/>
                  </a:lnTo>
                  <a:lnTo>
                    <a:pt x="1145" y="13"/>
                  </a:lnTo>
                  <a:lnTo>
                    <a:pt x="1148" y="10"/>
                  </a:lnTo>
                  <a:lnTo>
                    <a:pt x="1151" y="7"/>
                  </a:lnTo>
                  <a:lnTo>
                    <a:pt x="1154" y="2"/>
                  </a:lnTo>
                  <a:lnTo>
                    <a:pt x="1158" y="7"/>
                  </a:lnTo>
                  <a:lnTo>
                    <a:pt x="1163" y="13"/>
                  </a:lnTo>
                  <a:lnTo>
                    <a:pt x="1166" y="19"/>
                  </a:lnTo>
                  <a:lnTo>
                    <a:pt x="1169" y="27"/>
                  </a:lnTo>
                  <a:lnTo>
                    <a:pt x="1171" y="35"/>
                  </a:lnTo>
                  <a:lnTo>
                    <a:pt x="1172" y="43"/>
                  </a:lnTo>
                  <a:lnTo>
                    <a:pt x="1173" y="53"/>
                  </a:lnTo>
                  <a:lnTo>
                    <a:pt x="1174" y="61"/>
                  </a:lnTo>
                  <a:lnTo>
                    <a:pt x="1173" y="69"/>
                  </a:lnTo>
                  <a:lnTo>
                    <a:pt x="1172" y="78"/>
                  </a:lnTo>
                  <a:lnTo>
                    <a:pt x="1170" y="86"/>
                  </a:lnTo>
                  <a:lnTo>
                    <a:pt x="1167" y="93"/>
                  </a:lnTo>
                  <a:lnTo>
                    <a:pt x="1163" y="99"/>
                  </a:lnTo>
                  <a:lnTo>
                    <a:pt x="1157" y="104"/>
                  </a:lnTo>
                  <a:lnTo>
                    <a:pt x="1151" y="107"/>
                  </a:lnTo>
                  <a:lnTo>
                    <a:pt x="1144" y="109"/>
                  </a:lnTo>
                  <a:lnTo>
                    <a:pt x="1148" y="114"/>
                  </a:lnTo>
                  <a:lnTo>
                    <a:pt x="1151" y="118"/>
                  </a:lnTo>
                  <a:lnTo>
                    <a:pt x="1154" y="123"/>
                  </a:lnTo>
                  <a:lnTo>
                    <a:pt x="1156" y="128"/>
                  </a:lnTo>
                  <a:lnTo>
                    <a:pt x="1161" y="140"/>
                  </a:lnTo>
                  <a:lnTo>
                    <a:pt x="1165" y="152"/>
                  </a:lnTo>
                  <a:lnTo>
                    <a:pt x="1168" y="157"/>
                  </a:lnTo>
                  <a:lnTo>
                    <a:pt x="1170" y="162"/>
                  </a:lnTo>
                  <a:lnTo>
                    <a:pt x="1174" y="166"/>
                  </a:lnTo>
                  <a:lnTo>
                    <a:pt x="1177" y="171"/>
                  </a:lnTo>
                  <a:lnTo>
                    <a:pt x="1183" y="174"/>
                  </a:lnTo>
                  <a:lnTo>
                    <a:pt x="1188" y="176"/>
                  </a:lnTo>
                  <a:lnTo>
                    <a:pt x="1194" y="177"/>
                  </a:lnTo>
                  <a:lnTo>
                    <a:pt x="1203" y="177"/>
                  </a:lnTo>
                  <a:lnTo>
                    <a:pt x="1202" y="182"/>
                  </a:lnTo>
                  <a:lnTo>
                    <a:pt x="1201" y="186"/>
                  </a:lnTo>
                  <a:lnTo>
                    <a:pt x="1199" y="190"/>
                  </a:lnTo>
                  <a:lnTo>
                    <a:pt x="1198" y="192"/>
                  </a:lnTo>
                  <a:lnTo>
                    <a:pt x="1196" y="194"/>
                  </a:lnTo>
                  <a:lnTo>
                    <a:pt x="1194" y="194"/>
                  </a:lnTo>
                  <a:lnTo>
                    <a:pt x="1192" y="195"/>
                  </a:lnTo>
                  <a:lnTo>
                    <a:pt x="1189" y="194"/>
                  </a:lnTo>
                  <a:lnTo>
                    <a:pt x="1183" y="194"/>
                  </a:lnTo>
                  <a:lnTo>
                    <a:pt x="1174" y="193"/>
                  </a:lnTo>
                  <a:lnTo>
                    <a:pt x="1165" y="194"/>
                  </a:lnTo>
                  <a:lnTo>
                    <a:pt x="1154" y="197"/>
                  </a:lnTo>
                  <a:lnTo>
                    <a:pt x="1155" y="213"/>
                  </a:lnTo>
                  <a:lnTo>
                    <a:pt x="1156" y="227"/>
                  </a:lnTo>
                  <a:lnTo>
                    <a:pt x="1158" y="235"/>
                  </a:lnTo>
                  <a:lnTo>
                    <a:pt x="1159" y="242"/>
                  </a:lnTo>
                  <a:lnTo>
                    <a:pt x="1162" y="248"/>
                  </a:lnTo>
                  <a:lnTo>
                    <a:pt x="1165" y="254"/>
                  </a:lnTo>
                  <a:lnTo>
                    <a:pt x="1168" y="259"/>
                  </a:lnTo>
                  <a:lnTo>
                    <a:pt x="1171" y="264"/>
                  </a:lnTo>
                  <a:lnTo>
                    <a:pt x="1176" y="267"/>
                  </a:lnTo>
                  <a:lnTo>
                    <a:pt x="1182" y="271"/>
                  </a:lnTo>
                  <a:lnTo>
                    <a:pt x="1188" y="274"/>
                  </a:lnTo>
                  <a:lnTo>
                    <a:pt x="1194" y="275"/>
                  </a:lnTo>
                  <a:lnTo>
                    <a:pt x="1203" y="275"/>
                  </a:lnTo>
                  <a:lnTo>
                    <a:pt x="1212" y="275"/>
                  </a:lnTo>
                  <a:lnTo>
                    <a:pt x="1210" y="285"/>
                  </a:lnTo>
                  <a:lnTo>
                    <a:pt x="1211" y="295"/>
                  </a:lnTo>
                  <a:lnTo>
                    <a:pt x="1213" y="302"/>
                  </a:lnTo>
                  <a:lnTo>
                    <a:pt x="1215" y="310"/>
                  </a:lnTo>
                  <a:lnTo>
                    <a:pt x="1218" y="316"/>
                  </a:lnTo>
                  <a:lnTo>
                    <a:pt x="1222" y="323"/>
                  </a:lnTo>
                  <a:lnTo>
                    <a:pt x="1223" y="332"/>
                  </a:lnTo>
                  <a:lnTo>
                    <a:pt x="1222" y="342"/>
                  </a:lnTo>
                  <a:lnTo>
                    <a:pt x="1226" y="342"/>
                  </a:lnTo>
                  <a:lnTo>
                    <a:pt x="1228" y="341"/>
                  </a:lnTo>
                  <a:lnTo>
                    <a:pt x="1230" y="340"/>
                  </a:lnTo>
                  <a:lnTo>
                    <a:pt x="1231" y="337"/>
                  </a:lnTo>
                  <a:lnTo>
                    <a:pt x="1233" y="332"/>
                  </a:lnTo>
                  <a:lnTo>
                    <a:pt x="1232" y="324"/>
                  </a:lnTo>
                  <a:lnTo>
                    <a:pt x="1232" y="316"/>
                  </a:lnTo>
                  <a:lnTo>
                    <a:pt x="1231" y="307"/>
                  </a:lnTo>
                  <a:lnTo>
                    <a:pt x="1230" y="300"/>
                  </a:lnTo>
                  <a:lnTo>
                    <a:pt x="1231" y="294"/>
                  </a:lnTo>
                  <a:lnTo>
                    <a:pt x="1241" y="302"/>
                  </a:lnTo>
                  <a:lnTo>
                    <a:pt x="1248" y="311"/>
                  </a:lnTo>
                  <a:lnTo>
                    <a:pt x="1252" y="318"/>
                  </a:lnTo>
                  <a:lnTo>
                    <a:pt x="1253" y="326"/>
                  </a:lnTo>
                  <a:lnTo>
                    <a:pt x="1253" y="335"/>
                  </a:lnTo>
                  <a:lnTo>
                    <a:pt x="1251" y="342"/>
                  </a:lnTo>
                  <a:lnTo>
                    <a:pt x="1248" y="350"/>
                  </a:lnTo>
                  <a:lnTo>
                    <a:pt x="1243" y="357"/>
                  </a:lnTo>
                  <a:lnTo>
                    <a:pt x="1236" y="364"/>
                  </a:lnTo>
                  <a:lnTo>
                    <a:pt x="1229" y="371"/>
                  </a:lnTo>
                  <a:lnTo>
                    <a:pt x="1221" y="377"/>
                  </a:lnTo>
                  <a:lnTo>
                    <a:pt x="1211" y="383"/>
                  </a:lnTo>
                  <a:lnTo>
                    <a:pt x="1203" y="389"/>
                  </a:lnTo>
                  <a:lnTo>
                    <a:pt x="1192" y="393"/>
                  </a:lnTo>
                  <a:lnTo>
                    <a:pt x="1183" y="397"/>
                  </a:lnTo>
                  <a:lnTo>
                    <a:pt x="1173" y="400"/>
                  </a:lnTo>
                  <a:lnTo>
                    <a:pt x="1173" y="391"/>
                  </a:lnTo>
                  <a:lnTo>
                    <a:pt x="1173" y="381"/>
                  </a:lnTo>
                  <a:lnTo>
                    <a:pt x="1173" y="372"/>
                  </a:lnTo>
                  <a:lnTo>
                    <a:pt x="1173" y="362"/>
                  </a:lnTo>
                  <a:lnTo>
                    <a:pt x="1155" y="365"/>
                  </a:lnTo>
                  <a:lnTo>
                    <a:pt x="1137" y="371"/>
                  </a:lnTo>
                  <a:lnTo>
                    <a:pt x="1122" y="376"/>
                  </a:lnTo>
                  <a:lnTo>
                    <a:pt x="1106" y="381"/>
                  </a:lnTo>
                  <a:lnTo>
                    <a:pt x="1092" y="386"/>
                  </a:lnTo>
                  <a:lnTo>
                    <a:pt x="1078" y="393"/>
                  </a:lnTo>
                  <a:lnTo>
                    <a:pt x="1066" y="400"/>
                  </a:lnTo>
                  <a:lnTo>
                    <a:pt x="1054" y="407"/>
                  </a:lnTo>
                  <a:lnTo>
                    <a:pt x="1043" y="415"/>
                  </a:lnTo>
                  <a:lnTo>
                    <a:pt x="1033" y="423"/>
                  </a:lnTo>
                  <a:lnTo>
                    <a:pt x="1024" y="433"/>
                  </a:lnTo>
                  <a:lnTo>
                    <a:pt x="1015" y="442"/>
                  </a:lnTo>
                  <a:lnTo>
                    <a:pt x="1008" y="453"/>
                  </a:lnTo>
                  <a:lnTo>
                    <a:pt x="1000" y="463"/>
                  </a:lnTo>
                  <a:lnTo>
                    <a:pt x="994" y="476"/>
                  </a:lnTo>
                  <a:lnTo>
                    <a:pt x="989" y="488"/>
                  </a:lnTo>
                  <a:lnTo>
                    <a:pt x="985" y="485"/>
                  </a:lnTo>
                  <a:lnTo>
                    <a:pt x="982" y="483"/>
                  </a:lnTo>
                  <a:lnTo>
                    <a:pt x="978" y="480"/>
                  </a:lnTo>
                  <a:lnTo>
                    <a:pt x="975" y="477"/>
                  </a:lnTo>
                  <a:lnTo>
                    <a:pt x="971" y="470"/>
                  </a:lnTo>
                  <a:lnTo>
                    <a:pt x="967" y="461"/>
                  </a:lnTo>
                  <a:lnTo>
                    <a:pt x="965" y="452"/>
                  </a:lnTo>
                  <a:lnTo>
                    <a:pt x="963" y="441"/>
                  </a:lnTo>
                  <a:lnTo>
                    <a:pt x="962" y="431"/>
                  </a:lnTo>
                  <a:lnTo>
                    <a:pt x="960" y="419"/>
                  </a:lnTo>
                  <a:lnTo>
                    <a:pt x="959" y="409"/>
                  </a:lnTo>
                  <a:lnTo>
                    <a:pt x="957" y="398"/>
                  </a:lnTo>
                  <a:lnTo>
                    <a:pt x="956" y="387"/>
                  </a:lnTo>
                  <a:lnTo>
                    <a:pt x="953" y="378"/>
                  </a:lnTo>
                  <a:lnTo>
                    <a:pt x="950" y="370"/>
                  </a:lnTo>
                  <a:lnTo>
                    <a:pt x="945" y="362"/>
                  </a:lnTo>
                  <a:lnTo>
                    <a:pt x="942" y="359"/>
                  </a:lnTo>
                  <a:lnTo>
                    <a:pt x="938" y="356"/>
                  </a:lnTo>
                  <a:lnTo>
                    <a:pt x="935" y="354"/>
                  </a:lnTo>
                  <a:lnTo>
                    <a:pt x="931" y="352"/>
                  </a:lnTo>
                  <a:lnTo>
                    <a:pt x="926" y="359"/>
                  </a:lnTo>
                  <a:lnTo>
                    <a:pt x="923" y="365"/>
                  </a:lnTo>
                  <a:lnTo>
                    <a:pt x="920" y="372"/>
                  </a:lnTo>
                  <a:lnTo>
                    <a:pt x="920" y="378"/>
                  </a:lnTo>
                  <a:lnTo>
                    <a:pt x="921" y="383"/>
                  </a:lnTo>
                  <a:lnTo>
                    <a:pt x="923" y="390"/>
                  </a:lnTo>
                  <a:lnTo>
                    <a:pt x="925" y="395"/>
                  </a:lnTo>
                  <a:lnTo>
                    <a:pt x="928" y="400"/>
                  </a:lnTo>
                  <a:lnTo>
                    <a:pt x="933" y="411"/>
                  </a:lnTo>
                  <a:lnTo>
                    <a:pt x="936" y="422"/>
                  </a:lnTo>
                  <a:lnTo>
                    <a:pt x="937" y="429"/>
                  </a:lnTo>
                  <a:lnTo>
                    <a:pt x="936" y="435"/>
                  </a:lnTo>
                  <a:lnTo>
                    <a:pt x="934" y="441"/>
                  </a:lnTo>
                  <a:lnTo>
                    <a:pt x="931" y="449"/>
                  </a:lnTo>
                  <a:lnTo>
                    <a:pt x="928" y="445"/>
                  </a:lnTo>
                  <a:lnTo>
                    <a:pt x="924" y="442"/>
                  </a:lnTo>
                  <a:lnTo>
                    <a:pt x="919" y="439"/>
                  </a:lnTo>
                  <a:lnTo>
                    <a:pt x="915" y="438"/>
                  </a:lnTo>
                  <a:lnTo>
                    <a:pt x="905" y="436"/>
                  </a:lnTo>
                  <a:lnTo>
                    <a:pt x="894" y="434"/>
                  </a:lnTo>
                  <a:lnTo>
                    <a:pt x="883" y="432"/>
                  </a:lnTo>
                  <a:lnTo>
                    <a:pt x="872" y="427"/>
                  </a:lnTo>
                  <a:lnTo>
                    <a:pt x="867" y="424"/>
                  </a:lnTo>
                  <a:lnTo>
                    <a:pt x="861" y="421"/>
                  </a:lnTo>
                  <a:lnTo>
                    <a:pt x="857" y="416"/>
                  </a:lnTo>
                  <a:lnTo>
                    <a:pt x="853" y="411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243" name="Thisted kant"/>
            <p:cNvSpPr>
              <a:spLocks/>
            </p:cNvSpPr>
            <p:nvPr/>
          </p:nvSpPr>
          <p:spPr bwMode="auto">
            <a:xfrm>
              <a:off x="636588" y="2987675"/>
              <a:ext cx="663575" cy="673100"/>
            </a:xfrm>
            <a:custGeom>
              <a:avLst/>
              <a:gdLst>
                <a:gd name="T0" fmla="*/ 298 w 1253"/>
                <a:gd name="T1" fmla="*/ 153 h 1274"/>
                <a:gd name="T2" fmla="*/ 294 w 1253"/>
                <a:gd name="T3" fmla="*/ 167 h 1274"/>
                <a:gd name="T4" fmla="*/ 252 w 1253"/>
                <a:gd name="T5" fmla="*/ 186 h 1274"/>
                <a:gd name="T6" fmla="*/ 208 w 1253"/>
                <a:gd name="T7" fmla="*/ 204 h 1274"/>
                <a:gd name="T8" fmla="*/ 187 w 1253"/>
                <a:gd name="T9" fmla="*/ 279 h 1274"/>
                <a:gd name="T10" fmla="*/ 160 w 1253"/>
                <a:gd name="T11" fmla="*/ 300 h 1274"/>
                <a:gd name="T12" fmla="*/ 131 w 1253"/>
                <a:gd name="T13" fmla="*/ 318 h 1274"/>
                <a:gd name="T14" fmla="*/ 123 w 1253"/>
                <a:gd name="T15" fmla="*/ 340 h 1274"/>
                <a:gd name="T16" fmla="*/ 128 w 1253"/>
                <a:gd name="T17" fmla="*/ 367 h 1274"/>
                <a:gd name="T18" fmla="*/ 121 w 1253"/>
                <a:gd name="T19" fmla="*/ 389 h 1274"/>
                <a:gd name="T20" fmla="*/ 144 w 1253"/>
                <a:gd name="T21" fmla="*/ 394 h 1274"/>
                <a:gd name="T22" fmla="*/ 140 w 1253"/>
                <a:gd name="T23" fmla="*/ 403 h 1274"/>
                <a:gd name="T24" fmla="*/ 154 w 1253"/>
                <a:gd name="T25" fmla="*/ 402 h 1274"/>
                <a:gd name="T26" fmla="*/ 148 w 1253"/>
                <a:gd name="T27" fmla="*/ 405 h 1274"/>
                <a:gd name="T28" fmla="*/ 140 w 1253"/>
                <a:gd name="T29" fmla="*/ 412 h 1274"/>
                <a:gd name="T30" fmla="*/ 121 w 1253"/>
                <a:gd name="T31" fmla="*/ 407 h 1274"/>
                <a:gd name="T32" fmla="*/ 91 w 1253"/>
                <a:gd name="T33" fmla="*/ 412 h 1274"/>
                <a:gd name="T34" fmla="*/ 80 w 1253"/>
                <a:gd name="T35" fmla="*/ 424 h 1274"/>
                <a:gd name="T36" fmla="*/ 57 w 1253"/>
                <a:gd name="T37" fmla="*/ 409 h 1274"/>
                <a:gd name="T38" fmla="*/ 38 w 1253"/>
                <a:gd name="T39" fmla="*/ 359 h 1274"/>
                <a:gd name="T40" fmla="*/ 22 w 1253"/>
                <a:gd name="T41" fmla="*/ 337 h 1274"/>
                <a:gd name="T42" fmla="*/ 14 w 1253"/>
                <a:gd name="T43" fmla="*/ 343 h 1274"/>
                <a:gd name="T44" fmla="*/ 7 w 1253"/>
                <a:gd name="T45" fmla="*/ 349 h 1274"/>
                <a:gd name="T46" fmla="*/ 14 w 1253"/>
                <a:gd name="T47" fmla="*/ 387 h 1274"/>
                <a:gd name="T48" fmla="*/ 5 w 1253"/>
                <a:gd name="T49" fmla="*/ 393 h 1274"/>
                <a:gd name="T50" fmla="*/ 1 w 1253"/>
                <a:gd name="T51" fmla="*/ 349 h 1274"/>
                <a:gd name="T52" fmla="*/ 16 w 1253"/>
                <a:gd name="T53" fmla="*/ 325 h 1274"/>
                <a:gd name="T54" fmla="*/ 28 w 1253"/>
                <a:gd name="T55" fmla="*/ 319 h 1274"/>
                <a:gd name="T56" fmla="*/ 23 w 1253"/>
                <a:gd name="T57" fmla="*/ 307 h 1274"/>
                <a:gd name="T58" fmla="*/ 10 w 1253"/>
                <a:gd name="T59" fmla="*/ 313 h 1274"/>
                <a:gd name="T60" fmla="*/ 25 w 1253"/>
                <a:gd name="T61" fmla="*/ 263 h 1274"/>
                <a:gd name="T62" fmla="*/ 99 w 1253"/>
                <a:gd name="T63" fmla="*/ 139 h 1274"/>
                <a:gd name="T64" fmla="*/ 139 w 1253"/>
                <a:gd name="T65" fmla="*/ 94 h 1274"/>
                <a:gd name="T66" fmla="*/ 175 w 1253"/>
                <a:gd name="T67" fmla="*/ 41 h 1274"/>
                <a:gd name="T68" fmla="*/ 214 w 1253"/>
                <a:gd name="T69" fmla="*/ 36 h 1274"/>
                <a:gd name="T70" fmla="*/ 257 w 1253"/>
                <a:gd name="T71" fmla="*/ 53 h 1274"/>
                <a:gd name="T72" fmla="*/ 306 w 1253"/>
                <a:gd name="T73" fmla="*/ 40 h 1274"/>
                <a:gd name="T74" fmla="*/ 364 w 1253"/>
                <a:gd name="T75" fmla="*/ 0 h 1274"/>
                <a:gd name="T76" fmla="*/ 382 w 1253"/>
                <a:gd name="T77" fmla="*/ 4 h 1274"/>
                <a:gd name="T78" fmla="*/ 391 w 1253"/>
                <a:gd name="T79" fmla="*/ 12 h 1274"/>
                <a:gd name="T80" fmla="*/ 388 w 1253"/>
                <a:gd name="T81" fmla="*/ 33 h 1274"/>
                <a:gd name="T82" fmla="*/ 387 w 1253"/>
                <a:gd name="T83" fmla="*/ 47 h 1274"/>
                <a:gd name="T84" fmla="*/ 398 w 1253"/>
                <a:gd name="T85" fmla="*/ 59 h 1274"/>
                <a:gd name="T86" fmla="*/ 398 w 1253"/>
                <a:gd name="T87" fmla="*/ 65 h 1274"/>
                <a:gd name="T88" fmla="*/ 386 w 1253"/>
                <a:gd name="T89" fmla="*/ 78 h 1274"/>
                <a:gd name="T90" fmla="*/ 396 w 1253"/>
                <a:gd name="T91" fmla="*/ 91 h 1274"/>
                <a:gd name="T92" fmla="*/ 406 w 1253"/>
                <a:gd name="T93" fmla="*/ 105 h 1274"/>
                <a:gd name="T94" fmla="*/ 411 w 1253"/>
                <a:gd name="T95" fmla="*/ 110 h 1274"/>
                <a:gd name="T96" fmla="*/ 418 w 1253"/>
                <a:gd name="T97" fmla="*/ 106 h 1274"/>
                <a:gd name="T98" fmla="*/ 407 w 1253"/>
                <a:gd name="T99" fmla="*/ 125 h 1274"/>
                <a:gd name="T100" fmla="*/ 391 w 1253"/>
                <a:gd name="T101" fmla="*/ 124 h 1274"/>
                <a:gd name="T102" fmla="*/ 356 w 1253"/>
                <a:gd name="T103" fmla="*/ 133 h 1274"/>
                <a:gd name="T104" fmla="*/ 332 w 1253"/>
                <a:gd name="T105" fmla="*/ 158 h 1274"/>
                <a:gd name="T106" fmla="*/ 322 w 1253"/>
                <a:gd name="T107" fmla="*/ 150 h 1274"/>
                <a:gd name="T108" fmla="*/ 317 w 1253"/>
                <a:gd name="T109" fmla="*/ 123 h 1274"/>
                <a:gd name="T110" fmla="*/ 307 w 1253"/>
                <a:gd name="T111" fmla="*/ 124 h 1274"/>
                <a:gd name="T112" fmla="*/ 313 w 1253"/>
                <a:gd name="T113" fmla="*/ 143 h 1274"/>
                <a:gd name="T114" fmla="*/ 302 w 1253"/>
                <a:gd name="T115" fmla="*/ 145 h 1274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1253" h="1274">
                  <a:moveTo>
                    <a:pt x="853" y="411"/>
                  </a:moveTo>
                  <a:lnTo>
                    <a:pt x="855" y="418"/>
                  </a:lnTo>
                  <a:lnTo>
                    <a:pt x="857" y="424"/>
                  </a:lnTo>
                  <a:lnTo>
                    <a:pt x="860" y="430"/>
                  </a:lnTo>
                  <a:lnTo>
                    <a:pt x="865" y="435"/>
                  </a:lnTo>
                  <a:lnTo>
                    <a:pt x="873" y="444"/>
                  </a:lnTo>
                  <a:lnTo>
                    <a:pt x="884" y="453"/>
                  </a:lnTo>
                  <a:lnTo>
                    <a:pt x="893" y="461"/>
                  </a:lnTo>
                  <a:lnTo>
                    <a:pt x="901" y="471"/>
                  </a:lnTo>
                  <a:lnTo>
                    <a:pt x="905" y="477"/>
                  </a:lnTo>
                  <a:lnTo>
                    <a:pt x="908" y="482"/>
                  </a:lnTo>
                  <a:lnTo>
                    <a:pt x="910" y="490"/>
                  </a:lnTo>
                  <a:lnTo>
                    <a:pt x="911" y="498"/>
                  </a:lnTo>
                  <a:lnTo>
                    <a:pt x="900" y="499"/>
                  </a:lnTo>
                  <a:lnTo>
                    <a:pt x="891" y="500"/>
                  </a:lnTo>
                  <a:lnTo>
                    <a:pt x="881" y="502"/>
                  </a:lnTo>
                  <a:lnTo>
                    <a:pt x="873" y="505"/>
                  </a:lnTo>
                  <a:lnTo>
                    <a:pt x="865" y="509"/>
                  </a:lnTo>
                  <a:lnTo>
                    <a:pt x="857" y="513"/>
                  </a:lnTo>
                  <a:lnTo>
                    <a:pt x="850" y="517"/>
                  </a:lnTo>
                  <a:lnTo>
                    <a:pt x="844" y="522"/>
                  </a:lnTo>
                  <a:lnTo>
                    <a:pt x="818" y="543"/>
                  </a:lnTo>
                  <a:lnTo>
                    <a:pt x="795" y="565"/>
                  </a:lnTo>
                  <a:lnTo>
                    <a:pt x="755" y="559"/>
                  </a:lnTo>
                  <a:lnTo>
                    <a:pt x="721" y="554"/>
                  </a:lnTo>
                  <a:lnTo>
                    <a:pt x="691" y="550"/>
                  </a:lnTo>
                  <a:lnTo>
                    <a:pt x="659" y="546"/>
                  </a:lnTo>
                  <a:lnTo>
                    <a:pt x="652" y="556"/>
                  </a:lnTo>
                  <a:lnTo>
                    <a:pt x="645" y="565"/>
                  </a:lnTo>
                  <a:lnTo>
                    <a:pt x="639" y="576"/>
                  </a:lnTo>
                  <a:lnTo>
                    <a:pt x="634" y="588"/>
                  </a:lnTo>
                  <a:lnTo>
                    <a:pt x="625" y="612"/>
                  </a:lnTo>
                  <a:lnTo>
                    <a:pt x="617" y="638"/>
                  </a:lnTo>
                  <a:lnTo>
                    <a:pt x="606" y="693"/>
                  </a:lnTo>
                  <a:lnTo>
                    <a:pt x="594" y="750"/>
                  </a:lnTo>
                  <a:lnTo>
                    <a:pt x="588" y="776"/>
                  </a:lnTo>
                  <a:lnTo>
                    <a:pt x="579" y="802"/>
                  </a:lnTo>
                  <a:lnTo>
                    <a:pt x="574" y="815"/>
                  </a:lnTo>
                  <a:lnTo>
                    <a:pt x="569" y="827"/>
                  </a:lnTo>
                  <a:lnTo>
                    <a:pt x="562" y="838"/>
                  </a:lnTo>
                  <a:lnTo>
                    <a:pt x="555" y="849"/>
                  </a:lnTo>
                  <a:lnTo>
                    <a:pt x="547" y="858"/>
                  </a:lnTo>
                  <a:lnTo>
                    <a:pt x="538" y="868"/>
                  </a:lnTo>
                  <a:lnTo>
                    <a:pt x="529" y="876"/>
                  </a:lnTo>
                  <a:lnTo>
                    <a:pt x="518" y="884"/>
                  </a:lnTo>
                  <a:lnTo>
                    <a:pt x="507" y="891"/>
                  </a:lnTo>
                  <a:lnTo>
                    <a:pt x="494" y="897"/>
                  </a:lnTo>
                  <a:lnTo>
                    <a:pt x="480" y="901"/>
                  </a:lnTo>
                  <a:lnTo>
                    <a:pt x="464" y="906"/>
                  </a:lnTo>
                  <a:lnTo>
                    <a:pt x="460" y="913"/>
                  </a:lnTo>
                  <a:lnTo>
                    <a:pt x="455" y="920"/>
                  </a:lnTo>
                  <a:lnTo>
                    <a:pt x="449" y="926"/>
                  </a:lnTo>
                  <a:lnTo>
                    <a:pt x="442" y="931"/>
                  </a:lnTo>
                  <a:lnTo>
                    <a:pt x="427" y="940"/>
                  </a:lnTo>
                  <a:lnTo>
                    <a:pt x="411" y="948"/>
                  </a:lnTo>
                  <a:lnTo>
                    <a:pt x="394" y="956"/>
                  </a:lnTo>
                  <a:lnTo>
                    <a:pt x="379" y="966"/>
                  </a:lnTo>
                  <a:lnTo>
                    <a:pt x="373" y="971"/>
                  </a:lnTo>
                  <a:lnTo>
                    <a:pt x="367" y="977"/>
                  </a:lnTo>
                  <a:lnTo>
                    <a:pt x="362" y="985"/>
                  </a:lnTo>
                  <a:lnTo>
                    <a:pt x="358" y="993"/>
                  </a:lnTo>
                  <a:lnTo>
                    <a:pt x="360" y="1003"/>
                  </a:lnTo>
                  <a:lnTo>
                    <a:pt x="364" y="1013"/>
                  </a:lnTo>
                  <a:lnTo>
                    <a:pt x="369" y="1021"/>
                  </a:lnTo>
                  <a:lnTo>
                    <a:pt x="375" y="1029"/>
                  </a:lnTo>
                  <a:lnTo>
                    <a:pt x="381" y="1036"/>
                  </a:lnTo>
                  <a:lnTo>
                    <a:pt x="387" y="1043"/>
                  </a:lnTo>
                  <a:lnTo>
                    <a:pt x="392" y="1052"/>
                  </a:lnTo>
                  <a:lnTo>
                    <a:pt x="397" y="1060"/>
                  </a:lnTo>
                  <a:lnTo>
                    <a:pt x="392" y="1074"/>
                  </a:lnTo>
                  <a:lnTo>
                    <a:pt x="389" y="1088"/>
                  </a:lnTo>
                  <a:lnTo>
                    <a:pt x="384" y="1104"/>
                  </a:lnTo>
                  <a:lnTo>
                    <a:pt x="381" y="1118"/>
                  </a:lnTo>
                  <a:lnTo>
                    <a:pt x="377" y="1132"/>
                  </a:lnTo>
                  <a:lnTo>
                    <a:pt x="373" y="1146"/>
                  </a:lnTo>
                  <a:lnTo>
                    <a:pt x="370" y="1152"/>
                  </a:lnTo>
                  <a:lnTo>
                    <a:pt x="367" y="1157"/>
                  </a:lnTo>
                  <a:lnTo>
                    <a:pt x="362" y="1162"/>
                  </a:lnTo>
                  <a:lnTo>
                    <a:pt x="358" y="1167"/>
                  </a:lnTo>
                  <a:lnTo>
                    <a:pt x="362" y="1169"/>
                  </a:lnTo>
                  <a:lnTo>
                    <a:pt x="370" y="1170"/>
                  </a:lnTo>
                  <a:lnTo>
                    <a:pt x="379" y="1170"/>
                  </a:lnTo>
                  <a:lnTo>
                    <a:pt x="390" y="1171"/>
                  </a:lnTo>
                  <a:lnTo>
                    <a:pt x="401" y="1171"/>
                  </a:lnTo>
                  <a:lnTo>
                    <a:pt x="413" y="1172"/>
                  </a:lnTo>
                  <a:lnTo>
                    <a:pt x="424" y="1174"/>
                  </a:lnTo>
                  <a:lnTo>
                    <a:pt x="436" y="1177"/>
                  </a:lnTo>
                  <a:lnTo>
                    <a:pt x="431" y="1185"/>
                  </a:lnTo>
                  <a:lnTo>
                    <a:pt x="428" y="1193"/>
                  </a:lnTo>
                  <a:lnTo>
                    <a:pt x="427" y="1198"/>
                  </a:lnTo>
                  <a:lnTo>
                    <a:pt x="423" y="1201"/>
                  </a:lnTo>
                  <a:lnTo>
                    <a:pt x="420" y="1205"/>
                  </a:lnTo>
                  <a:lnTo>
                    <a:pt x="416" y="1206"/>
                  </a:lnTo>
                  <a:lnTo>
                    <a:pt x="416" y="1210"/>
                  </a:lnTo>
                  <a:lnTo>
                    <a:pt x="417" y="1212"/>
                  </a:lnTo>
                  <a:lnTo>
                    <a:pt x="419" y="1212"/>
                  </a:lnTo>
                  <a:lnTo>
                    <a:pt x="422" y="1212"/>
                  </a:lnTo>
                  <a:lnTo>
                    <a:pt x="432" y="1210"/>
                  </a:lnTo>
                  <a:lnTo>
                    <a:pt x="442" y="1207"/>
                  </a:lnTo>
                  <a:lnTo>
                    <a:pt x="447" y="1206"/>
                  </a:lnTo>
                  <a:lnTo>
                    <a:pt x="452" y="1205"/>
                  </a:lnTo>
                  <a:lnTo>
                    <a:pt x="456" y="1205"/>
                  </a:lnTo>
                  <a:lnTo>
                    <a:pt x="460" y="1206"/>
                  </a:lnTo>
                  <a:lnTo>
                    <a:pt x="463" y="1208"/>
                  </a:lnTo>
                  <a:lnTo>
                    <a:pt x="466" y="1212"/>
                  </a:lnTo>
                  <a:lnTo>
                    <a:pt x="466" y="1217"/>
                  </a:lnTo>
                  <a:lnTo>
                    <a:pt x="464" y="1226"/>
                  </a:lnTo>
                  <a:lnTo>
                    <a:pt x="461" y="1222"/>
                  </a:lnTo>
                  <a:lnTo>
                    <a:pt x="457" y="1219"/>
                  </a:lnTo>
                  <a:lnTo>
                    <a:pt x="453" y="1218"/>
                  </a:lnTo>
                  <a:lnTo>
                    <a:pt x="449" y="1217"/>
                  </a:lnTo>
                  <a:lnTo>
                    <a:pt x="444" y="1217"/>
                  </a:lnTo>
                  <a:lnTo>
                    <a:pt x="440" y="1218"/>
                  </a:lnTo>
                  <a:lnTo>
                    <a:pt x="436" y="1219"/>
                  </a:lnTo>
                  <a:lnTo>
                    <a:pt x="433" y="1221"/>
                  </a:lnTo>
                  <a:lnTo>
                    <a:pt x="430" y="1225"/>
                  </a:lnTo>
                  <a:lnTo>
                    <a:pt x="426" y="1228"/>
                  </a:lnTo>
                  <a:lnTo>
                    <a:pt x="423" y="1231"/>
                  </a:lnTo>
                  <a:lnTo>
                    <a:pt x="420" y="1235"/>
                  </a:lnTo>
                  <a:lnTo>
                    <a:pt x="419" y="1239"/>
                  </a:lnTo>
                  <a:lnTo>
                    <a:pt x="417" y="1245"/>
                  </a:lnTo>
                  <a:lnTo>
                    <a:pt x="416" y="1249"/>
                  </a:lnTo>
                  <a:lnTo>
                    <a:pt x="416" y="1254"/>
                  </a:lnTo>
                  <a:lnTo>
                    <a:pt x="409" y="1246"/>
                  </a:lnTo>
                  <a:lnTo>
                    <a:pt x="399" y="1238"/>
                  </a:lnTo>
                  <a:lnTo>
                    <a:pt x="389" y="1233"/>
                  </a:lnTo>
                  <a:lnTo>
                    <a:pt x="377" y="1228"/>
                  </a:lnTo>
                  <a:lnTo>
                    <a:pt x="364" y="1224"/>
                  </a:lnTo>
                  <a:lnTo>
                    <a:pt x="352" y="1221"/>
                  </a:lnTo>
                  <a:lnTo>
                    <a:pt x="339" y="1219"/>
                  </a:lnTo>
                  <a:lnTo>
                    <a:pt x="327" y="1219"/>
                  </a:lnTo>
                  <a:lnTo>
                    <a:pt x="314" y="1221"/>
                  </a:lnTo>
                  <a:lnTo>
                    <a:pt x="301" y="1224"/>
                  </a:lnTo>
                  <a:lnTo>
                    <a:pt x="290" y="1229"/>
                  </a:lnTo>
                  <a:lnTo>
                    <a:pt x="279" y="1234"/>
                  </a:lnTo>
                  <a:lnTo>
                    <a:pt x="274" y="1238"/>
                  </a:lnTo>
                  <a:lnTo>
                    <a:pt x="270" y="1241"/>
                  </a:lnTo>
                  <a:lnTo>
                    <a:pt x="265" y="1246"/>
                  </a:lnTo>
                  <a:lnTo>
                    <a:pt x="262" y="1251"/>
                  </a:lnTo>
                  <a:lnTo>
                    <a:pt x="258" y="1256"/>
                  </a:lnTo>
                  <a:lnTo>
                    <a:pt x="256" y="1261"/>
                  </a:lnTo>
                  <a:lnTo>
                    <a:pt x="253" y="1268"/>
                  </a:lnTo>
                  <a:lnTo>
                    <a:pt x="252" y="1274"/>
                  </a:lnTo>
                  <a:lnTo>
                    <a:pt x="239" y="1274"/>
                  </a:lnTo>
                  <a:lnTo>
                    <a:pt x="228" y="1272"/>
                  </a:lnTo>
                  <a:lnTo>
                    <a:pt x="217" y="1270"/>
                  </a:lnTo>
                  <a:lnTo>
                    <a:pt x="208" y="1266"/>
                  </a:lnTo>
                  <a:lnTo>
                    <a:pt x="199" y="1260"/>
                  </a:lnTo>
                  <a:lnTo>
                    <a:pt x="191" y="1254"/>
                  </a:lnTo>
                  <a:lnTo>
                    <a:pt x="183" y="1247"/>
                  </a:lnTo>
                  <a:lnTo>
                    <a:pt x="177" y="1238"/>
                  </a:lnTo>
                  <a:lnTo>
                    <a:pt x="171" y="1229"/>
                  </a:lnTo>
                  <a:lnTo>
                    <a:pt x="164" y="1219"/>
                  </a:lnTo>
                  <a:lnTo>
                    <a:pt x="159" y="1209"/>
                  </a:lnTo>
                  <a:lnTo>
                    <a:pt x="155" y="1197"/>
                  </a:lnTo>
                  <a:lnTo>
                    <a:pt x="145" y="1174"/>
                  </a:lnTo>
                  <a:lnTo>
                    <a:pt x="138" y="1150"/>
                  </a:lnTo>
                  <a:lnTo>
                    <a:pt x="131" y="1126"/>
                  </a:lnTo>
                  <a:lnTo>
                    <a:pt x="123" y="1102"/>
                  </a:lnTo>
                  <a:lnTo>
                    <a:pt x="115" y="1079"/>
                  </a:lnTo>
                  <a:lnTo>
                    <a:pt x="106" y="1059"/>
                  </a:lnTo>
                  <a:lnTo>
                    <a:pt x="102" y="1050"/>
                  </a:lnTo>
                  <a:lnTo>
                    <a:pt x="97" y="1041"/>
                  </a:lnTo>
                  <a:lnTo>
                    <a:pt x="92" y="1034"/>
                  </a:lnTo>
                  <a:lnTo>
                    <a:pt x="86" y="1027"/>
                  </a:lnTo>
                  <a:lnTo>
                    <a:pt x="80" y="1021"/>
                  </a:lnTo>
                  <a:lnTo>
                    <a:pt x="73" y="1017"/>
                  </a:lnTo>
                  <a:lnTo>
                    <a:pt x="65" y="1014"/>
                  </a:lnTo>
                  <a:lnTo>
                    <a:pt x="57" y="1012"/>
                  </a:lnTo>
                  <a:lnTo>
                    <a:pt x="55" y="1012"/>
                  </a:lnTo>
                  <a:lnTo>
                    <a:pt x="53" y="1013"/>
                  </a:lnTo>
                  <a:lnTo>
                    <a:pt x="51" y="1015"/>
                  </a:lnTo>
                  <a:lnTo>
                    <a:pt x="50" y="1018"/>
                  </a:lnTo>
                  <a:lnTo>
                    <a:pt x="46" y="1023"/>
                  </a:lnTo>
                  <a:lnTo>
                    <a:pt x="44" y="1029"/>
                  </a:lnTo>
                  <a:lnTo>
                    <a:pt x="43" y="1031"/>
                  </a:lnTo>
                  <a:lnTo>
                    <a:pt x="43" y="1032"/>
                  </a:lnTo>
                  <a:lnTo>
                    <a:pt x="42" y="1033"/>
                  </a:lnTo>
                  <a:lnTo>
                    <a:pt x="41" y="1032"/>
                  </a:lnTo>
                  <a:lnTo>
                    <a:pt x="40" y="1026"/>
                  </a:lnTo>
                  <a:lnTo>
                    <a:pt x="38" y="1012"/>
                  </a:lnTo>
                  <a:lnTo>
                    <a:pt x="31" y="1025"/>
                  </a:lnTo>
                  <a:lnTo>
                    <a:pt x="25" y="1037"/>
                  </a:lnTo>
                  <a:lnTo>
                    <a:pt x="22" y="1049"/>
                  </a:lnTo>
                  <a:lnTo>
                    <a:pt x="21" y="1060"/>
                  </a:lnTo>
                  <a:lnTo>
                    <a:pt x="22" y="1071"/>
                  </a:lnTo>
                  <a:lnTo>
                    <a:pt x="23" y="1082"/>
                  </a:lnTo>
                  <a:lnTo>
                    <a:pt x="26" y="1093"/>
                  </a:lnTo>
                  <a:lnTo>
                    <a:pt x="30" y="1105"/>
                  </a:lnTo>
                  <a:lnTo>
                    <a:pt x="36" y="1127"/>
                  </a:lnTo>
                  <a:lnTo>
                    <a:pt x="41" y="1151"/>
                  </a:lnTo>
                  <a:lnTo>
                    <a:pt x="43" y="1164"/>
                  </a:lnTo>
                  <a:lnTo>
                    <a:pt x="43" y="1177"/>
                  </a:lnTo>
                  <a:lnTo>
                    <a:pt x="41" y="1191"/>
                  </a:lnTo>
                  <a:lnTo>
                    <a:pt x="38" y="1206"/>
                  </a:lnTo>
                  <a:lnTo>
                    <a:pt x="34" y="1204"/>
                  </a:lnTo>
                  <a:lnTo>
                    <a:pt x="30" y="1200"/>
                  </a:lnTo>
                  <a:lnTo>
                    <a:pt x="25" y="1197"/>
                  </a:lnTo>
                  <a:lnTo>
                    <a:pt x="22" y="1193"/>
                  </a:lnTo>
                  <a:lnTo>
                    <a:pt x="16" y="1182"/>
                  </a:lnTo>
                  <a:lnTo>
                    <a:pt x="11" y="1170"/>
                  </a:lnTo>
                  <a:lnTo>
                    <a:pt x="6" y="1156"/>
                  </a:lnTo>
                  <a:lnTo>
                    <a:pt x="3" y="1140"/>
                  </a:lnTo>
                  <a:lnTo>
                    <a:pt x="2" y="1124"/>
                  </a:lnTo>
                  <a:lnTo>
                    <a:pt x="1" y="1106"/>
                  </a:lnTo>
                  <a:lnTo>
                    <a:pt x="0" y="1087"/>
                  </a:lnTo>
                  <a:lnTo>
                    <a:pt x="1" y="1068"/>
                  </a:lnTo>
                  <a:lnTo>
                    <a:pt x="2" y="1049"/>
                  </a:lnTo>
                  <a:lnTo>
                    <a:pt x="4" y="1031"/>
                  </a:lnTo>
                  <a:lnTo>
                    <a:pt x="7" y="1012"/>
                  </a:lnTo>
                  <a:lnTo>
                    <a:pt x="11" y="995"/>
                  </a:lnTo>
                  <a:lnTo>
                    <a:pt x="14" y="978"/>
                  </a:lnTo>
                  <a:lnTo>
                    <a:pt x="18" y="963"/>
                  </a:lnTo>
                  <a:lnTo>
                    <a:pt x="31" y="970"/>
                  </a:lnTo>
                  <a:lnTo>
                    <a:pt x="42" y="975"/>
                  </a:lnTo>
                  <a:lnTo>
                    <a:pt x="49" y="976"/>
                  </a:lnTo>
                  <a:lnTo>
                    <a:pt x="55" y="977"/>
                  </a:lnTo>
                  <a:lnTo>
                    <a:pt x="60" y="977"/>
                  </a:lnTo>
                  <a:lnTo>
                    <a:pt x="65" y="977"/>
                  </a:lnTo>
                  <a:lnTo>
                    <a:pt x="70" y="975"/>
                  </a:lnTo>
                  <a:lnTo>
                    <a:pt x="75" y="973"/>
                  </a:lnTo>
                  <a:lnTo>
                    <a:pt x="78" y="970"/>
                  </a:lnTo>
                  <a:lnTo>
                    <a:pt x="81" y="966"/>
                  </a:lnTo>
                  <a:lnTo>
                    <a:pt x="84" y="959"/>
                  </a:lnTo>
                  <a:lnTo>
                    <a:pt x="85" y="952"/>
                  </a:lnTo>
                  <a:lnTo>
                    <a:pt x="86" y="945"/>
                  </a:lnTo>
                  <a:lnTo>
                    <a:pt x="86" y="934"/>
                  </a:lnTo>
                  <a:lnTo>
                    <a:pt x="84" y="931"/>
                  </a:lnTo>
                  <a:lnTo>
                    <a:pt x="81" y="928"/>
                  </a:lnTo>
                  <a:lnTo>
                    <a:pt x="78" y="926"/>
                  </a:lnTo>
                  <a:lnTo>
                    <a:pt x="74" y="923"/>
                  </a:lnTo>
                  <a:lnTo>
                    <a:pt x="70" y="923"/>
                  </a:lnTo>
                  <a:lnTo>
                    <a:pt x="65" y="923"/>
                  </a:lnTo>
                  <a:lnTo>
                    <a:pt x="60" y="924"/>
                  </a:lnTo>
                  <a:lnTo>
                    <a:pt x="55" y="926"/>
                  </a:lnTo>
                  <a:lnTo>
                    <a:pt x="45" y="929"/>
                  </a:lnTo>
                  <a:lnTo>
                    <a:pt x="37" y="933"/>
                  </a:lnTo>
                  <a:lnTo>
                    <a:pt x="34" y="936"/>
                  </a:lnTo>
                  <a:lnTo>
                    <a:pt x="31" y="938"/>
                  </a:lnTo>
                  <a:lnTo>
                    <a:pt x="30" y="941"/>
                  </a:lnTo>
                  <a:lnTo>
                    <a:pt x="29" y="945"/>
                  </a:lnTo>
                  <a:lnTo>
                    <a:pt x="33" y="921"/>
                  </a:lnTo>
                  <a:lnTo>
                    <a:pt x="37" y="898"/>
                  </a:lnTo>
                  <a:lnTo>
                    <a:pt x="43" y="876"/>
                  </a:lnTo>
                  <a:lnTo>
                    <a:pt x="50" y="854"/>
                  </a:lnTo>
                  <a:lnTo>
                    <a:pt x="57" y="833"/>
                  </a:lnTo>
                  <a:lnTo>
                    <a:pt x="65" y="811"/>
                  </a:lnTo>
                  <a:lnTo>
                    <a:pt x="74" y="790"/>
                  </a:lnTo>
                  <a:lnTo>
                    <a:pt x="82" y="769"/>
                  </a:lnTo>
                  <a:lnTo>
                    <a:pt x="102" y="728"/>
                  </a:lnTo>
                  <a:lnTo>
                    <a:pt x="123" y="688"/>
                  </a:lnTo>
                  <a:lnTo>
                    <a:pt x="146" y="648"/>
                  </a:lnTo>
                  <a:lnTo>
                    <a:pt x="171" y="609"/>
                  </a:lnTo>
                  <a:lnTo>
                    <a:pt x="221" y="532"/>
                  </a:lnTo>
                  <a:lnTo>
                    <a:pt x="272" y="456"/>
                  </a:lnTo>
                  <a:lnTo>
                    <a:pt x="297" y="418"/>
                  </a:lnTo>
                  <a:lnTo>
                    <a:pt x="322" y="380"/>
                  </a:lnTo>
                  <a:lnTo>
                    <a:pt x="346" y="342"/>
                  </a:lnTo>
                  <a:lnTo>
                    <a:pt x="368" y="303"/>
                  </a:lnTo>
                  <a:lnTo>
                    <a:pt x="377" y="301"/>
                  </a:lnTo>
                  <a:lnTo>
                    <a:pt x="387" y="298"/>
                  </a:lnTo>
                  <a:lnTo>
                    <a:pt x="395" y="295"/>
                  </a:lnTo>
                  <a:lnTo>
                    <a:pt x="403" y="291"/>
                  </a:lnTo>
                  <a:lnTo>
                    <a:pt x="418" y="281"/>
                  </a:lnTo>
                  <a:lnTo>
                    <a:pt x="433" y="271"/>
                  </a:lnTo>
                  <a:lnTo>
                    <a:pt x="446" y="259"/>
                  </a:lnTo>
                  <a:lnTo>
                    <a:pt x="456" y="246"/>
                  </a:lnTo>
                  <a:lnTo>
                    <a:pt x="467" y="233"/>
                  </a:lnTo>
                  <a:lnTo>
                    <a:pt x="477" y="218"/>
                  </a:lnTo>
                  <a:lnTo>
                    <a:pt x="494" y="187"/>
                  </a:lnTo>
                  <a:lnTo>
                    <a:pt x="511" y="155"/>
                  </a:lnTo>
                  <a:lnTo>
                    <a:pt x="526" y="122"/>
                  </a:lnTo>
                  <a:lnTo>
                    <a:pt x="542" y="89"/>
                  </a:lnTo>
                  <a:lnTo>
                    <a:pt x="558" y="87"/>
                  </a:lnTo>
                  <a:lnTo>
                    <a:pt x="573" y="87"/>
                  </a:lnTo>
                  <a:lnTo>
                    <a:pt x="588" y="88"/>
                  </a:lnTo>
                  <a:lnTo>
                    <a:pt x="601" y="92"/>
                  </a:lnTo>
                  <a:lnTo>
                    <a:pt x="615" y="96"/>
                  </a:lnTo>
                  <a:lnTo>
                    <a:pt x="628" y="101"/>
                  </a:lnTo>
                  <a:lnTo>
                    <a:pt x="640" y="107"/>
                  </a:lnTo>
                  <a:lnTo>
                    <a:pt x="653" y="114"/>
                  </a:lnTo>
                  <a:lnTo>
                    <a:pt x="678" y="128"/>
                  </a:lnTo>
                  <a:lnTo>
                    <a:pt x="704" y="141"/>
                  </a:lnTo>
                  <a:lnTo>
                    <a:pt x="716" y="147"/>
                  </a:lnTo>
                  <a:lnTo>
                    <a:pt x="729" y="153"/>
                  </a:lnTo>
                  <a:lnTo>
                    <a:pt x="742" y="156"/>
                  </a:lnTo>
                  <a:lnTo>
                    <a:pt x="756" y="158"/>
                  </a:lnTo>
                  <a:lnTo>
                    <a:pt x="769" y="159"/>
                  </a:lnTo>
                  <a:lnTo>
                    <a:pt x="780" y="159"/>
                  </a:lnTo>
                  <a:lnTo>
                    <a:pt x="793" y="159"/>
                  </a:lnTo>
                  <a:lnTo>
                    <a:pt x="805" y="158"/>
                  </a:lnTo>
                  <a:lnTo>
                    <a:pt x="829" y="154"/>
                  </a:lnTo>
                  <a:lnTo>
                    <a:pt x="852" y="148"/>
                  </a:lnTo>
                  <a:lnTo>
                    <a:pt x="874" y="141"/>
                  </a:lnTo>
                  <a:lnTo>
                    <a:pt x="896" y="132"/>
                  </a:lnTo>
                  <a:lnTo>
                    <a:pt x="917" y="121"/>
                  </a:lnTo>
                  <a:lnTo>
                    <a:pt x="938" y="109"/>
                  </a:lnTo>
                  <a:lnTo>
                    <a:pt x="958" y="97"/>
                  </a:lnTo>
                  <a:lnTo>
                    <a:pt x="978" y="84"/>
                  </a:lnTo>
                  <a:lnTo>
                    <a:pt x="997" y="71"/>
                  </a:lnTo>
                  <a:lnTo>
                    <a:pt x="1016" y="57"/>
                  </a:lnTo>
                  <a:lnTo>
                    <a:pt x="1052" y="28"/>
                  </a:lnTo>
                  <a:lnTo>
                    <a:pt x="1086" y="2"/>
                  </a:lnTo>
                  <a:lnTo>
                    <a:pt x="1091" y="1"/>
                  </a:lnTo>
                  <a:lnTo>
                    <a:pt x="1097" y="0"/>
                  </a:lnTo>
                  <a:lnTo>
                    <a:pt x="1103" y="0"/>
                  </a:lnTo>
                  <a:lnTo>
                    <a:pt x="1107" y="1"/>
                  </a:lnTo>
                  <a:lnTo>
                    <a:pt x="1117" y="4"/>
                  </a:lnTo>
                  <a:lnTo>
                    <a:pt x="1126" y="8"/>
                  </a:lnTo>
                  <a:lnTo>
                    <a:pt x="1134" y="12"/>
                  </a:lnTo>
                  <a:lnTo>
                    <a:pt x="1142" y="13"/>
                  </a:lnTo>
                  <a:lnTo>
                    <a:pt x="1145" y="13"/>
                  </a:lnTo>
                  <a:lnTo>
                    <a:pt x="1148" y="10"/>
                  </a:lnTo>
                  <a:lnTo>
                    <a:pt x="1151" y="7"/>
                  </a:lnTo>
                  <a:lnTo>
                    <a:pt x="1154" y="2"/>
                  </a:lnTo>
                  <a:lnTo>
                    <a:pt x="1158" y="7"/>
                  </a:lnTo>
                  <a:lnTo>
                    <a:pt x="1163" y="13"/>
                  </a:lnTo>
                  <a:lnTo>
                    <a:pt x="1166" y="19"/>
                  </a:lnTo>
                  <a:lnTo>
                    <a:pt x="1169" y="27"/>
                  </a:lnTo>
                  <a:lnTo>
                    <a:pt x="1171" y="35"/>
                  </a:lnTo>
                  <a:lnTo>
                    <a:pt x="1172" y="43"/>
                  </a:lnTo>
                  <a:lnTo>
                    <a:pt x="1173" y="53"/>
                  </a:lnTo>
                  <a:lnTo>
                    <a:pt x="1174" y="61"/>
                  </a:lnTo>
                  <a:lnTo>
                    <a:pt x="1173" y="69"/>
                  </a:lnTo>
                  <a:lnTo>
                    <a:pt x="1172" y="78"/>
                  </a:lnTo>
                  <a:lnTo>
                    <a:pt x="1170" y="86"/>
                  </a:lnTo>
                  <a:lnTo>
                    <a:pt x="1167" y="93"/>
                  </a:lnTo>
                  <a:lnTo>
                    <a:pt x="1163" y="99"/>
                  </a:lnTo>
                  <a:lnTo>
                    <a:pt x="1157" y="104"/>
                  </a:lnTo>
                  <a:lnTo>
                    <a:pt x="1151" y="107"/>
                  </a:lnTo>
                  <a:lnTo>
                    <a:pt x="1144" y="109"/>
                  </a:lnTo>
                  <a:lnTo>
                    <a:pt x="1148" y="114"/>
                  </a:lnTo>
                  <a:lnTo>
                    <a:pt x="1151" y="118"/>
                  </a:lnTo>
                  <a:lnTo>
                    <a:pt x="1154" y="123"/>
                  </a:lnTo>
                  <a:lnTo>
                    <a:pt x="1156" y="128"/>
                  </a:lnTo>
                  <a:lnTo>
                    <a:pt x="1161" y="140"/>
                  </a:lnTo>
                  <a:lnTo>
                    <a:pt x="1165" y="152"/>
                  </a:lnTo>
                  <a:lnTo>
                    <a:pt x="1168" y="157"/>
                  </a:lnTo>
                  <a:lnTo>
                    <a:pt x="1170" y="162"/>
                  </a:lnTo>
                  <a:lnTo>
                    <a:pt x="1174" y="166"/>
                  </a:lnTo>
                  <a:lnTo>
                    <a:pt x="1177" y="171"/>
                  </a:lnTo>
                  <a:lnTo>
                    <a:pt x="1183" y="174"/>
                  </a:lnTo>
                  <a:lnTo>
                    <a:pt x="1188" y="176"/>
                  </a:lnTo>
                  <a:lnTo>
                    <a:pt x="1194" y="177"/>
                  </a:lnTo>
                  <a:lnTo>
                    <a:pt x="1203" y="177"/>
                  </a:lnTo>
                  <a:lnTo>
                    <a:pt x="1202" y="182"/>
                  </a:lnTo>
                  <a:lnTo>
                    <a:pt x="1201" y="186"/>
                  </a:lnTo>
                  <a:lnTo>
                    <a:pt x="1199" y="190"/>
                  </a:lnTo>
                  <a:lnTo>
                    <a:pt x="1198" y="192"/>
                  </a:lnTo>
                  <a:lnTo>
                    <a:pt x="1196" y="194"/>
                  </a:lnTo>
                  <a:lnTo>
                    <a:pt x="1194" y="194"/>
                  </a:lnTo>
                  <a:lnTo>
                    <a:pt x="1192" y="195"/>
                  </a:lnTo>
                  <a:lnTo>
                    <a:pt x="1189" y="194"/>
                  </a:lnTo>
                  <a:lnTo>
                    <a:pt x="1183" y="194"/>
                  </a:lnTo>
                  <a:lnTo>
                    <a:pt x="1174" y="193"/>
                  </a:lnTo>
                  <a:lnTo>
                    <a:pt x="1165" y="194"/>
                  </a:lnTo>
                  <a:lnTo>
                    <a:pt x="1154" y="197"/>
                  </a:lnTo>
                  <a:lnTo>
                    <a:pt x="1155" y="213"/>
                  </a:lnTo>
                  <a:lnTo>
                    <a:pt x="1156" y="227"/>
                  </a:lnTo>
                  <a:lnTo>
                    <a:pt x="1158" y="235"/>
                  </a:lnTo>
                  <a:lnTo>
                    <a:pt x="1159" y="242"/>
                  </a:lnTo>
                  <a:lnTo>
                    <a:pt x="1162" y="248"/>
                  </a:lnTo>
                  <a:lnTo>
                    <a:pt x="1165" y="254"/>
                  </a:lnTo>
                  <a:lnTo>
                    <a:pt x="1168" y="259"/>
                  </a:lnTo>
                  <a:lnTo>
                    <a:pt x="1171" y="264"/>
                  </a:lnTo>
                  <a:lnTo>
                    <a:pt x="1176" y="267"/>
                  </a:lnTo>
                  <a:lnTo>
                    <a:pt x="1182" y="271"/>
                  </a:lnTo>
                  <a:lnTo>
                    <a:pt x="1188" y="274"/>
                  </a:lnTo>
                  <a:lnTo>
                    <a:pt x="1194" y="275"/>
                  </a:lnTo>
                  <a:lnTo>
                    <a:pt x="1203" y="275"/>
                  </a:lnTo>
                  <a:lnTo>
                    <a:pt x="1212" y="275"/>
                  </a:lnTo>
                  <a:lnTo>
                    <a:pt x="1210" y="285"/>
                  </a:lnTo>
                  <a:lnTo>
                    <a:pt x="1211" y="295"/>
                  </a:lnTo>
                  <a:lnTo>
                    <a:pt x="1213" y="302"/>
                  </a:lnTo>
                  <a:lnTo>
                    <a:pt x="1215" y="310"/>
                  </a:lnTo>
                  <a:lnTo>
                    <a:pt x="1218" y="316"/>
                  </a:lnTo>
                  <a:lnTo>
                    <a:pt x="1222" y="323"/>
                  </a:lnTo>
                  <a:lnTo>
                    <a:pt x="1223" y="332"/>
                  </a:lnTo>
                  <a:lnTo>
                    <a:pt x="1222" y="342"/>
                  </a:lnTo>
                  <a:lnTo>
                    <a:pt x="1226" y="342"/>
                  </a:lnTo>
                  <a:lnTo>
                    <a:pt x="1228" y="341"/>
                  </a:lnTo>
                  <a:lnTo>
                    <a:pt x="1230" y="340"/>
                  </a:lnTo>
                  <a:lnTo>
                    <a:pt x="1231" y="337"/>
                  </a:lnTo>
                  <a:lnTo>
                    <a:pt x="1233" y="332"/>
                  </a:lnTo>
                  <a:lnTo>
                    <a:pt x="1232" y="324"/>
                  </a:lnTo>
                  <a:lnTo>
                    <a:pt x="1232" y="316"/>
                  </a:lnTo>
                  <a:lnTo>
                    <a:pt x="1231" y="307"/>
                  </a:lnTo>
                  <a:lnTo>
                    <a:pt x="1230" y="300"/>
                  </a:lnTo>
                  <a:lnTo>
                    <a:pt x="1231" y="294"/>
                  </a:lnTo>
                  <a:lnTo>
                    <a:pt x="1241" y="302"/>
                  </a:lnTo>
                  <a:lnTo>
                    <a:pt x="1248" y="311"/>
                  </a:lnTo>
                  <a:lnTo>
                    <a:pt x="1252" y="318"/>
                  </a:lnTo>
                  <a:lnTo>
                    <a:pt x="1253" y="326"/>
                  </a:lnTo>
                  <a:lnTo>
                    <a:pt x="1253" y="335"/>
                  </a:lnTo>
                  <a:lnTo>
                    <a:pt x="1251" y="342"/>
                  </a:lnTo>
                  <a:lnTo>
                    <a:pt x="1248" y="350"/>
                  </a:lnTo>
                  <a:lnTo>
                    <a:pt x="1243" y="357"/>
                  </a:lnTo>
                  <a:lnTo>
                    <a:pt x="1236" y="364"/>
                  </a:lnTo>
                  <a:lnTo>
                    <a:pt x="1229" y="371"/>
                  </a:lnTo>
                  <a:lnTo>
                    <a:pt x="1221" y="377"/>
                  </a:lnTo>
                  <a:lnTo>
                    <a:pt x="1211" y="383"/>
                  </a:lnTo>
                  <a:lnTo>
                    <a:pt x="1203" y="389"/>
                  </a:lnTo>
                  <a:lnTo>
                    <a:pt x="1192" y="393"/>
                  </a:lnTo>
                  <a:lnTo>
                    <a:pt x="1183" y="397"/>
                  </a:lnTo>
                  <a:lnTo>
                    <a:pt x="1173" y="400"/>
                  </a:lnTo>
                  <a:lnTo>
                    <a:pt x="1173" y="391"/>
                  </a:lnTo>
                  <a:lnTo>
                    <a:pt x="1173" y="381"/>
                  </a:lnTo>
                  <a:lnTo>
                    <a:pt x="1173" y="372"/>
                  </a:lnTo>
                  <a:lnTo>
                    <a:pt x="1173" y="362"/>
                  </a:lnTo>
                  <a:lnTo>
                    <a:pt x="1155" y="365"/>
                  </a:lnTo>
                  <a:lnTo>
                    <a:pt x="1137" y="371"/>
                  </a:lnTo>
                  <a:lnTo>
                    <a:pt x="1122" y="376"/>
                  </a:lnTo>
                  <a:lnTo>
                    <a:pt x="1106" y="381"/>
                  </a:lnTo>
                  <a:lnTo>
                    <a:pt x="1092" y="386"/>
                  </a:lnTo>
                  <a:lnTo>
                    <a:pt x="1078" y="393"/>
                  </a:lnTo>
                  <a:lnTo>
                    <a:pt x="1066" y="400"/>
                  </a:lnTo>
                  <a:lnTo>
                    <a:pt x="1054" y="407"/>
                  </a:lnTo>
                  <a:lnTo>
                    <a:pt x="1043" y="415"/>
                  </a:lnTo>
                  <a:lnTo>
                    <a:pt x="1033" y="423"/>
                  </a:lnTo>
                  <a:lnTo>
                    <a:pt x="1024" y="433"/>
                  </a:lnTo>
                  <a:lnTo>
                    <a:pt x="1015" y="442"/>
                  </a:lnTo>
                  <a:lnTo>
                    <a:pt x="1008" y="453"/>
                  </a:lnTo>
                  <a:lnTo>
                    <a:pt x="1000" y="463"/>
                  </a:lnTo>
                  <a:lnTo>
                    <a:pt x="994" y="476"/>
                  </a:lnTo>
                  <a:lnTo>
                    <a:pt x="989" y="488"/>
                  </a:lnTo>
                  <a:lnTo>
                    <a:pt x="985" y="485"/>
                  </a:lnTo>
                  <a:lnTo>
                    <a:pt x="982" y="483"/>
                  </a:lnTo>
                  <a:lnTo>
                    <a:pt x="978" y="480"/>
                  </a:lnTo>
                  <a:lnTo>
                    <a:pt x="975" y="477"/>
                  </a:lnTo>
                  <a:lnTo>
                    <a:pt x="971" y="470"/>
                  </a:lnTo>
                  <a:lnTo>
                    <a:pt x="967" y="461"/>
                  </a:lnTo>
                  <a:lnTo>
                    <a:pt x="965" y="452"/>
                  </a:lnTo>
                  <a:lnTo>
                    <a:pt x="963" y="441"/>
                  </a:lnTo>
                  <a:lnTo>
                    <a:pt x="962" y="431"/>
                  </a:lnTo>
                  <a:lnTo>
                    <a:pt x="960" y="419"/>
                  </a:lnTo>
                  <a:lnTo>
                    <a:pt x="959" y="409"/>
                  </a:lnTo>
                  <a:lnTo>
                    <a:pt x="957" y="398"/>
                  </a:lnTo>
                  <a:lnTo>
                    <a:pt x="956" y="387"/>
                  </a:lnTo>
                  <a:lnTo>
                    <a:pt x="953" y="378"/>
                  </a:lnTo>
                  <a:lnTo>
                    <a:pt x="950" y="370"/>
                  </a:lnTo>
                  <a:lnTo>
                    <a:pt x="945" y="362"/>
                  </a:lnTo>
                  <a:lnTo>
                    <a:pt x="942" y="359"/>
                  </a:lnTo>
                  <a:lnTo>
                    <a:pt x="938" y="356"/>
                  </a:lnTo>
                  <a:lnTo>
                    <a:pt x="935" y="354"/>
                  </a:lnTo>
                  <a:lnTo>
                    <a:pt x="931" y="352"/>
                  </a:lnTo>
                  <a:lnTo>
                    <a:pt x="926" y="359"/>
                  </a:lnTo>
                  <a:lnTo>
                    <a:pt x="923" y="365"/>
                  </a:lnTo>
                  <a:lnTo>
                    <a:pt x="920" y="372"/>
                  </a:lnTo>
                  <a:lnTo>
                    <a:pt x="920" y="378"/>
                  </a:lnTo>
                  <a:lnTo>
                    <a:pt x="921" y="383"/>
                  </a:lnTo>
                  <a:lnTo>
                    <a:pt x="923" y="390"/>
                  </a:lnTo>
                  <a:lnTo>
                    <a:pt x="925" y="395"/>
                  </a:lnTo>
                  <a:lnTo>
                    <a:pt x="928" y="400"/>
                  </a:lnTo>
                  <a:lnTo>
                    <a:pt x="933" y="411"/>
                  </a:lnTo>
                  <a:lnTo>
                    <a:pt x="936" y="422"/>
                  </a:lnTo>
                  <a:lnTo>
                    <a:pt x="937" y="429"/>
                  </a:lnTo>
                  <a:lnTo>
                    <a:pt x="936" y="435"/>
                  </a:lnTo>
                  <a:lnTo>
                    <a:pt x="934" y="441"/>
                  </a:lnTo>
                  <a:lnTo>
                    <a:pt x="931" y="449"/>
                  </a:lnTo>
                  <a:lnTo>
                    <a:pt x="928" y="445"/>
                  </a:lnTo>
                  <a:lnTo>
                    <a:pt x="924" y="442"/>
                  </a:lnTo>
                  <a:lnTo>
                    <a:pt x="919" y="439"/>
                  </a:lnTo>
                  <a:lnTo>
                    <a:pt x="915" y="438"/>
                  </a:lnTo>
                  <a:lnTo>
                    <a:pt x="905" y="436"/>
                  </a:lnTo>
                  <a:lnTo>
                    <a:pt x="894" y="434"/>
                  </a:lnTo>
                  <a:lnTo>
                    <a:pt x="883" y="432"/>
                  </a:lnTo>
                  <a:lnTo>
                    <a:pt x="872" y="427"/>
                  </a:lnTo>
                  <a:lnTo>
                    <a:pt x="867" y="424"/>
                  </a:lnTo>
                  <a:lnTo>
                    <a:pt x="861" y="421"/>
                  </a:lnTo>
                  <a:lnTo>
                    <a:pt x="857" y="416"/>
                  </a:lnTo>
                  <a:lnTo>
                    <a:pt x="853" y="411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244" name="Rebild"/>
            <p:cNvSpPr>
              <a:spLocks/>
            </p:cNvSpPr>
            <p:nvPr/>
          </p:nvSpPr>
          <p:spPr bwMode="auto">
            <a:xfrm>
              <a:off x="1643063" y="3251200"/>
              <a:ext cx="519112" cy="450850"/>
            </a:xfrm>
            <a:custGeom>
              <a:avLst/>
              <a:gdLst>
                <a:gd name="T0" fmla="*/ 91 w 980"/>
                <a:gd name="T1" fmla="*/ 18 h 852"/>
                <a:gd name="T2" fmla="*/ 89 w 980"/>
                <a:gd name="T3" fmla="*/ 38 h 852"/>
                <a:gd name="T4" fmla="*/ 81 w 980"/>
                <a:gd name="T5" fmla="*/ 44 h 852"/>
                <a:gd name="T6" fmla="*/ 57 w 980"/>
                <a:gd name="T7" fmla="*/ 43 h 852"/>
                <a:gd name="T8" fmla="*/ 39 w 980"/>
                <a:gd name="T9" fmla="*/ 56 h 852"/>
                <a:gd name="T10" fmla="*/ 30 w 980"/>
                <a:gd name="T11" fmla="*/ 71 h 852"/>
                <a:gd name="T12" fmla="*/ 49 w 980"/>
                <a:gd name="T13" fmla="*/ 86 h 852"/>
                <a:gd name="T14" fmla="*/ 63 w 980"/>
                <a:gd name="T15" fmla="*/ 103 h 852"/>
                <a:gd name="T16" fmla="*/ 53 w 980"/>
                <a:gd name="T17" fmla="*/ 109 h 852"/>
                <a:gd name="T18" fmla="*/ 46 w 980"/>
                <a:gd name="T19" fmla="*/ 127 h 852"/>
                <a:gd name="T20" fmla="*/ 50 w 980"/>
                <a:gd name="T21" fmla="*/ 144 h 852"/>
                <a:gd name="T22" fmla="*/ 51 w 980"/>
                <a:gd name="T23" fmla="*/ 151 h 852"/>
                <a:gd name="T24" fmla="*/ 38 w 980"/>
                <a:gd name="T25" fmla="*/ 155 h 852"/>
                <a:gd name="T26" fmla="*/ 23 w 980"/>
                <a:gd name="T27" fmla="*/ 158 h 852"/>
                <a:gd name="T28" fmla="*/ 6 w 980"/>
                <a:gd name="T29" fmla="*/ 187 h 852"/>
                <a:gd name="T30" fmla="*/ 19 w 980"/>
                <a:gd name="T31" fmla="*/ 205 h 852"/>
                <a:gd name="T32" fmla="*/ 28 w 980"/>
                <a:gd name="T33" fmla="*/ 217 h 852"/>
                <a:gd name="T34" fmla="*/ 34 w 980"/>
                <a:gd name="T35" fmla="*/ 227 h 852"/>
                <a:gd name="T36" fmla="*/ 43 w 980"/>
                <a:gd name="T37" fmla="*/ 234 h 852"/>
                <a:gd name="T38" fmla="*/ 48 w 980"/>
                <a:gd name="T39" fmla="*/ 245 h 852"/>
                <a:gd name="T40" fmla="*/ 45 w 980"/>
                <a:gd name="T41" fmla="*/ 258 h 852"/>
                <a:gd name="T42" fmla="*/ 60 w 980"/>
                <a:gd name="T43" fmla="*/ 263 h 852"/>
                <a:gd name="T44" fmla="*/ 71 w 980"/>
                <a:gd name="T45" fmla="*/ 278 h 852"/>
                <a:gd name="T46" fmla="*/ 83 w 980"/>
                <a:gd name="T47" fmla="*/ 278 h 852"/>
                <a:gd name="T48" fmla="*/ 96 w 980"/>
                <a:gd name="T49" fmla="*/ 233 h 852"/>
                <a:gd name="T50" fmla="*/ 106 w 980"/>
                <a:gd name="T51" fmla="*/ 213 h 852"/>
                <a:gd name="T52" fmla="*/ 118 w 980"/>
                <a:gd name="T53" fmla="*/ 204 h 852"/>
                <a:gd name="T54" fmla="*/ 132 w 980"/>
                <a:gd name="T55" fmla="*/ 198 h 852"/>
                <a:gd name="T56" fmla="*/ 122 w 980"/>
                <a:gd name="T57" fmla="*/ 187 h 852"/>
                <a:gd name="T58" fmla="*/ 114 w 980"/>
                <a:gd name="T59" fmla="*/ 177 h 852"/>
                <a:gd name="T60" fmla="*/ 118 w 980"/>
                <a:gd name="T61" fmla="*/ 164 h 852"/>
                <a:gd name="T62" fmla="*/ 119 w 980"/>
                <a:gd name="T63" fmla="*/ 144 h 852"/>
                <a:gd name="T64" fmla="*/ 126 w 980"/>
                <a:gd name="T65" fmla="*/ 132 h 852"/>
                <a:gd name="T66" fmla="*/ 148 w 980"/>
                <a:gd name="T67" fmla="*/ 141 h 852"/>
                <a:gd name="T68" fmla="*/ 169 w 980"/>
                <a:gd name="T69" fmla="*/ 143 h 852"/>
                <a:gd name="T70" fmla="*/ 190 w 980"/>
                <a:gd name="T71" fmla="*/ 137 h 852"/>
                <a:gd name="T72" fmla="*/ 214 w 980"/>
                <a:gd name="T73" fmla="*/ 151 h 852"/>
                <a:gd name="T74" fmla="*/ 238 w 980"/>
                <a:gd name="T75" fmla="*/ 149 h 852"/>
                <a:gd name="T76" fmla="*/ 256 w 980"/>
                <a:gd name="T77" fmla="*/ 152 h 852"/>
                <a:gd name="T78" fmla="*/ 257 w 980"/>
                <a:gd name="T79" fmla="*/ 163 h 852"/>
                <a:gd name="T80" fmla="*/ 254 w 980"/>
                <a:gd name="T81" fmla="*/ 176 h 852"/>
                <a:gd name="T82" fmla="*/ 273 w 980"/>
                <a:gd name="T83" fmla="*/ 177 h 852"/>
                <a:gd name="T84" fmla="*/ 294 w 980"/>
                <a:gd name="T85" fmla="*/ 164 h 852"/>
                <a:gd name="T86" fmla="*/ 322 w 980"/>
                <a:gd name="T87" fmla="*/ 143 h 852"/>
                <a:gd name="T88" fmla="*/ 310 w 980"/>
                <a:gd name="T89" fmla="*/ 126 h 852"/>
                <a:gd name="T90" fmla="*/ 301 w 980"/>
                <a:gd name="T91" fmla="*/ 108 h 852"/>
                <a:gd name="T92" fmla="*/ 301 w 980"/>
                <a:gd name="T93" fmla="*/ 86 h 852"/>
                <a:gd name="T94" fmla="*/ 281 w 980"/>
                <a:gd name="T95" fmla="*/ 84 h 852"/>
                <a:gd name="T96" fmla="*/ 269 w 980"/>
                <a:gd name="T97" fmla="*/ 86 h 852"/>
                <a:gd name="T98" fmla="*/ 262 w 980"/>
                <a:gd name="T99" fmla="*/ 74 h 852"/>
                <a:gd name="T100" fmla="*/ 252 w 980"/>
                <a:gd name="T101" fmla="*/ 64 h 852"/>
                <a:gd name="T102" fmla="*/ 241 w 980"/>
                <a:gd name="T103" fmla="*/ 54 h 852"/>
                <a:gd name="T104" fmla="*/ 187 w 980"/>
                <a:gd name="T105" fmla="*/ 67 h 852"/>
                <a:gd name="T106" fmla="*/ 151 w 980"/>
                <a:gd name="T107" fmla="*/ 63 h 852"/>
                <a:gd name="T108" fmla="*/ 143 w 980"/>
                <a:gd name="T109" fmla="*/ 41 h 852"/>
                <a:gd name="T110" fmla="*/ 130 w 980"/>
                <a:gd name="T111" fmla="*/ 12 h 852"/>
                <a:gd name="T112" fmla="*/ 120 w 980"/>
                <a:gd name="T113" fmla="*/ 11 h 852"/>
                <a:gd name="T114" fmla="*/ 107 w 980"/>
                <a:gd name="T115" fmla="*/ 6 h 852"/>
                <a:gd name="T116" fmla="*/ 96 w 980"/>
                <a:gd name="T117" fmla="*/ 0 h 852"/>
                <a:gd name="T118" fmla="*/ 90 w 980"/>
                <a:gd name="T119" fmla="*/ 5 h 85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980" h="852">
                  <a:moveTo>
                    <a:pt x="262" y="26"/>
                  </a:moveTo>
                  <a:lnTo>
                    <a:pt x="266" y="33"/>
                  </a:lnTo>
                  <a:lnTo>
                    <a:pt x="269" y="39"/>
                  </a:lnTo>
                  <a:lnTo>
                    <a:pt x="271" y="46"/>
                  </a:lnTo>
                  <a:lnTo>
                    <a:pt x="273" y="53"/>
                  </a:lnTo>
                  <a:lnTo>
                    <a:pt x="273" y="66"/>
                  </a:lnTo>
                  <a:lnTo>
                    <a:pt x="270" y="80"/>
                  </a:lnTo>
                  <a:lnTo>
                    <a:pt x="268" y="94"/>
                  </a:lnTo>
                  <a:lnTo>
                    <a:pt x="267" y="108"/>
                  </a:lnTo>
                  <a:lnTo>
                    <a:pt x="267" y="114"/>
                  </a:lnTo>
                  <a:lnTo>
                    <a:pt x="268" y="120"/>
                  </a:lnTo>
                  <a:lnTo>
                    <a:pt x="269" y="128"/>
                  </a:lnTo>
                  <a:lnTo>
                    <a:pt x="271" y="134"/>
                  </a:lnTo>
                  <a:lnTo>
                    <a:pt x="257" y="132"/>
                  </a:lnTo>
                  <a:lnTo>
                    <a:pt x="243" y="131"/>
                  </a:lnTo>
                  <a:lnTo>
                    <a:pt x="229" y="131"/>
                  </a:lnTo>
                  <a:lnTo>
                    <a:pt x="216" y="131"/>
                  </a:lnTo>
                  <a:lnTo>
                    <a:pt x="202" y="131"/>
                  </a:lnTo>
                  <a:lnTo>
                    <a:pt x="188" y="130"/>
                  </a:lnTo>
                  <a:lnTo>
                    <a:pt x="172" y="128"/>
                  </a:lnTo>
                  <a:lnTo>
                    <a:pt x="156" y="123"/>
                  </a:lnTo>
                  <a:lnTo>
                    <a:pt x="147" y="136"/>
                  </a:lnTo>
                  <a:lnTo>
                    <a:pt x="138" y="147"/>
                  </a:lnTo>
                  <a:lnTo>
                    <a:pt x="127" y="157"/>
                  </a:lnTo>
                  <a:lnTo>
                    <a:pt x="118" y="169"/>
                  </a:lnTo>
                  <a:lnTo>
                    <a:pt x="108" y="179"/>
                  </a:lnTo>
                  <a:lnTo>
                    <a:pt x="100" y="192"/>
                  </a:lnTo>
                  <a:lnTo>
                    <a:pt x="96" y="198"/>
                  </a:lnTo>
                  <a:lnTo>
                    <a:pt x="92" y="205"/>
                  </a:lnTo>
                  <a:lnTo>
                    <a:pt x="89" y="213"/>
                  </a:lnTo>
                  <a:lnTo>
                    <a:pt x="87" y="221"/>
                  </a:lnTo>
                  <a:lnTo>
                    <a:pt x="103" y="230"/>
                  </a:lnTo>
                  <a:lnTo>
                    <a:pt x="119" y="238"/>
                  </a:lnTo>
                  <a:lnTo>
                    <a:pt x="134" y="248"/>
                  </a:lnTo>
                  <a:lnTo>
                    <a:pt x="148" y="257"/>
                  </a:lnTo>
                  <a:lnTo>
                    <a:pt x="161" y="269"/>
                  </a:lnTo>
                  <a:lnTo>
                    <a:pt x="174" y="280"/>
                  </a:lnTo>
                  <a:lnTo>
                    <a:pt x="185" y="294"/>
                  </a:lnTo>
                  <a:lnTo>
                    <a:pt x="195" y="308"/>
                  </a:lnTo>
                  <a:lnTo>
                    <a:pt x="189" y="309"/>
                  </a:lnTo>
                  <a:lnTo>
                    <a:pt x="184" y="310"/>
                  </a:lnTo>
                  <a:lnTo>
                    <a:pt x="180" y="311"/>
                  </a:lnTo>
                  <a:lnTo>
                    <a:pt x="175" y="313"/>
                  </a:lnTo>
                  <a:lnTo>
                    <a:pt x="166" y="319"/>
                  </a:lnTo>
                  <a:lnTo>
                    <a:pt x="159" y="327"/>
                  </a:lnTo>
                  <a:lnTo>
                    <a:pt x="152" y="336"/>
                  </a:lnTo>
                  <a:lnTo>
                    <a:pt x="146" y="346"/>
                  </a:lnTo>
                  <a:lnTo>
                    <a:pt x="142" y="357"/>
                  </a:lnTo>
                  <a:lnTo>
                    <a:pt x="139" y="369"/>
                  </a:lnTo>
                  <a:lnTo>
                    <a:pt x="137" y="380"/>
                  </a:lnTo>
                  <a:lnTo>
                    <a:pt x="137" y="392"/>
                  </a:lnTo>
                  <a:lnTo>
                    <a:pt x="138" y="403"/>
                  </a:lnTo>
                  <a:lnTo>
                    <a:pt x="140" y="414"/>
                  </a:lnTo>
                  <a:lnTo>
                    <a:pt x="144" y="423"/>
                  </a:lnTo>
                  <a:lnTo>
                    <a:pt x="149" y="432"/>
                  </a:lnTo>
                  <a:lnTo>
                    <a:pt x="152" y="436"/>
                  </a:lnTo>
                  <a:lnTo>
                    <a:pt x="157" y="439"/>
                  </a:lnTo>
                  <a:lnTo>
                    <a:pt x="161" y="441"/>
                  </a:lnTo>
                  <a:lnTo>
                    <a:pt x="165" y="445"/>
                  </a:lnTo>
                  <a:lnTo>
                    <a:pt x="152" y="452"/>
                  </a:lnTo>
                  <a:lnTo>
                    <a:pt x="142" y="458"/>
                  </a:lnTo>
                  <a:lnTo>
                    <a:pt x="132" y="462"/>
                  </a:lnTo>
                  <a:lnTo>
                    <a:pt x="124" y="466"/>
                  </a:lnTo>
                  <a:lnTo>
                    <a:pt x="120" y="466"/>
                  </a:lnTo>
                  <a:lnTo>
                    <a:pt x="115" y="466"/>
                  </a:lnTo>
                  <a:lnTo>
                    <a:pt x="109" y="466"/>
                  </a:lnTo>
                  <a:lnTo>
                    <a:pt x="104" y="465"/>
                  </a:lnTo>
                  <a:lnTo>
                    <a:pt x="92" y="460"/>
                  </a:lnTo>
                  <a:lnTo>
                    <a:pt x="78" y="454"/>
                  </a:lnTo>
                  <a:lnTo>
                    <a:pt x="69" y="473"/>
                  </a:lnTo>
                  <a:lnTo>
                    <a:pt x="60" y="492"/>
                  </a:lnTo>
                  <a:lnTo>
                    <a:pt x="50" y="510"/>
                  </a:lnTo>
                  <a:lnTo>
                    <a:pt x="40" y="528"/>
                  </a:lnTo>
                  <a:lnTo>
                    <a:pt x="29" y="545"/>
                  </a:lnTo>
                  <a:lnTo>
                    <a:pt x="19" y="562"/>
                  </a:lnTo>
                  <a:lnTo>
                    <a:pt x="9" y="580"/>
                  </a:lnTo>
                  <a:lnTo>
                    <a:pt x="0" y="599"/>
                  </a:lnTo>
                  <a:lnTo>
                    <a:pt x="18" y="606"/>
                  </a:lnTo>
                  <a:lnTo>
                    <a:pt x="37" y="612"/>
                  </a:lnTo>
                  <a:lnTo>
                    <a:pt x="57" y="616"/>
                  </a:lnTo>
                  <a:lnTo>
                    <a:pt x="78" y="618"/>
                  </a:lnTo>
                  <a:lnTo>
                    <a:pt x="79" y="628"/>
                  </a:lnTo>
                  <a:lnTo>
                    <a:pt x="80" y="636"/>
                  </a:lnTo>
                  <a:lnTo>
                    <a:pt x="81" y="645"/>
                  </a:lnTo>
                  <a:lnTo>
                    <a:pt x="83" y="652"/>
                  </a:lnTo>
                  <a:lnTo>
                    <a:pt x="86" y="659"/>
                  </a:lnTo>
                  <a:lnTo>
                    <a:pt x="89" y="666"/>
                  </a:lnTo>
                  <a:lnTo>
                    <a:pt x="92" y="672"/>
                  </a:lnTo>
                  <a:lnTo>
                    <a:pt x="97" y="677"/>
                  </a:lnTo>
                  <a:lnTo>
                    <a:pt x="101" y="682"/>
                  </a:lnTo>
                  <a:lnTo>
                    <a:pt x="106" y="688"/>
                  </a:lnTo>
                  <a:lnTo>
                    <a:pt x="111" y="692"/>
                  </a:lnTo>
                  <a:lnTo>
                    <a:pt x="118" y="696"/>
                  </a:lnTo>
                  <a:lnTo>
                    <a:pt x="124" y="699"/>
                  </a:lnTo>
                  <a:lnTo>
                    <a:pt x="130" y="701"/>
                  </a:lnTo>
                  <a:lnTo>
                    <a:pt x="138" y="705"/>
                  </a:lnTo>
                  <a:lnTo>
                    <a:pt x="146" y="706"/>
                  </a:lnTo>
                  <a:lnTo>
                    <a:pt x="147" y="717"/>
                  </a:lnTo>
                  <a:lnTo>
                    <a:pt x="147" y="727"/>
                  </a:lnTo>
                  <a:lnTo>
                    <a:pt x="145" y="734"/>
                  </a:lnTo>
                  <a:lnTo>
                    <a:pt x="142" y="741"/>
                  </a:lnTo>
                  <a:lnTo>
                    <a:pt x="139" y="748"/>
                  </a:lnTo>
                  <a:lnTo>
                    <a:pt x="137" y="755"/>
                  </a:lnTo>
                  <a:lnTo>
                    <a:pt x="136" y="764"/>
                  </a:lnTo>
                  <a:lnTo>
                    <a:pt x="136" y="774"/>
                  </a:lnTo>
                  <a:lnTo>
                    <a:pt x="147" y="774"/>
                  </a:lnTo>
                  <a:lnTo>
                    <a:pt x="157" y="776"/>
                  </a:lnTo>
                  <a:lnTo>
                    <a:pt x="165" y="779"/>
                  </a:lnTo>
                  <a:lnTo>
                    <a:pt x="172" y="784"/>
                  </a:lnTo>
                  <a:lnTo>
                    <a:pt x="179" y="789"/>
                  </a:lnTo>
                  <a:lnTo>
                    <a:pt x="184" y="795"/>
                  </a:lnTo>
                  <a:lnTo>
                    <a:pt x="189" y="801"/>
                  </a:lnTo>
                  <a:lnTo>
                    <a:pt x="195" y="808"/>
                  </a:lnTo>
                  <a:lnTo>
                    <a:pt x="203" y="821"/>
                  </a:lnTo>
                  <a:lnTo>
                    <a:pt x="214" y="834"/>
                  </a:lnTo>
                  <a:lnTo>
                    <a:pt x="220" y="840"/>
                  </a:lnTo>
                  <a:lnTo>
                    <a:pt x="226" y="845"/>
                  </a:lnTo>
                  <a:lnTo>
                    <a:pt x="234" y="849"/>
                  </a:lnTo>
                  <a:lnTo>
                    <a:pt x="243" y="852"/>
                  </a:lnTo>
                  <a:lnTo>
                    <a:pt x="250" y="835"/>
                  </a:lnTo>
                  <a:lnTo>
                    <a:pt x="258" y="817"/>
                  </a:lnTo>
                  <a:lnTo>
                    <a:pt x="263" y="798"/>
                  </a:lnTo>
                  <a:lnTo>
                    <a:pt x="268" y="778"/>
                  </a:lnTo>
                  <a:lnTo>
                    <a:pt x="277" y="738"/>
                  </a:lnTo>
                  <a:lnTo>
                    <a:pt x="287" y="699"/>
                  </a:lnTo>
                  <a:lnTo>
                    <a:pt x="294" y="680"/>
                  </a:lnTo>
                  <a:lnTo>
                    <a:pt x="301" y="664"/>
                  </a:lnTo>
                  <a:lnTo>
                    <a:pt x="306" y="655"/>
                  </a:lnTo>
                  <a:lnTo>
                    <a:pt x="310" y="647"/>
                  </a:lnTo>
                  <a:lnTo>
                    <a:pt x="317" y="639"/>
                  </a:lnTo>
                  <a:lnTo>
                    <a:pt x="323" y="633"/>
                  </a:lnTo>
                  <a:lnTo>
                    <a:pt x="329" y="627"/>
                  </a:lnTo>
                  <a:lnTo>
                    <a:pt x="337" y="620"/>
                  </a:lnTo>
                  <a:lnTo>
                    <a:pt x="345" y="615"/>
                  </a:lnTo>
                  <a:lnTo>
                    <a:pt x="354" y="611"/>
                  </a:lnTo>
                  <a:lnTo>
                    <a:pt x="364" y="607"/>
                  </a:lnTo>
                  <a:lnTo>
                    <a:pt x="375" y="604"/>
                  </a:lnTo>
                  <a:lnTo>
                    <a:pt x="385" y="601"/>
                  </a:lnTo>
                  <a:lnTo>
                    <a:pt x="398" y="599"/>
                  </a:lnTo>
                  <a:lnTo>
                    <a:pt x="396" y="593"/>
                  </a:lnTo>
                  <a:lnTo>
                    <a:pt x="394" y="587"/>
                  </a:lnTo>
                  <a:lnTo>
                    <a:pt x="390" y="581"/>
                  </a:lnTo>
                  <a:lnTo>
                    <a:pt x="386" y="577"/>
                  </a:lnTo>
                  <a:lnTo>
                    <a:pt x="377" y="570"/>
                  </a:lnTo>
                  <a:lnTo>
                    <a:pt x="366" y="562"/>
                  </a:lnTo>
                  <a:lnTo>
                    <a:pt x="357" y="556"/>
                  </a:lnTo>
                  <a:lnTo>
                    <a:pt x="348" y="547"/>
                  </a:lnTo>
                  <a:lnTo>
                    <a:pt x="345" y="542"/>
                  </a:lnTo>
                  <a:lnTo>
                    <a:pt x="342" y="536"/>
                  </a:lnTo>
                  <a:lnTo>
                    <a:pt x="341" y="530"/>
                  </a:lnTo>
                  <a:lnTo>
                    <a:pt x="340" y="521"/>
                  </a:lnTo>
                  <a:lnTo>
                    <a:pt x="345" y="515"/>
                  </a:lnTo>
                  <a:lnTo>
                    <a:pt x="349" y="508"/>
                  </a:lnTo>
                  <a:lnTo>
                    <a:pt x="353" y="500"/>
                  </a:lnTo>
                  <a:lnTo>
                    <a:pt x="354" y="493"/>
                  </a:lnTo>
                  <a:lnTo>
                    <a:pt x="356" y="476"/>
                  </a:lnTo>
                  <a:lnTo>
                    <a:pt x="356" y="459"/>
                  </a:lnTo>
                  <a:lnTo>
                    <a:pt x="356" y="451"/>
                  </a:lnTo>
                  <a:lnTo>
                    <a:pt x="357" y="441"/>
                  </a:lnTo>
                  <a:lnTo>
                    <a:pt x="358" y="433"/>
                  </a:lnTo>
                  <a:lnTo>
                    <a:pt x="360" y="424"/>
                  </a:lnTo>
                  <a:lnTo>
                    <a:pt x="362" y="417"/>
                  </a:lnTo>
                  <a:lnTo>
                    <a:pt x="366" y="410"/>
                  </a:lnTo>
                  <a:lnTo>
                    <a:pt x="371" y="402"/>
                  </a:lnTo>
                  <a:lnTo>
                    <a:pt x="379" y="395"/>
                  </a:lnTo>
                  <a:lnTo>
                    <a:pt x="392" y="402"/>
                  </a:lnTo>
                  <a:lnTo>
                    <a:pt x="405" y="409"/>
                  </a:lnTo>
                  <a:lnTo>
                    <a:pt x="418" y="414"/>
                  </a:lnTo>
                  <a:lnTo>
                    <a:pt x="430" y="418"/>
                  </a:lnTo>
                  <a:lnTo>
                    <a:pt x="444" y="422"/>
                  </a:lnTo>
                  <a:lnTo>
                    <a:pt x="457" y="426"/>
                  </a:lnTo>
                  <a:lnTo>
                    <a:pt x="469" y="429"/>
                  </a:lnTo>
                  <a:lnTo>
                    <a:pt x="482" y="430"/>
                  </a:lnTo>
                  <a:lnTo>
                    <a:pt x="495" y="430"/>
                  </a:lnTo>
                  <a:lnTo>
                    <a:pt x="507" y="430"/>
                  </a:lnTo>
                  <a:lnTo>
                    <a:pt x="520" y="429"/>
                  </a:lnTo>
                  <a:lnTo>
                    <a:pt x="532" y="426"/>
                  </a:lnTo>
                  <a:lnTo>
                    <a:pt x="544" y="422"/>
                  </a:lnTo>
                  <a:lnTo>
                    <a:pt x="557" y="418"/>
                  </a:lnTo>
                  <a:lnTo>
                    <a:pt x="569" y="412"/>
                  </a:lnTo>
                  <a:lnTo>
                    <a:pt x="582" y="406"/>
                  </a:lnTo>
                  <a:lnTo>
                    <a:pt x="598" y="416"/>
                  </a:lnTo>
                  <a:lnTo>
                    <a:pt x="613" y="429"/>
                  </a:lnTo>
                  <a:lnTo>
                    <a:pt x="626" y="441"/>
                  </a:lnTo>
                  <a:lnTo>
                    <a:pt x="641" y="454"/>
                  </a:lnTo>
                  <a:lnTo>
                    <a:pt x="658" y="455"/>
                  </a:lnTo>
                  <a:lnTo>
                    <a:pt x="673" y="454"/>
                  </a:lnTo>
                  <a:lnTo>
                    <a:pt x="686" y="452"/>
                  </a:lnTo>
                  <a:lnTo>
                    <a:pt x="699" y="449"/>
                  </a:lnTo>
                  <a:lnTo>
                    <a:pt x="712" y="446"/>
                  </a:lnTo>
                  <a:lnTo>
                    <a:pt x="725" y="443"/>
                  </a:lnTo>
                  <a:lnTo>
                    <a:pt x="740" y="442"/>
                  </a:lnTo>
                  <a:lnTo>
                    <a:pt x="757" y="445"/>
                  </a:lnTo>
                  <a:lnTo>
                    <a:pt x="763" y="451"/>
                  </a:lnTo>
                  <a:lnTo>
                    <a:pt x="766" y="457"/>
                  </a:lnTo>
                  <a:lnTo>
                    <a:pt x="770" y="463"/>
                  </a:lnTo>
                  <a:lnTo>
                    <a:pt x="771" y="470"/>
                  </a:lnTo>
                  <a:lnTo>
                    <a:pt x="771" y="476"/>
                  </a:lnTo>
                  <a:lnTo>
                    <a:pt x="771" y="482"/>
                  </a:lnTo>
                  <a:lnTo>
                    <a:pt x="770" y="488"/>
                  </a:lnTo>
                  <a:lnTo>
                    <a:pt x="767" y="494"/>
                  </a:lnTo>
                  <a:lnTo>
                    <a:pt x="764" y="506"/>
                  </a:lnTo>
                  <a:lnTo>
                    <a:pt x="762" y="516"/>
                  </a:lnTo>
                  <a:lnTo>
                    <a:pt x="762" y="522"/>
                  </a:lnTo>
                  <a:lnTo>
                    <a:pt x="762" y="529"/>
                  </a:lnTo>
                  <a:lnTo>
                    <a:pt x="764" y="535"/>
                  </a:lnTo>
                  <a:lnTo>
                    <a:pt x="766" y="541"/>
                  </a:lnTo>
                  <a:lnTo>
                    <a:pt x="786" y="539"/>
                  </a:lnTo>
                  <a:lnTo>
                    <a:pt x="803" y="536"/>
                  </a:lnTo>
                  <a:lnTo>
                    <a:pt x="819" y="532"/>
                  </a:lnTo>
                  <a:lnTo>
                    <a:pt x="834" y="526"/>
                  </a:lnTo>
                  <a:lnTo>
                    <a:pt x="846" y="518"/>
                  </a:lnTo>
                  <a:lnTo>
                    <a:pt x="859" y="510"/>
                  </a:lnTo>
                  <a:lnTo>
                    <a:pt x="871" y="500"/>
                  </a:lnTo>
                  <a:lnTo>
                    <a:pt x="882" y="491"/>
                  </a:lnTo>
                  <a:lnTo>
                    <a:pt x="904" y="472"/>
                  </a:lnTo>
                  <a:lnTo>
                    <a:pt x="926" y="453"/>
                  </a:lnTo>
                  <a:lnTo>
                    <a:pt x="938" y="445"/>
                  </a:lnTo>
                  <a:lnTo>
                    <a:pt x="952" y="437"/>
                  </a:lnTo>
                  <a:lnTo>
                    <a:pt x="965" y="430"/>
                  </a:lnTo>
                  <a:lnTo>
                    <a:pt x="980" y="424"/>
                  </a:lnTo>
                  <a:lnTo>
                    <a:pt x="963" y="411"/>
                  </a:lnTo>
                  <a:lnTo>
                    <a:pt x="945" y="395"/>
                  </a:lnTo>
                  <a:lnTo>
                    <a:pt x="937" y="386"/>
                  </a:lnTo>
                  <a:lnTo>
                    <a:pt x="930" y="377"/>
                  </a:lnTo>
                  <a:lnTo>
                    <a:pt x="922" y="368"/>
                  </a:lnTo>
                  <a:lnTo>
                    <a:pt x="915" y="357"/>
                  </a:lnTo>
                  <a:lnTo>
                    <a:pt x="910" y="347"/>
                  </a:lnTo>
                  <a:lnTo>
                    <a:pt x="904" y="336"/>
                  </a:lnTo>
                  <a:lnTo>
                    <a:pt x="901" y="324"/>
                  </a:lnTo>
                  <a:lnTo>
                    <a:pt x="898" y="313"/>
                  </a:lnTo>
                  <a:lnTo>
                    <a:pt x="897" y="300"/>
                  </a:lnTo>
                  <a:lnTo>
                    <a:pt x="897" y="287"/>
                  </a:lnTo>
                  <a:lnTo>
                    <a:pt x="899" y="274"/>
                  </a:lnTo>
                  <a:lnTo>
                    <a:pt x="903" y="259"/>
                  </a:lnTo>
                  <a:lnTo>
                    <a:pt x="889" y="259"/>
                  </a:lnTo>
                  <a:lnTo>
                    <a:pt x="875" y="257"/>
                  </a:lnTo>
                  <a:lnTo>
                    <a:pt x="863" y="255"/>
                  </a:lnTo>
                  <a:lnTo>
                    <a:pt x="852" y="253"/>
                  </a:lnTo>
                  <a:lnTo>
                    <a:pt x="841" y="252"/>
                  </a:lnTo>
                  <a:lnTo>
                    <a:pt x="830" y="252"/>
                  </a:lnTo>
                  <a:lnTo>
                    <a:pt x="824" y="253"/>
                  </a:lnTo>
                  <a:lnTo>
                    <a:pt x="818" y="254"/>
                  </a:lnTo>
                  <a:lnTo>
                    <a:pt x="812" y="256"/>
                  </a:lnTo>
                  <a:lnTo>
                    <a:pt x="805" y="259"/>
                  </a:lnTo>
                  <a:lnTo>
                    <a:pt x="805" y="251"/>
                  </a:lnTo>
                  <a:lnTo>
                    <a:pt x="803" y="242"/>
                  </a:lnTo>
                  <a:lnTo>
                    <a:pt x="800" y="236"/>
                  </a:lnTo>
                  <a:lnTo>
                    <a:pt x="796" y="231"/>
                  </a:lnTo>
                  <a:lnTo>
                    <a:pt x="785" y="222"/>
                  </a:lnTo>
                  <a:lnTo>
                    <a:pt x="774" y="214"/>
                  </a:lnTo>
                  <a:lnTo>
                    <a:pt x="768" y="210"/>
                  </a:lnTo>
                  <a:lnTo>
                    <a:pt x="763" y="205"/>
                  </a:lnTo>
                  <a:lnTo>
                    <a:pt x="759" y="199"/>
                  </a:lnTo>
                  <a:lnTo>
                    <a:pt x="756" y="193"/>
                  </a:lnTo>
                  <a:lnTo>
                    <a:pt x="754" y="185"/>
                  </a:lnTo>
                  <a:lnTo>
                    <a:pt x="753" y="176"/>
                  </a:lnTo>
                  <a:lnTo>
                    <a:pt x="754" y="165"/>
                  </a:lnTo>
                  <a:lnTo>
                    <a:pt x="757" y="153"/>
                  </a:lnTo>
                  <a:lnTo>
                    <a:pt x="722" y="161"/>
                  </a:lnTo>
                  <a:lnTo>
                    <a:pt x="688" y="170"/>
                  </a:lnTo>
                  <a:lnTo>
                    <a:pt x="656" y="177"/>
                  </a:lnTo>
                  <a:lnTo>
                    <a:pt x="624" y="185"/>
                  </a:lnTo>
                  <a:lnTo>
                    <a:pt x="593" y="194"/>
                  </a:lnTo>
                  <a:lnTo>
                    <a:pt x="559" y="202"/>
                  </a:lnTo>
                  <a:lnTo>
                    <a:pt x="524" y="211"/>
                  </a:lnTo>
                  <a:lnTo>
                    <a:pt x="485" y="221"/>
                  </a:lnTo>
                  <a:lnTo>
                    <a:pt x="473" y="211"/>
                  </a:lnTo>
                  <a:lnTo>
                    <a:pt x="463" y="200"/>
                  </a:lnTo>
                  <a:lnTo>
                    <a:pt x="454" y="189"/>
                  </a:lnTo>
                  <a:lnTo>
                    <a:pt x="447" y="177"/>
                  </a:lnTo>
                  <a:lnTo>
                    <a:pt x="441" y="164"/>
                  </a:lnTo>
                  <a:lnTo>
                    <a:pt x="436" y="152"/>
                  </a:lnTo>
                  <a:lnTo>
                    <a:pt x="432" y="138"/>
                  </a:lnTo>
                  <a:lnTo>
                    <a:pt x="428" y="124"/>
                  </a:lnTo>
                  <a:lnTo>
                    <a:pt x="420" y="98"/>
                  </a:lnTo>
                  <a:lnTo>
                    <a:pt x="412" y="72"/>
                  </a:lnTo>
                  <a:lnTo>
                    <a:pt x="405" y="59"/>
                  </a:lnTo>
                  <a:lnTo>
                    <a:pt x="398" y="48"/>
                  </a:lnTo>
                  <a:lnTo>
                    <a:pt x="389" y="37"/>
                  </a:lnTo>
                  <a:lnTo>
                    <a:pt x="379" y="26"/>
                  </a:lnTo>
                  <a:lnTo>
                    <a:pt x="374" y="30"/>
                  </a:lnTo>
                  <a:lnTo>
                    <a:pt x="369" y="32"/>
                  </a:lnTo>
                  <a:lnTo>
                    <a:pt x="364" y="33"/>
                  </a:lnTo>
                  <a:lnTo>
                    <a:pt x="360" y="34"/>
                  </a:lnTo>
                  <a:lnTo>
                    <a:pt x="351" y="34"/>
                  </a:lnTo>
                  <a:lnTo>
                    <a:pt x="343" y="32"/>
                  </a:lnTo>
                  <a:lnTo>
                    <a:pt x="336" y="28"/>
                  </a:lnTo>
                  <a:lnTo>
                    <a:pt x="328" y="23"/>
                  </a:lnTo>
                  <a:lnTo>
                    <a:pt x="322" y="18"/>
                  </a:lnTo>
                  <a:lnTo>
                    <a:pt x="315" y="13"/>
                  </a:lnTo>
                  <a:lnTo>
                    <a:pt x="308" y="8"/>
                  </a:lnTo>
                  <a:lnTo>
                    <a:pt x="302" y="3"/>
                  </a:lnTo>
                  <a:lnTo>
                    <a:pt x="296" y="1"/>
                  </a:lnTo>
                  <a:lnTo>
                    <a:pt x="289" y="0"/>
                  </a:lnTo>
                  <a:lnTo>
                    <a:pt x="286" y="1"/>
                  </a:lnTo>
                  <a:lnTo>
                    <a:pt x="283" y="2"/>
                  </a:lnTo>
                  <a:lnTo>
                    <a:pt x="280" y="4"/>
                  </a:lnTo>
                  <a:lnTo>
                    <a:pt x="277" y="6"/>
                  </a:lnTo>
                  <a:lnTo>
                    <a:pt x="269" y="15"/>
                  </a:lnTo>
                  <a:lnTo>
                    <a:pt x="262" y="26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245" name="Rebild kant"/>
            <p:cNvSpPr>
              <a:spLocks/>
            </p:cNvSpPr>
            <p:nvPr/>
          </p:nvSpPr>
          <p:spPr bwMode="auto">
            <a:xfrm>
              <a:off x="1643063" y="3251200"/>
              <a:ext cx="519112" cy="450850"/>
            </a:xfrm>
            <a:custGeom>
              <a:avLst/>
              <a:gdLst>
                <a:gd name="T0" fmla="*/ 91 w 980"/>
                <a:gd name="T1" fmla="*/ 18 h 852"/>
                <a:gd name="T2" fmla="*/ 89 w 980"/>
                <a:gd name="T3" fmla="*/ 38 h 852"/>
                <a:gd name="T4" fmla="*/ 81 w 980"/>
                <a:gd name="T5" fmla="*/ 44 h 852"/>
                <a:gd name="T6" fmla="*/ 57 w 980"/>
                <a:gd name="T7" fmla="*/ 43 h 852"/>
                <a:gd name="T8" fmla="*/ 39 w 980"/>
                <a:gd name="T9" fmla="*/ 56 h 852"/>
                <a:gd name="T10" fmla="*/ 30 w 980"/>
                <a:gd name="T11" fmla="*/ 71 h 852"/>
                <a:gd name="T12" fmla="*/ 49 w 980"/>
                <a:gd name="T13" fmla="*/ 86 h 852"/>
                <a:gd name="T14" fmla="*/ 63 w 980"/>
                <a:gd name="T15" fmla="*/ 103 h 852"/>
                <a:gd name="T16" fmla="*/ 53 w 980"/>
                <a:gd name="T17" fmla="*/ 109 h 852"/>
                <a:gd name="T18" fmla="*/ 46 w 980"/>
                <a:gd name="T19" fmla="*/ 127 h 852"/>
                <a:gd name="T20" fmla="*/ 50 w 980"/>
                <a:gd name="T21" fmla="*/ 144 h 852"/>
                <a:gd name="T22" fmla="*/ 51 w 980"/>
                <a:gd name="T23" fmla="*/ 151 h 852"/>
                <a:gd name="T24" fmla="*/ 38 w 980"/>
                <a:gd name="T25" fmla="*/ 155 h 852"/>
                <a:gd name="T26" fmla="*/ 23 w 980"/>
                <a:gd name="T27" fmla="*/ 158 h 852"/>
                <a:gd name="T28" fmla="*/ 6 w 980"/>
                <a:gd name="T29" fmla="*/ 187 h 852"/>
                <a:gd name="T30" fmla="*/ 19 w 980"/>
                <a:gd name="T31" fmla="*/ 205 h 852"/>
                <a:gd name="T32" fmla="*/ 28 w 980"/>
                <a:gd name="T33" fmla="*/ 217 h 852"/>
                <a:gd name="T34" fmla="*/ 34 w 980"/>
                <a:gd name="T35" fmla="*/ 227 h 852"/>
                <a:gd name="T36" fmla="*/ 43 w 980"/>
                <a:gd name="T37" fmla="*/ 234 h 852"/>
                <a:gd name="T38" fmla="*/ 48 w 980"/>
                <a:gd name="T39" fmla="*/ 245 h 852"/>
                <a:gd name="T40" fmla="*/ 45 w 980"/>
                <a:gd name="T41" fmla="*/ 258 h 852"/>
                <a:gd name="T42" fmla="*/ 60 w 980"/>
                <a:gd name="T43" fmla="*/ 263 h 852"/>
                <a:gd name="T44" fmla="*/ 71 w 980"/>
                <a:gd name="T45" fmla="*/ 278 h 852"/>
                <a:gd name="T46" fmla="*/ 83 w 980"/>
                <a:gd name="T47" fmla="*/ 278 h 852"/>
                <a:gd name="T48" fmla="*/ 96 w 980"/>
                <a:gd name="T49" fmla="*/ 233 h 852"/>
                <a:gd name="T50" fmla="*/ 106 w 980"/>
                <a:gd name="T51" fmla="*/ 213 h 852"/>
                <a:gd name="T52" fmla="*/ 118 w 980"/>
                <a:gd name="T53" fmla="*/ 204 h 852"/>
                <a:gd name="T54" fmla="*/ 132 w 980"/>
                <a:gd name="T55" fmla="*/ 198 h 852"/>
                <a:gd name="T56" fmla="*/ 122 w 980"/>
                <a:gd name="T57" fmla="*/ 187 h 852"/>
                <a:gd name="T58" fmla="*/ 114 w 980"/>
                <a:gd name="T59" fmla="*/ 177 h 852"/>
                <a:gd name="T60" fmla="*/ 118 w 980"/>
                <a:gd name="T61" fmla="*/ 164 h 852"/>
                <a:gd name="T62" fmla="*/ 119 w 980"/>
                <a:gd name="T63" fmla="*/ 144 h 852"/>
                <a:gd name="T64" fmla="*/ 126 w 980"/>
                <a:gd name="T65" fmla="*/ 132 h 852"/>
                <a:gd name="T66" fmla="*/ 148 w 980"/>
                <a:gd name="T67" fmla="*/ 141 h 852"/>
                <a:gd name="T68" fmla="*/ 169 w 980"/>
                <a:gd name="T69" fmla="*/ 143 h 852"/>
                <a:gd name="T70" fmla="*/ 190 w 980"/>
                <a:gd name="T71" fmla="*/ 137 h 852"/>
                <a:gd name="T72" fmla="*/ 214 w 980"/>
                <a:gd name="T73" fmla="*/ 151 h 852"/>
                <a:gd name="T74" fmla="*/ 238 w 980"/>
                <a:gd name="T75" fmla="*/ 149 h 852"/>
                <a:gd name="T76" fmla="*/ 256 w 980"/>
                <a:gd name="T77" fmla="*/ 152 h 852"/>
                <a:gd name="T78" fmla="*/ 257 w 980"/>
                <a:gd name="T79" fmla="*/ 163 h 852"/>
                <a:gd name="T80" fmla="*/ 254 w 980"/>
                <a:gd name="T81" fmla="*/ 176 h 852"/>
                <a:gd name="T82" fmla="*/ 273 w 980"/>
                <a:gd name="T83" fmla="*/ 177 h 852"/>
                <a:gd name="T84" fmla="*/ 294 w 980"/>
                <a:gd name="T85" fmla="*/ 164 h 852"/>
                <a:gd name="T86" fmla="*/ 322 w 980"/>
                <a:gd name="T87" fmla="*/ 143 h 852"/>
                <a:gd name="T88" fmla="*/ 310 w 980"/>
                <a:gd name="T89" fmla="*/ 126 h 852"/>
                <a:gd name="T90" fmla="*/ 301 w 980"/>
                <a:gd name="T91" fmla="*/ 108 h 852"/>
                <a:gd name="T92" fmla="*/ 301 w 980"/>
                <a:gd name="T93" fmla="*/ 86 h 852"/>
                <a:gd name="T94" fmla="*/ 281 w 980"/>
                <a:gd name="T95" fmla="*/ 84 h 852"/>
                <a:gd name="T96" fmla="*/ 269 w 980"/>
                <a:gd name="T97" fmla="*/ 86 h 852"/>
                <a:gd name="T98" fmla="*/ 262 w 980"/>
                <a:gd name="T99" fmla="*/ 74 h 852"/>
                <a:gd name="T100" fmla="*/ 252 w 980"/>
                <a:gd name="T101" fmla="*/ 64 h 852"/>
                <a:gd name="T102" fmla="*/ 241 w 980"/>
                <a:gd name="T103" fmla="*/ 54 h 852"/>
                <a:gd name="T104" fmla="*/ 187 w 980"/>
                <a:gd name="T105" fmla="*/ 67 h 852"/>
                <a:gd name="T106" fmla="*/ 151 w 980"/>
                <a:gd name="T107" fmla="*/ 63 h 852"/>
                <a:gd name="T108" fmla="*/ 143 w 980"/>
                <a:gd name="T109" fmla="*/ 41 h 852"/>
                <a:gd name="T110" fmla="*/ 130 w 980"/>
                <a:gd name="T111" fmla="*/ 12 h 852"/>
                <a:gd name="T112" fmla="*/ 120 w 980"/>
                <a:gd name="T113" fmla="*/ 11 h 852"/>
                <a:gd name="T114" fmla="*/ 107 w 980"/>
                <a:gd name="T115" fmla="*/ 6 h 852"/>
                <a:gd name="T116" fmla="*/ 96 w 980"/>
                <a:gd name="T117" fmla="*/ 0 h 852"/>
                <a:gd name="T118" fmla="*/ 90 w 980"/>
                <a:gd name="T119" fmla="*/ 5 h 85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980" h="852">
                  <a:moveTo>
                    <a:pt x="262" y="26"/>
                  </a:moveTo>
                  <a:lnTo>
                    <a:pt x="266" y="33"/>
                  </a:lnTo>
                  <a:lnTo>
                    <a:pt x="269" y="39"/>
                  </a:lnTo>
                  <a:lnTo>
                    <a:pt x="271" y="46"/>
                  </a:lnTo>
                  <a:lnTo>
                    <a:pt x="273" y="53"/>
                  </a:lnTo>
                  <a:lnTo>
                    <a:pt x="273" y="66"/>
                  </a:lnTo>
                  <a:lnTo>
                    <a:pt x="270" y="80"/>
                  </a:lnTo>
                  <a:lnTo>
                    <a:pt x="268" y="94"/>
                  </a:lnTo>
                  <a:lnTo>
                    <a:pt x="267" y="108"/>
                  </a:lnTo>
                  <a:lnTo>
                    <a:pt x="267" y="114"/>
                  </a:lnTo>
                  <a:lnTo>
                    <a:pt x="268" y="120"/>
                  </a:lnTo>
                  <a:lnTo>
                    <a:pt x="269" y="128"/>
                  </a:lnTo>
                  <a:lnTo>
                    <a:pt x="271" y="134"/>
                  </a:lnTo>
                  <a:lnTo>
                    <a:pt x="257" y="132"/>
                  </a:lnTo>
                  <a:lnTo>
                    <a:pt x="243" y="131"/>
                  </a:lnTo>
                  <a:lnTo>
                    <a:pt x="229" y="131"/>
                  </a:lnTo>
                  <a:lnTo>
                    <a:pt x="216" y="131"/>
                  </a:lnTo>
                  <a:lnTo>
                    <a:pt x="202" y="131"/>
                  </a:lnTo>
                  <a:lnTo>
                    <a:pt x="188" y="130"/>
                  </a:lnTo>
                  <a:lnTo>
                    <a:pt x="172" y="128"/>
                  </a:lnTo>
                  <a:lnTo>
                    <a:pt x="156" y="123"/>
                  </a:lnTo>
                  <a:lnTo>
                    <a:pt x="147" y="136"/>
                  </a:lnTo>
                  <a:lnTo>
                    <a:pt x="138" y="147"/>
                  </a:lnTo>
                  <a:lnTo>
                    <a:pt x="127" y="157"/>
                  </a:lnTo>
                  <a:lnTo>
                    <a:pt x="118" y="169"/>
                  </a:lnTo>
                  <a:lnTo>
                    <a:pt x="108" y="179"/>
                  </a:lnTo>
                  <a:lnTo>
                    <a:pt x="100" y="192"/>
                  </a:lnTo>
                  <a:lnTo>
                    <a:pt x="96" y="198"/>
                  </a:lnTo>
                  <a:lnTo>
                    <a:pt x="92" y="205"/>
                  </a:lnTo>
                  <a:lnTo>
                    <a:pt x="89" y="213"/>
                  </a:lnTo>
                  <a:lnTo>
                    <a:pt x="87" y="221"/>
                  </a:lnTo>
                  <a:lnTo>
                    <a:pt x="103" y="230"/>
                  </a:lnTo>
                  <a:lnTo>
                    <a:pt x="119" y="238"/>
                  </a:lnTo>
                  <a:lnTo>
                    <a:pt x="134" y="248"/>
                  </a:lnTo>
                  <a:lnTo>
                    <a:pt x="148" y="257"/>
                  </a:lnTo>
                  <a:lnTo>
                    <a:pt x="161" y="269"/>
                  </a:lnTo>
                  <a:lnTo>
                    <a:pt x="174" y="280"/>
                  </a:lnTo>
                  <a:lnTo>
                    <a:pt x="185" y="294"/>
                  </a:lnTo>
                  <a:lnTo>
                    <a:pt x="195" y="308"/>
                  </a:lnTo>
                  <a:lnTo>
                    <a:pt x="189" y="309"/>
                  </a:lnTo>
                  <a:lnTo>
                    <a:pt x="184" y="310"/>
                  </a:lnTo>
                  <a:lnTo>
                    <a:pt x="180" y="311"/>
                  </a:lnTo>
                  <a:lnTo>
                    <a:pt x="175" y="313"/>
                  </a:lnTo>
                  <a:lnTo>
                    <a:pt x="166" y="319"/>
                  </a:lnTo>
                  <a:lnTo>
                    <a:pt x="159" y="327"/>
                  </a:lnTo>
                  <a:lnTo>
                    <a:pt x="152" y="336"/>
                  </a:lnTo>
                  <a:lnTo>
                    <a:pt x="146" y="346"/>
                  </a:lnTo>
                  <a:lnTo>
                    <a:pt x="142" y="357"/>
                  </a:lnTo>
                  <a:lnTo>
                    <a:pt x="139" y="369"/>
                  </a:lnTo>
                  <a:lnTo>
                    <a:pt x="137" y="380"/>
                  </a:lnTo>
                  <a:lnTo>
                    <a:pt x="137" y="392"/>
                  </a:lnTo>
                  <a:lnTo>
                    <a:pt x="138" y="403"/>
                  </a:lnTo>
                  <a:lnTo>
                    <a:pt x="140" y="414"/>
                  </a:lnTo>
                  <a:lnTo>
                    <a:pt x="144" y="423"/>
                  </a:lnTo>
                  <a:lnTo>
                    <a:pt x="149" y="432"/>
                  </a:lnTo>
                  <a:lnTo>
                    <a:pt x="152" y="436"/>
                  </a:lnTo>
                  <a:lnTo>
                    <a:pt x="157" y="439"/>
                  </a:lnTo>
                  <a:lnTo>
                    <a:pt x="161" y="441"/>
                  </a:lnTo>
                  <a:lnTo>
                    <a:pt x="165" y="445"/>
                  </a:lnTo>
                  <a:lnTo>
                    <a:pt x="152" y="452"/>
                  </a:lnTo>
                  <a:lnTo>
                    <a:pt x="142" y="458"/>
                  </a:lnTo>
                  <a:lnTo>
                    <a:pt x="132" y="462"/>
                  </a:lnTo>
                  <a:lnTo>
                    <a:pt x="124" y="466"/>
                  </a:lnTo>
                  <a:lnTo>
                    <a:pt x="120" y="466"/>
                  </a:lnTo>
                  <a:lnTo>
                    <a:pt x="115" y="466"/>
                  </a:lnTo>
                  <a:lnTo>
                    <a:pt x="109" y="466"/>
                  </a:lnTo>
                  <a:lnTo>
                    <a:pt x="104" y="465"/>
                  </a:lnTo>
                  <a:lnTo>
                    <a:pt x="92" y="460"/>
                  </a:lnTo>
                  <a:lnTo>
                    <a:pt x="78" y="454"/>
                  </a:lnTo>
                  <a:lnTo>
                    <a:pt x="69" y="473"/>
                  </a:lnTo>
                  <a:lnTo>
                    <a:pt x="60" y="492"/>
                  </a:lnTo>
                  <a:lnTo>
                    <a:pt x="50" y="510"/>
                  </a:lnTo>
                  <a:lnTo>
                    <a:pt x="40" y="528"/>
                  </a:lnTo>
                  <a:lnTo>
                    <a:pt x="29" y="545"/>
                  </a:lnTo>
                  <a:lnTo>
                    <a:pt x="19" y="562"/>
                  </a:lnTo>
                  <a:lnTo>
                    <a:pt x="9" y="580"/>
                  </a:lnTo>
                  <a:lnTo>
                    <a:pt x="0" y="599"/>
                  </a:lnTo>
                  <a:lnTo>
                    <a:pt x="18" y="606"/>
                  </a:lnTo>
                  <a:lnTo>
                    <a:pt x="37" y="612"/>
                  </a:lnTo>
                  <a:lnTo>
                    <a:pt x="57" y="616"/>
                  </a:lnTo>
                  <a:lnTo>
                    <a:pt x="78" y="618"/>
                  </a:lnTo>
                  <a:lnTo>
                    <a:pt x="79" y="628"/>
                  </a:lnTo>
                  <a:lnTo>
                    <a:pt x="80" y="636"/>
                  </a:lnTo>
                  <a:lnTo>
                    <a:pt x="81" y="645"/>
                  </a:lnTo>
                  <a:lnTo>
                    <a:pt x="83" y="652"/>
                  </a:lnTo>
                  <a:lnTo>
                    <a:pt x="86" y="659"/>
                  </a:lnTo>
                  <a:lnTo>
                    <a:pt x="89" y="666"/>
                  </a:lnTo>
                  <a:lnTo>
                    <a:pt x="92" y="672"/>
                  </a:lnTo>
                  <a:lnTo>
                    <a:pt x="97" y="677"/>
                  </a:lnTo>
                  <a:lnTo>
                    <a:pt x="101" y="682"/>
                  </a:lnTo>
                  <a:lnTo>
                    <a:pt x="106" y="688"/>
                  </a:lnTo>
                  <a:lnTo>
                    <a:pt x="111" y="692"/>
                  </a:lnTo>
                  <a:lnTo>
                    <a:pt x="118" y="696"/>
                  </a:lnTo>
                  <a:lnTo>
                    <a:pt x="124" y="699"/>
                  </a:lnTo>
                  <a:lnTo>
                    <a:pt x="130" y="701"/>
                  </a:lnTo>
                  <a:lnTo>
                    <a:pt x="138" y="705"/>
                  </a:lnTo>
                  <a:lnTo>
                    <a:pt x="146" y="706"/>
                  </a:lnTo>
                  <a:lnTo>
                    <a:pt x="147" y="717"/>
                  </a:lnTo>
                  <a:lnTo>
                    <a:pt x="147" y="727"/>
                  </a:lnTo>
                  <a:lnTo>
                    <a:pt x="145" y="734"/>
                  </a:lnTo>
                  <a:lnTo>
                    <a:pt x="142" y="741"/>
                  </a:lnTo>
                  <a:lnTo>
                    <a:pt x="139" y="748"/>
                  </a:lnTo>
                  <a:lnTo>
                    <a:pt x="137" y="755"/>
                  </a:lnTo>
                  <a:lnTo>
                    <a:pt x="136" y="764"/>
                  </a:lnTo>
                  <a:lnTo>
                    <a:pt x="136" y="774"/>
                  </a:lnTo>
                  <a:lnTo>
                    <a:pt x="147" y="774"/>
                  </a:lnTo>
                  <a:lnTo>
                    <a:pt x="157" y="776"/>
                  </a:lnTo>
                  <a:lnTo>
                    <a:pt x="165" y="779"/>
                  </a:lnTo>
                  <a:lnTo>
                    <a:pt x="172" y="784"/>
                  </a:lnTo>
                  <a:lnTo>
                    <a:pt x="179" y="789"/>
                  </a:lnTo>
                  <a:lnTo>
                    <a:pt x="184" y="795"/>
                  </a:lnTo>
                  <a:lnTo>
                    <a:pt x="189" y="801"/>
                  </a:lnTo>
                  <a:lnTo>
                    <a:pt x="195" y="808"/>
                  </a:lnTo>
                  <a:lnTo>
                    <a:pt x="203" y="821"/>
                  </a:lnTo>
                  <a:lnTo>
                    <a:pt x="214" y="834"/>
                  </a:lnTo>
                  <a:lnTo>
                    <a:pt x="220" y="840"/>
                  </a:lnTo>
                  <a:lnTo>
                    <a:pt x="226" y="845"/>
                  </a:lnTo>
                  <a:lnTo>
                    <a:pt x="234" y="849"/>
                  </a:lnTo>
                  <a:lnTo>
                    <a:pt x="243" y="852"/>
                  </a:lnTo>
                  <a:lnTo>
                    <a:pt x="250" y="835"/>
                  </a:lnTo>
                  <a:lnTo>
                    <a:pt x="258" y="817"/>
                  </a:lnTo>
                  <a:lnTo>
                    <a:pt x="263" y="798"/>
                  </a:lnTo>
                  <a:lnTo>
                    <a:pt x="268" y="778"/>
                  </a:lnTo>
                  <a:lnTo>
                    <a:pt x="277" y="738"/>
                  </a:lnTo>
                  <a:lnTo>
                    <a:pt x="287" y="699"/>
                  </a:lnTo>
                  <a:lnTo>
                    <a:pt x="294" y="680"/>
                  </a:lnTo>
                  <a:lnTo>
                    <a:pt x="301" y="664"/>
                  </a:lnTo>
                  <a:lnTo>
                    <a:pt x="306" y="655"/>
                  </a:lnTo>
                  <a:lnTo>
                    <a:pt x="310" y="647"/>
                  </a:lnTo>
                  <a:lnTo>
                    <a:pt x="317" y="639"/>
                  </a:lnTo>
                  <a:lnTo>
                    <a:pt x="323" y="633"/>
                  </a:lnTo>
                  <a:lnTo>
                    <a:pt x="329" y="627"/>
                  </a:lnTo>
                  <a:lnTo>
                    <a:pt x="337" y="620"/>
                  </a:lnTo>
                  <a:lnTo>
                    <a:pt x="345" y="615"/>
                  </a:lnTo>
                  <a:lnTo>
                    <a:pt x="354" y="611"/>
                  </a:lnTo>
                  <a:lnTo>
                    <a:pt x="364" y="607"/>
                  </a:lnTo>
                  <a:lnTo>
                    <a:pt x="375" y="604"/>
                  </a:lnTo>
                  <a:lnTo>
                    <a:pt x="385" y="601"/>
                  </a:lnTo>
                  <a:lnTo>
                    <a:pt x="398" y="599"/>
                  </a:lnTo>
                  <a:lnTo>
                    <a:pt x="396" y="593"/>
                  </a:lnTo>
                  <a:lnTo>
                    <a:pt x="394" y="587"/>
                  </a:lnTo>
                  <a:lnTo>
                    <a:pt x="390" y="581"/>
                  </a:lnTo>
                  <a:lnTo>
                    <a:pt x="386" y="577"/>
                  </a:lnTo>
                  <a:lnTo>
                    <a:pt x="377" y="570"/>
                  </a:lnTo>
                  <a:lnTo>
                    <a:pt x="366" y="562"/>
                  </a:lnTo>
                  <a:lnTo>
                    <a:pt x="357" y="556"/>
                  </a:lnTo>
                  <a:lnTo>
                    <a:pt x="348" y="547"/>
                  </a:lnTo>
                  <a:lnTo>
                    <a:pt x="345" y="542"/>
                  </a:lnTo>
                  <a:lnTo>
                    <a:pt x="342" y="536"/>
                  </a:lnTo>
                  <a:lnTo>
                    <a:pt x="341" y="530"/>
                  </a:lnTo>
                  <a:lnTo>
                    <a:pt x="340" y="521"/>
                  </a:lnTo>
                  <a:lnTo>
                    <a:pt x="345" y="515"/>
                  </a:lnTo>
                  <a:lnTo>
                    <a:pt x="349" y="508"/>
                  </a:lnTo>
                  <a:lnTo>
                    <a:pt x="353" y="500"/>
                  </a:lnTo>
                  <a:lnTo>
                    <a:pt x="354" y="493"/>
                  </a:lnTo>
                  <a:lnTo>
                    <a:pt x="356" y="476"/>
                  </a:lnTo>
                  <a:lnTo>
                    <a:pt x="356" y="459"/>
                  </a:lnTo>
                  <a:lnTo>
                    <a:pt x="356" y="451"/>
                  </a:lnTo>
                  <a:lnTo>
                    <a:pt x="357" y="441"/>
                  </a:lnTo>
                  <a:lnTo>
                    <a:pt x="358" y="433"/>
                  </a:lnTo>
                  <a:lnTo>
                    <a:pt x="360" y="424"/>
                  </a:lnTo>
                  <a:lnTo>
                    <a:pt x="362" y="417"/>
                  </a:lnTo>
                  <a:lnTo>
                    <a:pt x="366" y="410"/>
                  </a:lnTo>
                  <a:lnTo>
                    <a:pt x="371" y="402"/>
                  </a:lnTo>
                  <a:lnTo>
                    <a:pt x="379" y="395"/>
                  </a:lnTo>
                  <a:lnTo>
                    <a:pt x="392" y="402"/>
                  </a:lnTo>
                  <a:lnTo>
                    <a:pt x="405" y="409"/>
                  </a:lnTo>
                  <a:lnTo>
                    <a:pt x="418" y="414"/>
                  </a:lnTo>
                  <a:lnTo>
                    <a:pt x="430" y="418"/>
                  </a:lnTo>
                  <a:lnTo>
                    <a:pt x="444" y="422"/>
                  </a:lnTo>
                  <a:lnTo>
                    <a:pt x="457" y="426"/>
                  </a:lnTo>
                  <a:lnTo>
                    <a:pt x="469" y="429"/>
                  </a:lnTo>
                  <a:lnTo>
                    <a:pt x="482" y="430"/>
                  </a:lnTo>
                  <a:lnTo>
                    <a:pt x="495" y="430"/>
                  </a:lnTo>
                  <a:lnTo>
                    <a:pt x="507" y="430"/>
                  </a:lnTo>
                  <a:lnTo>
                    <a:pt x="520" y="429"/>
                  </a:lnTo>
                  <a:lnTo>
                    <a:pt x="532" y="426"/>
                  </a:lnTo>
                  <a:lnTo>
                    <a:pt x="544" y="422"/>
                  </a:lnTo>
                  <a:lnTo>
                    <a:pt x="557" y="418"/>
                  </a:lnTo>
                  <a:lnTo>
                    <a:pt x="569" y="412"/>
                  </a:lnTo>
                  <a:lnTo>
                    <a:pt x="582" y="406"/>
                  </a:lnTo>
                  <a:lnTo>
                    <a:pt x="598" y="416"/>
                  </a:lnTo>
                  <a:lnTo>
                    <a:pt x="613" y="429"/>
                  </a:lnTo>
                  <a:lnTo>
                    <a:pt x="626" y="441"/>
                  </a:lnTo>
                  <a:lnTo>
                    <a:pt x="641" y="454"/>
                  </a:lnTo>
                  <a:lnTo>
                    <a:pt x="658" y="455"/>
                  </a:lnTo>
                  <a:lnTo>
                    <a:pt x="673" y="454"/>
                  </a:lnTo>
                  <a:lnTo>
                    <a:pt x="686" y="452"/>
                  </a:lnTo>
                  <a:lnTo>
                    <a:pt x="699" y="449"/>
                  </a:lnTo>
                  <a:lnTo>
                    <a:pt x="712" y="446"/>
                  </a:lnTo>
                  <a:lnTo>
                    <a:pt x="725" y="443"/>
                  </a:lnTo>
                  <a:lnTo>
                    <a:pt x="740" y="442"/>
                  </a:lnTo>
                  <a:lnTo>
                    <a:pt x="757" y="445"/>
                  </a:lnTo>
                  <a:lnTo>
                    <a:pt x="763" y="451"/>
                  </a:lnTo>
                  <a:lnTo>
                    <a:pt x="766" y="457"/>
                  </a:lnTo>
                  <a:lnTo>
                    <a:pt x="770" y="463"/>
                  </a:lnTo>
                  <a:lnTo>
                    <a:pt x="771" y="470"/>
                  </a:lnTo>
                  <a:lnTo>
                    <a:pt x="771" y="476"/>
                  </a:lnTo>
                  <a:lnTo>
                    <a:pt x="771" y="482"/>
                  </a:lnTo>
                  <a:lnTo>
                    <a:pt x="770" y="488"/>
                  </a:lnTo>
                  <a:lnTo>
                    <a:pt x="767" y="494"/>
                  </a:lnTo>
                  <a:lnTo>
                    <a:pt x="764" y="506"/>
                  </a:lnTo>
                  <a:lnTo>
                    <a:pt x="762" y="516"/>
                  </a:lnTo>
                  <a:lnTo>
                    <a:pt x="762" y="522"/>
                  </a:lnTo>
                  <a:lnTo>
                    <a:pt x="762" y="529"/>
                  </a:lnTo>
                  <a:lnTo>
                    <a:pt x="764" y="535"/>
                  </a:lnTo>
                  <a:lnTo>
                    <a:pt x="766" y="541"/>
                  </a:lnTo>
                  <a:lnTo>
                    <a:pt x="786" y="539"/>
                  </a:lnTo>
                  <a:lnTo>
                    <a:pt x="803" y="536"/>
                  </a:lnTo>
                  <a:lnTo>
                    <a:pt x="819" y="532"/>
                  </a:lnTo>
                  <a:lnTo>
                    <a:pt x="834" y="526"/>
                  </a:lnTo>
                  <a:lnTo>
                    <a:pt x="846" y="518"/>
                  </a:lnTo>
                  <a:lnTo>
                    <a:pt x="859" y="510"/>
                  </a:lnTo>
                  <a:lnTo>
                    <a:pt x="871" y="500"/>
                  </a:lnTo>
                  <a:lnTo>
                    <a:pt x="882" y="491"/>
                  </a:lnTo>
                  <a:lnTo>
                    <a:pt x="904" y="472"/>
                  </a:lnTo>
                  <a:lnTo>
                    <a:pt x="926" y="453"/>
                  </a:lnTo>
                  <a:lnTo>
                    <a:pt x="938" y="445"/>
                  </a:lnTo>
                  <a:lnTo>
                    <a:pt x="952" y="437"/>
                  </a:lnTo>
                  <a:lnTo>
                    <a:pt x="965" y="430"/>
                  </a:lnTo>
                  <a:lnTo>
                    <a:pt x="980" y="424"/>
                  </a:lnTo>
                  <a:lnTo>
                    <a:pt x="963" y="411"/>
                  </a:lnTo>
                  <a:lnTo>
                    <a:pt x="945" y="395"/>
                  </a:lnTo>
                  <a:lnTo>
                    <a:pt x="937" y="386"/>
                  </a:lnTo>
                  <a:lnTo>
                    <a:pt x="930" y="377"/>
                  </a:lnTo>
                  <a:lnTo>
                    <a:pt x="922" y="368"/>
                  </a:lnTo>
                  <a:lnTo>
                    <a:pt x="915" y="357"/>
                  </a:lnTo>
                  <a:lnTo>
                    <a:pt x="910" y="347"/>
                  </a:lnTo>
                  <a:lnTo>
                    <a:pt x="904" y="336"/>
                  </a:lnTo>
                  <a:lnTo>
                    <a:pt x="901" y="324"/>
                  </a:lnTo>
                  <a:lnTo>
                    <a:pt x="898" y="313"/>
                  </a:lnTo>
                  <a:lnTo>
                    <a:pt x="897" y="300"/>
                  </a:lnTo>
                  <a:lnTo>
                    <a:pt x="897" y="287"/>
                  </a:lnTo>
                  <a:lnTo>
                    <a:pt x="899" y="274"/>
                  </a:lnTo>
                  <a:lnTo>
                    <a:pt x="903" y="259"/>
                  </a:lnTo>
                  <a:lnTo>
                    <a:pt x="889" y="259"/>
                  </a:lnTo>
                  <a:lnTo>
                    <a:pt x="875" y="257"/>
                  </a:lnTo>
                  <a:lnTo>
                    <a:pt x="863" y="255"/>
                  </a:lnTo>
                  <a:lnTo>
                    <a:pt x="852" y="253"/>
                  </a:lnTo>
                  <a:lnTo>
                    <a:pt x="841" y="252"/>
                  </a:lnTo>
                  <a:lnTo>
                    <a:pt x="830" y="252"/>
                  </a:lnTo>
                  <a:lnTo>
                    <a:pt x="824" y="253"/>
                  </a:lnTo>
                  <a:lnTo>
                    <a:pt x="818" y="254"/>
                  </a:lnTo>
                  <a:lnTo>
                    <a:pt x="812" y="256"/>
                  </a:lnTo>
                  <a:lnTo>
                    <a:pt x="805" y="259"/>
                  </a:lnTo>
                  <a:lnTo>
                    <a:pt x="805" y="251"/>
                  </a:lnTo>
                  <a:lnTo>
                    <a:pt x="803" y="242"/>
                  </a:lnTo>
                  <a:lnTo>
                    <a:pt x="800" y="236"/>
                  </a:lnTo>
                  <a:lnTo>
                    <a:pt x="796" y="231"/>
                  </a:lnTo>
                  <a:lnTo>
                    <a:pt x="785" y="222"/>
                  </a:lnTo>
                  <a:lnTo>
                    <a:pt x="774" y="214"/>
                  </a:lnTo>
                  <a:lnTo>
                    <a:pt x="768" y="210"/>
                  </a:lnTo>
                  <a:lnTo>
                    <a:pt x="763" y="205"/>
                  </a:lnTo>
                  <a:lnTo>
                    <a:pt x="759" y="199"/>
                  </a:lnTo>
                  <a:lnTo>
                    <a:pt x="756" y="193"/>
                  </a:lnTo>
                  <a:lnTo>
                    <a:pt x="754" y="185"/>
                  </a:lnTo>
                  <a:lnTo>
                    <a:pt x="753" y="176"/>
                  </a:lnTo>
                  <a:lnTo>
                    <a:pt x="754" y="165"/>
                  </a:lnTo>
                  <a:lnTo>
                    <a:pt x="757" y="153"/>
                  </a:lnTo>
                  <a:lnTo>
                    <a:pt x="722" y="161"/>
                  </a:lnTo>
                  <a:lnTo>
                    <a:pt x="688" y="170"/>
                  </a:lnTo>
                  <a:lnTo>
                    <a:pt x="656" y="177"/>
                  </a:lnTo>
                  <a:lnTo>
                    <a:pt x="624" y="185"/>
                  </a:lnTo>
                  <a:lnTo>
                    <a:pt x="593" y="194"/>
                  </a:lnTo>
                  <a:lnTo>
                    <a:pt x="559" y="202"/>
                  </a:lnTo>
                  <a:lnTo>
                    <a:pt x="524" y="211"/>
                  </a:lnTo>
                  <a:lnTo>
                    <a:pt x="485" y="221"/>
                  </a:lnTo>
                  <a:lnTo>
                    <a:pt x="473" y="211"/>
                  </a:lnTo>
                  <a:lnTo>
                    <a:pt x="463" y="200"/>
                  </a:lnTo>
                  <a:lnTo>
                    <a:pt x="454" y="189"/>
                  </a:lnTo>
                  <a:lnTo>
                    <a:pt x="447" y="177"/>
                  </a:lnTo>
                  <a:lnTo>
                    <a:pt x="441" y="164"/>
                  </a:lnTo>
                  <a:lnTo>
                    <a:pt x="436" y="152"/>
                  </a:lnTo>
                  <a:lnTo>
                    <a:pt x="432" y="138"/>
                  </a:lnTo>
                  <a:lnTo>
                    <a:pt x="428" y="124"/>
                  </a:lnTo>
                  <a:lnTo>
                    <a:pt x="420" y="98"/>
                  </a:lnTo>
                  <a:lnTo>
                    <a:pt x="412" y="72"/>
                  </a:lnTo>
                  <a:lnTo>
                    <a:pt x="405" y="59"/>
                  </a:lnTo>
                  <a:lnTo>
                    <a:pt x="398" y="48"/>
                  </a:lnTo>
                  <a:lnTo>
                    <a:pt x="389" y="37"/>
                  </a:lnTo>
                  <a:lnTo>
                    <a:pt x="379" y="26"/>
                  </a:lnTo>
                  <a:lnTo>
                    <a:pt x="374" y="30"/>
                  </a:lnTo>
                  <a:lnTo>
                    <a:pt x="369" y="32"/>
                  </a:lnTo>
                  <a:lnTo>
                    <a:pt x="364" y="33"/>
                  </a:lnTo>
                  <a:lnTo>
                    <a:pt x="360" y="34"/>
                  </a:lnTo>
                  <a:lnTo>
                    <a:pt x="351" y="34"/>
                  </a:lnTo>
                  <a:lnTo>
                    <a:pt x="343" y="32"/>
                  </a:lnTo>
                  <a:lnTo>
                    <a:pt x="336" y="28"/>
                  </a:lnTo>
                  <a:lnTo>
                    <a:pt x="328" y="23"/>
                  </a:lnTo>
                  <a:lnTo>
                    <a:pt x="322" y="18"/>
                  </a:lnTo>
                  <a:lnTo>
                    <a:pt x="315" y="13"/>
                  </a:lnTo>
                  <a:lnTo>
                    <a:pt x="308" y="8"/>
                  </a:lnTo>
                  <a:lnTo>
                    <a:pt x="302" y="3"/>
                  </a:lnTo>
                  <a:lnTo>
                    <a:pt x="296" y="1"/>
                  </a:lnTo>
                  <a:lnTo>
                    <a:pt x="289" y="0"/>
                  </a:lnTo>
                  <a:lnTo>
                    <a:pt x="286" y="1"/>
                  </a:lnTo>
                  <a:lnTo>
                    <a:pt x="283" y="2"/>
                  </a:lnTo>
                  <a:lnTo>
                    <a:pt x="280" y="4"/>
                  </a:lnTo>
                  <a:lnTo>
                    <a:pt x="277" y="6"/>
                  </a:lnTo>
                  <a:lnTo>
                    <a:pt x="269" y="15"/>
                  </a:lnTo>
                  <a:lnTo>
                    <a:pt x="262" y="26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sp>
          <p:nvSpPr>
            <p:cNvPr id="1246" name="Morsø"/>
            <p:cNvSpPr>
              <a:spLocks/>
            </p:cNvSpPr>
            <p:nvPr/>
          </p:nvSpPr>
          <p:spPr bwMode="auto">
            <a:xfrm>
              <a:off x="852488" y="3260725"/>
              <a:ext cx="317500" cy="411163"/>
            </a:xfrm>
            <a:custGeom>
              <a:avLst/>
              <a:gdLst>
                <a:gd name="T0" fmla="*/ 165 w 602"/>
                <a:gd name="T1" fmla="*/ 18 h 776"/>
                <a:gd name="T2" fmla="*/ 154 w 602"/>
                <a:gd name="T3" fmla="*/ 47 h 776"/>
                <a:gd name="T4" fmla="*/ 126 w 602"/>
                <a:gd name="T5" fmla="*/ 60 h 776"/>
                <a:gd name="T6" fmla="*/ 74 w 602"/>
                <a:gd name="T7" fmla="*/ 68 h 776"/>
                <a:gd name="T8" fmla="*/ 69 w 602"/>
                <a:gd name="T9" fmla="*/ 76 h 776"/>
                <a:gd name="T10" fmla="*/ 70 w 602"/>
                <a:gd name="T11" fmla="*/ 91 h 776"/>
                <a:gd name="T12" fmla="*/ 67 w 602"/>
                <a:gd name="T13" fmla="*/ 110 h 776"/>
                <a:gd name="T14" fmla="*/ 69 w 602"/>
                <a:gd name="T15" fmla="*/ 114 h 776"/>
                <a:gd name="T16" fmla="*/ 58 w 602"/>
                <a:gd name="T17" fmla="*/ 115 h 776"/>
                <a:gd name="T18" fmla="*/ 53 w 602"/>
                <a:gd name="T19" fmla="*/ 119 h 776"/>
                <a:gd name="T20" fmla="*/ 69 w 602"/>
                <a:gd name="T21" fmla="*/ 128 h 776"/>
                <a:gd name="T22" fmla="*/ 80 w 602"/>
                <a:gd name="T23" fmla="*/ 135 h 776"/>
                <a:gd name="T24" fmla="*/ 68 w 602"/>
                <a:gd name="T25" fmla="*/ 146 h 776"/>
                <a:gd name="T26" fmla="*/ 44 w 602"/>
                <a:gd name="T27" fmla="*/ 152 h 776"/>
                <a:gd name="T28" fmla="*/ 22 w 602"/>
                <a:gd name="T29" fmla="*/ 160 h 776"/>
                <a:gd name="T30" fmla="*/ 27 w 602"/>
                <a:gd name="T31" fmla="*/ 179 h 776"/>
                <a:gd name="T32" fmla="*/ 15 w 602"/>
                <a:gd name="T33" fmla="*/ 184 h 776"/>
                <a:gd name="T34" fmla="*/ 5 w 602"/>
                <a:gd name="T35" fmla="*/ 193 h 776"/>
                <a:gd name="T36" fmla="*/ 0 w 602"/>
                <a:gd name="T37" fmla="*/ 206 h 776"/>
                <a:gd name="T38" fmla="*/ 6 w 602"/>
                <a:gd name="T39" fmla="*/ 210 h 776"/>
                <a:gd name="T40" fmla="*/ 16 w 602"/>
                <a:gd name="T41" fmla="*/ 199 h 776"/>
                <a:gd name="T42" fmla="*/ 26 w 602"/>
                <a:gd name="T43" fmla="*/ 200 h 776"/>
                <a:gd name="T44" fmla="*/ 29 w 602"/>
                <a:gd name="T45" fmla="*/ 211 h 776"/>
                <a:gd name="T46" fmla="*/ 25 w 602"/>
                <a:gd name="T47" fmla="*/ 221 h 776"/>
                <a:gd name="T48" fmla="*/ 29 w 602"/>
                <a:gd name="T49" fmla="*/ 226 h 776"/>
                <a:gd name="T50" fmla="*/ 37 w 602"/>
                <a:gd name="T51" fmla="*/ 228 h 776"/>
                <a:gd name="T52" fmla="*/ 42 w 602"/>
                <a:gd name="T53" fmla="*/ 223 h 776"/>
                <a:gd name="T54" fmla="*/ 37 w 602"/>
                <a:gd name="T55" fmla="*/ 212 h 776"/>
                <a:gd name="T56" fmla="*/ 38 w 602"/>
                <a:gd name="T57" fmla="*/ 206 h 776"/>
                <a:gd name="T58" fmla="*/ 46 w 602"/>
                <a:gd name="T59" fmla="*/ 213 h 776"/>
                <a:gd name="T60" fmla="*/ 52 w 602"/>
                <a:gd name="T61" fmla="*/ 217 h 776"/>
                <a:gd name="T62" fmla="*/ 56 w 602"/>
                <a:gd name="T63" fmla="*/ 216 h 776"/>
                <a:gd name="T64" fmla="*/ 53 w 602"/>
                <a:gd name="T65" fmla="*/ 225 h 776"/>
                <a:gd name="T66" fmla="*/ 62 w 602"/>
                <a:gd name="T67" fmla="*/ 237 h 776"/>
                <a:gd name="T68" fmla="*/ 61 w 602"/>
                <a:gd name="T69" fmla="*/ 243 h 776"/>
                <a:gd name="T70" fmla="*/ 60 w 602"/>
                <a:gd name="T71" fmla="*/ 248 h 776"/>
                <a:gd name="T72" fmla="*/ 63 w 602"/>
                <a:gd name="T73" fmla="*/ 250 h 776"/>
                <a:gd name="T74" fmla="*/ 67 w 602"/>
                <a:gd name="T75" fmla="*/ 258 h 776"/>
                <a:gd name="T76" fmla="*/ 101 w 602"/>
                <a:gd name="T77" fmla="*/ 250 h 776"/>
                <a:gd name="T78" fmla="*/ 132 w 602"/>
                <a:gd name="T79" fmla="*/ 235 h 776"/>
                <a:gd name="T80" fmla="*/ 137 w 602"/>
                <a:gd name="T81" fmla="*/ 217 h 776"/>
                <a:gd name="T82" fmla="*/ 157 w 602"/>
                <a:gd name="T83" fmla="*/ 195 h 776"/>
                <a:gd name="T84" fmla="*/ 167 w 602"/>
                <a:gd name="T85" fmla="*/ 177 h 776"/>
                <a:gd name="T86" fmla="*/ 171 w 602"/>
                <a:gd name="T87" fmla="*/ 157 h 776"/>
                <a:gd name="T88" fmla="*/ 180 w 602"/>
                <a:gd name="T89" fmla="*/ 152 h 776"/>
                <a:gd name="T90" fmla="*/ 180 w 602"/>
                <a:gd name="T91" fmla="*/ 142 h 776"/>
                <a:gd name="T92" fmla="*/ 162 w 602"/>
                <a:gd name="T93" fmla="*/ 102 h 776"/>
                <a:gd name="T94" fmla="*/ 162 w 602"/>
                <a:gd name="T95" fmla="*/ 78 h 776"/>
                <a:gd name="T96" fmla="*/ 168 w 602"/>
                <a:gd name="T97" fmla="*/ 68 h 776"/>
                <a:gd name="T98" fmla="*/ 188 w 602"/>
                <a:gd name="T99" fmla="*/ 80 h 776"/>
                <a:gd name="T100" fmla="*/ 196 w 602"/>
                <a:gd name="T101" fmla="*/ 60 h 776"/>
                <a:gd name="T102" fmla="*/ 200 w 602"/>
                <a:gd name="T103" fmla="*/ 6 h 776"/>
                <a:gd name="T104" fmla="*/ 195 w 602"/>
                <a:gd name="T105" fmla="*/ 7 h 776"/>
                <a:gd name="T106" fmla="*/ 185 w 602"/>
                <a:gd name="T107" fmla="*/ 12 h 776"/>
                <a:gd name="T108" fmla="*/ 174 w 602"/>
                <a:gd name="T109" fmla="*/ 9 h 77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0" t="0" r="r" b="b"/>
              <a:pathLst>
                <a:path w="602" h="776">
                  <a:moveTo>
                    <a:pt x="514" y="19"/>
                  </a:moveTo>
                  <a:lnTo>
                    <a:pt x="509" y="27"/>
                  </a:lnTo>
                  <a:lnTo>
                    <a:pt x="505" y="36"/>
                  </a:lnTo>
                  <a:lnTo>
                    <a:pt x="501" y="45"/>
                  </a:lnTo>
                  <a:lnTo>
                    <a:pt x="497" y="55"/>
                  </a:lnTo>
                  <a:lnTo>
                    <a:pt x="489" y="74"/>
                  </a:lnTo>
                  <a:lnTo>
                    <a:pt x="483" y="94"/>
                  </a:lnTo>
                  <a:lnTo>
                    <a:pt x="477" y="114"/>
                  </a:lnTo>
                  <a:lnTo>
                    <a:pt x="468" y="133"/>
                  </a:lnTo>
                  <a:lnTo>
                    <a:pt x="464" y="142"/>
                  </a:lnTo>
                  <a:lnTo>
                    <a:pt x="459" y="151"/>
                  </a:lnTo>
                  <a:lnTo>
                    <a:pt x="453" y="158"/>
                  </a:lnTo>
                  <a:lnTo>
                    <a:pt x="447" y="165"/>
                  </a:lnTo>
                  <a:lnTo>
                    <a:pt x="413" y="174"/>
                  </a:lnTo>
                  <a:lnTo>
                    <a:pt x="380" y="180"/>
                  </a:lnTo>
                  <a:lnTo>
                    <a:pt x="347" y="185"/>
                  </a:lnTo>
                  <a:lnTo>
                    <a:pt x="314" y="190"/>
                  </a:lnTo>
                  <a:lnTo>
                    <a:pt x="283" y="195"/>
                  </a:lnTo>
                  <a:lnTo>
                    <a:pt x="252" y="200"/>
                  </a:lnTo>
                  <a:lnTo>
                    <a:pt x="223" y="205"/>
                  </a:lnTo>
                  <a:lnTo>
                    <a:pt x="194" y="214"/>
                  </a:lnTo>
                  <a:lnTo>
                    <a:pt x="200" y="217"/>
                  </a:lnTo>
                  <a:lnTo>
                    <a:pt x="203" y="220"/>
                  </a:lnTo>
                  <a:lnTo>
                    <a:pt x="206" y="224"/>
                  </a:lnTo>
                  <a:lnTo>
                    <a:pt x="209" y="227"/>
                  </a:lnTo>
                  <a:lnTo>
                    <a:pt x="212" y="236"/>
                  </a:lnTo>
                  <a:lnTo>
                    <a:pt x="213" y="245"/>
                  </a:lnTo>
                  <a:lnTo>
                    <a:pt x="213" y="254"/>
                  </a:lnTo>
                  <a:lnTo>
                    <a:pt x="212" y="263"/>
                  </a:lnTo>
                  <a:lnTo>
                    <a:pt x="210" y="273"/>
                  </a:lnTo>
                  <a:lnTo>
                    <a:pt x="208" y="282"/>
                  </a:lnTo>
                  <a:lnTo>
                    <a:pt x="203" y="300"/>
                  </a:lnTo>
                  <a:lnTo>
                    <a:pt x="201" y="317"/>
                  </a:lnTo>
                  <a:lnTo>
                    <a:pt x="201" y="323"/>
                  </a:lnTo>
                  <a:lnTo>
                    <a:pt x="203" y="330"/>
                  </a:lnTo>
                  <a:lnTo>
                    <a:pt x="205" y="333"/>
                  </a:lnTo>
                  <a:lnTo>
                    <a:pt x="207" y="336"/>
                  </a:lnTo>
                  <a:lnTo>
                    <a:pt x="210" y="338"/>
                  </a:lnTo>
                  <a:lnTo>
                    <a:pt x="214" y="340"/>
                  </a:lnTo>
                  <a:lnTo>
                    <a:pt x="209" y="342"/>
                  </a:lnTo>
                  <a:lnTo>
                    <a:pt x="205" y="344"/>
                  </a:lnTo>
                  <a:lnTo>
                    <a:pt x="200" y="345"/>
                  </a:lnTo>
                  <a:lnTo>
                    <a:pt x="195" y="345"/>
                  </a:lnTo>
                  <a:lnTo>
                    <a:pt x="186" y="346"/>
                  </a:lnTo>
                  <a:lnTo>
                    <a:pt x="176" y="346"/>
                  </a:lnTo>
                  <a:lnTo>
                    <a:pt x="173" y="347"/>
                  </a:lnTo>
                  <a:lnTo>
                    <a:pt x="169" y="349"/>
                  </a:lnTo>
                  <a:lnTo>
                    <a:pt x="166" y="351"/>
                  </a:lnTo>
                  <a:lnTo>
                    <a:pt x="163" y="354"/>
                  </a:lnTo>
                  <a:lnTo>
                    <a:pt x="161" y="358"/>
                  </a:lnTo>
                  <a:lnTo>
                    <a:pt x="159" y="363"/>
                  </a:lnTo>
                  <a:lnTo>
                    <a:pt x="156" y="370"/>
                  </a:lnTo>
                  <a:lnTo>
                    <a:pt x="155" y="378"/>
                  </a:lnTo>
                  <a:lnTo>
                    <a:pt x="183" y="381"/>
                  </a:lnTo>
                  <a:lnTo>
                    <a:pt x="208" y="384"/>
                  </a:lnTo>
                  <a:lnTo>
                    <a:pt x="220" y="387"/>
                  </a:lnTo>
                  <a:lnTo>
                    <a:pt x="229" y="393"/>
                  </a:lnTo>
                  <a:lnTo>
                    <a:pt x="233" y="395"/>
                  </a:lnTo>
                  <a:lnTo>
                    <a:pt x="238" y="399"/>
                  </a:lnTo>
                  <a:lnTo>
                    <a:pt x="241" y="403"/>
                  </a:lnTo>
                  <a:lnTo>
                    <a:pt x="243" y="407"/>
                  </a:lnTo>
                  <a:lnTo>
                    <a:pt x="235" y="417"/>
                  </a:lnTo>
                  <a:lnTo>
                    <a:pt x="226" y="425"/>
                  </a:lnTo>
                  <a:lnTo>
                    <a:pt x="215" y="432"/>
                  </a:lnTo>
                  <a:lnTo>
                    <a:pt x="205" y="438"/>
                  </a:lnTo>
                  <a:lnTo>
                    <a:pt x="194" y="442"/>
                  </a:lnTo>
                  <a:lnTo>
                    <a:pt x="183" y="445"/>
                  </a:lnTo>
                  <a:lnTo>
                    <a:pt x="170" y="449"/>
                  </a:lnTo>
                  <a:lnTo>
                    <a:pt x="157" y="451"/>
                  </a:lnTo>
                  <a:lnTo>
                    <a:pt x="132" y="454"/>
                  </a:lnTo>
                  <a:lnTo>
                    <a:pt x="107" y="455"/>
                  </a:lnTo>
                  <a:lnTo>
                    <a:pt x="82" y="455"/>
                  </a:lnTo>
                  <a:lnTo>
                    <a:pt x="58" y="456"/>
                  </a:lnTo>
                  <a:lnTo>
                    <a:pt x="61" y="469"/>
                  </a:lnTo>
                  <a:lnTo>
                    <a:pt x="65" y="479"/>
                  </a:lnTo>
                  <a:lnTo>
                    <a:pt x="68" y="490"/>
                  </a:lnTo>
                  <a:lnTo>
                    <a:pt x="72" y="500"/>
                  </a:lnTo>
                  <a:lnTo>
                    <a:pt x="76" y="512"/>
                  </a:lnTo>
                  <a:lnTo>
                    <a:pt x="78" y="523"/>
                  </a:lnTo>
                  <a:lnTo>
                    <a:pt x="80" y="537"/>
                  </a:lnTo>
                  <a:lnTo>
                    <a:pt x="78" y="553"/>
                  </a:lnTo>
                  <a:lnTo>
                    <a:pt x="70" y="550"/>
                  </a:lnTo>
                  <a:lnTo>
                    <a:pt x="62" y="549"/>
                  </a:lnTo>
                  <a:lnTo>
                    <a:pt x="54" y="549"/>
                  </a:lnTo>
                  <a:lnTo>
                    <a:pt x="46" y="551"/>
                  </a:lnTo>
                  <a:lnTo>
                    <a:pt x="40" y="555"/>
                  </a:lnTo>
                  <a:lnTo>
                    <a:pt x="32" y="559"/>
                  </a:lnTo>
                  <a:lnTo>
                    <a:pt x="26" y="565"/>
                  </a:lnTo>
                  <a:lnTo>
                    <a:pt x="21" y="572"/>
                  </a:lnTo>
                  <a:lnTo>
                    <a:pt x="15" y="579"/>
                  </a:lnTo>
                  <a:lnTo>
                    <a:pt x="11" y="587"/>
                  </a:lnTo>
                  <a:lnTo>
                    <a:pt x="7" y="594"/>
                  </a:lnTo>
                  <a:lnTo>
                    <a:pt x="4" y="602"/>
                  </a:lnTo>
                  <a:lnTo>
                    <a:pt x="2" y="610"/>
                  </a:lnTo>
                  <a:lnTo>
                    <a:pt x="1" y="617"/>
                  </a:lnTo>
                  <a:lnTo>
                    <a:pt x="0" y="624"/>
                  </a:lnTo>
                  <a:lnTo>
                    <a:pt x="1" y="631"/>
                  </a:lnTo>
                  <a:lnTo>
                    <a:pt x="7" y="631"/>
                  </a:lnTo>
                  <a:lnTo>
                    <a:pt x="13" y="630"/>
                  </a:lnTo>
                  <a:lnTo>
                    <a:pt x="17" y="628"/>
                  </a:lnTo>
                  <a:lnTo>
                    <a:pt x="22" y="625"/>
                  </a:lnTo>
                  <a:lnTo>
                    <a:pt x="29" y="619"/>
                  </a:lnTo>
                  <a:lnTo>
                    <a:pt x="34" y="612"/>
                  </a:lnTo>
                  <a:lnTo>
                    <a:pt x="41" y="603"/>
                  </a:lnTo>
                  <a:lnTo>
                    <a:pt x="47" y="597"/>
                  </a:lnTo>
                  <a:lnTo>
                    <a:pt x="51" y="595"/>
                  </a:lnTo>
                  <a:lnTo>
                    <a:pt x="56" y="593"/>
                  </a:lnTo>
                  <a:lnTo>
                    <a:pt x="62" y="592"/>
                  </a:lnTo>
                  <a:lnTo>
                    <a:pt x="68" y="592"/>
                  </a:lnTo>
                  <a:lnTo>
                    <a:pt x="77" y="598"/>
                  </a:lnTo>
                  <a:lnTo>
                    <a:pt x="84" y="604"/>
                  </a:lnTo>
                  <a:lnTo>
                    <a:pt x="87" y="611"/>
                  </a:lnTo>
                  <a:lnTo>
                    <a:pt x="89" y="618"/>
                  </a:lnTo>
                  <a:lnTo>
                    <a:pt x="88" y="624"/>
                  </a:lnTo>
                  <a:lnTo>
                    <a:pt x="86" y="631"/>
                  </a:lnTo>
                  <a:lnTo>
                    <a:pt x="84" y="637"/>
                  </a:lnTo>
                  <a:lnTo>
                    <a:pt x="81" y="643"/>
                  </a:lnTo>
                  <a:lnTo>
                    <a:pt x="78" y="650"/>
                  </a:lnTo>
                  <a:lnTo>
                    <a:pt x="76" y="655"/>
                  </a:lnTo>
                  <a:lnTo>
                    <a:pt x="75" y="661"/>
                  </a:lnTo>
                  <a:lnTo>
                    <a:pt x="76" y="668"/>
                  </a:lnTo>
                  <a:lnTo>
                    <a:pt x="78" y="670"/>
                  </a:lnTo>
                  <a:lnTo>
                    <a:pt x="80" y="673"/>
                  </a:lnTo>
                  <a:lnTo>
                    <a:pt x="83" y="676"/>
                  </a:lnTo>
                  <a:lnTo>
                    <a:pt x="86" y="678"/>
                  </a:lnTo>
                  <a:lnTo>
                    <a:pt x="94" y="683"/>
                  </a:lnTo>
                  <a:lnTo>
                    <a:pt x="107" y="689"/>
                  </a:lnTo>
                  <a:lnTo>
                    <a:pt x="108" y="687"/>
                  </a:lnTo>
                  <a:lnTo>
                    <a:pt x="110" y="684"/>
                  </a:lnTo>
                  <a:lnTo>
                    <a:pt x="111" y="682"/>
                  </a:lnTo>
                  <a:lnTo>
                    <a:pt x="113" y="681"/>
                  </a:lnTo>
                  <a:lnTo>
                    <a:pt x="120" y="679"/>
                  </a:lnTo>
                  <a:lnTo>
                    <a:pt x="127" y="679"/>
                  </a:lnTo>
                  <a:lnTo>
                    <a:pt x="127" y="674"/>
                  </a:lnTo>
                  <a:lnTo>
                    <a:pt x="125" y="669"/>
                  </a:lnTo>
                  <a:lnTo>
                    <a:pt x="124" y="663"/>
                  </a:lnTo>
                  <a:lnTo>
                    <a:pt x="122" y="658"/>
                  </a:lnTo>
                  <a:lnTo>
                    <a:pt x="116" y="649"/>
                  </a:lnTo>
                  <a:lnTo>
                    <a:pt x="112" y="639"/>
                  </a:lnTo>
                  <a:lnTo>
                    <a:pt x="110" y="635"/>
                  </a:lnTo>
                  <a:lnTo>
                    <a:pt x="109" y="631"/>
                  </a:lnTo>
                  <a:lnTo>
                    <a:pt x="109" y="627"/>
                  </a:lnTo>
                  <a:lnTo>
                    <a:pt x="110" y="623"/>
                  </a:lnTo>
                  <a:lnTo>
                    <a:pt x="111" y="620"/>
                  </a:lnTo>
                  <a:lnTo>
                    <a:pt x="115" y="617"/>
                  </a:lnTo>
                  <a:lnTo>
                    <a:pt x="120" y="614"/>
                  </a:lnTo>
                  <a:lnTo>
                    <a:pt x="127" y="612"/>
                  </a:lnTo>
                  <a:lnTo>
                    <a:pt x="129" y="620"/>
                  </a:lnTo>
                  <a:lnTo>
                    <a:pt x="132" y="630"/>
                  </a:lnTo>
                  <a:lnTo>
                    <a:pt x="137" y="638"/>
                  </a:lnTo>
                  <a:lnTo>
                    <a:pt x="143" y="645"/>
                  </a:lnTo>
                  <a:lnTo>
                    <a:pt x="146" y="648"/>
                  </a:lnTo>
                  <a:lnTo>
                    <a:pt x="149" y="650"/>
                  </a:lnTo>
                  <a:lnTo>
                    <a:pt x="153" y="651"/>
                  </a:lnTo>
                  <a:lnTo>
                    <a:pt x="156" y="651"/>
                  </a:lnTo>
                  <a:lnTo>
                    <a:pt x="161" y="650"/>
                  </a:lnTo>
                  <a:lnTo>
                    <a:pt x="166" y="649"/>
                  </a:lnTo>
                  <a:lnTo>
                    <a:pt x="170" y="645"/>
                  </a:lnTo>
                  <a:lnTo>
                    <a:pt x="175" y="640"/>
                  </a:lnTo>
                  <a:lnTo>
                    <a:pt x="168" y="647"/>
                  </a:lnTo>
                  <a:lnTo>
                    <a:pt x="163" y="653"/>
                  </a:lnTo>
                  <a:lnTo>
                    <a:pt x="160" y="658"/>
                  </a:lnTo>
                  <a:lnTo>
                    <a:pt x="159" y="663"/>
                  </a:lnTo>
                  <a:lnTo>
                    <a:pt x="159" y="669"/>
                  </a:lnTo>
                  <a:lnTo>
                    <a:pt x="161" y="673"/>
                  </a:lnTo>
                  <a:lnTo>
                    <a:pt x="163" y="678"/>
                  </a:lnTo>
                  <a:lnTo>
                    <a:pt x="166" y="682"/>
                  </a:lnTo>
                  <a:lnTo>
                    <a:pt x="174" y="692"/>
                  </a:lnTo>
                  <a:lnTo>
                    <a:pt x="183" y="702"/>
                  </a:lnTo>
                  <a:lnTo>
                    <a:pt x="187" y="709"/>
                  </a:lnTo>
                  <a:lnTo>
                    <a:pt x="190" y="714"/>
                  </a:lnTo>
                  <a:lnTo>
                    <a:pt x="193" y="721"/>
                  </a:lnTo>
                  <a:lnTo>
                    <a:pt x="194" y="728"/>
                  </a:lnTo>
                  <a:lnTo>
                    <a:pt x="189" y="728"/>
                  </a:lnTo>
                  <a:lnTo>
                    <a:pt x="184" y="729"/>
                  </a:lnTo>
                  <a:lnTo>
                    <a:pt x="181" y="731"/>
                  </a:lnTo>
                  <a:lnTo>
                    <a:pt x="177" y="734"/>
                  </a:lnTo>
                  <a:lnTo>
                    <a:pt x="176" y="737"/>
                  </a:lnTo>
                  <a:lnTo>
                    <a:pt x="177" y="741"/>
                  </a:lnTo>
                  <a:lnTo>
                    <a:pt x="180" y="744"/>
                  </a:lnTo>
                  <a:lnTo>
                    <a:pt x="185" y="748"/>
                  </a:lnTo>
                  <a:lnTo>
                    <a:pt x="188" y="742"/>
                  </a:lnTo>
                  <a:lnTo>
                    <a:pt x="189" y="741"/>
                  </a:lnTo>
                  <a:lnTo>
                    <a:pt x="190" y="744"/>
                  </a:lnTo>
                  <a:lnTo>
                    <a:pt x="191" y="750"/>
                  </a:lnTo>
                  <a:lnTo>
                    <a:pt x="191" y="757"/>
                  </a:lnTo>
                  <a:lnTo>
                    <a:pt x="193" y="764"/>
                  </a:lnTo>
                  <a:lnTo>
                    <a:pt x="195" y="768"/>
                  </a:lnTo>
                  <a:lnTo>
                    <a:pt x="197" y="771"/>
                  </a:lnTo>
                  <a:lnTo>
                    <a:pt x="201" y="774"/>
                  </a:lnTo>
                  <a:lnTo>
                    <a:pt x="205" y="776"/>
                  </a:lnTo>
                  <a:lnTo>
                    <a:pt x="228" y="769"/>
                  </a:lnTo>
                  <a:lnTo>
                    <a:pt x="252" y="761"/>
                  </a:lnTo>
                  <a:lnTo>
                    <a:pt x="278" y="755"/>
                  </a:lnTo>
                  <a:lnTo>
                    <a:pt x="303" y="749"/>
                  </a:lnTo>
                  <a:lnTo>
                    <a:pt x="328" y="742"/>
                  </a:lnTo>
                  <a:lnTo>
                    <a:pt x="352" y="736"/>
                  </a:lnTo>
                  <a:lnTo>
                    <a:pt x="376" y="728"/>
                  </a:lnTo>
                  <a:lnTo>
                    <a:pt x="399" y="718"/>
                  </a:lnTo>
                  <a:lnTo>
                    <a:pt x="397" y="704"/>
                  </a:lnTo>
                  <a:lnTo>
                    <a:pt x="397" y="692"/>
                  </a:lnTo>
                  <a:lnTo>
                    <a:pt x="398" y="680"/>
                  </a:lnTo>
                  <a:lnTo>
                    <a:pt x="402" y="670"/>
                  </a:lnTo>
                  <a:lnTo>
                    <a:pt x="407" y="659"/>
                  </a:lnTo>
                  <a:lnTo>
                    <a:pt x="413" y="650"/>
                  </a:lnTo>
                  <a:lnTo>
                    <a:pt x="421" y="640"/>
                  </a:lnTo>
                  <a:lnTo>
                    <a:pt x="429" y="631"/>
                  </a:lnTo>
                  <a:lnTo>
                    <a:pt x="447" y="613"/>
                  </a:lnTo>
                  <a:lnTo>
                    <a:pt x="465" y="595"/>
                  </a:lnTo>
                  <a:lnTo>
                    <a:pt x="473" y="585"/>
                  </a:lnTo>
                  <a:lnTo>
                    <a:pt x="482" y="575"/>
                  </a:lnTo>
                  <a:lnTo>
                    <a:pt x="489" y="564"/>
                  </a:lnTo>
                  <a:lnTo>
                    <a:pt x="495" y="553"/>
                  </a:lnTo>
                  <a:lnTo>
                    <a:pt x="500" y="541"/>
                  </a:lnTo>
                  <a:lnTo>
                    <a:pt x="503" y="529"/>
                  </a:lnTo>
                  <a:lnTo>
                    <a:pt x="505" y="516"/>
                  </a:lnTo>
                  <a:lnTo>
                    <a:pt x="507" y="502"/>
                  </a:lnTo>
                  <a:lnTo>
                    <a:pt x="509" y="489"/>
                  </a:lnTo>
                  <a:lnTo>
                    <a:pt x="512" y="477"/>
                  </a:lnTo>
                  <a:lnTo>
                    <a:pt x="514" y="471"/>
                  </a:lnTo>
                  <a:lnTo>
                    <a:pt x="518" y="465"/>
                  </a:lnTo>
                  <a:lnTo>
                    <a:pt x="521" y="460"/>
                  </a:lnTo>
                  <a:lnTo>
                    <a:pt x="525" y="456"/>
                  </a:lnTo>
                  <a:lnTo>
                    <a:pt x="533" y="456"/>
                  </a:lnTo>
                  <a:lnTo>
                    <a:pt x="543" y="455"/>
                  </a:lnTo>
                  <a:lnTo>
                    <a:pt x="547" y="454"/>
                  </a:lnTo>
                  <a:lnTo>
                    <a:pt x="550" y="453"/>
                  </a:lnTo>
                  <a:lnTo>
                    <a:pt x="552" y="450"/>
                  </a:lnTo>
                  <a:lnTo>
                    <a:pt x="553" y="446"/>
                  </a:lnTo>
                  <a:lnTo>
                    <a:pt x="541" y="425"/>
                  </a:lnTo>
                  <a:lnTo>
                    <a:pt x="528" y="404"/>
                  </a:lnTo>
                  <a:lnTo>
                    <a:pt x="517" y="381"/>
                  </a:lnTo>
                  <a:lnTo>
                    <a:pt x="507" y="358"/>
                  </a:lnTo>
                  <a:lnTo>
                    <a:pt x="498" y="333"/>
                  </a:lnTo>
                  <a:lnTo>
                    <a:pt x="489" y="307"/>
                  </a:lnTo>
                  <a:lnTo>
                    <a:pt x="482" y="280"/>
                  </a:lnTo>
                  <a:lnTo>
                    <a:pt x="477" y="253"/>
                  </a:lnTo>
                  <a:lnTo>
                    <a:pt x="481" y="247"/>
                  </a:lnTo>
                  <a:lnTo>
                    <a:pt x="485" y="241"/>
                  </a:lnTo>
                  <a:lnTo>
                    <a:pt x="488" y="235"/>
                  </a:lnTo>
                  <a:lnTo>
                    <a:pt x="491" y="228"/>
                  </a:lnTo>
                  <a:lnTo>
                    <a:pt x="493" y="221"/>
                  </a:lnTo>
                  <a:lnTo>
                    <a:pt x="497" y="215"/>
                  </a:lnTo>
                  <a:lnTo>
                    <a:pt x="501" y="208"/>
                  </a:lnTo>
                  <a:lnTo>
                    <a:pt x="505" y="204"/>
                  </a:lnTo>
                  <a:lnTo>
                    <a:pt x="528" y="214"/>
                  </a:lnTo>
                  <a:lnTo>
                    <a:pt x="545" y="221"/>
                  </a:lnTo>
                  <a:lnTo>
                    <a:pt x="552" y="225"/>
                  </a:lnTo>
                  <a:lnTo>
                    <a:pt x="559" y="232"/>
                  </a:lnTo>
                  <a:lnTo>
                    <a:pt x="566" y="240"/>
                  </a:lnTo>
                  <a:lnTo>
                    <a:pt x="573" y="253"/>
                  </a:lnTo>
                  <a:lnTo>
                    <a:pt x="579" y="236"/>
                  </a:lnTo>
                  <a:lnTo>
                    <a:pt x="584" y="218"/>
                  </a:lnTo>
                  <a:lnTo>
                    <a:pt x="588" y="200"/>
                  </a:lnTo>
                  <a:lnTo>
                    <a:pt x="591" y="181"/>
                  </a:lnTo>
                  <a:lnTo>
                    <a:pt x="597" y="144"/>
                  </a:lnTo>
                  <a:lnTo>
                    <a:pt x="600" y="107"/>
                  </a:lnTo>
                  <a:lnTo>
                    <a:pt x="601" y="74"/>
                  </a:lnTo>
                  <a:lnTo>
                    <a:pt x="601" y="43"/>
                  </a:lnTo>
                  <a:lnTo>
                    <a:pt x="602" y="19"/>
                  </a:lnTo>
                  <a:lnTo>
                    <a:pt x="602" y="0"/>
                  </a:lnTo>
                  <a:lnTo>
                    <a:pt x="600" y="5"/>
                  </a:lnTo>
                  <a:lnTo>
                    <a:pt x="596" y="12"/>
                  </a:lnTo>
                  <a:lnTo>
                    <a:pt x="591" y="16"/>
                  </a:lnTo>
                  <a:lnTo>
                    <a:pt x="586" y="21"/>
                  </a:lnTo>
                  <a:lnTo>
                    <a:pt x="581" y="25"/>
                  </a:lnTo>
                  <a:lnTo>
                    <a:pt x="574" y="28"/>
                  </a:lnTo>
                  <a:lnTo>
                    <a:pt x="568" y="32"/>
                  </a:lnTo>
                  <a:lnTo>
                    <a:pt x="562" y="34"/>
                  </a:lnTo>
                  <a:lnTo>
                    <a:pt x="556" y="35"/>
                  </a:lnTo>
                  <a:lnTo>
                    <a:pt x="549" y="36"/>
                  </a:lnTo>
                  <a:lnTo>
                    <a:pt x="542" y="35"/>
                  </a:lnTo>
                  <a:lnTo>
                    <a:pt x="536" y="34"/>
                  </a:lnTo>
                  <a:lnTo>
                    <a:pt x="530" y="32"/>
                  </a:lnTo>
                  <a:lnTo>
                    <a:pt x="524" y="28"/>
                  </a:lnTo>
                  <a:lnTo>
                    <a:pt x="520" y="24"/>
                  </a:lnTo>
                  <a:lnTo>
                    <a:pt x="514" y="19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247" name="Morsø kant"/>
            <p:cNvSpPr>
              <a:spLocks/>
            </p:cNvSpPr>
            <p:nvPr/>
          </p:nvSpPr>
          <p:spPr bwMode="auto">
            <a:xfrm>
              <a:off x="852488" y="3260725"/>
              <a:ext cx="317500" cy="411163"/>
            </a:xfrm>
            <a:custGeom>
              <a:avLst/>
              <a:gdLst>
                <a:gd name="T0" fmla="*/ 165 w 602"/>
                <a:gd name="T1" fmla="*/ 18 h 776"/>
                <a:gd name="T2" fmla="*/ 154 w 602"/>
                <a:gd name="T3" fmla="*/ 47 h 776"/>
                <a:gd name="T4" fmla="*/ 126 w 602"/>
                <a:gd name="T5" fmla="*/ 60 h 776"/>
                <a:gd name="T6" fmla="*/ 74 w 602"/>
                <a:gd name="T7" fmla="*/ 68 h 776"/>
                <a:gd name="T8" fmla="*/ 69 w 602"/>
                <a:gd name="T9" fmla="*/ 76 h 776"/>
                <a:gd name="T10" fmla="*/ 70 w 602"/>
                <a:gd name="T11" fmla="*/ 91 h 776"/>
                <a:gd name="T12" fmla="*/ 67 w 602"/>
                <a:gd name="T13" fmla="*/ 110 h 776"/>
                <a:gd name="T14" fmla="*/ 69 w 602"/>
                <a:gd name="T15" fmla="*/ 114 h 776"/>
                <a:gd name="T16" fmla="*/ 58 w 602"/>
                <a:gd name="T17" fmla="*/ 115 h 776"/>
                <a:gd name="T18" fmla="*/ 53 w 602"/>
                <a:gd name="T19" fmla="*/ 119 h 776"/>
                <a:gd name="T20" fmla="*/ 69 w 602"/>
                <a:gd name="T21" fmla="*/ 128 h 776"/>
                <a:gd name="T22" fmla="*/ 80 w 602"/>
                <a:gd name="T23" fmla="*/ 135 h 776"/>
                <a:gd name="T24" fmla="*/ 68 w 602"/>
                <a:gd name="T25" fmla="*/ 146 h 776"/>
                <a:gd name="T26" fmla="*/ 44 w 602"/>
                <a:gd name="T27" fmla="*/ 152 h 776"/>
                <a:gd name="T28" fmla="*/ 22 w 602"/>
                <a:gd name="T29" fmla="*/ 160 h 776"/>
                <a:gd name="T30" fmla="*/ 27 w 602"/>
                <a:gd name="T31" fmla="*/ 179 h 776"/>
                <a:gd name="T32" fmla="*/ 15 w 602"/>
                <a:gd name="T33" fmla="*/ 184 h 776"/>
                <a:gd name="T34" fmla="*/ 5 w 602"/>
                <a:gd name="T35" fmla="*/ 193 h 776"/>
                <a:gd name="T36" fmla="*/ 0 w 602"/>
                <a:gd name="T37" fmla="*/ 206 h 776"/>
                <a:gd name="T38" fmla="*/ 6 w 602"/>
                <a:gd name="T39" fmla="*/ 210 h 776"/>
                <a:gd name="T40" fmla="*/ 16 w 602"/>
                <a:gd name="T41" fmla="*/ 199 h 776"/>
                <a:gd name="T42" fmla="*/ 26 w 602"/>
                <a:gd name="T43" fmla="*/ 200 h 776"/>
                <a:gd name="T44" fmla="*/ 29 w 602"/>
                <a:gd name="T45" fmla="*/ 211 h 776"/>
                <a:gd name="T46" fmla="*/ 25 w 602"/>
                <a:gd name="T47" fmla="*/ 221 h 776"/>
                <a:gd name="T48" fmla="*/ 29 w 602"/>
                <a:gd name="T49" fmla="*/ 226 h 776"/>
                <a:gd name="T50" fmla="*/ 37 w 602"/>
                <a:gd name="T51" fmla="*/ 228 h 776"/>
                <a:gd name="T52" fmla="*/ 42 w 602"/>
                <a:gd name="T53" fmla="*/ 223 h 776"/>
                <a:gd name="T54" fmla="*/ 37 w 602"/>
                <a:gd name="T55" fmla="*/ 212 h 776"/>
                <a:gd name="T56" fmla="*/ 38 w 602"/>
                <a:gd name="T57" fmla="*/ 206 h 776"/>
                <a:gd name="T58" fmla="*/ 46 w 602"/>
                <a:gd name="T59" fmla="*/ 213 h 776"/>
                <a:gd name="T60" fmla="*/ 52 w 602"/>
                <a:gd name="T61" fmla="*/ 217 h 776"/>
                <a:gd name="T62" fmla="*/ 56 w 602"/>
                <a:gd name="T63" fmla="*/ 216 h 776"/>
                <a:gd name="T64" fmla="*/ 53 w 602"/>
                <a:gd name="T65" fmla="*/ 225 h 776"/>
                <a:gd name="T66" fmla="*/ 62 w 602"/>
                <a:gd name="T67" fmla="*/ 237 h 776"/>
                <a:gd name="T68" fmla="*/ 61 w 602"/>
                <a:gd name="T69" fmla="*/ 243 h 776"/>
                <a:gd name="T70" fmla="*/ 60 w 602"/>
                <a:gd name="T71" fmla="*/ 248 h 776"/>
                <a:gd name="T72" fmla="*/ 63 w 602"/>
                <a:gd name="T73" fmla="*/ 250 h 776"/>
                <a:gd name="T74" fmla="*/ 67 w 602"/>
                <a:gd name="T75" fmla="*/ 258 h 776"/>
                <a:gd name="T76" fmla="*/ 101 w 602"/>
                <a:gd name="T77" fmla="*/ 250 h 776"/>
                <a:gd name="T78" fmla="*/ 132 w 602"/>
                <a:gd name="T79" fmla="*/ 235 h 776"/>
                <a:gd name="T80" fmla="*/ 137 w 602"/>
                <a:gd name="T81" fmla="*/ 217 h 776"/>
                <a:gd name="T82" fmla="*/ 157 w 602"/>
                <a:gd name="T83" fmla="*/ 195 h 776"/>
                <a:gd name="T84" fmla="*/ 167 w 602"/>
                <a:gd name="T85" fmla="*/ 177 h 776"/>
                <a:gd name="T86" fmla="*/ 171 w 602"/>
                <a:gd name="T87" fmla="*/ 157 h 776"/>
                <a:gd name="T88" fmla="*/ 180 w 602"/>
                <a:gd name="T89" fmla="*/ 152 h 776"/>
                <a:gd name="T90" fmla="*/ 180 w 602"/>
                <a:gd name="T91" fmla="*/ 142 h 776"/>
                <a:gd name="T92" fmla="*/ 162 w 602"/>
                <a:gd name="T93" fmla="*/ 102 h 776"/>
                <a:gd name="T94" fmla="*/ 162 w 602"/>
                <a:gd name="T95" fmla="*/ 78 h 776"/>
                <a:gd name="T96" fmla="*/ 168 w 602"/>
                <a:gd name="T97" fmla="*/ 68 h 776"/>
                <a:gd name="T98" fmla="*/ 188 w 602"/>
                <a:gd name="T99" fmla="*/ 80 h 776"/>
                <a:gd name="T100" fmla="*/ 196 w 602"/>
                <a:gd name="T101" fmla="*/ 60 h 776"/>
                <a:gd name="T102" fmla="*/ 200 w 602"/>
                <a:gd name="T103" fmla="*/ 6 h 776"/>
                <a:gd name="T104" fmla="*/ 195 w 602"/>
                <a:gd name="T105" fmla="*/ 7 h 776"/>
                <a:gd name="T106" fmla="*/ 185 w 602"/>
                <a:gd name="T107" fmla="*/ 12 h 776"/>
                <a:gd name="T108" fmla="*/ 174 w 602"/>
                <a:gd name="T109" fmla="*/ 9 h 77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0" t="0" r="r" b="b"/>
              <a:pathLst>
                <a:path w="602" h="776">
                  <a:moveTo>
                    <a:pt x="514" y="19"/>
                  </a:moveTo>
                  <a:lnTo>
                    <a:pt x="509" y="27"/>
                  </a:lnTo>
                  <a:lnTo>
                    <a:pt x="505" y="36"/>
                  </a:lnTo>
                  <a:lnTo>
                    <a:pt x="501" y="45"/>
                  </a:lnTo>
                  <a:lnTo>
                    <a:pt x="497" y="55"/>
                  </a:lnTo>
                  <a:lnTo>
                    <a:pt x="489" y="74"/>
                  </a:lnTo>
                  <a:lnTo>
                    <a:pt x="483" y="94"/>
                  </a:lnTo>
                  <a:lnTo>
                    <a:pt x="477" y="114"/>
                  </a:lnTo>
                  <a:lnTo>
                    <a:pt x="468" y="133"/>
                  </a:lnTo>
                  <a:lnTo>
                    <a:pt x="464" y="142"/>
                  </a:lnTo>
                  <a:lnTo>
                    <a:pt x="459" y="151"/>
                  </a:lnTo>
                  <a:lnTo>
                    <a:pt x="453" y="158"/>
                  </a:lnTo>
                  <a:lnTo>
                    <a:pt x="447" y="165"/>
                  </a:lnTo>
                  <a:lnTo>
                    <a:pt x="413" y="174"/>
                  </a:lnTo>
                  <a:lnTo>
                    <a:pt x="380" y="180"/>
                  </a:lnTo>
                  <a:lnTo>
                    <a:pt x="347" y="185"/>
                  </a:lnTo>
                  <a:lnTo>
                    <a:pt x="314" y="190"/>
                  </a:lnTo>
                  <a:lnTo>
                    <a:pt x="283" y="195"/>
                  </a:lnTo>
                  <a:lnTo>
                    <a:pt x="252" y="200"/>
                  </a:lnTo>
                  <a:lnTo>
                    <a:pt x="223" y="205"/>
                  </a:lnTo>
                  <a:lnTo>
                    <a:pt x="194" y="214"/>
                  </a:lnTo>
                  <a:lnTo>
                    <a:pt x="200" y="217"/>
                  </a:lnTo>
                  <a:lnTo>
                    <a:pt x="203" y="220"/>
                  </a:lnTo>
                  <a:lnTo>
                    <a:pt x="206" y="224"/>
                  </a:lnTo>
                  <a:lnTo>
                    <a:pt x="209" y="227"/>
                  </a:lnTo>
                  <a:lnTo>
                    <a:pt x="212" y="236"/>
                  </a:lnTo>
                  <a:lnTo>
                    <a:pt x="213" y="245"/>
                  </a:lnTo>
                  <a:lnTo>
                    <a:pt x="213" y="254"/>
                  </a:lnTo>
                  <a:lnTo>
                    <a:pt x="212" y="263"/>
                  </a:lnTo>
                  <a:lnTo>
                    <a:pt x="210" y="273"/>
                  </a:lnTo>
                  <a:lnTo>
                    <a:pt x="208" y="282"/>
                  </a:lnTo>
                  <a:lnTo>
                    <a:pt x="203" y="300"/>
                  </a:lnTo>
                  <a:lnTo>
                    <a:pt x="201" y="317"/>
                  </a:lnTo>
                  <a:lnTo>
                    <a:pt x="201" y="323"/>
                  </a:lnTo>
                  <a:lnTo>
                    <a:pt x="203" y="330"/>
                  </a:lnTo>
                  <a:lnTo>
                    <a:pt x="205" y="333"/>
                  </a:lnTo>
                  <a:lnTo>
                    <a:pt x="207" y="336"/>
                  </a:lnTo>
                  <a:lnTo>
                    <a:pt x="210" y="338"/>
                  </a:lnTo>
                  <a:lnTo>
                    <a:pt x="214" y="340"/>
                  </a:lnTo>
                  <a:lnTo>
                    <a:pt x="209" y="342"/>
                  </a:lnTo>
                  <a:lnTo>
                    <a:pt x="205" y="344"/>
                  </a:lnTo>
                  <a:lnTo>
                    <a:pt x="200" y="345"/>
                  </a:lnTo>
                  <a:lnTo>
                    <a:pt x="195" y="345"/>
                  </a:lnTo>
                  <a:lnTo>
                    <a:pt x="186" y="346"/>
                  </a:lnTo>
                  <a:lnTo>
                    <a:pt x="176" y="346"/>
                  </a:lnTo>
                  <a:lnTo>
                    <a:pt x="173" y="347"/>
                  </a:lnTo>
                  <a:lnTo>
                    <a:pt x="169" y="349"/>
                  </a:lnTo>
                  <a:lnTo>
                    <a:pt x="166" y="351"/>
                  </a:lnTo>
                  <a:lnTo>
                    <a:pt x="163" y="354"/>
                  </a:lnTo>
                  <a:lnTo>
                    <a:pt x="161" y="358"/>
                  </a:lnTo>
                  <a:lnTo>
                    <a:pt x="159" y="363"/>
                  </a:lnTo>
                  <a:lnTo>
                    <a:pt x="156" y="370"/>
                  </a:lnTo>
                  <a:lnTo>
                    <a:pt x="155" y="378"/>
                  </a:lnTo>
                  <a:lnTo>
                    <a:pt x="183" y="381"/>
                  </a:lnTo>
                  <a:lnTo>
                    <a:pt x="208" y="384"/>
                  </a:lnTo>
                  <a:lnTo>
                    <a:pt x="220" y="387"/>
                  </a:lnTo>
                  <a:lnTo>
                    <a:pt x="229" y="393"/>
                  </a:lnTo>
                  <a:lnTo>
                    <a:pt x="233" y="395"/>
                  </a:lnTo>
                  <a:lnTo>
                    <a:pt x="238" y="399"/>
                  </a:lnTo>
                  <a:lnTo>
                    <a:pt x="241" y="403"/>
                  </a:lnTo>
                  <a:lnTo>
                    <a:pt x="243" y="407"/>
                  </a:lnTo>
                  <a:lnTo>
                    <a:pt x="235" y="417"/>
                  </a:lnTo>
                  <a:lnTo>
                    <a:pt x="226" y="425"/>
                  </a:lnTo>
                  <a:lnTo>
                    <a:pt x="215" y="432"/>
                  </a:lnTo>
                  <a:lnTo>
                    <a:pt x="205" y="438"/>
                  </a:lnTo>
                  <a:lnTo>
                    <a:pt x="194" y="442"/>
                  </a:lnTo>
                  <a:lnTo>
                    <a:pt x="183" y="445"/>
                  </a:lnTo>
                  <a:lnTo>
                    <a:pt x="170" y="449"/>
                  </a:lnTo>
                  <a:lnTo>
                    <a:pt x="157" y="451"/>
                  </a:lnTo>
                  <a:lnTo>
                    <a:pt x="132" y="454"/>
                  </a:lnTo>
                  <a:lnTo>
                    <a:pt x="107" y="455"/>
                  </a:lnTo>
                  <a:lnTo>
                    <a:pt x="82" y="455"/>
                  </a:lnTo>
                  <a:lnTo>
                    <a:pt x="58" y="456"/>
                  </a:lnTo>
                  <a:lnTo>
                    <a:pt x="61" y="469"/>
                  </a:lnTo>
                  <a:lnTo>
                    <a:pt x="65" y="479"/>
                  </a:lnTo>
                  <a:lnTo>
                    <a:pt x="68" y="490"/>
                  </a:lnTo>
                  <a:lnTo>
                    <a:pt x="72" y="500"/>
                  </a:lnTo>
                  <a:lnTo>
                    <a:pt x="76" y="512"/>
                  </a:lnTo>
                  <a:lnTo>
                    <a:pt x="78" y="523"/>
                  </a:lnTo>
                  <a:lnTo>
                    <a:pt x="80" y="537"/>
                  </a:lnTo>
                  <a:lnTo>
                    <a:pt x="78" y="553"/>
                  </a:lnTo>
                  <a:lnTo>
                    <a:pt x="70" y="550"/>
                  </a:lnTo>
                  <a:lnTo>
                    <a:pt x="62" y="549"/>
                  </a:lnTo>
                  <a:lnTo>
                    <a:pt x="54" y="549"/>
                  </a:lnTo>
                  <a:lnTo>
                    <a:pt x="46" y="551"/>
                  </a:lnTo>
                  <a:lnTo>
                    <a:pt x="40" y="555"/>
                  </a:lnTo>
                  <a:lnTo>
                    <a:pt x="32" y="559"/>
                  </a:lnTo>
                  <a:lnTo>
                    <a:pt x="26" y="565"/>
                  </a:lnTo>
                  <a:lnTo>
                    <a:pt x="21" y="572"/>
                  </a:lnTo>
                  <a:lnTo>
                    <a:pt x="15" y="579"/>
                  </a:lnTo>
                  <a:lnTo>
                    <a:pt x="11" y="587"/>
                  </a:lnTo>
                  <a:lnTo>
                    <a:pt x="7" y="594"/>
                  </a:lnTo>
                  <a:lnTo>
                    <a:pt x="4" y="602"/>
                  </a:lnTo>
                  <a:lnTo>
                    <a:pt x="2" y="610"/>
                  </a:lnTo>
                  <a:lnTo>
                    <a:pt x="1" y="617"/>
                  </a:lnTo>
                  <a:lnTo>
                    <a:pt x="0" y="624"/>
                  </a:lnTo>
                  <a:lnTo>
                    <a:pt x="1" y="631"/>
                  </a:lnTo>
                  <a:lnTo>
                    <a:pt x="7" y="631"/>
                  </a:lnTo>
                  <a:lnTo>
                    <a:pt x="13" y="630"/>
                  </a:lnTo>
                  <a:lnTo>
                    <a:pt x="17" y="628"/>
                  </a:lnTo>
                  <a:lnTo>
                    <a:pt x="22" y="625"/>
                  </a:lnTo>
                  <a:lnTo>
                    <a:pt x="29" y="619"/>
                  </a:lnTo>
                  <a:lnTo>
                    <a:pt x="34" y="612"/>
                  </a:lnTo>
                  <a:lnTo>
                    <a:pt x="41" y="603"/>
                  </a:lnTo>
                  <a:lnTo>
                    <a:pt x="47" y="597"/>
                  </a:lnTo>
                  <a:lnTo>
                    <a:pt x="51" y="595"/>
                  </a:lnTo>
                  <a:lnTo>
                    <a:pt x="56" y="593"/>
                  </a:lnTo>
                  <a:lnTo>
                    <a:pt x="62" y="592"/>
                  </a:lnTo>
                  <a:lnTo>
                    <a:pt x="68" y="592"/>
                  </a:lnTo>
                  <a:lnTo>
                    <a:pt x="77" y="598"/>
                  </a:lnTo>
                  <a:lnTo>
                    <a:pt x="84" y="604"/>
                  </a:lnTo>
                  <a:lnTo>
                    <a:pt x="87" y="611"/>
                  </a:lnTo>
                  <a:lnTo>
                    <a:pt x="89" y="618"/>
                  </a:lnTo>
                  <a:lnTo>
                    <a:pt x="88" y="624"/>
                  </a:lnTo>
                  <a:lnTo>
                    <a:pt x="86" y="631"/>
                  </a:lnTo>
                  <a:lnTo>
                    <a:pt x="84" y="637"/>
                  </a:lnTo>
                  <a:lnTo>
                    <a:pt x="81" y="643"/>
                  </a:lnTo>
                  <a:lnTo>
                    <a:pt x="78" y="650"/>
                  </a:lnTo>
                  <a:lnTo>
                    <a:pt x="76" y="655"/>
                  </a:lnTo>
                  <a:lnTo>
                    <a:pt x="75" y="661"/>
                  </a:lnTo>
                  <a:lnTo>
                    <a:pt x="76" y="668"/>
                  </a:lnTo>
                  <a:lnTo>
                    <a:pt x="78" y="670"/>
                  </a:lnTo>
                  <a:lnTo>
                    <a:pt x="80" y="673"/>
                  </a:lnTo>
                  <a:lnTo>
                    <a:pt x="83" y="676"/>
                  </a:lnTo>
                  <a:lnTo>
                    <a:pt x="86" y="678"/>
                  </a:lnTo>
                  <a:lnTo>
                    <a:pt x="94" y="683"/>
                  </a:lnTo>
                  <a:lnTo>
                    <a:pt x="107" y="689"/>
                  </a:lnTo>
                  <a:lnTo>
                    <a:pt x="108" y="687"/>
                  </a:lnTo>
                  <a:lnTo>
                    <a:pt x="110" y="684"/>
                  </a:lnTo>
                  <a:lnTo>
                    <a:pt x="111" y="682"/>
                  </a:lnTo>
                  <a:lnTo>
                    <a:pt x="113" y="681"/>
                  </a:lnTo>
                  <a:lnTo>
                    <a:pt x="120" y="679"/>
                  </a:lnTo>
                  <a:lnTo>
                    <a:pt x="127" y="679"/>
                  </a:lnTo>
                  <a:lnTo>
                    <a:pt x="127" y="674"/>
                  </a:lnTo>
                  <a:lnTo>
                    <a:pt x="125" y="669"/>
                  </a:lnTo>
                  <a:lnTo>
                    <a:pt x="124" y="663"/>
                  </a:lnTo>
                  <a:lnTo>
                    <a:pt x="122" y="658"/>
                  </a:lnTo>
                  <a:lnTo>
                    <a:pt x="116" y="649"/>
                  </a:lnTo>
                  <a:lnTo>
                    <a:pt x="112" y="639"/>
                  </a:lnTo>
                  <a:lnTo>
                    <a:pt x="110" y="635"/>
                  </a:lnTo>
                  <a:lnTo>
                    <a:pt x="109" y="631"/>
                  </a:lnTo>
                  <a:lnTo>
                    <a:pt x="109" y="627"/>
                  </a:lnTo>
                  <a:lnTo>
                    <a:pt x="110" y="623"/>
                  </a:lnTo>
                  <a:lnTo>
                    <a:pt x="111" y="620"/>
                  </a:lnTo>
                  <a:lnTo>
                    <a:pt x="115" y="617"/>
                  </a:lnTo>
                  <a:lnTo>
                    <a:pt x="120" y="614"/>
                  </a:lnTo>
                  <a:lnTo>
                    <a:pt x="127" y="612"/>
                  </a:lnTo>
                  <a:lnTo>
                    <a:pt x="129" y="620"/>
                  </a:lnTo>
                  <a:lnTo>
                    <a:pt x="132" y="630"/>
                  </a:lnTo>
                  <a:lnTo>
                    <a:pt x="137" y="638"/>
                  </a:lnTo>
                  <a:lnTo>
                    <a:pt x="143" y="645"/>
                  </a:lnTo>
                  <a:lnTo>
                    <a:pt x="146" y="648"/>
                  </a:lnTo>
                  <a:lnTo>
                    <a:pt x="149" y="650"/>
                  </a:lnTo>
                  <a:lnTo>
                    <a:pt x="153" y="651"/>
                  </a:lnTo>
                  <a:lnTo>
                    <a:pt x="156" y="651"/>
                  </a:lnTo>
                  <a:lnTo>
                    <a:pt x="161" y="650"/>
                  </a:lnTo>
                  <a:lnTo>
                    <a:pt x="166" y="649"/>
                  </a:lnTo>
                  <a:lnTo>
                    <a:pt x="170" y="645"/>
                  </a:lnTo>
                  <a:lnTo>
                    <a:pt x="175" y="640"/>
                  </a:lnTo>
                  <a:lnTo>
                    <a:pt x="168" y="647"/>
                  </a:lnTo>
                  <a:lnTo>
                    <a:pt x="163" y="653"/>
                  </a:lnTo>
                  <a:lnTo>
                    <a:pt x="160" y="658"/>
                  </a:lnTo>
                  <a:lnTo>
                    <a:pt x="159" y="663"/>
                  </a:lnTo>
                  <a:lnTo>
                    <a:pt x="159" y="669"/>
                  </a:lnTo>
                  <a:lnTo>
                    <a:pt x="161" y="673"/>
                  </a:lnTo>
                  <a:lnTo>
                    <a:pt x="163" y="678"/>
                  </a:lnTo>
                  <a:lnTo>
                    <a:pt x="166" y="682"/>
                  </a:lnTo>
                  <a:lnTo>
                    <a:pt x="174" y="692"/>
                  </a:lnTo>
                  <a:lnTo>
                    <a:pt x="183" y="702"/>
                  </a:lnTo>
                  <a:lnTo>
                    <a:pt x="187" y="709"/>
                  </a:lnTo>
                  <a:lnTo>
                    <a:pt x="190" y="714"/>
                  </a:lnTo>
                  <a:lnTo>
                    <a:pt x="193" y="721"/>
                  </a:lnTo>
                  <a:lnTo>
                    <a:pt x="194" y="728"/>
                  </a:lnTo>
                  <a:lnTo>
                    <a:pt x="189" y="728"/>
                  </a:lnTo>
                  <a:lnTo>
                    <a:pt x="184" y="729"/>
                  </a:lnTo>
                  <a:lnTo>
                    <a:pt x="181" y="731"/>
                  </a:lnTo>
                  <a:lnTo>
                    <a:pt x="177" y="734"/>
                  </a:lnTo>
                  <a:lnTo>
                    <a:pt x="176" y="737"/>
                  </a:lnTo>
                  <a:lnTo>
                    <a:pt x="177" y="741"/>
                  </a:lnTo>
                  <a:lnTo>
                    <a:pt x="180" y="744"/>
                  </a:lnTo>
                  <a:lnTo>
                    <a:pt x="185" y="748"/>
                  </a:lnTo>
                  <a:lnTo>
                    <a:pt x="188" y="742"/>
                  </a:lnTo>
                  <a:lnTo>
                    <a:pt x="189" y="741"/>
                  </a:lnTo>
                  <a:lnTo>
                    <a:pt x="190" y="744"/>
                  </a:lnTo>
                  <a:lnTo>
                    <a:pt x="191" y="750"/>
                  </a:lnTo>
                  <a:lnTo>
                    <a:pt x="191" y="757"/>
                  </a:lnTo>
                  <a:lnTo>
                    <a:pt x="193" y="764"/>
                  </a:lnTo>
                  <a:lnTo>
                    <a:pt x="195" y="768"/>
                  </a:lnTo>
                  <a:lnTo>
                    <a:pt x="197" y="771"/>
                  </a:lnTo>
                  <a:lnTo>
                    <a:pt x="201" y="774"/>
                  </a:lnTo>
                  <a:lnTo>
                    <a:pt x="205" y="776"/>
                  </a:lnTo>
                  <a:lnTo>
                    <a:pt x="228" y="769"/>
                  </a:lnTo>
                  <a:lnTo>
                    <a:pt x="252" y="761"/>
                  </a:lnTo>
                  <a:lnTo>
                    <a:pt x="278" y="755"/>
                  </a:lnTo>
                  <a:lnTo>
                    <a:pt x="303" y="749"/>
                  </a:lnTo>
                  <a:lnTo>
                    <a:pt x="328" y="742"/>
                  </a:lnTo>
                  <a:lnTo>
                    <a:pt x="352" y="736"/>
                  </a:lnTo>
                  <a:lnTo>
                    <a:pt x="376" y="728"/>
                  </a:lnTo>
                  <a:lnTo>
                    <a:pt x="399" y="718"/>
                  </a:lnTo>
                  <a:lnTo>
                    <a:pt x="397" y="704"/>
                  </a:lnTo>
                  <a:lnTo>
                    <a:pt x="397" y="692"/>
                  </a:lnTo>
                  <a:lnTo>
                    <a:pt x="398" y="680"/>
                  </a:lnTo>
                  <a:lnTo>
                    <a:pt x="402" y="670"/>
                  </a:lnTo>
                  <a:lnTo>
                    <a:pt x="407" y="659"/>
                  </a:lnTo>
                  <a:lnTo>
                    <a:pt x="413" y="650"/>
                  </a:lnTo>
                  <a:lnTo>
                    <a:pt x="421" y="640"/>
                  </a:lnTo>
                  <a:lnTo>
                    <a:pt x="429" y="631"/>
                  </a:lnTo>
                  <a:lnTo>
                    <a:pt x="447" y="613"/>
                  </a:lnTo>
                  <a:lnTo>
                    <a:pt x="465" y="595"/>
                  </a:lnTo>
                  <a:lnTo>
                    <a:pt x="473" y="585"/>
                  </a:lnTo>
                  <a:lnTo>
                    <a:pt x="482" y="575"/>
                  </a:lnTo>
                  <a:lnTo>
                    <a:pt x="489" y="564"/>
                  </a:lnTo>
                  <a:lnTo>
                    <a:pt x="495" y="553"/>
                  </a:lnTo>
                  <a:lnTo>
                    <a:pt x="500" y="541"/>
                  </a:lnTo>
                  <a:lnTo>
                    <a:pt x="503" y="529"/>
                  </a:lnTo>
                  <a:lnTo>
                    <a:pt x="505" y="516"/>
                  </a:lnTo>
                  <a:lnTo>
                    <a:pt x="507" y="502"/>
                  </a:lnTo>
                  <a:lnTo>
                    <a:pt x="509" y="489"/>
                  </a:lnTo>
                  <a:lnTo>
                    <a:pt x="512" y="477"/>
                  </a:lnTo>
                  <a:lnTo>
                    <a:pt x="514" y="471"/>
                  </a:lnTo>
                  <a:lnTo>
                    <a:pt x="518" y="465"/>
                  </a:lnTo>
                  <a:lnTo>
                    <a:pt x="521" y="460"/>
                  </a:lnTo>
                  <a:lnTo>
                    <a:pt x="525" y="456"/>
                  </a:lnTo>
                  <a:lnTo>
                    <a:pt x="533" y="456"/>
                  </a:lnTo>
                  <a:lnTo>
                    <a:pt x="543" y="455"/>
                  </a:lnTo>
                  <a:lnTo>
                    <a:pt x="547" y="454"/>
                  </a:lnTo>
                  <a:lnTo>
                    <a:pt x="550" y="453"/>
                  </a:lnTo>
                  <a:lnTo>
                    <a:pt x="552" y="450"/>
                  </a:lnTo>
                  <a:lnTo>
                    <a:pt x="553" y="446"/>
                  </a:lnTo>
                  <a:lnTo>
                    <a:pt x="541" y="425"/>
                  </a:lnTo>
                  <a:lnTo>
                    <a:pt x="528" y="404"/>
                  </a:lnTo>
                  <a:lnTo>
                    <a:pt x="517" y="381"/>
                  </a:lnTo>
                  <a:lnTo>
                    <a:pt x="507" y="358"/>
                  </a:lnTo>
                  <a:lnTo>
                    <a:pt x="498" y="333"/>
                  </a:lnTo>
                  <a:lnTo>
                    <a:pt x="489" y="307"/>
                  </a:lnTo>
                  <a:lnTo>
                    <a:pt x="482" y="280"/>
                  </a:lnTo>
                  <a:lnTo>
                    <a:pt x="477" y="253"/>
                  </a:lnTo>
                  <a:lnTo>
                    <a:pt x="481" y="247"/>
                  </a:lnTo>
                  <a:lnTo>
                    <a:pt x="485" y="241"/>
                  </a:lnTo>
                  <a:lnTo>
                    <a:pt x="488" y="235"/>
                  </a:lnTo>
                  <a:lnTo>
                    <a:pt x="491" y="228"/>
                  </a:lnTo>
                  <a:lnTo>
                    <a:pt x="493" y="221"/>
                  </a:lnTo>
                  <a:lnTo>
                    <a:pt x="497" y="215"/>
                  </a:lnTo>
                  <a:lnTo>
                    <a:pt x="501" y="208"/>
                  </a:lnTo>
                  <a:lnTo>
                    <a:pt x="505" y="204"/>
                  </a:lnTo>
                  <a:lnTo>
                    <a:pt x="528" y="214"/>
                  </a:lnTo>
                  <a:lnTo>
                    <a:pt x="545" y="221"/>
                  </a:lnTo>
                  <a:lnTo>
                    <a:pt x="552" y="225"/>
                  </a:lnTo>
                  <a:lnTo>
                    <a:pt x="559" y="232"/>
                  </a:lnTo>
                  <a:lnTo>
                    <a:pt x="566" y="240"/>
                  </a:lnTo>
                  <a:lnTo>
                    <a:pt x="573" y="253"/>
                  </a:lnTo>
                  <a:lnTo>
                    <a:pt x="579" y="236"/>
                  </a:lnTo>
                  <a:lnTo>
                    <a:pt x="584" y="218"/>
                  </a:lnTo>
                  <a:lnTo>
                    <a:pt x="588" y="200"/>
                  </a:lnTo>
                  <a:lnTo>
                    <a:pt x="591" y="181"/>
                  </a:lnTo>
                  <a:lnTo>
                    <a:pt x="597" y="144"/>
                  </a:lnTo>
                  <a:lnTo>
                    <a:pt x="600" y="107"/>
                  </a:lnTo>
                  <a:lnTo>
                    <a:pt x="601" y="74"/>
                  </a:lnTo>
                  <a:lnTo>
                    <a:pt x="601" y="43"/>
                  </a:lnTo>
                  <a:lnTo>
                    <a:pt x="602" y="19"/>
                  </a:lnTo>
                  <a:lnTo>
                    <a:pt x="602" y="0"/>
                  </a:lnTo>
                  <a:lnTo>
                    <a:pt x="600" y="5"/>
                  </a:lnTo>
                  <a:lnTo>
                    <a:pt x="596" y="12"/>
                  </a:lnTo>
                  <a:lnTo>
                    <a:pt x="591" y="16"/>
                  </a:lnTo>
                  <a:lnTo>
                    <a:pt x="586" y="21"/>
                  </a:lnTo>
                  <a:lnTo>
                    <a:pt x="581" y="25"/>
                  </a:lnTo>
                  <a:lnTo>
                    <a:pt x="574" y="28"/>
                  </a:lnTo>
                  <a:lnTo>
                    <a:pt x="568" y="32"/>
                  </a:lnTo>
                  <a:lnTo>
                    <a:pt x="562" y="34"/>
                  </a:lnTo>
                  <a:lnTo>
                    <a:pt x="556" y="35"/>
                  </a:lnTo>
                  <a:lnTo>
                    <a:pt x="549" y="36"/>
                  </a:lnTo>
                  <a:lnTo>
                    <a:pt x="542" y="35"/>
                  </a:lnTo>
                  <a:lnTo>
                    <a:pt x="536" y="34"/>
                  </a:lnTo>
                  <a:lnTo>
                    <a:pt x="530" y="32"/>
                  </a:lnTo>
                  <a:lnTo>
                    <a:pt x="524" y="28"/>
                  </a:lnTo>
                  <a:lnTo>
                    <a:pt x="520" y="24"/>
                  </a:lnTo>
                  <a:lnTo>
                    <a:pt x="514" y="19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  <p:grpSp>
          <p:nvGrpSpPr>
            <p:cNvPr id="1248" name="Vesthimmerland"/>
            <p:cNvGrpSpPr/>
            <p:nvPr/>
          </p:nvGrpSpPr>
          <p:grpSpPr>
            <a:xfrm>
              <a:off x="1289050" y="3163888"/>
              <a:ext cx="441325" cy="560388"/>
              <a:chOff x="1289050" y="3163888"/>
              <a:chExt cx="441325" cy="560388"/>
            </a:xfrm>
            <a:grpFill/>
          </p:grpSpPr>
          <p:grpSp>
            <p:nvGrpSpPr>
              <p:cNvPr id="1253" name="Vesthimmerland"/>
              <p:cNvGrpSpPr/>
              <p:nvPr/>
            </p:nvGrpSpPr>
            <p:grpSpPr>
              <a:xfrm>
                <a:off x="1355725" y="3163888"/>
                <a:ext cx="374650" cy="560388"/>
                <a:chOff x="1355725" y="3163888"/>
                <a:chExt cx="374650" cy="560388"/>
              </a:xfrm>
              <a:grpFill/>
            </p:grpSpPr>
            <p:sp>
              <p:nvSpPr>
                <p:cNvPr id="1256" name="Vesthimmerland"/>
                <p:cNvSpPr>
                  <a:spLocks/>
                </p:cNvSpPr>
                <p:nvPr/>
              </p:nvSpPr>
              <p:spPr bwMode="auto">
                <a:xfrm>
                  <a:off x="1371600" y="3163888"/>
                  <a:ext cx="87312" cy="34925"/>
                </a:xfrm>
                <a:custGeom>
                  <a:avLst/>
                  <a:gdLst>
                    <a:gd name="T0" fmla="*/ 0 w 165"/>
                    <a:gd name="T1" fmla="*/ 3 h 68"/>
                    <a:gd name="T2" fmla="*/ 0 w 165"/>
                    <a:gd name="T3" fmla="*/ 5 h 68"/>
                    <a:gd name="T4" fmla="*/ 1 w 165"/>
                    <a:gd name="T5" fmla="*/ 6 h 68"/>
                    <a:gd name="T6" fmla="*/ 2 w 165"/>
                    <a:gd name="T7" fmla="*/ 7 h 68"/>
                    <a:gd name="T8" fmla="*/ 3 w 165"/>
                    <a:gd name="T9" fmla="*/ 8 h 68"/>
                    <a:gd name="T10" fmla="*/ 5 w 165"/>
                    <a:gd name="T11" fmla="*/ 10 h 68"/>
                    <a:gd name="T12" fmla="*/ 8 w 165"/>
                    <a:gd name="T13" fmla="*/ 11 h 68"/>
                    <a:gd name="T14" fmla="*/ 14 w 165"/>
                    <a:gd name="T15" fmla="*/ 13 h 68"/>
                    <a:gd name="T16" fmla="*/ 19 w 165"/>
                    <a:gd name="T17" fmla="*/ 16 h 68"/>
                    <a:gd name="T18" fmla="*/ 22 w 165"/>
                    <a:gd name="T19" fmla="*/ 14 h 68"/>
                    <a:gd name="T20" fmla="*/ 24 w 165"/>
                    <a:gd name="T21" fmla="*/ 13 h 68"/>
                    <a:gd name="T22" fmla="*/ 27 w 165"/>
                    <a:gd name="T23" fmla="*/ 11 h 68"/>
                    <a:gd name="T24" fmla="*/ 30 w 165"/>
                    <a:gd name="T25" fmla="*/ 10 h 68"/>
                    <a:gd name="T26" fmla="*/ 36 w 165"/>
                    <a:gd name="T27" fmla="*/ 8 h 68"/>
                    <a:gd name="T28" fmla="*/ 42 w 165"/>
                    <a:gd name="T29" fmla="*/ 6 h 68"/>
                    <a:gd name="T30" fmla="*/ 43 w 165"/>
                    <a:gd name="T31" fmla="*/ 7 h 68"/>
                    <a:gd name="T32" fmla="*/ 43 w 165"/>
                    <a:gd name="T33" fmla="*/ 8 h 68"/>
                    <a:gd name="T34" fmla="*/ 44 w 165"/>
                    <a:gd name="T35" fmla="*/ 9 h 68"/>
                    <a:gd name="T36" fmla="*/ 44 w 165"/>
                    <a:gd name="T37" fmla="*/ 11 h 68"/>
                    <a:gd name="T38" fmla="*/ 45 w 165"/>
                    <a:gd name="T39" fmla="*/ 14 h 68"/>
                    <a:gd name="T40" fmla="*/ 46 w 165"/>
                    <a:gd name="T41" fmla="*/ 17 h 68"/>
                    <a:gd name="T42" fmla="*/ 46 w 165"/>
                    <a:gd name="T43" fmla="*/ 18 h 68"/>
                    <a:gd name="T44" fmla="*/ 47 w 165"/>
                    <a:gd name="T45" fmla="*/ 19 h 68"/>
                    <a:gd name="T46" fmla="*/ 48 w 165"/>
                    <a:gd name="T47" fmla="*/ 20 h 68"/>
                    <a:gd name="T48" fmla="*/ 48 w 165"/>
                    <a:gd name="T49" fmla="*/ 21 h 68"/>
                    <a:gd name="T50" fmla="*/ 50 w 165"/>
                    <a:gd name="T51" fmla="*/ 22 h 68"/>
                    <a:gd name="T52" fmla="*/ 51 w 165"/>
                    <a:gd name="T53" fmla="*/ 22 h 68"/>
                    <a:gd name="T54" fmla="*/ 53 w 165"/>
                    <a:gd name="T55" fmla="*/ 22 h 68"/>
                    <a:gd name="T56" fmla="*/ 55 w 165"/>
                    <a:gd name="T57" fmla="*/ 22 h 68"/>
                    <a:gd name="T58" fmla="*/ 55 w 165"/>
                    <a:gd name="T59" fmla="*/ 20 h 68"/>
                    <a:gd name="T60" fmla="*/ 55 w 165"/>
                    <a:gd name="T61" fmla="*/ 19 h 68"/>
                    <a:gd name="T62" fmla="*/ 54 w 165"/>
                    <a:gd name="T63" fmla="*/ 17 h 68"/>
                    <a:gd name="T64" fmla="*/ 54 w 165"/>
                    <a:gd name="T65" fmla="*/ 16 h 68"/>
                    <a:gd name="T66" fmla="*/ 53 w 165"/>
                    <a:gd name="T67" fmla="*/ 14 h 68"/>
                    <a:gd name="T68" fmla="*/ 51 w 165"/>
                    <a:gd name="T69" fmla="*/ 12 h 68"/>
                    <a:gd name="T70" fmla="*/ 50 w 165"/>
                    <a:gd name="T71" fmla="*/ 9 h 68"/>
                    <a:gd name="T72" fmla="*/ 49 w 165"/>
                    <a:gd name="T73" fmla="*/ 7 h 68"/>
                    <a:gd name="T74" fmla="*/ 48 w 165"/>
                    <a:gd name="T75" fmla="*/ 6 h 68"/>
                    <a:gd name="T76" fmla="*/ 48 w 165"/>
                    <a:gd name="T77" fmla="*/ 4 h 68"/>
                    <a:gd name="T78" fmla="*/ 48 w 165"/>
                    <a:gd name="T79" fmla="*/ 2 h 68"/>
                    <a:gd name="T80" fmla="*/ 48 w 165"/>
                    <a:gd name="T81" fmla="*/ 0 h 68"/>
                    <a:gd name="T82" fmla="*/ 44 w 165"/>
                    <a:gd name="T83" fmla="*/ 0 h 68"/>
                    <a:gd name="T84" fmla="*/ 40 w 165"/>
                    <a:gd name="T85" fmla="*/ 1 h 68"/>
                    <a:gd name="T86" fmla="*/ 36 w 165"/>
                    <a:gd name="T87" fmla="*/ 2 h 68"/>
                    <a:gd name="T88" fmla="*/ 33 w 165"/>
                    <a:gd name="T89" fmla="*/ 2 h 68"/>
                    <a:gd name="T90" fmla="*/ 28 w 165"/>
                    <a:gd name="T91" fmla="*/ 4 h 68"/>
                    <a:gd name="T92" fmla="*/ 23 w 165"/>
                    <a:gd name="T93" fmla="*/ 6 h 68"/>
                    <a:gd name="T94" fmla="*/ 21 w 165"/>
                    <a:gd name="T95" fmla="*/ 6 h 68"/>
                    <a:gd name="T96" fmla="*/ 19 w 165"/>
                    <a:gd name="T97" fmla="*/ 6 h 68"/>
                    <a:gd name="T98" fmla="*/ 16 w 165"/>
                    <a:gd name="T99" fmla="*/ 7 h 68"/>
                    <a:gd name="T100" fmla="*/ 13 w 165"/>
                    <a:gd name="T101" fmla="*/ 6 h 68"/>
                    <a:gd name="T102" fmla="*/ 11 w 165"/>
                    <a:gd name="T103" fmla="*/ 6 h 68"/>
                    <a:gd name="T104" fmla="*/ 7 w 165"/>
                    <a:gd name="T105" fmla="*/ 6 h 68"/>
                    <a:gd name="T106" fmla="*/ 4 w 165"/>
                    <a:gd name="T107" fmla="*/ 4 h 68"/>
                    <a:gd name="T108" fmla="*/ 0 w 165"/>
                    <a:gd name="T109" fmla="*/ 3 h 68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</a:gdLst>
                  <a:ahLst/>
                  <a:cxnLst>
                    <a:cxn ang="T110">
                      <a:pos x="T0" y="T1"/>
                    </a:cxn>
                    <a:cxn ang="T111">
                      <a:pos x="T2" y="T3"/>
                    </a:cxn>
                    <a:cxn ang="T112">
                      <a:pos x="T4" y="T5"/>
                    </a:cxn>
                    <a:cxn ang="T113">
                      <a:pos x="T6" y="T7"/>
                    </a:cxn>
                    <a:cxn ang="T114">
                      <a:pos x="T8" y="T9"/>
                    </a:cxn>
                    <a:cxn ang="T115">
                      <a:pos x="T10" y="T11"/>
                    </a:cxn>
                    <a:cxn ang="T116">
                      <a:pos x="T12" y="T13"/>
                    </a:cxn>
                    <a:cxn ang="T117">
                      <a:pos x="T14" y="T15"/>
                    </a:cxn>
                    <a:cxn ang="T118">
                      <a:pos x="T16" y="T17"/>
                    </a:cxn>
                    <a:cxn ang="T119">
                      <a:pos x="T18" y="T19"/>
                    </a:cxn>
                    <a:cxn ang="T120">
                      <a:pos x="T20" y="T21"/>
                    </a:cxn>
                    <a:cxn ang="T121">
                      <a:pos x="T22" y="T23"/>
                    </a:cxn>
                    <a:cxn ang="T122">
                      <a:pos x="T24" y="T25"/>
                    </a:cxn>
                    <a:cxn ang="T123">
                      <a:pos x="T26" y="T27"/>
                    </a:cxn>
                    <a:cxn ang="T124">
                      <a:pos x="T28" y="T29"/>
                    </a:cxn>
                    <a:cxn ang="T125">
                      <a:pos x="T30" y="T31"/>
                    </a:cxn>
                    <a:cxn ang="T126">
                      <a:pos x="T32" y="T33"/>
                    </a:cxn>
                    <a:cxn ang="T127">
                      <a:pos x="T34" y="T35"/>
                    </a:cxn>
                    <a:cxn ang="T128">
                      <a:pos x="T36" y="T37"/>
                    </a:cxn>
                    <a:cxn ang="T129">
                      <a:pos x="T38" y="T39"/>
                    </a:cxn>
                    <a:cxn ang="T130">
                      <a:pos x="T40" y="T41"/>
                    </a:cxn>
                    <a:cxn ang="T131">
                      <a:pos x="T42" y="T43"/>
                    </a:cxn>
                    <a:cxn ang="T132">
                      <a:pos x="T44" y="T45"/>
                    </a:cxn>
                    <a:cxn ang="T133">
                      <a:pos x="T46" y="T47"/>
                    </a:cxn>
                    <a:cxn ang="T134">
                      <a:pos x="T48" y="T49"/>
                    </a:cxn>
                    <a:cxn ang="T135">
                      <a:pos x="T50" y="T51"/>
                    </a:cxn>
                    <a:cxn ang="T136">
                      <a:pos x="T52" y="T53"/>
                    </a:cxn>
                    <a:cxn ang="T137">
                      <a:pos x="T54" y="T55"/>
                    </a:cxn>
                    <a:cxn ang="T138">
                      <a:pos x="T56" y="T57"/>
                    </a:cxn>
                    <a:cxn ang="T139">
                      <a:pos x="T58" y="T59"/>
                    </a:cxn>
                    <a:cxn ang="T140">
                      <a:pos x="T60" y="T61"/>
                    </a:cxn>
                    <a:cxn ang="T141">
                      <a:pos x="T62" y="T63"/>
                    </a:cxn>
                    <a:cxn ang="T142">
                      <a:pos x="T64" y="T65"/>
                    </a:cxn>
                    <a:cxn ang="T143">
                      <a:pos x="T66" y="T67"/>
                    </a:cxn>
                    <a:cxn ang="T144">
                      <a:pos x="T68" y="T69"/>
                    </a:cxn>
                    <a:cxn ang="T145">
                      <a:pos x="T70" y="T71"/>
                    </a:cxn>
                    <a:cxn ang="T146">
                      <a:pos x="T72" y="T73"/>
                    </a:cxn>
                    <a:cxn ang="T147">
                      <a:pos x="T74" y="T75"/>
                    </a:cxn>
                    <a:cxn ang="T148">
                      <a:pos x="T76" y="T77"/>
                    </a:cxn>
                    <a:cxn ang="T149">
                      <a:pos x="T78" y="T79"/>
                    </a:cxn>
                    <a:cxn ang="T150">
                      <a:pos x="T80" y="T81"/>
                    </a:cxn>
                    <a:cxn ang="T151">
                      <a:pos x="T82" y="T83"/>
                    </a:cxn>
                    <a:cxn ang="T152">
                      <a:pos x="T84" y="T85"/>
                    </a:cxn>
                    <a:cxn ang="T153">
                      <a:pos x="T86" y="T87"/>
                    </a:cxn>
                    <a:cxn ang="T154">
                      <a:pos x="T88" y="T89"/>
                    </a:cxn>
                    <a:cxn ang="T155">
                      <a:pos x="T90" y="T91"/>
                    </a:cxn>
                    <a:cxn ang="T156">
                      <a:pos x="T92" y="T93"/>
                    </a:cxn>
                    <a:cxn ang="T157">
                      <a:pos x="T94" y="T95"/>
                    </a:cxn>
                    <a:cxn ang="T158">
                      <a:pos x="T96" y="T97"/>
                    </a:cxn>
                    <a:cxn ang="T159">
                      <a:pos x="T98" y="T99"/>
                    </a:cxn>
                    <a:cxn ang="T160">
                      <a:pos x="T100" y="T101"/>
                    </a:cxn>
                    <a:cxn ang="T161">
                      <a:pos x="T102" y="T103"/>
                    </a:cxn>
                    <a:cxn ang="T162">
                      <a:pos x="T104" y="T105"/>
                    </a:cxn>
                    <a:cxn ang="T163">
                      <a:pos x="T106" y="T107"/>
                    </a:cxn>
                    <a:cxn ang="T164">
                      <a:pos x="T108" y="T109"/>
                    </a:cxn>
                  </a:cxnLst>
                  <a:rect l="0" t="0" r="r" b="b"/>
                  <a:pathLst>
                    <a:path w="165" h="68">
                      <a:moveTo>
                        <a:pt x="0" y="9"/>
                      </a:moveTo>
                      <a:lnTo>
                        <a:pt x="1" y="14"/>
                      </a:lnTo>
                      <a:lnTo>
                        <a:pt x="3" y="19"/>
                      </a:lnTo>
                      <a:lnTo>
                        <a:pt x="5" y="22"/>
                      </a:lnTo>
                      <a:lnTo>
                        <a:pt x="8" y="25"/>
                      </a:lnTo>
                      <a:lnTo>
                        <a:pt x="15" y="31"/>
                      </a:lnTo>
                      <a:lnTo>
                        <a:pt x="23" y="34"/>
                      </a:lnTo>
                      <a:lnTo>
                        <a:pt x="41" y="41"/>
                      </a:lnTo>
                      <a:lnTo>
                        <a:pt x="58" y="48"/>
                      </a:lnTo>
                      <a:lnTo>
                        <a:pt x="65" y="43"/>
                      </a:lnTo>
                      <a:lnTo>
                        <a:pt x="73" y="39"/>
                      </a:lnTo>
                      <a:lnTo>
                        <a:pt x="81" y="34"/>
                      </a:lnTo>
                      <a:lnTo>
                        <a:pt x="89" y="31"/>
                      </a:lnTo>
                      <a:lnTo>
                        <a:pt x="107" y="24"/>
                      </a:lnTo>
                      <a:lnTo>
                        <a:pt x="126" y="19"/>
                      </a:lnTo>
                      <a:lnTo>
                        <a:pt x="128" y="22"/>
                      </a:lnTo>
                      <a:lnTo>
                        <a:pt x="130" y="25"/>
                      </a:lnTo>
                      <a:lnTo>
                        <a:pt x="132" y="29"/>
                      </a:lnTo>
                      <a:lnTo>
                        <a:pt x="133" y="33"/>
                      </a:lnTo>
                      <a:lnTo>
                        <a:pt x="135" y="43"/>
                      </a:lnTo>
                      <a:lnTo>
                        <a:pt x="138" y="51"/>
                      </a:lnTo>
                      <a:lnTo>
                        <a:pt x="139" y="56"/>
                      </a:lnTo>
                      <a:lnTo>
                        <a:pt x="141" y="59"/>
                      </a:lnTo>
                      <a:lnTo>
                        <a:pt x="143" y="62"/>
                      </a:lnTo>
                      <a:lnTo>
                        <a:pt x="145" y="65"/>
                      </a:lnTo>
                      <a:lnTo>
                        <a:pt x="149" y="67"/>
                      </a:lnTo>
                      <a:lnTo>
                        <a:pt x="154" y="68"/>
                      </a:lnTo>
                      <a:lnTo>
                        <a:pt x="159" y="68"/>
                      </a:lnTo>
                      <a:lnTo>
                        <a:pt x="165" y="67"/>
                      </a:lnTo>
                      <a:lnTo>
                        <a:pt x="165" y="62"/>
                      </a:lnTo>
                      <a:lnTo>
                        <a:pt x="164" y="58"/>
                      </a:lnTo>
                      <a:lnTo>
                        <a:pt x="163" y="52"/>
                      </a:lnTo>
                      <a:lnTo>
                        <a:pt x="161" y="49"/>
                      </a:lnTo>
                      <a:lnTo>
                        <a:pt x="158" y="42"/>
                      </a:lnTo>
                      <a:lnTo>
                        <a:pt x="154" y="36"/>
                      </a:lnTo>
                      <a:lnTo>
                        <a:pt x="149" y="28"/>
                      </a:lnTo>
                      <a:lnTo>
                        <a:pt x="146" y="21"/>
                      </a:lnTo>
                      <a:lnTo>
                        <a:pt x="145" y="17"/>
                      </a:lnTo>
                      <a:lnTo>
                        <a:pt x="144" y="11"/>
                      </a:lnTo>
                      <a:lnTo>
                        <a:pt x="144" y="6"/>
                      </a:lnTo>
                      <a:lnTo>
                        <a:pt x="145" y="0"/>
                      </a:lnTo>
                      <a:lnTo>
                        <a:pt x="133" y="1"/>
                      </a:lnTo>
                      <a:lnTo>
                        <a:pt x="120" y="3"/>
                      </a:lnTo>
                      <a:lnTo>
                        <a:pt x="109" y="5"/>
                      </a:lnTo>
                      <a:lnTo>
                        <a:pt x="100" y="7"/>
                      </a:lnTo>
                      <a:lnTo>
                        <a:pt x="84" y="12"/>
                      </a:lnTo>
                      <a:lnTo>
                        <a:pt x="69" y="17"/>
                      </a:lnTo>
                      <a:lnTo>
                        <a:pt x="63" y="19"/>
                      </a:lnTo>
                      <a:lnTo>
                        <a:pt x="56" y="20"/>
                      </a:lnTo>
                      <a:lnTo>
                        <a:pt x="48" y="21"/>
                      </a:lnTo>
                      <a:lnTo>
                        <a:pt x="40" y="20"/>
                      </a:lnTo>
                      <a:lnTo>
                        <a:pt x="32" y="19"/>
                      </a:lnTo>
                      <a:lnTo>
                        <a:pt x="22" y="17"/>
                      </a:lnTo>
                      <a:lnTo>
                        <a:pt x="12" y="13"/>
                      </a:lnTo>
                      <a:lnTo>
                        <a:pt x="0" y="9"/>
                      </a:lnTo>
                      <a:close/>
                    </a:path>
                  </a:pathLst>
                </a:custGeom>
                <a:grpFill/>
                <a:ln>
                  <a:noFill/>
                </a:ln>
              </p:spPr>
              <p:txBody>
                <a:bodyPr/>
                <a:lstStyle/>
                <a:p>
                  <a:endParaRPr lang="te-IN"/>
                </a:p>
              </p:txBody>
            </p:sp>
            <p:sp>
              <p:nvSpPr>
                <p:cNvPr id="1257" name="Vesthimmerland kant"/>
                <p:cNvSpPr>
                  <a:spLocks/>
                </p:cNvSpPr>
                <p:nvPr/>
              </p:nvSpPr>
              <p:spPr bwMode="auto">
                <a:xfrm>
                  <a:off x="1371600" y="3163888"/>
                  <a:ext cx="87312" cy="34925"/>
                </a:xfrm>
                <a:custGeom>
                  <a:avLst/>
                  <a:gdLst>
                    <a:gd name="T0" fmla="*/ 48 w 165"/>
                    <a:gd name="T1" fmla="*/ 0 h 68"/>
                    <a:gd name="T2" fmla="*/ 48 w 165"/>
                    <a:gd name="T3" fmla="*/ 2 h 68"/>
                    <a:gd name="T4" fmla="*/ 48 w 165"/>
                    <a:gd name="T5" fmla="*/ 4 h 68"/>
                    <a:gd name="T6" fmla="*/ 48 w 165"/>
                    <a:gd name="T7" fmla="*/ 6 h 68"/>
                    <a:gd name="T8" fmla="*/ 49 w 165"/>
                    <a:gd name="T9" fmla="*/ 7 h 68"/>
                    <a:gd name="T10" fmla="*/ 50 w 165"/>
                    <a:gd name="T11" fmla="*/ 9 h 68"/>
                    <a:gd name="T12" fmla="*/ 51 w 165"/>
                    <a:gd name="T13" fmla="*/ 12 h 68"/>
                    <a:gd name="T14" fmla="*/ 53 w 165"/>
                    <a:gd name="T15" fmla="*/ 14 h 68"/>
                    <a:gd name="T16" fmla="*/ 54 w 165"/>
                    <a:gd name="T17" fmla="*/ 16 h 68"/>
                    <a:gd name="T18" fmla="*/ 54 w 165"/>
                    <a:gd name="T19" fmla="*/ 17 h 68"/>
                    <a:gd name="T20" fmla="*/ 55 w 165"/>
                    <a:gd name="T21" fmla="*/ 19 h 68"/>
                    <a:gd name="T22" fmla="*/ 55 w 165"/>
                    <a:gd name="T23" fmla="*/ 20 h 68"/>
                    <a:gd name="T24" fmla="*/ 55 w 165"/>
                    <a:gd name="T25" fmla="*/ 22 h 68"/>
                    <a:gd name="T26" fmla="*/ 53 w 165"/>
                    <a:gd name="T27" fmla="*/ 22 h 68"/>
                    <a:gd name="T28" fmla="*/ 51 w 165"/>
                    <a:gd name="T29" fmla="*/ 22 h 68"/>
                    <a:gd name="T30" fmla="*/ 50 w 165"/>
                    <a:gd name="T31" fmla="*/ 22 h 68"/>
                    <a:gd name="T32" fmla="*/ 48 w 165"/>
                    <a:gd name="T33" fmla="*/ 21 h 68"/>
                    <a:gd name="T34" fmla="*/ 48 w 165"/>
                    <a:gd name="T35" fmla="*/ 20 h 68"/>
                    <a:gd name="T36" fmla="*/ 47 w 165"/>
                    <a:gd name="T37" fmla="*/ 19 h 68"/>
                    <a:gd name="T38" fmla="*/ 46 w 165"/>
                    <a:gd name="T39" fmla="*/ 18 h 68"/>
                    <a:gd name="T40" fmla="*/ 46 w 165"/>
                    <a:gd name="T41" fmla="*/ 17 h 68"/>
                    <a:gd name="T42" fmla="*/ 45 w 165"/>
                    <a:gd name="T43" fmla="*/ 14 h 68"/>
                    <a:gd name="T44" fmla="*/ 44 w 165"/>
                    <a:gd name="T45" fmla="*/ 11 h 68"/>
                    <a:gd name="T46" fmla="*/ 44 w 165"/>
                    <a:gd name="T47" fmla="*/ 9 h 68"/>
                    <a:gd name="T48" fmla="*/ 43 w 165"/>
                    <a:gd name="T49" fmla="*/ 8 h 68"/>
                    <a:gd name="T50" fmla="*/ 43 w 165"/>
                    <a:gd name="T51" fmla="*/ 7 h 68"/>
                    <a:gd name="T52" fmla="*/ 42 w 165"/>
                    <a:gd name="T53" fmla="*/ 6 h 68"/>
                    <a:gd name="T54" fmla="*/ 36 w 165"/>
                    <a:gd name="T55" fmla="*/ 8 h 68"/>
                    <a:gd name="T56" fmla="*/ 30 w 165"/>
                    <a:gd name="T57" fmla="*/ 10 h 68"/>
                    <a:gd name="T58" fmla="*/ 27 w 165"/>
                    <a:gd name="T59" fmla="*/ 11 h 68"/>
                    <a:gd name="T60" fmla="*/ 24 w 165"/>
                    <a:gd name="T61" fmla="*/ 13 h 68"/>
                    <a:gd name="T62" fmla="*/ 22 w 165"/>
                    <a:gd name="T63" fmla="*/ 14 h 68"/>
                    <a:gd name="T64" fmla="*/ 19 w 165"/>
                    <a:gd name="T65" fmla="*/ 16 h 68"/>
                    <a:gd name="T66" fmla="*/ 14 w 165"/>
                    <a:gd name="T67" fmla="*/ 13 h 68"/>
                    <a:gd name="T68" fmla="*/ 8 w 165"/>
                    <a:gd name="T69" fmla="*/ 11 h 68"/>
                    <a:gd name="T70" fmla="*/ 5 w 165"/>
                    <a:gd name="T71" fmla="*/ 10 h 68"/>
                    <a:gd name="T72" fmla="*/ 3 w 165"/>
                    <a:gd name="T73" fmla="*/ 8 h 68"/>
                    <a:gd name="T74" fmla="*/ 2 w 165"/>
                    <a:gd name="T75" fmla="*/ 7 h 68"/>
                    <a:gd name="T76" fmla="*/ 1 w 165"/>
                    <a:gd name="T77" fmla="*/ 6 h 68"/>
                    <a:gd name="T78" fmla="*/ 0 w 165"/>
                    <a:gd name="T79" fmla="*/ 5 h 68"/>
                    <a:gd name="T80" fmla="*/ 0 w 165"/>
                    <a:gd name="T81" fmla="*/ 3 h 68"/>
                    <a:gd name="T82" fmla="*/ 4 w 165"/>
                    <a:gd name="T83" fmla="*/ 4 h 68"/>
                    <a:gd name="T84" fmla="*/ 7 w 165"/>
                    <a:gd name="T85" fmla="*/ 6 h 68"/>
                    <a:gd name="T86" fmla="*/ 11 w 165"/>
                    <a:gd name="T87" fmla="*/ 6 h 68"/>
                    <a:gd name="T88" fmla="*/ 13 w 165"/>
                    <a:gd name="T89" fmla="*/ 6 h 68"/>
                    <a:gd name="T90" fmla="*/ 16 w 165"/>
                    <a:gd name="T91" fmla="*/ 7 h 68"/>
                    <a:gd name="T92" fmla="*/ 19 w 165"/>
                    <a:gd name="T93" fmla="*/ 6 h 68"/>
                    <a:gd name="T94" fmla="*/ 21 w 165"/>
                    <a:gd name="T95" fmla="*/ 6 h 68"/>
                    <a:gd name="T96" fmla="*/ 23 w 165"/>
                    <a:gd name="T97" fmla="*/ 6 h 68"/>
                    <a:gd name="T98" fmla="*/ 28 w 165"/>
                    <a:gd name="T99" fmla="*/ 4 h 68"/>
                    <a:gd name="T100" fmla="*/ 33 w 165"/>
                    <a:gd name="T101" fmla="*/ 2 h 68"/>
                    <a:gd name="T102" fmla="*/ 36 w 165"/>
                    <a:gd name="T103" fmla="*/ 2 h 68"/>
                    <a:gd name="T104" fmla="*/ 40 w 165"/>
                    <a:gd name="T105" fmla="*/ 1 h 68"/>
                    <a:gd name="T106" fmla="*/ 44 w 165"/>
                    <a:gd name="T107" fmla="*/ 0 h 68"/>
                    <a:gd name="T108" fmla="*/ 48 w 165"/>
                    <a:gd name="T109" fmla="*/ 0 h 68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</a:gdLst>
                  <a:ahLst/>
                  <a:cxnLst>
                    <a:cxn ang="T110">
                      <a:pos x="T0" y="T1"/>
                    </a:cxn>
                    <a:cxn ang="T111">
                      <a:pos x="T2" y="T3"/>
                    </a:cxn>
                    <a:cxn ang="T112">
                      <a:pos x="T4" y="T5"/>
                    </a:cxn>
                    <a:cxn ang="T113">
                      <a:pos x="T6" y="T7"/>
                    </a:cxn>
                    <a:cxn ang="T114">
                      <a:pos x="T8" y="T9"/>
                    </a:cxn>
                    <a:cxn ang="T115">
                      <a:pos x="T10" y="T11"/>
                    </a:cxn>
                    <a:cxn ang="T116">
                      <a:pos x="T12" y="T13"/>
                    </a:cxn>
                    <a:cxn ang="T117">
                      <a:pos x="T14" y="T15"/>
                    </a:cxn>
                    <a:cxn ang="T118">
                      <a:pos x="T16" y="T17"/>
                    </a:cxn>
                    <a:cxn ang="T119">
                      <a:pos x="T18" y="T19"/>
                    </a:cxn>
                    <a:cxn ang="T120">
                      <a:pos x="T20" y="T21"/>
                    </a:cxn>
                    <a:cxn ang="T121">
                      <a:pos x="T22" y="T23"/>
                    </a:cxn>
                    <a:cxn ang="T122">
                      <a:pos x="T24" y="T25"/>
                    </a:cxn>
                    <a:cxn ang="T123">
                      <a:pos x="T26" y="T27"/>
                    </a:cxn>
                    <a:cxn ang="T124">
                      <a:pos x="T28" y="T29"/>
                    </a:cxn>
                    <a:cxn ang="T125">
                      <a:pos x="T30" y="T31"/>
                    </a:cxn>
                    <a:cxn ang="T126">
                      <a:pos x="T32" y="T33"/>
                    </a:cxn>
                    <a:cxn ang="T127">
                      <a:pos x="T34" y="T35"/>
                    </a:cxn>
                    <a:cxn ang="T128">
                      <a:pos x="T36" y="T37"/>
                    </a:cxn>
                    <a:cxn ang="T129">
                      <a:pos x="T38" y="T39"/>
                    </a:cxn>
                    <a:cxn ang="T130">
                      <a:pos x="T40" y="T41"/>
                    </a:cxn>
                    <a:cxn ang="T131">
                      <a:pos x="T42" y="T43"/>
                    </a:cxn>
                    <a:cxn ang="T132">
                      <a:pos x="T44" y="T45"/>
                    </a:cxn>
                    <a:cxn ang="T133">
                      <a:pos x="T46" y="T47"/>
                    </a:cxn>
                    <a:cxn ang="T134">
                      <a:pos x="T48" y="T49"/>
                    </a:cxn>
                    <a:cxn ang="T135">
                      <a:pos x="T50" y="T51"/>
                    </a:cxn>
                    <a:cxn ang="T136">
                      <a:pos x="T52" y="T53"/>
                    </a:cxn>
                    <a:cxn ang="T137">
                      <a:pos x="T54" y="T55"/>
                    </a:cxn>
                    <a:cxn ang="T138">
                      <a:pos x="T56" y="T57"/>
                    </a:cxn>
                    <a:cxn ang="T139">
                      <a:pos x="T58" y="T59"/>
                    </a:cxn>
                    <a:cxn ang="T140">
                      <a:pos x="T60" y="T61"/>
                    </a:cxn>
                    <a:cxn ang="T141">
                      <a:pos x="T62" y="T63"/>
                    </a:cxn>
                    <a:cxn ang="T142">
                      <a:pos x="T64" y="T65"/>
                    </a:cxn>
                    <a:cxn ang="T143">
                      <a:pos x="T66" y="T67"/>
                    </a:cxn>
                    <a:cxn ang="T144">
                      <a:pos x="T68" y="T69"/>
                    </a:cxn>
                    <a:cxn ang="T145">
                      <a:pos x="T70" y="T71"/>
                    </a:cxn>
                    <a:cxn ang="T146">
                      <a:pos x="T72" y="T73"/>
                    </a:cxn>
                    <a:cxn ang="T147">
                      <a:pos x="T74" y="T75"/>
                    </a:cxn>
                    <a:cxn ang="T148">
                      <a:pos x="T76" y="T77"/>
                    </a:cxn>
                    <a:cxn ang="T149">
                      <a:pos x="T78" y="T79"/>
                    </a:cxn>
                    <a:cxn ang="T150">
                      <a:pos x="T80" y="T81"/>
                    </a:cxn>
                    <a:cxn ang="T151">
                      <a:pos x="T82" y="T83"/>
                    </a:cxn>
                    <a:cxn ang="T152">
                      <a:pos x="T84" y="T85"/>
                    </a:cxn>
                    <a:cxn ang="T153">
                      <a:pos x="T86" y="T87"/>
                    </a:cxn>
                    <a:cxn ang="T154">
                      <a:pos x="T88" y="T89"/>
                    </a:cxn>
                    <a:cxn ang="T155">
                      <a:pos x="T90" y="T91"/>
                    </a:cxn>
                    <a:cxn ang="T156">
                      <a:pos x="T92" y="T93"/>
                    </a:cxn>
                    <a:cxn ang="T157">
                      <a:pos x="T94" y="T95"/>
                    </a:cxn>
                    <a:cxn ang="T158">
                      <a:pos x="T96" y="T97"/>
                    </a:cxn>
                    <a:cxn ang="T159">
                      <a:pos x="T98" y="T99"/>
                    </a:cxn>
                    <a:cxn ang="T160">
                      <a:pos x="T100" y="T101"/>
                    </a:cxn>
                    <a:cxn ang="T161">
                      <a:pos x="T102" y="T103"/>
                    </a:cxn>
                    <a:cxn ang="T162">
                      <a:pos x="T104" y="T105"/>
                    </a:cxn>
                    <a:cxn ang="T163">
                      <a:pos x="T106" y="T107"/>
                    </a:cxn>
                    <a:cxn ang="T164">
                      <a:pos x="T108" y="T109"/>
                    </a:cxn>
                  </a:cxnLst>
                  <a:rect l="0" t="0" r="r" b="b"/>
                  <a:pathLst>
                    <a:path w="165" h="68">
                      <a:moveTo>
                        <a:pt x="145" y="0"/>
                      </a:moveTo>
                      <a:lnTo>
                        <a:pt x="144" y="6"/>
                      </a:lnTo>
                      <a:lnTo>
                        <a:pt x="144" y="11"/>
                      </a:lnTo>
                      <a:lnTo>
                        <a:pt x="145" y="17"/>
                      </a:lnTo>
                      <a:lnTo>
                        <a:pt x="146" y="21"/>
                      </a:lnTo>
                      <a:lnTo>
                        <a:pt x="149" y="28"/>
                      </a:lnTo>
                      <a:lnTo>
                        <a:pt x="154" y="36"/>
                      </a:lnTo>
                      <a:lnTo>
                        <a:pt x="158" y="42"/>
                      </a:lnTo>
                      <a:lnTo>
                        <a:pt x="161" y="49"/>
                      </a:lnTo>
                      <a:lnTo>
                        <a:pt x="163" y="52"/>
                      </a:lnTo>
                      <a:lnTo>
                        <a:pt x="164" y="58"/>
                      </a:lnTo>
                      <a:lnTo>
                        <a:pt x="165" y="62"/>
                      </a:lnTo>
                      <a:lnTo>
                        <a:pt x="165" y="67"/>
                      </a:lnTo>
                      <a:lnTo>
                        <a:pt x="159" y="68"/>
                      </a:lnTo>
                      <a:lnTo>
                        <a:pt x="154" y="68"/>
                      </a:lnTo>
                      <a:lnTo>
                        <a:pt x="149" y="67"/>
                      </a:lnTo>
                      <a:lnTo>
                        <a:pt x="145" y="65"/>
                      </a:lnTo>
                      <a:lnTo>
                        <a:pt x="143" y="62"/>
                      </a:lnTo>
                      <a:lnTo>
                        <a:pt x="141" y="59"/>
                      </a:lnTo>
                      <a:lnTo>
                        <a:pt x="139" y="56"/>
                      </a:lnTo>
                      <a:lnTo>
                        <a:pt x="138" y="51"/>
                      </a:lnTo>
                      <a:lnTo>
                        <a:pt x="135" y="43"/>
                      </a:lnTo>
                      <a:lnTo>
                        <a:pt x="133" y="33"/>
                      </a:lnTo>
                      <a:lnTo>
                        <a:pt x="132" y="29"/>
                      </a:lnTo>
                      <a:lnTo>
                        <a:pt x="130" y="25"/>
                      </a:lnTo>
                      <a:lnTo>
                        <a:pt x="128" y="22"/>
                      </a:lnTo>
                      <a:lnTo>
                        <a:pt x="126" y="19"/>
                      </a:lnTo>
                      <a:lnTo>
                        <a:pt x="107" y="24"/>
                      </a:lnTo>
                      <a:lnTo>
                        <a:pt x="89" y="31"/>
                      </a:lnTo>
                      <a:lnTo>
                        <a:pt x="81" y="34"/>
                      </a:lnTo>
                      <a:lnTo>
                        <a:pt x="73" y="39"/>
                      </a:lnTo>
                      <a:lnTo>
                        <a:pt x="65" y="43"/>
                      </a:lnTo>
                      <a:lnTo>
                        <a:pt x="58" y="48"/>
                      </a:lnTo>
                      <a:lnTo>
                        <a:pt x="41" y="41"/>
                      </a:lnTo>
                      <a:lnTo>
                        <a:pt x="23" y="34"/>
                      </a:lnTo>
                      <a:lnTo>
                        <a:pt x="15" y="31"/>
                      </a:lnTo>
                      <a:lnTo>
                        <a:pt x="8" y="25"/>
                      </a:lnTo>
                      <a:lnTo>
                        <a:pt x="5" y="22"/>
                      </a:lnTo>
                      <a:lnTo>
                        <a:pt x="3" y="19"/>
                      </a:lnTo>
                      <a:lnTo>
                        <a:pt x="1" y="14"/>
                      </a:lnTo>
                      <a:lnTo>
                        <a:pt x="0" y="9"/>
                      </a:lnTo>
                      <a:lnTo>
                        <a:pt x="12" y="13"/>
                      </a:lnTo>
                      <a:lnTo>
                        <a:pt x="22" y="17"/>
                      </a:lnTo>
                      <a:lnTo>
                        <a:pt x="32" y="19"/>
                      </a:lnTo>
                      <a:lnTo>
                        <a:pt x="40" y="20"/>
                      </a:lnTo>
                      <a:lnTo>
                        <a:pt x="48" y="21"/>
                      </a:lnTo>
                      <a:lnTo>
                        <a:pt x="56" y="20"/>
                      </a:lnTo>
                      <a:lnTo>
                        <a:pt x="63" y="19"/>
                      </a:lnTo>
                      <a:lnTo>
                        <a:pt x="69" y="17"/>
                      </a:lnTo>
                      <a:lnTo>
                        <a:pt x="84" y="12"/>
                      </a:lnTo>
                      <a:lnTo>
                        <a:pt x="100" y="7"/>
                      </a:lnTo>
                      <a:lnTo>
                        <a:pt x="109" y="5"/>
                      </a:lnTo>
                      <a:lnTo>
                        <a:pt x="120" y="3"/>
                      </a:lnTo>
                      <a:lnTo>
                        <a:pt x="133" y="1"/>
                      </a:lnTo>
                      <a:lnTo>
                        <a:pt x="145" y="0"/>
                      </a:lnTo>
                      <a:close/>
                    </a:path>
                  </a:pathLst>
                </a:custGeom>
                <a:grpFill/>
                <a:ln w="6350">
                  <a:noFill/>
                  <a:prstDash val="solid"/>
                  <a:round/>
                  <a:headEnd/>
                  <a:tailEnd/>
                </a:ln>
                <a:extLst/>
              </p:spPr>
              <p:txBody>
                <a:bodyPr/>
                <a:lstStyle/>
                <a:p>
                  <a:endParaRPr lang="te-IN"/>
                </a:p>
              </p:txBody>
            </p:sp>
            <p:sp>
              <p:nvSpPr>
                <p:cNvPr id="1258" name="Vesthimmerland"/>
                <p:cNvSpPr>
                  <a:spLocks/>
                </p:cNvSpPr>
                <p:nvPr/>
              </p:nvSpPr>
              <p:spPr bwMode="auto">
                <a:xfrm>
                  <a:off x="1355725" y="3198813"/>
                  <a:ext cx="374650" cy="525463"/>
                </a:xfrm>
                <a:custGeom>
                  <a:avLst/>
                  <a:gdLst>
                    <a:gd name="T0" fmla="*/ 64 w 709"/>
                    <a:gd name="T1" fmla="*/ 29 h 992"/>
                    <a:gd name="T2" fmla="*/ 50 w 709"/>
                    <a:gd name="T3" fmla="*/ 37 h 992"/>
                    <a:gd name="T4" fmla="*/ 38 w 709"/>
                    <a:gd name="T5" fmla="*/ 41 h 992"/>
                    <a:gd name="T6" fmla="*/ 16 w 709"/>
                    <a:gd name="T7" fmla="*/ 73 h 992"/>
                    <a:gd name="T8" fmla="*/ 4 w 709"/>
                    <a:gd name="T9" fmla="*/ 101 h 992"/>
                    <a:gd name="T10" fmla="*/ 24 w 709"/>
                    <a:gd name="T11" fmla="*/ 123 h 992"/>
                    <a:gd name="T12" fmla="*/ 24 w 709"/>
                    <a:gd name="T13" fmla="*/ 147 h 992"/>
                    <a:gd name="T14" fmla="*/ 10 w 709"/>
                    <a:gd name="T15" fmla="*/ 172 h 992"/>
                    <a:gd name="T16" fmla="*/ 15 w 709"/>
                    <a:gd name="T17" fmla="*/ 197 h 992"/>
                    <a:gd name="T18" fmla="*/ 14 w 709"/>
                    <a:gd name="T19" fmla="*/ 212 h 992"/>
                    <a:gd name="T20" fmla="*/ 34 w 709"/>
                    <a:gd name="T21" fmla="*/ 221 h 992"/>
                    <a:gd name="T22" fmla="*/ 41 w 709"/>
                    <a:gd name="T23" fmla="*/ 235 h 992"/>
                    <a:gd name="T24" fmla="*/ 31 w 709"/>
                    <a:gd name="T25" fmla="*/ 257 h 992"/>
                    <a:gd name="T26" fmla="*/ 1 w 709"/>
                    <a:gd name="T27" fmla="*/ 295 h 992"/>
                    <a:gd name="T28" fmla="*/ 7 w 709"/>
                    <a:gd name="T29" fmla="*/ 300 h 992"/>
                    <a:gd name="T30" fmla="*/ 19 w 709"/>
                    <a:gd name="T31" fmla="*/ 297 h 992"/>
                    <a:gd name="T32" fmla="*/ 57 w 709"/>
                    <a:gd name="T33" fmla="*/ 275 h 992"/>
                    <a:gd name="T34" fmla="*/ 74 w 709"/>
                    <a:gd name="T35" fmla="*/ 281 h 992"/>
                    <a:gd name="T36" fmla="*/ 83 w 709"/>
                    <a:gd name="T37" fmla="*/ 300 h 992"/>
                    <a:gd name="T38" fmla="*/ 92 w 709"/>
                    <a:gd name="T39" fmla="*/ 295 h 992"/>
                    <a:gd name="T40" fmla="*/ 109 w 709"/>
                    <a:gd name="T41" fmla="*/ 301 h 992"/>
                    <a:gd name="T42" fmla="*/ 118 w 709"/>
                    <a:gd name="T43" fmla="*/ 304 h 992"/>
                    <a:gd name="T44" fmla="*/ 129 w 709"/>
                    <a:gd name="T45" fmla="*/ 316 h 992"/>
                    <a:gd name="T46" fmla="*/ 143 w 709"/>
                    <a:gd name="T47" fmla="*/ 316 h 992"/>
                    <a:gd name="T48" fmla="*/ 156 w 709"/>
                    <a:gd name="T49" fmla="*/ 312 h 992"/>
                    <a:gd name="T50" fmla="*/ 188 w 709"/>
                    <a:gd name="T51" fmla="*/ 326 h 992"/>
                    <a:gd name="T52" fmla="*/ 217 w 709"/>
                    <a:gd name="T53" fmla="*/ 331 h 992"/>
                    <a:gd name="T54" fmla="*/ 223 w 709"/>
                    <a:gd name="T55" fmla="*/ 318 h 992"/>
                    <a:gd name="T56" fmla="*/ 234 w 709"/>
                    <a:gd name="T57" fmla="*/ 307 h 992"/>
                    <a:gd name="T58" fmla="*/ 233 w 709"/>
                    <a:gd name="T59" fmla="*/ 298 h 992"/>
                    <a:gd name="T60" fmla="*/ 218 w 709"/>
                    <a:gd name="T61" fmla="*/ 293 h 992"/>
                    <a:gd name="T62" fmla="*/ 221 w 709"/>
                    <a:gd name="T63" fmla="*/ 284 h 992"/>
                    <a:gd name="T64" fmla="*/ 221 w 709"/>
                    <a:gd name="T65" fmla="*/ 272 h 992"/>
                    <a:gd name="T66" fmla="*/ 210 w 709"/>
                    <a:gd name="T67" fmla="*/ 266 h 992"/>
                    <a:gd name="T68" fmla="*/ 193 w 709"/>
                    <a:gd name="T69" fmla="*/ 244 h 992"/>
                    <a:gd name="T70" fmla="*/ 174 w 709"/>
                    <a:gd name="T71" fmla="*/ 234 h 992"/>
                    <a:gd name="T72" fmla="*/ 177 w 709"/>
                    <a:gd name="T73" fmla="*/ 223 h 992"/>
                    <a:gd name="T74" fmla="*/ 197 w 709"/>
                    <a:gd name="T75" fmla="*/ 192 h 992"/>
                    <a:gd name="T76" fmla="*/ 211 w 709"/>
                    <a:gd name="T77" fmla="*/ 179 h 992"/>
                    <a:gd name="T78" fmla="*/ 221 w 709"/>
                    <a:gd name="T79" fmla="*/ 176 h 992"/>
                    <a:gd name="T80" fmla="*/ 220 w 709"/>
                    <a:gd name="T81" fmla="*/ 157 h 992"/>
                    <a:gd name="T82" fmla="*/ 225 w 709"/>
                    <a:gd name="T83" fmla="*/ 127 h 992"/>
                    <a:gd name="T84" fmla="*/ 208 w 709"/>
                    <a:gd name="T85" fmla="*/ 109 h 992"/>
                    <a:gd name="T86" fmla="*/ 190 w 709"/>
                    <a:gd name="T87" fmla="*/ 114 h 992"/>
                    <a:gd name="T88" fmla="*/ 173 w 709"/>
                    <a:gd name="T89" fmla="*/ 111 h 992"/>
                    <a:gd name="T90" fmla="*/ 167 w 709"/>
                    <a:gd name="T91" fmla="*/ 94 h 992"/>
                    <a:gd name="T92" fmla="*/ 170 w 709"/>
                    <a:gd name="T93" fmla="*/ 72 h 992"/>
                    <a:gd name="T94" fmla="*/ 160 w 709"/>
                    <a:gd name="T95" fmla="*/ 69 h 992"/>
                    <a:gd name="T96" fmla="*/ 150 w 709"/>
                    <a:gd name="T97" fmla="*/ 76 h 992"/>
                    <a:gd name="T98" fmla="*/ 143 w 709"/>
                    <a:gd name="T99" fmla="*/ 81 h 992"/>
                    <a:gd name="T100" fmla="*/ 122 w 709"/>
                    <a:gd name="T101" fmla="*/ 68 h 992"/>
                    <a:gd name="T102" fmla="*/ 113 w 709"/>
                    <a:gd name="T103" fmla="*/ 32 h 992"/>
                    <a:gd name="T104" fmla="*/ 92 w 709"/>
                    <a:gd name="T105" fmla="*/ 4 h 992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0" t="0" r="r" b="b"/>
                  <a:pathLst>
                    <a:path w="709" h="992">
                      <a:moveTo>
                        <a:pt x="195" y="39"/>
                      </a:moveTo>
                      <a:lnTo>
                        <a:pt x="197" y="51"/>
                      </a:lnTo>
                      <a:lnTo>
                        <a:pt x="197" y="61"/>
                      </a:lnTo>
                      <a:lnTo>
                        <a:pt x="196" y="71"/>
                      </a:lnTo>
                      <a:lnTo>
                        <a:pt x="194" y="79"/>
                      </a:lnTo>
                      <a:lnTo>
                        <a:pt x="191" y="86"/>
                      </a:lnTo>
                      <a:lnTo>
                        <a:pt x="186" y="93"/>
                      </a:lnTo>
                      <a:lnTo>
                        <a:pt x="179" y="98"/>
                      </a:lnTo>
                      <a:lnTo>
                        <a:pt x="173" y="102"/>
                      </a:lnTo>
                      <a:lnTo>
                        <a:pt x="167" y="106"/>
                      </a:lnTo>
                      <a:lnTo>
                        <a:pt x="159" y="109"/>
                      </a:lnTo>
                      <a:lnTo>
                        <a:pt x="151" y="111"/>
                      </a:lnTo>
                      <a:lnTo>
                        <a:pt x="144" y="112"/>
                      </a:lnTo>
                      <a:lnTo>
                        <a:pt x="136" y="112"/>
                      </a:lnTo>
                      <a:lnTo>
                        <a:pt x="129" y="111"/>
                      </a:lnTo>
                      <a:lnTo>
                        <a:pt x="123" y="110"/>
                      </a:lnTo>
                      <a:lnTo>
                        <a:pt x="117" y="108"/>
                      </a:lnTo>
                      <a:lnTo>
                        <a:pt x="113" y="123"/>
                      </a:lnTo>
                      <a:lnTo>
                        <a:pt x="107" y="137"/>
                      </a:lnTo>
                      <a:lnTo>
                        <a:pt x="100" y="151"/>
                      </a:lnTo>
                      <a:lnTo>
                        <a:pt x="93" y="163"/>
                      </a:lnTo>
                      <a:lnTo>
                        <a:pt x="75" y="185"/>
                      </a:lnTo>
                      <a:lnTo>
                        <a:pt x="57" y="208"/>
                      </a:lnTo>
                      <a:lnTo>
                        <a:pt x="49" y="219"/>
                      </a:lnTo>
                      <a:lnTo>
                        <a:pt x="40" y="231"/>
                      </a:lnTo>
                      <a:lnTo>
                        <a:pt x="32" y="242"/>
                      </a:lnTo>
                      <a:lnTo>
                        <a:pt x="26" y="256"/>
                      </a:lnTo>
                      <a:lnTo>
                        <a:pt x="19" y="270"/>
                      </a:lnTo>
                      <a:lnTo>
                        <a:pt x="15" y="285"/>
                      </a:lnTo>
                      <a:lnTo>
                        <a:pt x="12" y="302"/>
                      </a:lnTo>
                      <a:lnTo>
                        <a:pt x="10" y="321"/>
                      </a:lnTo>
                      <a:lnTo>
                        <a:pt x="29" y="333"/>
                      </a:lnTo>
                      <a:lnTo>
                        <a:pt x="49" y="345"/>
                      </a:lnTo>
                      <a:lnTo>
                        <a:pt x="57" y="353"/>
                      </a:lnTo>
                      <a:lnTo>
                        <a:pt x="66" y="360"/>
                      </a:lnTo>
                      <a:lnTo>
                        <a:pt x="73" y="369"/>
                      </a:lnTo>
                      <a:lnTo>
                        <a:pt x="78" y="379"/>
                      </a:lnTo>
                      <a:lnTo>
                        <a:pt x="79" y="393"/>
                      </a:lnTo>
                      <a:lnTo>
                        <a:pt x="78" y="407"/>
                      </a:lnTo>
                      <a:lnTo>
                        <a:pt x="77" y="418"/>
                      </a:lnTo>
                      <a:lnTo>
                        <a:pt x="75" y="430"/>
                      </a:lnTo>
                      <a:lnTo>
                        <a:pt x="72" y="440"/>
                      </a:lnTo>
                      <a:lnTo>
                        <a:pt x="69" y="450"/>
                      </a:lnTo>
                      <a:lnTo>
                        <a:pt x="65" y="458"/>
                      </a:lnTo>
                      <a:lnTo>
                        <a:pt x="59" y="468"/>
                      </a:lnTo>
                      <a:lnTo>
                        <a:pt x="50" y="483"/>
                      </a:lnTo>
                      <a:lnTo>
                        <a:pt x="39" y="500"/>
                      </a:lnTo>
                      <a:lnTo>
                        <a:pt x="29" y="516"/>
                      </a:lnTo>
                      <a:lnTo>
                        <a:pt x="20" y="534"/>
                      </a:lnTo>
                      <a:lnTo>
                        <a:pt x="27" y="546"/>
                      </a:lnTo>
                      <a:lnTo>
                        <a:pt x="34" y="557"/>
                      </a:lnTo>
                      <a:lnTo>
                        <a:pt x="39" y="570"/>
                      </a:lnTo>
                      <a:lnTo>
                        <a:pt x="45" y="583"/>
                      </a:lnTo>
                      <a:lnTo>
                        <a:pt x="46" y="590"/>
                      </a:lnTo>
                      <a:lnTo>
                        <a:pt x="47" y="597"/>
                      </a:lnTo>
                      <a:lnTo>
                        <a:pt x="48" y="605"/>
                      </a:lnTo>
                      <a:lnTo>
                        <a:pt x="48" y="612"/>
                      </a:lnTo>
                      <a:lnTo>
                        <a:pt x="47" y="619"/>
                      </a:lnTo>
                      <a:lnTo>
                        <a:pt x="46" y="627"/>
                      </a:lnTo>
                      <a:lnTo>
                        <a:pt x="43" y="634"/>
                      </a:lnTo>
                      <a:lnTo>
                        <a:pt x="39" y="641"/>
                      </a:lnTo>
                      <a:lnTo>
                        <a:pt x="56" y="643"/>
                      </a:lnTo>
                      <a:lnTo>
                        <a:pt x="71" y="647"/>
                      </a:lnTo>
                      <a:lnTo>
                        <a:pt x="84" y="651"/>
                      </a:lnTo>
                      <a:lnTo>
                        <a:pt x="94" y="656"/>
                      </a:lnTo>
                      <a:lnTo>
                        <a:pt x="103" y="661"/>
                      </a:lnTo>
                      <a:lnTo>
                        <a:pt x="110" y="667"/>
                      </a:lnTo>
                      <a:lnTo>
                        <a:pt x="115" y="674"/>
                      </a:lnTo>
                      <a:lnTo>
                        <a:pt x="119" y="680"/>
                      </a:lnTo>
                      <a:lnTo>
                        <a:pt x="122" y="688"/>
                      </a:lnTo>
                      <a:lnTo>
                        <a:pt x="123" y="696"/>
                      </a:lnTo>
                      <a:lnTo>
                        <a:pt x="123" y="705"/>
                      </a:lnTo>
                      <a:lnTo>
                        <a:pt x="122" y="713"/>
                      </a:lnTo>
                      <a:lnTo>
                        <a:pt x="118" y="721"/>
                      </a:lnTo>
                      <a:lnTo>
                        <a:pt x="115" y="731"/>
                      </a:lnTo>
                      <a:lnTo>
                        <a:pt x="111" y="739"/>
                      </a:lnTo>
                      <a:lnTo>
                        <a:pt x="106" y="749"/>
                      </a:lnTo>
                      <a:lnTo>
                        <a:pt x="93" y="769"/>
                      </a:lnTo>
                      <a:lnTo>
                        <a:pt x="79" y="788"/>
                      </a:lnTo>
                      <a:lnTo>
                        <a:pt x="65" y="807"/>
                      </a:lnTo>
                      <a:lnTo>
                        <a:pt x="49" y="825"/>
                      </a:lnTo>
                      <a:lnTo>
                        <a:pt x="20" y="857"/>
                      </a:lnTo>
                      <a:lnTo>
                        <a:pt x="0" y="884"/>
                      </a:lnTo>
                      <a:lnTo>
                        <a:pt x="4" y="884"/>
                      </a:lnTo>
                      <a:lnTo>
                        <a:pt x="7" y="885"/>
                      </a:lnTo>
                      <a:lnTo>
                        <a:pt x="9" y="886"/>
                      </a:lnTo>
                      <a:lnTo>
                        <a:pt x="11" y="888"/>
                      </a:lnTo>
                      <a:lnTo>
                        <a:pt x="14" y="892"/>
                      </a:lnTo>
                      <a:lnTo>
                        <a:pt x="17" y="896"/>
                      </a:lnTo>
                      <a:lnTo>
                        <a:pt x="20" y="900"/>
                      </a:lnTo>
                      <a:lnTo>
                        <a:pt x="25" y="904"/>
                      </a:lnTo>
                      <a:lnTo>
                        <a:pt x="28" y="904"/>
                      </a:lnTo>
                      <a:lnTo>
                        <a:pt x="31" y="905"/>
                      </a:lnTo>
                      <a:lnTo>
                        <a:pt x="35" y="904"/>
                      </a:lnTo>
                      <a:lnTo>
                        <a:pt x="39" y="904"/>
                      </a:lnTo>
                      <a:lnTo>
                        <a:pt x="56" y="889"/>
                      </a:lnTo>
                      <a:lnTo>
                        <a:pt x="73" y="876"/>
                      </a:lnTo>
                      <a:lnTo>
                        <a:pt x="91" y="864"/>
                      </a:lnTo>
                      <a:lnTo>
                        <a:pt x="110" y="852"/>
                      </a:lnTo>
                      <a:lnTo>
                        <a:pt x="130" y="841"/>
                      </a:lnTo>
                      <a:lnTo>
                        <a:pt x="151" y="832"/>
                      </a:lnTo>
                      <a:lnTo>
                        <a:pt x="172" y="824"/>
                      </a:lnTo>
                      <a:lnTo>
                        <a:pt x="195" y="816"/>
                      </a:lnTo>
                      <a:lnTo>
                        <a:pt x="202" y="818"/>
                      </a:lnTo>
                      <a:lnTo>
                        <a:pt x="207" y="821"/>
                      </a:lnTo>
                      <a:lnTo>
                        <a:pt x="212" y="826"/>
                      </a:lnTo>
                      <a:lnTo>
                        <a:pt x="216" y="831"/>
                      </a:lnTo>
                      <a:lnTo>
                        <a:pt x="223" y="843"/>
                      </a:lnTo>
                      <a:lnTo>
                        <a:pt x="228" y="855"/>
                      </a:lnTo>
                      <a:lnTo>
                        <a:pt x="233" y="869"/>
                      </a:lnTo>
                      <a:lnTo>
                        <a:pt x="237" y="881"/>
                      </a:lnTo>
                      <a:lnTo>
                        <a:pt x="241" y="888"/>
                      </a:lnTo>
                      <a:lnTo>
                        <a:pt x="244" y="894"/>
                      </a:lnTo>
                      <a:lnTo>
                        <a:pt x="248" y="898"/>
                      </a:lnTo>
                      <a:lnTo>
                        <a:pt x="253" y="904"/>
                      </a:lnTo>
                      <a:lnTo>
                        <a:pt x="257" y="894"/>
                      </a:lnTo>
                      <a:lnTo>
                        <a:pt x="263" y="889"/>
                      </a:lnTo>
                      <a:lnTo>
                        <a:pt x="267" y="885"/>
                      </a:lnTo>
                      <a:lnTo>
                        <a:pt x="272" y="884"/>
                      </a:lnTo>
                      <a:lnTo>
                        <a:pt x="277" y="884"/>
                      </a:lnTo>
                      <a:lnTo>
                        <a:pt x="284" y="885"/>
                      </a:lnTo>
                      <a:lnTo>
                        <a:pt x="289" y="887"/>
                      </a:lnTo>
                      <a:lnTo>
                        <a:pt x="295" y="890"/>
                      </a:lnTo>
                      <a:lnTo>
                        <a:pt x="308" y="896"/>
                      </a:lnTo>
                      <a:lnTo>
                        <a:pt x="322" y="900"/>
                      </a:lnTo>
                      <a:lnTo>
                        <a:pt x="328" y="901"/>
                      </a:lnTo>
                      <a:lnTo>
                        <a:pt x="335" y="900"/>
                      </a:lnTo>
                      <a:lnTo>
                        <a:pt x="343" y="898"/>
                      </a:lnTo>
                      <a:lnTo>
                        <a:pt x="350" y="893"/>
                      </a:lnTo>
                      <a:lnTo>
                        <a:pt x="350" y="899"/>
                      </a:lnTo>
                      <a:lnTo>
                        <a:pt x="351" y="906"/>
                      </a:lnTo>
                      <a:lnTo>
                        <a:pt x="353" y="911"/>
                      </a:lnTo>
                      <a:lnTo>
                        <a:pt x="356" y="917"/>
                      </a:lnTo>
                      <a:lnTo>
                        <a:pt x="360" y="923"/>
                      </a:lnTo>
                      <a:lnTo>
                        <a:pt x="364" y="927"/>
                      </a:lnTo>
                      <a:lnTo>
                        <a:pt x="369" y="932"/>
                      </a:lnTo>
                      <a:lnTo>
                        <a:pt x="374" y="937"/>
                      </a:lnTo>
                      <a:lnTo>
                        <a:pt x="387" y="946"/>
                      </a:lnTo>
                      <a:lnTo>
                        <a:pt x="400" y="954"/>
                      </a:lnTo>
                      <a:lnTo>
                        <a:pt x="413" y="963"/>
                      </a:lnTo>
                      <a:lnTo>
                        <a:pt x="428" y="971"/>
                      </a:lnTo>
                      <a:lnTo>
                        <a:pt x="427" y="961"/>
                      </a:lnTo>
                      <a:lnTo>
                        <a:pt x="428" y="954"/>
                      </a:lnTo>
                      <a:lnTo>
                        <a:pt x="429" y="947"/>
                      </a:lnTo>
                      <a:lnTo>
                        <a:pt x="431" y="941"/>
                      </a:lnTo>
                      <a:lnTo>
                        <a:pt x="435" y="936"/>
                      </a:lnTo>
                      <a:lnTo>
                        <a:pt x="441" y="933"/>
                      </a:lnTo>
                      <a:lnTo>
                        <a:pt x="448" y="932"/>
                      </a:lnTo>
                      <a:lnTo>
                        <a:pt x="456" y="932"/>
                      </a:lnTo>
                      <a:lnTo>
                        <a:pt x="470" y="935"/>
                      </a:lnTo>
                      <a:lnTo>
                        <a:pt x="483" y="939"/>
                      </a:lnTo>
                      <a:lnTo>
                        <a:pt x="495" y="945"/>
                      </a:lnTo>
                      <a:lnTo>
                        <a:pt x="507" y="950"/>
                      </a:lnTo>
                      <a:lnTo>
                        <a:pt x="530" y="960"/>
                      </a:lnTo>
                      <a:lnTo>
                        <a:pt x="553" y="972"/>
                      </a:lnTo>
                      <a:lnTo>
                        <a:pt x="565" y="977"/>
                      </a:lnTo>
                      <a:lnTo>
                        <a:pt x="577" y="981"/>
                      </a:lnTo>
                      <a:lnTo>
                        <a:pt x="590" y="986"/>
                      </a:lnTo>
                      <a:lnTo>
                        <a:pt x="604" y="989"/>
                      </a:lnTo>
                      <a:lnTo>
                        <a:pt x="619" y="991"/>
                      </a:lnTo>
                      <a:lnTo>
                        <a:pt x="634" y="992"/>
                      </a:lnTo>
                      <a:lnTo>
                        <a:pt x="652" y="992"/>
                      </a:lnTo>
                      <a:lnTo>
                        <a:pt x="670" y="990"/>
                      </a:lnTo>
                      <a:lnTo>
                        <a:pt x="668" y="980"/>
                      </a:lnTo>
                      <a:lnTo>
                        <a:pt x="667" y="972"/>
                      </a:lnTo>
                      <a:lnTo>
                        <a:pt x="667" y="964"/>
                      </a:lnTo>
                      <a:lnTo>
                        <a:pt x="669" y="957"/>
                      </a:lnTo>
                      <a:lnTo>
                        <a:pt x="671" y="952"/>
                      </a:lnTo>
                      <a:lnTo>
                        <a:pt x="673" y="947"/>
                      </a:lnTo>
                      <a:lnTo>
                        <a:pt x="678" y="941"/>
                      </a:lnTo>
                      <a:lnTo>
                        <a:pt x="681" y="938"/>
                      </a:lnTo>
                      <a:lnTo>
                        <a:pt x="689" y="931"/>
                      </a:lnTo>
                      <a:lnTo>
                        <a:pt x="698" y="923"/>
                      </a:lnTo>
                      <a:lnTo>
                        <a:pt x="702" y="919"/>
                      </a:lnTo>
                      <a:lnTo>
                        <a:pt x="705" y="914"/>
                      </a:lnTo>
                      <a:lnTo>
                        <a:pt x="707" y="909"/>
                      </a:lnTo>
                      <a:lnTo>
                        <a:pt x="709" y="904"/>
                      </a:lnTo>
                      <a:lnTo>
                        <a:pt x="706" y="899"/>
                      </a:lnTo>
                      <a:lnTo>
                        <a:pt x="703" y="897"/>
                      </a:lnTo>
                      <a:lnTo>
                        <a:pt x="700" y="894"/>
                      </a:lnTo>
                      <a:lnTo>
                        <a:pt x="695" y="893"/>
                      </a:lnTo>
                      <a:lnTo>
                        <a:pt x="686" y="890"/>
                      </a:lnTo>
                      <a:lnTo>
                        <a:pt x="676" y="887"/>
                      </a:lnTo>
                      <a:lnTo>
                        <a:pt x="668" y="884"/>
                      </a:lnTo>
                      <a:lnTo>
                        <a:pt x="660" y="879"/>
                      </a:lnTo>
                      <a:lnTo>
                        <a:pt x="656" y="877"/>
                      </a:lnTo>
                      <a:lnTo>
                        <a:pt x="654" y="873"/>
                      </a:lnTo>
                      <a:lnTo>
                        <a:pt x="652" y="869"/>
                      </a:lnTo>
                      <a:lnTo>
                        <a:pt x="651" y="865"/>
                      </a:lnTo>
                      <a:lnTo>
                        <a:pt x="656" y="860"/>
                      </a:lnTo>
                      <a:lnTo>
                        <a:pt x="661" y="856"/>
                      </a:lnTo>
                      <a:lnTo>
                        <a:pt x="664" y="852"/>
                      </a:lnTo>
                      <a:lnTo>
                        <a:pt x="667" y="846"/>
                      </a:lnTo>
                      <a:lnTo>
                        <a:pt x="669" y="839"/>
                      </a:lnTo>
                      <a:lnTo>
                        <a:pt x="670" y="832"/>
                      </a:lnTo>
                      <a:lnTo>
                        <a:pt x="670" y="825"/>
                      </a:lnTo>
                      <a:lnTo>
                        <a:pt x="670" y="816"/>
                      </a:lnTo>
                      <a:lnTo>
                        <a:pt x="663" y="815"/>
                      </a:lnTo>
                      <a:lnTo>
                        <a:pt x="656" y="813"/>
                      </a:lnTo>
                      <a:lnTo>
                        <a:pt x="650" y="811"/>
                      </a:lnTo>
                      <a:lnTo>
                        <a:pt x="644" y="808"/>
                      </a:lnTo>
                      <a:lnTo>
                        <a:pt x="640" y="805"/>
                      </a:lnTo>
                      <a:lnTo>
                        <a:pt x="634" y="800"/>
                      </a:lnTo>
                      <a:lnTo>
                        <a:pt x="631" y="796"/>
                      </a:lnTo>
                      <a:lnTo>
                        <a:pt x="627" y="791"/>
                      </a:lnTo>
                      <a:lnTo>
                        <a:pt x="622" y="779"/>
                      </a:lnTo>
                      <a:lnTo>
                        <a:pt x="617" y="767"/>
                      </a:lnTo>
                      <a:lnTo>
                        <a:pt x="614" y="753"/>
                      </a:lnTo>
                      <a:lnTo>
                        <a:pt x="612" y="738"/>
                      </a:lnTo>
                      <a:lnTo>
                        <a:pt x="581" y="731"/>
                      </a:lnTo>
                      <a:lnTo>
                        <a:pt x="550" y="722"/>
                      </a:lnTo>
                      <a:lnTo>
                        <a:pt x="544" y="719"/>
                      </a:lnTo>
                      <a:lnTo>
                        <a:pt x="537" y="716"/>
                      </a:lnTo>
                      <a:lnTo>
                        <a:pt x="531" y="712"/>
                      </a:lnTo>
                      <a:lnTo>
                        <a:pt x="526" y="708"/>
                      </a:lnTo>
                      <a:lnTo>
                        <a:pt x="522" y="702"/>
                      </a:lnTo>
                      <a:lnTo>
                        <a:pt x="519" y="696"/>
                      </a:lnTo>
                      <a:lnTo>
                        <a:pt x="516" y="689"/>
                      </a:lnTo>
                      <a:lnTo>
                        <a:pt x="515" y="680"/>
                      </a:lnTo>
                      <a:lnTo>
                        <a:pt x="522" y="676"/>
                      </a:lnTo>
                      <a:lnTo>
                        <a:pt x="527" y="673"/>
                      </a:lnTo>
                      <a:lnTo>
                        <a:pt x="533" y="669"/>
                      </a:lnTo>
                      <a:lnTo>
                        <a:pt x="537" y="663"/>
                      </a:lnTo>
                      <a:lnTo>
                        <a:pt x="547" y="653"/>
                      </a:lnTo>
                      <a:lnTo>
                        <a:pt x="555" y="641"/>
                      </a:lnTo>
                      <a:lnTo>
                        <a:pt x="570" y="615"/>
                      </a:lnTo>
                      <a:lnTo>
                        <a:pt x="584" y="588"/>
                      </a:lnTo>
                      <a:lnTo>
                        <a:pt x="591" y="575"/>
                      </a:lnTo>
                      <a:lnTo>
                        <a:pt x="599" y="563"/>
                      </a:lnTo>
                      <a:lnTo>
                        <a:pt x="607" y="553"/>
                      </a:lnTo>
                      <a:lnTo>
                        <a:pt x="616" y="545"/>
                      </a:lnTo>
                      <a:lnTo>
                        <a:pt x="622" y="540"/>
                      </a:lnTo>
                      <a:lnTo>
                        <a:pt x="628" y="537"/>
                      </a:lnTo>
                      <a:lnTo>
                        <a:pt x="633" y="535"/>
                      </a:lnTo>
                      <a:lnTo>
                        <a:pt x="640" y="534"/>
                      </a:lnTo>
                      <a:lnTo>
                        <a:pt x="647" y="533"/>
                      </a:lnTo>
                      <a:lnTo>
                        <a:pt x="654" y="532"/>
                      </a:lnTo>
                      <a:lnTo>
                        <a:pt x="662" y="533"/>
                      </a:lnTo>
                      <a:lnTo>
                        <a:pt x="670" y="534"/>
                      </a:lnTo>
                      <a:lnTo>
                        <a:pt x="664" y="527"/>
                      </a:lnTo>
                      <a:lnTo>
                        <a:pt x="660" y="518"/>
                      </a:lnTo>
                      <a:lnTo>
                        <a:pt x="656" y="509"/>
                      </a:lnTo>
                      <a:lnTo>
                        <a:pt x="655" y="499"/>
                      </a:lnTo>
                      <a:lnTo>
                        <a:pt x="655" y="491"/>
                      </a:lnTo>
                      <a:lnTo>
                        <a:pt x="658" y="480"/>
                      </a:lnTo>
                      <a:lnTo>
                        <a:pt x="660" y="471"/>
                      </a:lnTo>
                      <a:lnTo>
                        <a:pt x="663" y="461"/>
                      </a:lnTo>
                      <a:lnTo>
                        <a:pt x="682" y="423"/>
                      </a:lnTo>
                      <a:lnTo>
                        <a:pt x="700" y="389"/>
                      </a:lnTo>
                      <a:lnTo>
                        <a:pt x="691" y="387"/>
                      </a:lnTo>
                      <a:lnTo>
                        <a:pt x="683" y="384"/>
                      </a:lnTo>
                      <a:lnTo>
                        <a:pt x="676" y="380"/>
                      </a:lnTo>
                      <a:lnTo>
                        <a:pt x="671" y="376"/>
                      </a:lnTo>
                      <a:lnTo>
                        <a:pt x="661" y="365"/>
                      </a:lnTo>
                      <a:lnTo>
                        <a:pt x="652" y="354"/>
                      </a:lnTo>
                      <a:lnTo>
                        <a:pt x="643" y="342"/>
                      </a:lnTo>
                      <a:lnTo>
                        <a:pt x="632" y="332"/>
                      </a:lnTo>
                      <a:lnTo>
                        <a:pt x="626" y="328"/>
                      </a:lnTo>
                      <a:lnTo>
                        <a:pt x="620" y="324"/>
                      </a:lnTo>
                      <a:lnTo>
                        <a:pt x="611" y="322"/>
                      </a:lnTo>
                      <a:lnTo>
                        <a:pt x="603" y="321"/>
                      </a:lnTo>
                      <a:lnTo>
                        <a:pt x="589" y="329"/>
                      </a:lnTo>
                      <a:lnTo>
                        <a:pt x="576" y="339"/>
                      </a:lnTo>
                      <a:lnTo>
                        <a:pt x="570" y="343"/>
                      </a:lnTo>
                      <a:lnTo>
                        <a:pt x="563" y="347"/>
                      </a:lnTo>
                      <a:lnTo>
                        <a:pt x="554" y="349"/>
                      </a:lnTo>
                      <a:lnTo>
                        <a:pt x="544" y="350"/>
                      </a:lnTo>
                      <a:lnTo>
                        <a:pt x="534" y="345"/>
                      </a:lnTo>
                      <a:lnTo>
                        <a:pt x="526" y="340"/>
                      </a:lnTo>
                      <a:lnTo>
                        <a:pt x="520" y="334"/>
                      </a:lnTo>
                      <a:lnTo>
                        <a:pt x="513" y="327"/>
                      </a:lnTo>
                      <a:lnTo>
                        <a:pt x="509" y="319"/>
                      </a:lnTo>
                      <a:lnTo>
                        <a:pt x="506" y="311"/>
                      </a:lnTo>
                      <a:lnTo>
                        <a:pt x="503" y="302"/>
                      </a:lnTo>
                      <a:lnTo>
                        <a:pt x="502" y="293"/>
                      </a:lnTo>
                      <a:lnTo>
                        <a:pt x="501" y="283"/>
                      </a:lnTo>
                      <a:lnTo>
                        <a:pt x="502" y="274"/>
                      </a:lnTo>
                      <a:lnTo>
                        <a:pt x="503" y="263"/>
                      </a:lnTo>
                      <a:lnTo>
                        <a:pt x="504" y="254"/>
                      </a:lnTo>
                      <a:lnTo>
                        <a:pt x="509" y="233"/>
                      </a:lnTo>
                      <a:lnTo>
                        <a:pt x="515" y="214"/>
                      </a:lnTo>
                      <a:lnTo>
                        <a:pt x="510" y="215"/>
                      </a:lnTo>
                      <a:lnTo>
                        <a:pt x="505" y="215"/>
                      </a:lnTo>
                      <a:lnTo>
                        <a:pt x="502" y="215"/>
                      </a:lnTo>
                      <a:lnTo>
                        <a:pt x="497" y="215"/>
                      </a:lnTo>
                      <a:lnTo>
                        <a:pt x="491" y="212"/>
                      </a:lnTo>
                      <a:lnTo>
                        <a:pt x="486" y="210"/>
                      </a:lnTo>
                      <a:lnTo>
                        <a:pt x="481" y="206"/>
                      </a:lnTo>
                      <a:lnTo>
                        <a:pt x="474" y="203"/>
                      </a:lnTo>
                      <a:lnTo>
                        <a:pt x="467" y="203"/>
                      </a:lnTo>
                      <a:lnTo>
                        <a:pt x="456" y="204"/>
                      </a:lnTo>
                      <a:lnTo>
                        <a:pt x="456" y="215"/>
                      </a:lnTo>
                      <a:lnTo>
                        <a:pt x="454" y="223"/>
                      </a:lnTo>
                      <a:lnTo>
                        <a:pt x="452" y="228"/>
                      </a:lnTo>
                      <a:lnTo>
                        <a:pt x="450" y="232"/>
                      </a:lnTo>
                      <a:lnTo>
                        <a:pt x="448" y="235"/>
                      </a:lnTo>
                      <a:lnTo>
                        <a:pt x="445" y="237"/>
                      </a:lnTo>
                      <a:lnTo>
                        <a:pt x="441" y="240"/>
                      </a:lnTo>
                      <a:lnTo>
                        <a:pt x="435" y="241"/>
                      </a:lnTo>
                      <a:lnTo>
                        <a:pt x="430" y="243"/>
                      </a:lnTo>
                      <a:lnTo>
                        <a:pt x="424" y="244"/>
                      </a:lnTo>
                      <a:lnTo>
                        <a:pt x="408" y="244"/>
                      </a:lnTo>
                      <a:lnTo>
                        <a:pt x="389" y="243"/>
                      </a:lnTo>
                      <a:lnTo>
                        <a:pt x="381" y="231"/>
                      </a:lnTo>
                      <a:lnTo>
                        <a:pt x="374" y="217"/>
                      </a:lnTo>
                      <a:lnTo>
                        <a:pt x="368" y="203"/>
                      </a:lnTo>
                      <a:lnTo>
                        <a:pt x="362" y="189"/>
                      </a:lnTo>
                      <a:lnTo>
                        <a:pt x="357" y="174"/>
                      </a:lnTo>
                      <a:lnTo>
                        <a:pt x="353" y="158"/>
                      </a:lnTo>
                      <a:lnTo>
                        <a:pt x="349" y="143"/>
                      </a:lnTo>
                      <a:lnTo>
                        <a:pt x="346" y="128"/>
                      </a:lnTo>
                      <a:lnTo>
                        <a:pt x="340" y="95"/>
                      </a:lnTo>
                      <a:lnTo>
                        <a:pt x="336" y="63"/>
                      </a:lnTo>
                      <a:lnTo>
                        <a:pt x="333" y="32"/>
                      </a:lnTo>
                      <a:lnTo>
                        <a:pt x="331" y="0"/>
                      </a:lnTo>
                      <a:lnTo>
                        <a:pt x="312" y="3"/>
                      </a:lnTo>
                      <a:lnTo>
                        <a:pt x="294" y="7"/>
                      </a:lnTo>
                      <a:lnTo>
                        <a:pt x="276" y="12"/>
                      </a:lnTo>
                      <a:lnTo>
                        <a:pt x="261" y="18"/>
                      </a:lnTo>
                      <a:lnTo>
                        <a:pt x="228" y="29"/>
                      </a:lnTo>
                      <a:lnTo>
                        <a:pt x="195" y="39"/>
                      </a:lnTo>
                      <a:close/>
                    </a:path>
                  </a:pathLst>
                </a:custGeom>
                <a:grpFill/>
                <a:ln>
                  <a:noFill/>
                </a:ln>
              </p:spPr>
              <p:txBody>
                <a:bodyPr/>
                <a:lstStyle/>
                <a:p>
                  <a:endParaRPr lang="te-IN"/>
                </a:p>
              </p:txBody>
            </p:sp>
            <p:sp>
              <p:nvSpPr>
                <p:cNvPr id="1259" name="Vesthimmerland kant"/>
                <p:cNvSpPr>
                  <a:spLocks/>
                </p:cNvSpPr>
                <p:nvPr/>
              </p:nvSpPr>
              <p:spPr bwMode="auto">
                <a:xfrm>
                  <a:off x="1355725" y="3198813"/>
                  <a:ext cx="374650" cy="525463"/>
                </a:xfrm>
                <a:custGeom>
                  <a:avLst/>
                  <a:gdLst>
                    <a:gd name="T0" fmla="*/ 64 w 709"/>
                    <a:gd name="T1" fmla="*/ 29 h 992"/>
                    <a:gd name="T2" fmla="*/ 50 w 709"/>
                    <a:gd name="T3" fmla="*/ 37 h 992"/>
                    <a:gd name="T4" fmla="*/ 38 w 709"/>
                    <a:gd name="T5" fmla="*/ 41 h 992"/>
                    <a:gd name="T6" fmla="*/ 16 w 709"/>
                    <a:gd name="T7" fmla="*/ 73 h 992"/>
                    <a:gd name="T8" fmla="*/ 4 w 709"/>
                    <a:gd name="T9" fmla="*/ 101 h 992"/>
                    <a:gd name="T10" fmla="*/ 24 w 709"/>
                    <a:gd name="T11" fmla="*/ 123 h 992"/>
                    <a:gd name="T12" fmla="*/ 24 w 709"/>
                    <a:gd name="T13" fmla="*/ 147 h 992"/>
                    <a:gd name="T14" fmla="*/ 10 w 709"/>
                    <a:gd name="T15" fmla="*/ 172 h 992"/>
                    <a:gd name="T16" fmla="*/ 15 w 709"/>
                    <a:gd name="T17" fmla="*/ 197 h 992"/>
                    <a:gd name="T18" fmla="*/ 14 w 709"/>
                    <a:gd name="T19" fmla="*/ 212 h 992"/>
                    <a:gd name="T20" fmla="*/ 34 w 709"/>
                    <a:gd name="T21" fmla="*/ 221 h 992"/>
                    <a:gd name="T22" fmla="*/ 41 w 709"/>
                    <a:gd name="T23" fmla="*/ 235 h 992"/>
                    <a:gd name="T24" fmla="*/ 31 w 709"/>
                    <a:gd name="T25" fmla="*/ 257 h 992"/>
                    <a:gd name="T26" fmla="*/ 1 w 709"/>
                    <a:gd name="T27" fmla="*/ 295 h 992"/>
                    <a:gd name="T28" fmla="*/ 7 w 709"/>
                    <a:gd name="T29" fmla="*/ 300 h 992"/>
                    <a:gd name="T30" fmla="*/ 19 w 709"/>
                    <a:gd name="T31" fmla="*/ 297 h 992"/>
                    <a:gd name="T32" fmla="*/ 57 w 709"/>
                    <a:gd name="T33" fmla="*/ 275 h 992"/>
                    <a:gd name="T34" fmla="*/ 74 w 709"/>
                    <a:gd name="T35" fmla="*/ 281 h 992"/>
                    <a:gd name="T36" fmla="*/ 83 w 709"/>
                    <a:gd name="T37" fmla="*/ 300 h 992"/>
                    <a:gd name="T38" fmla="*/ 92 w 709"/>
                    <a:gd name="T39" fmla="*/ 295 h 992"/>
                    <a:gd name="T40" fmla="*/ 109 w 709"/>
                    <a:gd name="T41" fmla="*/ 301 h 992"/>
                    <a:gd name="T42" fmla="*/ 118 w 709"/>
                    <a:gd name="T43" fmla="*/ 304 h 992"/>
                    <a:gd name="T44" fmla="*/ 129 w 709"/>
                    <a:gd name="T45" fmla="*/ 316 h 992"/>
                    <a:gd name="T46" fmla="*/ 143 w 709"/>
                    <a:gd name="T47" fmla="*/ 316 h 992"/>
                    <a:gd name="T48" fmla="*/ 156 w 709"/>
                    <a:gd name="T49" fmla="*/ 312 h 992"/>
                    <a:gd name="T50" fmla="*/ 188 w 709"/>
                    <a:gd name="T51" fmla="*/ 326 h 992"/>
                    <a:gd name="T52" fmla="*/ 217 w 709"/>
                    <a:gd name="T53" fmla="*/ 331 h 992"/>
                    <a:gd name="T54" fmla="*/ 223 w 709"/>
                    <a:gd name="T55" fmla="*/ 318 h 992"/>
                    <a:gd name="T56" fmla="*/ 234 w 709"/>
                    <a:gd name="T57" fmla="*/ 307 h 992"/>
                    <a:gd name="T58" fmla="*/ 233 w 709"/>
                    <a:gd name="T59" fmla="*/ 298 h 992"/>
                    <a:gd name="T60" fmla="*/ 218 w 709"/>
                    <a:gd name="T61" fmla="*/ 293 h 992"/>
                    <a:gd name="T62" fmla="*/ 221 w 709"/>
                    <a:gd name="T63" fmla="*/ 284 h 992"/>
                    <a:gd name="T64" fmla="*/ 221 w 709"/>
                    <a:gd name="T65" fmla="*/ 272 h 992"/>
                    <a:gd name="T66" fmla="*/ 210 w 709"/>
                    <a:gd name="T67" fmla="*/ 266 h 992"/>
                    <a:gd name="T68" fmla="*/ 193 w 709"/>
                    <a:gd name="T69" fmla="*/ 244 h 992"/>
                    <a:gd name="T70" fmla="*/ 174 w 709"/>
                    <a:gd name="T71" fmla="*/ 234 h 992"/>
                    <a:gd name="T72" fmla="*/ 177 w 709"/>
                    <a:gd name="T73" fmla="*/ 223 h 992"/>
                    <a:gd name="T74" fmla="*/ 197 w 709"/>
                    <a:gd name="T75" fmla="*/ 192 h 992"/>
                    <a:gd name="T76" fmla="*/ 211 w 709"/>
                    <a:gd name="T77" fmla="*/ 179 h 992"/>
                    <a:gd name="T78" fmla="*/ 221 w 709"/>
                    <a:gd name="T79" fmla="*/ 176 h 992"/>
                    <a:gd name="T80" fmla="*/ 220 w 709"/>
                    <a:gd name="T81" fmla="*/ 157 h 992"/>
                    <a:gd name="T82" fmla="*/ 225 w 709"/>
                    <a:gd name="T83" fmla="*/ 127 h 992"/>
                    <a:gd name="T84" fmla="*/ 208 w 709"/>
                    <a:gd name="T85" fmla="*/ 109 h 992"/>
                    <a:gd name="T86" fmla="*/ 190 w 709"/>
                    <a:gd name="T87" fmla="*/ 114 h 992"/>
                    <a:gd name="T88" fmla="*/ 173 w 709"/>
                    <a:gd name="T89" fmla="*/ 111 h 992"/>
                    <a:gd name="T90" fmla="*/ 167 w 709"/>
                    <a:gd name="T91" fmla="*/ 94 h 992"/>
                    <a:gd name="T92" fmla="*/ 170 w 709"/>
                    <a:gd name="T93" fmla="*/ 72 h 992"/>
                    <a:gd name="T94" fmla="*/ 160 w 709"/>
                    <a:gd name="T95" fmla="*/ 69 h 992"/>
                    <a:gd name="T96" fmla="*/ 150 w 709"/>
                    <a:gd name="T97" fmla="*/ 76 h 992"/>
                    <a:gd name="T98" fmla="*/ 143 w 709"/>
                    <a:gd name="T99" fmla="*/ 81 h 992"/>
                    <a:gd name="T100" fmla="*/ 122 w 709"/>
                    <a:gd name="T101" fmla="*/ 68 h 992"/>
                    <a:gd name="T102" fmla="*/ 113 w 709"/>
                    <a:gd name="T103" fmla="*/ 32 h 992"/>
                    <a:gd name="T104" fmla="*/ 92 w 709"/>
                    <a:gd name="T105" fmla="*/ 4 h 992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0" t="0" r="r" b="b"/>
                  <a:pathLst>
                    <a:path w="709" h="992">
                      <a:moveTo>
                        <a:pt x="195" y="39"/>
                      </a:moveTo>
                      <a:lnTo>
                        <a:pt x="197" y="51"/>
                      </a:lnTo>
                      <a:lnTo>
                        <a:pt x="197" y="61"/>
                      </a:lnTo>
                      <a:lnTo>
                        <a:pt x="196" y="71"/>
                      </a:lnTo>
                      <a:lnTo>
                        <a:pt x="194" y="79"/>
                      </a:lnTo>
                      <a:lnTo>
                        <a:pt x="191" y="86"/>
                      </a:lnTo>
                      <a:lnTo>
                        <a:pt x="186" y="93"/>
                      </a:lnTo>
                      <a:lnTo>
                        <a:pt x="179" y="98"/>
                      </a:lnTo>
                      <a:lnTo>
                        <a:pt x="173" y="102"/>
                      </a:lnTo>
                      <a:lnTo>
                        <a:pt x="167" y="106"/>
                      </a:lnTo>
                      <a:lnTo>
                        <a:pt x="159" y="109"/>
                      </a:lnTo>
                      <a:lnTo>
                        <a:pt x="151" y="111"/>
                      </a:lnTo>
                      <a:lnTo>
                        <a:pt x="144" y="112"/>
                      </a:lnTo>
                      <a:lnTo>
                        <a:pt x="136" y="112"/>
                      </a:lnTo>
                      <a:lnTo>
                        <a:pt x="129" y="111"/>
                      </a:lnTo>
                      <a:lnTo>
                        <a:pt x="123" y="110"/>
                      </a:lnTo>
                      <a:lnTo>
                        <a:pt x="117" y="108"/>
                      </a:lnTo>
                      <a:lnTo>
                        <a:pt x="113" y="123"/>
                      </a:lnTo>
                      <a:lnTo>
                        <a:pt x="107" y="137"/>
                      </a:lnTo>
                      <a:lnTo>
                        <a:pt x="100" y="151"/>
                      </a:lnTo>
                      <a:lnTo>
                        <a:pt x="93" y="163"/>
                      </a:lnTo>
                      <a:lnTo>
                        <a:pt x="75" y="185"/>
                      </a:lnTo>
                      <a:lnTo>
                        <a:pt x="57" y="208"/>
                      </a:lnTo>
                      <a:lnTo>
                        <a:pt x="49" y="219"/>
                      </a:lnTo>
                      <a:lnTo>
                        <a:pt x="40" y="231"/>
                      </a:lnTo>
                      <a:lnTo>
                        <a:pt x="32" y="242"/>
                      </a:lnTo>
                      <a:lnTo>
                        <a:pt x="26" y="256"/>
                      </a:lnTo>
                      <a:lnTo>
                        <a:pt x="19" y="270"/>
                      </a:lnTo>
                      <a:lnTo>
                        <a:pt x="15" y="285"/>
                      </a:lnTo>
                      <a:lnTo>
                        <a:pt x="12" y="302"/>
                      </a:lnTo>
                      <a:lnTo>
                        <a:pt x="10" y="321"/>
                      </a:lnTo>
                      <a:lnTo>
                        <a:pt x="29" y="333"/>
                      </a:lnTo>
                      <a:lnTo>
                        <a:pt x="49" y="345"/>
                      </a:lnTo>
                      <a:lnTo>
                        <a:pt x="57" y="353"/>
                      </a:lnTo>
                      <a:lnTo>
                        <a:pt x="66" y="360"/>
                      </a:lnTo>
                      <a:lnTo>
                        <a:pt x="73" y="369"/>
                      </a:lnTo>
                      <a:lnTo>
                        <a:pt x="78" y="379"/>
                      </a:lnTo>
                      <a:lnTo>
                        <a:pt x="79" y="393"/>
                      </a:lnTo>
                      <a:lnTo>
                        <a:pt x="78" y="407"/>
                      </a:lnTo>
                      <a:lnTo>
                        <a:pt x="77" y="418"/>
                      </a:lnTo>
                      <a:lnTo>
                        <a:pt x="75" y="430"/>
                      </a:lnTo>
                      <a:lnTo>
                        <a:pt x="72" y="440"/>
                      </a:lnTo>
                      <a:lnTo>
                        <a:pt x="69" y="450"/>
                      </a:lnTo>
                      <a:lnTo>
                        <a:pt x="65" y="458"/>
                      </a:lnTo>
                      <a:lnTo>
                        <a:pt x="59" y="468"/>
                      </a:lnTo>
                      <a:lnTo>
                        <a:pt x="50" y="483"/>
                      </a:lnTo>
                      <a:lnTo>
                        <a:pt x="39" y="500"/>
                      </a:lnTo>
                      <a:lnTo>
                        <a:pt x="29" y="516"/>
                      </a:lnTo>
                      <a:lnTo>
                        <a:pt x="20" y="534"/>
                      </a:lnTo>
                      <a:lnTo>
                        <a:pt x="27" y="546"/>
                      </a:lnTo>
                      <a:lnTo>
                        <a:pt x="34" y="557"/>
                      </a:lnTo>
                      <a:lnTo>
                        <a:pt x="39" y="570"/>
                      </a:lnTo>
                      <a:lnTo>
                        <a:pt x="45" y="583"/>
                      </a:lnTo>
                      <a:lnTo>
                        <a:pt x="46" y="590"/>
                      </a:lnTo>
                      <a:lnTo>
                        <a:pt x="47" y="597"/>
                      </a:lnTo>
                      <a:lnTo>
                        <a:pt x="48" y="605"/>
                      </a:lnTo>
                      <a:lnTo>
                        <a:pt x="48" y="612"/>
                      </a:lnTo>
                      <a:lnTo>
                        <a:pt x="47" y="619"/>
                      </a:lnTo>
                      <a:lnTo>
                        <a:pt x="46" y="627"/>
                      </a:lnTo>
                      <a:lnTo>
                        <a:pt x="43" y="634"/>
                      </a:lnTo>
                      <a:lnTo>
                        <a:pt x="39" y="641"/>
                      </a:lnTo>
                      <a:lnTo>
                        <a:pt x="56" y="643"/>
                      </a:lnTo>
                      <a:lnTo>
                        <a:pt x="71" y="647"/>
                      </a:lnTo>
                      <a:lnTo>
                        <a:pt x="84" y="651"/>
                      </a:lnTo>
                      <a:lnTo>
                        <a:pt x="94" y="656"/>
                      </a:lnTo>
                      <a:lnTo>
                        <a:pt x="103" y="661"/>
                      </a:lnTo>
                      <a:lnTo>
                        <a:pt x="110" y="667"/>
                      </a:lnTo>
                      <a:lnTo>
                        <a:pt x="115" y="674"/>
                      </a:lnTo>
                      <a:lnTo>
                        <a:pt x="119" y="680"/>
                      </a:lnTo>
                      <a:lnTo>
                        <a:pt x="122" y="688"/>
                      </a:lnTo>
                      <a:lnTo>
                        <a:pt x="123" y="696"/>
                      </a:lnTo>
                      <a:lnTo>
                        <a:pt x="123" y="705"/>
                      </a:lnTo>
                      <a:lnTo>
                        <a:pt x="122" y="713"/>
                      </a:lnTo>
                      <a:lnTo>
                        <a:pt x="118" y="721"/>
                      </a:lnTo>
                      <a:lnTo>
                        <a:pt x="115" y="731"/>
                      </a:lnTo>
                      <a:lnTo>
                        <a:pt x="111" y="739"/>
                      </a:lnTo>
                      <a:lnTo>
                        <a:pt x="106" y="749"/>
                      </a:lnTo>
                      <a:lnTo>
                        <a:pt x="93" y="769"/>
                      </a:lnTo>
                      <a:lnTo>
                        <a:pt x="79" y="788"/>
                      </a:lnTo>
                      <a:lnTo>
                        <a:pt x="65" y="807"/>
                      </a:lnTo>
                      <a:lnTo>
                        <a:pt x="49" y="825"/>
                      </a:lnTo>
                      <a:lnTo>
                        <a:pt x="20" y="857"/>
                      </a:lnTo>
                      <a:lnTo>
                        <a:pt x="0" y="884"/>
                      </a:lnTo>
                      <a:lnTo>
                        <a:pt x="4" y="884"/>
                      </a:lnTo>
                      <a:lnTo>
                        <a:pt x="7" y="885"/>
                      </a:lnTo>
                      <a:lnTo>
                        <a:pt x="9" y="886"/>
                      </a:lnTo>
                      <a:lnTo>
                        <a:pt x="11" y="888"/>
                      </a:lnTo>
                      <a:lnTo>
                        <a:pt x="14" y="892"/>
                      </a:lnTo>
                      <a:lnTo>
                        <a:pt x="17" y="896"/>
                      </a:lnTo>
                      <a:lnTo>
                        <a:pt x="20" y="900"/>
                      </a:lnTo>
                      <a:lnTo>
                        <a:pt x="25" y="904"/>
                      </a:lnTo>
                      <a:lnTo>
                        <a:pt x="28" y="904"/>
                      </a:lnTo>
                      <a:lnTo>
                        <a:pt x="31" y="905"/>
                      </a:lnTo>
                      <a:lnTo>
                        <a:pt x="35" y="904"/>
                      </a:lnTo>
                      <a:lnTo>
                        <a:pt x="39" y="904"/>
                      </a:lnTo>
                      <a:lnTo>
                        <a:pt x="56" y="889"/>
                      </a:lnTo>
                      <a:lnTo>
                        <a:pt x="73" y="876"/>
                      </a:lnTo>
                      <a:lnTo>
                        <a:pt x="91" y="864"/>
                      </a:lnTo>
                      <a:lnTo>
                        <a:pt x="110" y="852"/>
                      </a:lnTo>
                      <a:lnTo>
                        <a:pt x="130" y="841"/>
                      </a:lnTo>
                      <a:lnTo>
                        <a:pt x="151" y="832"/>
                      </a:lnTo>
                      <a:lnTo>
                        <a:pt x="172" y="824"/>
                      </a:lnTo>
                      <a:lnTo>
                        <a:pt x="195" y="816"/>
                      </a:lnTo>
                      <a:lnTo>
                        <a:pt x="202" y="818"/>
                      </a:lnTo>
                      <a:lnTo>
                        <a:pt x="207" y="821"/>
                      </a:lnTo>
                      <a:lnTo>
                        <a:pt x="212" y="826"/>
                      </a:lnTo>
                      <a:lnTo>
                        <a:pt x="216" y="831"/>
                      </a:lnTo>
                      <a:lnTo>
                        <a:pt x="223" y="843"/>
                      </a:lnTo>
                      <a:lnTo>
                        <a:pt x="228" y="855"/>
                      </a:lnTo>
                      <a:lnTo>
                        <a:pt x="233" y="869"/>
                      </a:lnTo>
                      <a:lnTo>
                        <a:pt x="237" y="881"/>
                      </a:lnTo>
                      <a:lnTo>
                        <a:pt x="241" y="888"/>
                      </a:lnTo>
                      <a:lnTo>
                        <a:pt x="244" y="894"/>
                      </a:lnTo>
                      <a:lnTo>
                        <a:pt x="248" y="898"/>
                      </a:lnTo>
                      <a:lnTo>
                        <a:pt x="253" y="904"/>
                      </a:lnTo>
                      <a:lnTo>
                        <a:pt x="257" y="894"/>
                      </a:lnTo>
                      <a:lnTo>
                        <a:pt x="263" y="889"/>
                      </a:lnTo>
                      <a:lnTo>
                        <a:pt x="267" y="885"/>
                      </a:lnTo>
                      <a:lnTo>
                        <a:pt x="272" y="884"/>
                      </a:lnTo>
                      <a:lnTo>
                        <a:pt x="277" y="884"/>
                      </a:lnTo>
                      <a:lnTo>
                        <a:pt x="284" y="885"/>
                      </a:lnTo>
                      <a:lnTo>
                        <a:pt x="289" y="887"/>
                      </a:lnTo>
                      <a:lnTo>
                        <a:pt x="295" y="890"/>
                      </a:lnTo>
                      <a:lnTo>
                        <a:pt x="308" y="896"/>
                      </a:lnTo>
                      <a:lnTo>
                        <a:pt x="322" y="900"/>
                      </a:lnTo>
                      <a:lnTo>
                        <a:pt x="328" y="901"/>
                      </a:lnTo>
                      <a:lnTo>
                        <a:pt x="335" y="900"/>
                      </a:lnTo>
                      <a:lnTo>
                        <a:pt x="343" y="898"/>
                      </a:lnTo>
                      <a:lnTo>
                        <a:pt x="350" y="893"/>
                      </a:lnTo>
                      <a:lnTo>
                        <a:pt x="350" y="899"/>
                      </a:lnTo>
                      <a:lnTo>
                        <a:pt x="351" y="906"/>
                      </a:lnTo>
                      <a:lnTo>
                        <a:pt x="353" y="911"/>
                      </a:lnTo>
                      <a:lnTo>
                        <a:pt x="356" y="917"/>
                      </a:lnTo>
                      <a:lnTo>
                        <a:pt x="360" y="923"/>
                      </a:lnTo>
                      <a:lnTo>
                        <a:pt x="364" y="927"/>
                      </a:lnTo>
                      <a:lnTo>
                        <a:pt x="369" y="932"/>
                      </a:lnTo>
                      <a:lnTo>
                        <a:pt x="374" y="937"/>
                      </a:lnTo>
                      <a:lnTo>
                        <a:pt x="387" y="946"/>
                      </a:lnTo>
                      <a:lnTo>
                        <a:pt x="400" y="954"/>
                      </a:lnTo>
                      <a:lnTo>
                        <a:pt x="413" y="963"/>
                      </a:lnTo>
                      <a:lnTo>
                        <a:pt x="428" y="971"/>
                      </a:lnTo>
                      <a:lnTo>
                        <a:pt x="427" y="961"/>
                      </a:lnTo>
                      <a:lnTo>
                        <a:pt x="428" y="954"/>
                      </a:lnTo>
                      <a:lnTo>
                        <a:pt x="429" y="947"/>
                      </a:lnTo>
                      <a:lnTo>
                        <a:pt x="431" y="941"/>
                      </a:lnTo>
                      <a:lnTo>
                        <a:pt x="435" y="936"/>
                      </a:lnTo>
                      <a:lnTo>
                        <a:pt x="441" y="933"/>
                      </a:lnTo>
                      <a:lnTo>
                        <a:pt x="448" y="932"/>
                      </a:lnTo>
                      <a:lnTo>
                        <a:pt x="456" y="932"/>
                      </a:lnTo>
                      <a:lnTo>
                        <a:pt x="470" y="935"/>
                      </a:lnTo>
                      <a:lnTo>
                        <a:pt x="483" y="939"/>
                      </a:lnTo>
                      <a:lnTo>
                        <a:pt x="495" y="945"/>
                      </a:lnTo>
                      <a:lnTo>
                        <a:pt x="507" y="950"/>
                      </a:lnTo>
                      <a:lnTo>
                        <a:pt x="530" y="960"/>
                      </a:lnTo>
                      <a:lnTo>
                        <a:pt x="553" y="972"/>
                      </a:lnTo>
                      <a:lnTo>
                        <a:pt x="565" y="977"/>
                      </a:lnTo>
                      <a:lnTo>
                        <a:pt x="577" y="981"/>
                      </a:lnTo>
                      <a:lnTo>
                        <a:pt x="590" y="986"/>
                      </a:lnTo>
                      <a:lnTo>
                        <a:pt x="604" y="989"/>
                      </a:lnTo>
                      <a:lnTo>
                        <a:pt x="619" y="991"/>
                      </a:lnTo>
                      <a:lnTo>
                        <a:pt x="634" y="992"/>
                      </a:lnTo>
                      <a:lnTo>
                        <a:pt x="652" y="992"/>
                      </a:lnTo>
                      <a:lnTo>
                        <a:pt x="670" y="990"/>
                      </a:lnTo>
                      <a:lnTo>
                        <a:pt x="668" y="980"/>
                      </a:lnTo>
                      <a:lnTo>
                        <a:pt x="667" y="972"/>
                      </a:lnTo>
                      <a:lnTo>
                        <a:pt x="667" y="964"/>
                      </a:lnTo>
                      <a:lnTo>
                        <a:pt x="669" y="957"/>
                      </a:lnTo>
                      <a:lnTo>
                        <a:pt x="671" y="952"/>
                      </a:lnTo>
                      <a:lnTo>
                        <a:pt x="673" y="947"/>
                      </a:lnTo>
                      <a:lnTo>
                        <a:pt x="678" y="941"/>
                      </a:lnTo>
                      <a:lnTo>
                        <a:pt x="681" y="938"/>
                      </a:lnTo>
                      <a:lnTo>
                        <a:pt x="689" y="931"/>
                      </a:lnTo>
                      <a:lnTo>
                        <a:pt x="698" y="923"/>
                      </a:lnTo>
                      <a:lnTo>
                        <a:pt x="702" y="919"/>
                      </a:lnTo>
                      <a:lnTo>
                        <a:pt x="705" y="914"/>
                      </a:lnTo>
                      <a:lnTo>
                        <a:pt x="707" y="909"/>
                      </a:lnTo>
                      <a:lnTo>
                        <a:pt x="709" y="904"/>
                      </a:lnTo>
                      <a:lnTo>
                        <a:pt x="706" y="899"/>
                      </a:lnTo>
                      <a:lnTo>
                        <a:pt x="703" y="897"/>
                      </a:lnTo>
                      <a:lnTo>
                        <a:pt x="700" y="894"/>
                      </a:lnTo>
                      <a:lnTo>
                        <a:pt x="695" y="893"/>
                      </a:lnTo>
                      <a:lnTo>
                        <a:pt x="686" y="890"/>
                      </a:lnTo>
                      <a:lnTo>
                        <a:pt x="676" y="887"/>
                      </a:lnTo>
                      <a:lnTo>
                        <a:pt x="668" y="884"/>
                      </a:lnTo>
                      <a:lnTo>
                        <a:pt x="660" y="879"/>
                      </a:lnTo>
                      <a:lnTo>
                        <a:pt x="656" y="877"/>
                      </a:lnTo>
                      <a:lnTo>
                        <a:pt x="654" y="873"/>
                      </a:lnTo>
                      <a:lnTo>
                        <a:pt x="652" y="869"/>
                      </a:lnTo>
                      <a:lnTo>
                        <a:pt x="651" y="865"/>
                      </a:lnTo>
                      <a:lnTo>
                        <a:pt x="656" y="860"/>
                      </a:lnTo>
                      <a:lnTo>
                        <a:pt x="661" y="856"/>
                      </a:lnTo>
                      <a:lnTo>
                        <a:pt x="664" y="852"/>
                      </a:lnTo>
                      <a:lnTo>
                        <a:pt x="667" y="846"/>
                      </a:lnTo>
                      <a:lnTo>
                        <a:pt x="669" y="839"/>
                      </a:lnTo>
                      <a:lnTo>
                        <a:pt x="670" y="832"/>
                      </a:lnTo>
                      <a:lnTo>
                        <a:pt x="670" y="825"/>
                      </a:lnTo>
                      <a:lnTo>
                        <a:pt x="670" y="816"/>
                      </a:lnTo>
                      <a:lnTo>
                        <a:pt x="663" y="815"/>
                      </a:lnTo>
                      <a:lnTo>
                        <a:pt x="656" y="813"/>
                      </a:lnTo>
                      <a:lnTo>
                        <a:pt x="650" y="811"/>
                      </a:lnTo>
                      <a:lnTo>
                        <a:pt x="644" y="808"/>
                      </a:lnTo>
                      <a:lnTo>
                        <a:pt x="640" y="805"/>
                      </a:lnTo>
                      <a:lnTo>
                        <a:pt x="634" y="800"/>
                      </a:lnTo>
                      <a:lnTo>
                        <a:pt x="631" y="796"/>
                      </a:lnTo>
                      <a:lnTo>
                        <a:pt x="627" y="791"/>
                      </a:lnTo>
                      <a:lnTo>
                        <a:pt x="622" y="779"/>
                      </a:lnTo>
                      <a:lnTo>
                        <a:pt x="617" y="767"/>
                      </a:lnTo>
                      <a:lnTo>
                        <a:pt x="614" y="753"/>
                      </a:lnTo>
                      <a:lnTo>
                        <a:pt x="612" y="738"/>
                      </a:lnTo>
                      <a:lnTo>
                        <a:pt x="581" y="731"/>
                      </a:lnTo>
                      <a:lnTo>
                        <a:pt x="550" y="722"/>
                      </a:lnTo>
                      <a:lnTo>
                        <a:pt x="544" y="719"/>
                      </a:lnTo>
                      <a:lnTo>
                        <a:pt x="537" y="716"/>
                      </a:lnTo>
                      <a:lnTo>
                        <a:pt x="531" y="712"/>
                      </a:lnTo>
                      <a:lnTo>
                        <a:pt x="526" y="708"/>
                      </a:lnTo>
                      <a:lnTo>
                        <a:pt x="522" y="702"/>
                      </a:lnTo>
                      <a:lnTo>
                        <a:pt x="519" y="696"/>
                      </a:lnTo>
                      <a:lnTo>
                        <a:pt x="516" y="689"/>
                      </a:lnTo>
                      <a:lnTo>
                        <a:pt x="515" y="680"/>
                      </a:lnTo>
                      <a:lnTo>
                        <a:pt x="522" y="676"/>
                      </a:lnTo>
                      <a:lnTo>
                        <a:pt x="527" y="673"/>
                      </a:lnTo>
                      <a:lnTo>
                        <a:pt x="533" y="669"/>
                      </a:lnTo>
                      <a:lnTo>
                        <a:pt x="537" y="663"/>
                      </a:lnTo>
                      <a:lnTo>
                        <a:pt x="547" y="653"/>
                      </a:lnTo>
                      <a:lnTo>
                        <a:pt x="555" y="641"/>
                      </a:lnTo>
                      <a:lnTo>
                        <a:pt x="570" y="615"/>
                      </a:lnTo>
                      <a:lnTo>
                        <a:pt x="584" y="588"/>
                      </a:lnTo>
                      <a:lnTo>
                        <a:pt x="591" y="575"/>
                      </a:lnTo>
                      <a:lnTo>
                        <a:pt x="599" y="563"/>
                      </a:lnTo>
                      <a:lnTo>
                        <a:pt x="607" y="553"/>
                      </a:lnTo>
                      <a:lnTo>
                        <a:pt x="616" y="545"/>
                      </a:lnTo>
                      <a:lnTo>
                        <a:pt x="622" y="540"/>
                      </a:lnTo>
                      <a:lnTo>
                        <a:pt x="628" y="537"/>
                      </a:lnTo>
                      <a:lnTo>
                        <a:pt x="633" y="535"/>
                      </a:lnTo>
                      <a:lnTo>
                        <a:pt x="640" y="534"/>
                      </a:lnTo>
                      <a:lnTo>
                        <a:pt x="647" y="533"/>
                      </a:lnTo>
                      <a:lnTo>
                        <a:pt x="654" y="532"/>
                      </a:lnTo>
                      <a:lnTo>
                        <a:pt x="662" y="533"/>
                      </a:lnTo>
                      <a:lnTo>
                        <a:pt x="670" y="534"/>
                      </a:lnTo>
                      <a:lnTo>
                        <a:pt x="664" y="527"/>
                      </a:lnTo>
                      <a:lnTo>
                        <a:pt x="660" y="518"/>
                      </a:lnTo>
                      <a:lnTo>
                        <a:pt x="656" y="509"/>
                      </a:lnTo>
                      <a:lnTo>
                        <a:pt x="655" y="499"/>
                      </a:lnTo>
                      <a:lnTo>
                        <a:pt x="655" y="491"/>
                      </a:lnTo>
                      <a:lnTo>
                        <a:pt x="658" y="480"/>
                      </a:lnTo>
                      <a:lnTo>
                        <a:pt x="660" y="471"/>
                      </a:lnTo>
                      <a:lnTo>
                        <a:pt x="663" y="461"/>
                      </a:lnTo>
                      <a:lnTo>
                        <a:pt x="682" y="423"/>
                      </a:lnTo>
                      <a:lnTo>
                        <a:pt x="700" y="389"/>
                      </a:lnTo>
                      <a:lnTo>
                        <a:pt x="691" y="387"/>
                      </a:lnTo>
                      <a:lnTo>
                        <a:pt x="683" y="384"/>
                      </a:lnTo>
                      <a:lnTo>
                        <a:pt x="676" y="380"/>
                      </a:lnTo>
                      <a:lnTo>
                        <a:pt x="671" y="376"/>
                      </a:lnTo>
                      <a:lnTo>
                        <a:pt x="661" y="365"/>
                      </a:lnTo>
                      <a:lnTo>
                        <a:pt x="652" y="354"/>
                      </a:lnTo>
                      <a:lnTo>
                        <a:pt x="643" y="342"/>
                      </a:lnTo>
                      <a:lnTo>
                        <a:pt x="632" y="332"/>
                      </a:lnTo>
                      <a:lnTo>
                        <a:pt x="626" y="328"/>
                      </a:lnTo>
                      <a:lnTo>
                        <a:pt x="620" y="324"/>
                      </a:lnTo>
                      <a:lnTo>
                        <a:pt x="611" y="322"/>
                      </a:lnTo>
                      <a:lnTo>
                        <a:pt x="603" y="321"/>
                      </a:lnTo>
                      <a:lnTo>
                        <a:pt x="589" y="329"/>
                      </a:lnTo>
                      <a:lnTo>
                        <a:pt x="576" y="339"/>
                      </a:lnTo>
                      <a:lnTo>
                        <a:pt x="570" y="343"/>
                      </a:lnTo>
                      <a:lnTo>
                        <a:pt x="563" y="347"/>
                      </a:lnTo>
                      <a:lnTo>
                        <a:pt x="554" y="349"/>
                      </a:lnTo>
                      <a:lnTo>
                        <a:pt x="544" y="350"/>
                      </a:lnTo>
                      <a:lnTo>
                        <a:pt x="534" y="345"/>
                      </a:lnTo>
                      <a:lnTo>
                        <a:pt x="526" y="340"/>
                      </a:lnTo>
                      <a:lnTo>
                        <a:pt x="520" y="334"/>
                      </a:lnTo>
                      <a:lnTo>
                        <a:pt x="513" y="327"/>
                      </a:lnTo>
                      <a:lnTo>
                        <a:pt x="509" y="319"/>
                      </a:lnTo>
                      <a:lnTo>
                        <a:pt x="506" y="311"/>
                      </a:lnTo>
                      <a:lnTo>
                        <a:pt x="503" y="302"/>
                      </a:lnTo>
                      <a:lnTo>
                        <a:pt x="502" y="293"/>
                      </a:lnTo>
                      <a:lnTo>
                        <a:pt x="501" y="283"/>
                      </a:lnTo>
                      <a:lnTo>
                        <a:pt x="502" y="274"/>
                      </a:lnTo>
                      <a:lnTo>
                        <a:pt x="503" y="263"/>
                      </a:lnTo>
                      <a:lnTo>
                        <a:pt x="504" y="254"/>
                      </a:lnTo>
                      <a:lnTo>
                        <a:pt x="509" y="233"/>
                      </a:lnTo>
                      <a:lnTo>
                        <a:pt x="515" y="214"/>
                      </a:lnTo>
                      <a:lnTo>
                        <a:pt x="510" y="215"/>
                      </a:lnTo>
                      <a:lnTo>
                        <a:pt x="505" y="215"/>
                      </a:lnTo>
                      <a:lnTo>
                        <a:pt x="502" y="215"/>
                      </a:lnTo>
                      <a:lnTo>
                        <a:pt x="497" y="215"/>
                      </a:lnTo>
                      <a:lnTo>
                        <a:pt x="491" y="212"/>
                      </a:lnTo>
                      <a:lnTo>
                        <a:pt x="486" y="210"/>
                      </a:lnTo>
                      <a:lnTo>
                        <a:pt x="481" y="206"/>
                      </a:lnTo>
                      <a:lnTo>
                        <a:pt x="474" y="203"/>
                      </a:lnTo>
                      <a:lnTo>
                        <a:pt x="467" y="203"/>
                      </a:lnTo>
                      <a:lnTo>
                        <a:pt x="456" y="204"/>
                      </a:lnTo>
                      <a:lnTo>
                        <a:pt x="456" y="215"/>
                      </a:lnTo>
                      <a:lnTo>
                        <a:pt x="454" y="223"/>
                      </a:lnTo>
                      <a:lnTo>
                        <a:pt x="452" y="228"/>
                      </a:lnTo>
                      <a:lnTo>
                        <a:pt x="450" y="232"/>
                      </a:lnTo>
                      <a:lnTo>
                        <a:pt x="448" y="235"/>
                      </a:lnTo>
                      <a:lnTo>
                        <a:pt x="445" y="237"/>
                      </a:lnTo>
                      <a:lnTo>
                        <a:pt x="441" y="240"/>
                      </a:lnTo>
                      <a:lnTo>
                        <a:pt x="435" y="241"/>
                      </a:lnTo>
                      <a:lnTo>
                        <a:pt x="430" y="243"/>
                      </a:lnTo>
                      <a:lnTo>
                        <a:pt x="424" y="244"/>
                      </a:lnTo>
                      <a:lnTo>
                        <a:pt x="408" y="244"/>
                      </a:lnTo>
                      <a:lnTo>
                        <a:pt x="389" y="243"/>
                      </a:lnTo>
                      <a:lnTo>
                        <a:pt x="381" y="231"/>
                      </a:lnTo>
                      <a:lnTo>
                        <a:pt x="374" y="217"/>
                      </a:lnTo>
                      <a:lnTo>
                        <a:pt x="368" y="203"/>
                      </a:lnTo>
                      <a:lnTo>
                        <a:pt x="362" y="189"/>
                      </a:lnTo>
                      <a:lnTo>
                        <a:pt x="357" y="174"/>
                      </a:lnTo>
                      <a:lnTo>
                        <a:pt x="353" y="158"/>
                      </a:lnTo>
                      <a:lnTo>
                        <a:pt x="349" y="143"/>
                      </a:lnTo>
                      <a:lnTo>
                        <a:pt x="346" y="128"/>
                      </a:lnTo>
                      <a:lnTo>
                        <a:pt x="340" y="95"/>
                      </a:lnTo>
                      <a:lnTo>
                        <a:pt x="336" y="63"/>
                      </a:lnTo>
                      <a:lnTo>
                        <a:pt x="333" y="32"/>
                      </a:lnTo>
                      <a:lnTo>
                        <a:pt x="331" y="0"/>
                      </a:lnTo>
                      <a:lnTo>
                        <a:pt x="312" y="3"/>
                      </a:lnTo>
                      <a:lnTo>
                        <a:pt x="294" y="7"/>
                      </a:lnTo>
                      <a:lnTo>
                        <a:pt x="276" y="12"/>
                      </a:lnTo>
                      <a:lnTo>
                        <a:pt x="261" y="18"/>
                      </a:lnTo>
                      <a:lnTo>
                        <a:pt x="228" y="29"/>
                      </a:lnTo>
                      <a:lnTo>
                        <a:pt x="195" y="39"/>
                      </a:lnTo>
                      <a:close/>
                    </a:path>
                  </a:pathLst>
                </a:custGeom>
                <a:grpFill/>
                <a:ln w="6350">
                  <a:noFill/>
                  <a:prstDash val="solid"/>
                  <a:round/>
                  <a:headEnd/>
                  <a:tailEnd/>
                </a:ln>
                <a:extLst/>
              </p:spPr>
              <p:txBody>
                <a:bodyPr/>
                <a:lstStyle/>
                <a:p>
                  <a:endParaRPr lang="te-IN"/>
                </a:p>
              </p:txBody>
            </p:sp>
          </p:grpSp>
          <p:sp>
            <p:nvSpPr>
              <p:cNvPr id="1254" name="Vesthimmerland 3"/>
              <p:cNvSpPr>
                <a:spLocks/>
              </p:cNvSpPr>
              <p:nvPr/>
            </p:nvSpPr>
            <p:spPr bwMode="auto">
              <a:xfrm>
                <a:off x="1289050" y="3343275"/>
                <a:ext cx="25400" cy="39688"/>
              </a:xfrm>
              <a:custGeom>
                <a:avLst/>
                <a:gdLst>
                  <a:gd name="T0" fmla="*/ 16 w 49"/>
                  <a:gd name="T1" fmla="*/ 22 h 76"/>
                  <a:gd name="T2" fmla="*/ 15 w 49"/>
                  <a:gd name="T3" fmla="*/ 20 h 76"/>
                  <a:gd name="T4" fmla="*/ 14 w 49"/>
                  <a:gd name="T5" fmla="*/ 17 h 76"/>
                  <a:gd name="T6" fmla="*/ 14 w 49"/>
                  <a:gd name="T7" fmla="*/ 15 h 76"/>
                  <a:gd name="T8" fmla="*/ 13 w 49"/>
                  <a:gd name="T9" fmla="*/ 13 h 76"/>
                  <a:gd name="T10" fmla="*/ 13 w 49"/>
                  <a:gd name="T11" fmla="*/ 10 h 76"/>
                  <a:gd name="T12" fmla="*/ 12 w 49"/>
                  <a:gd name="T13" fmla="*/ 7 h 76"/>
                  <a:gd name="T14" fmla="*/ 11 w 49"/>
                  <a:gd name="T15" fmla="*/ 4 h 76"/>
                  <a:gd name="T16" fmla="*/ 10 w 49"/>
                  <a:gd name="T17" fmla="*/ 0 h 76"/>
                  <a:gd name="T18" fmla="*/ 8 w 49"/>
                  <a:gd name="T19" fmla="*/ 0 h 76"/>
                  <a:gd name="T20" fmla="*/ 7 w 49"/>
                  <a:gd name="T21" fmla="*/ 0 h 76"/>
                  <a:gd name="T22" fmla="*/ 5 w 49"/>
                  <a:gd name="T23" fmla="*/ 0 h 76"/>
                  <a:gd name="T24" fmla="*/ 4 w 49"/>
                  <a:gd name="T25" fmla="*/ 1 h 76"/>
                  <a:gd name="T26" fmla="*/ 3 w 49"/>
                  <a:gd name="T27" fmla="*/ 1 h 76"/>
                  <a:gd name="T28" fmla="*/ 2 w 49"/>
                  <a:gd name="T29" fmla="*/ 2 h 76"/>
                  <a:gd name="T30" fmla="*/ 1 w 49"/>
                  <a:gd name="T31" fmla="*/ 3 h 76"/>
                  <a:gd name="T32" fmla="*/ 1 w 49"/>
                  <a:gd name="T33" fmla="*/ 4 h 76"/>
                  <a:gd name="T34" fmla="*/ 0 w 49"/>
                  <a:gd name="T35" fmla="*/ 7 h 76"/>
                  <a:gd name="T36" fmla="*/ 0 w 49"/>
                  <a:gd name="T37" fmla="*/ 10 h 76"/>
                  <a:gd name="T38" fmla="*/ 0 w 49"/>
                  <a:gd name="T39" fmla="*/ 13 h 76"/>
                  <a:gd name="T40" fmla="*/ 0 w 49"/>
                  <a:gd name="T41" fmla="*/ 16 h 76"/>
                  <a:gd name="T42" fmla="*/ 2 w 49"/>
                  <a:gd name="T43" fmla="*/ 15 h 76"/>
                  <a:gd name="T44" fmla="*/ 4 w 49"/>
                  <a:gd name="T45" fmla="*/ 15 h 76"/>
                  <a:gd name="T46" fmla="*/ 5 w 49"/>
                  <a:gd name="T47" fmla="*/ 16 h 76"/>
                  <a:gd name="T48" fmla="*/ 6 w 49"/>
                  <a:gd name="T49" fmla="*/ 17 h 76"/>
                  <a:gd name="T50" fmla="*/ 8 w 49"/>
                  <a:gd name="T51" fmla="*/ 19 h 76"/>
                  <a:gd name="T52" fmla="*/ 10 w 49"/>
                  <a:gd name="T53" fmla="*/ 21 h 76"/>
                  <a:gd name="T54" fmla="*/ 12 w 49"/>
                  <a:gd name="T55" fmla="*/ 23 h 76"/>
                  <a:gd name="T56" fmla="*/ 13 w 49"/>
                  <a:gd name="T57" fmla="*/ 25 h 76"/>
                  <a:gd name="T58" fmla="*/ 14 w 49"/>
                  <a:gd name="T59" fmla="*/ 25 h 76"/>
                  <a:gd name="T60" fmla="*/ 14 w 49"/>
                  <a:gd name="T61" fmla="*/ 25 h 76"/>
                  <a:gd name="T62" fmla="*/ 15 w 49"/>
                  <a:gd name="T63" fmla="*/ 24 h 76"/>
                  <a:gd name="T64" fmla="*/ 16 w 49"/>
                  <a:gd name="T65" fmla="*/ 22 h 7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49" h="76">
                    <a:moveTo>
                      <a:pt x="49" y="68"/>
                    </a:moveTo>
                    <a:lnTo>
                      <a:pt x="45" y="61"/>
                    </a:lnTo>
                    <a:lnTo>
                      <a:pt x="43" y="53"/>
                    </a:lnTo>
                    <a:lnTo>
                      <a:pt x="42" y="46"/>
                    </a:lnTo>
                    <a:lnTo>
                      <a:pt x="41" y="39"/>
                    </a:lnTo>
                    <a:lnTo>
                      <a:pt x="39" y="30"/>
                    </a:lnTo>
                    <a:lnTo>
                      <a:pt x="38" y="22"/>
                    </a:lnTo>
                    <a:lnTo>
                      <a:pt x="35" y="11"/>
                    </a:lnTo>
                    <a:lnTo>
                      <a:pt x="30" y="0"/>
                    </a:lnTo>
                    <a:lnTo>
                      <a:pt x="24" y="0"/>
                    </a:lnTo>
                    <a:lnTo>
                      <a:pt x="20" y="0"/>
                    </a:lnTo>
                    <a:lnTo>
                      <a:pt x="16" y="1"/>
                    </a:lnTo>
                    <a:lnTo>
                      <a:pt x="12" y="2"/>
                    </a:lnTo>
                    <a:lnTo>
                      <a:pt x="10" y="4"/>
                    </a:lnTo>
                    <a:lnTo>
                      <a:pt x="6" y="6"/>
                    </a:lnTo>
                    <a:lnTo>
                      <a:pt x="4" y="9"/>
                    </a:lnTo>
                    <a:lnTo>
                      <a:pt x="3" y="12"/>
                    </a:lnTo>
                    <a:lnTo>
                      <a:pt x="1" y="20"/>
                    </a:lnTo>
                    <a:lnTo>
                      <a:pt x="0" y="29"/>
                    </a:lnTo>
                    <a:lnTo>
                      <a:pt x="0" y="39"/>
                    </a:lnTo>
                    <a:lnTo>
                      <a:pt x="0" y="49"/>
                    </a:lnTo>
                    <a:lnTo>
                      <a:pt x="5" y="47"/>
                    </a:lnTo>
                    <a:lnTo>
                      <a:pt x="11" y="47"/>
                    </a:lnTo>
                    <a:lnTo>
                      <a:pt x="15" y="49"/>
                    </a:lnTo>
                    <a:lnTo>
                      <a:pt x="18" y="51"/>
                    </a:lnTo>
                    <a:lnTo>
                      <a:pt x="25" y="58"/>
                    </a:lnTo>
                    <a:lnTo>
                      <a:pt x="31" y="64"/>
                    </a:lnTo>
                    <a:lnTo>
                      <a:pt x="36" y="71"/>
                    </a:lnTo>
                    <a:lnTo>
                      <a:pt x="40" y="75"/>
                    </a:lnTo>
                    <a:lnTo>
                      <a:pt x="42" y="76"/>
                    </a:lnTo>
                    <a:lnTo>
                      <a:pt x="44" y="75"/>
                    </a:lnTo>
                    <a:lnTo>
                      <a:pt x="46" y="72"/>
                    </a:lnTo>
                    <a:lnTo>
                      <a:pt x="49" y="68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  <a:extLst/>
            </p:spPr>
            <p:txBody>
              <a:bodyPr/>
              <a:lstStyle/>
              <a:p>
                <a:endParaRPr lang="te-IN"/>
              </a:p>
            </p:txBody>
          </p:sp>
          <p:sp>
            <p:nvSpPr>
              <p:cNvPr id="1255" name="Vesthimmerland kant 3"/>
              <p:cNvSpPr>
                <a:spLocks/>
              </p:cNvSpPr>
              <p:nvPr/>
            </p:nvSpPr>
            <p:spPr bwMode="auto">
              <a:xfrm>
                <a:off x="1289050" y="3343275"/>
                <a:ext cx="25400" cy="39688"/>
              </a:xfrm>
              <a:custGeom>
                <a:avLst/>
                <a:gdLst>
                  <a:gd name="T0" fmla="*/ 0 w 49"/>
                  <a:gd name="T1" fmla="*/ 16 h 76"/>
                  <a:gd name="T2" fmla="*/ 0 w 49"/>
                  <a:gd name="T3" fmla="*/ 13 h 76"/>
                  <a:gd name="T4" fmla="*/ 0 w 49"/>
                  <a:gd name="T5" fmla="*/ 10 h 76"/>
                  <a:gd name="T6" fmla="*/ 0 w 49"/>
                  <a:gd name="T7" fmla="*/ 7 h 76"/>
                  <a:gd name="T8" fmla="*/ 1 w 49"/>
                  <a:gd name="T9" fmla="*/ 4 h 76"/>
                  <a:gd name="T10" fmla="*/ 1 w 49"/>
                  <a:gd name="T11" fmla="*/ 3 h 76"/>
                  <a:gd name="T12" fmla="*/ 2 w 49"/>
                  <a:gd name="T13" fmla="*/ 2 h 76"/>
                  <a:gd name="T14" fmla="*/ 3 w 49"/>
                  <a:gd name="T15" fmla="*/ 1 h 76"/>
                  <a:gd name="T16" fmla="*/ 4 w 49"/>
                  <a:gd name="T17" fmla="*/ 1 h 76"/>
                  <a:gd name="T18" fmla="*/ 5 w 49"/>
                  <a:gd name="T19" fmla="*/ 0 h 76"/>
                  <a:gd name="T20" fmla="*/ 7 w 49"/>
                  <a:gd name="T21" fmla="*/ 0 h 76"/>
                  <a:gd name="T22" fmla="*/ 8 w 49"/>
                  <a:gd name="T23" fmla="*/ 0 h 76"/>
                  <a:gd name="T24" fmla="*/ 10 w 49"/>
                  <a:gd name="T25" fmla="*/ 0 h 76"/>
                  <a:gd name="T26" fmla="*/ 11 w 49"/>
                  <a:gd name="T27" fmla="*/ 4 h 76"/>
                  <a:gd name="T28" fmla="*/ 12 w 49"/>
                  <a:gd name="T29" fmla="*/ 7 h 76"/>
                  <a:gd name="T30" fmla="*/ 13 w 49"/>
                  <a:gd name="T31" fmla="*/ 10 h 76"/>
                  <a:gd name="T32" fmla="*/ 13 w 49"/>
                  <a:gd name="T33" fmla="*/ 13 h 76"/>
                  <a:gd name="T34" fmla="*/ 14 w 49"/>
                  <a:gd name="T35" fmla="*/ 15 h 76"/>
                  <a:gd name="T36" fmla="*/ 14 w 49"/>
                  <a:gd name="T37" fmla="*/ 17 h 76"/>
                  <a:gd name="T38" fmla="*/ 15 w 49"/>
                  <a:gd name="T39" fmla="*/ 20 h 76"/>
                  <a:gd name="T40" fmla="*/ 16 w 49"/>
                  <a:gd name="T41" fmla="*/ 22 h 76"/>
                  <a:gd name="T42" fmla="*/ 15 w 49"/>
                  <a:gd name="T43" fmla="*/ 24 h 76"/>
                  <a:gd name="T44" fmla="*/ 14 w 49"/>
                  <a:gd name="T45" fmla="*/ 25 h 76"/>
                  <a:gd name="T46" fmla="*/ 14 w 49"/>
                  <a:gd name="T47" fmla="*/ 25 h 76"/>
                  <a:gd name="T48" fmla="*/ 13 w 49"/>
                  <a:gd name="T49" fmla="*/ 25 h 76"/>
                  <a:gd name="T50" fmla="*/ 12 w 49"/>
                  <a:gd name="T51" fmla="*/ 23 h 76"/>
                  <a:gd name="T52" fmla="*/ 10 w 49"/>
                  <a:gd name="T53" fmla="*/ 21 h 76"/>
                  <a:gd name="T54" fmla="*/ 8 w 49"/>
                  <a:gd name="T55" fmla="*/ 19 h 76"/>
                  <a:gd name="T56" fmla="*/ 6 w 49"/>
                  <a:gd name="T57" fmla="*/ 17 h 76"/>
                  <a:gd name="T58" fmla="*/ 5 w 49"/>
                  <a:gd name="T59" fmla="*/ 16 h 76"/>
                  <a:gd name="T60" fmla="*/ 4 w 49"/>
                  <a:gd name="T61" fmla="*/ 15 h 76"/>
                  <a:gd name="T62" fmla="*/ 2 w 49"/>
                  <a:gd name="T63" fmla="*/ 15 h 76"/>
                  <a:gd name="T64" fmla="*/ 0 w 49"/>
                  <a:gd name="T65" fmla="*/ 16 h 7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49" h="76">
                    <a:moveTo>
                      <a:pt x="0" y="49"/>
                    </a:moveTo>
                    <a:lnTo>
                      <a:pt x="0" y="39"/>
                    </a:lnTo>
                    <a:lnTo>
                      <a:pt x="0" y="29"/>
                    </a:lnTo>
                    <a:lnTo>
                      <a:pt x="1" y="20"/>
                    </a:lnTo>
                    <a:lnTo>
                      <a:pt x="3" y="12"/>
                    </a:lnTo>
                    <a:lnTo>
                      <a:pt x="4" y="9"/>
                    </a:lnTo>
                    <a:lnTo>
                      <a:pt x="6" y="6"/>
                    </a:lnTo>
                    <a:lnTo>
                      <a:pt x="10" y="4"/>
                    </a:lnTo>
                    <a:lnTo>
                      <a:pt x="12" y="2"/>
                    </a:lnTo>
                    <a:lnTo>
                      <a:pt x="16" y="1"/>
                    </a:lnTo>
                    <a:lnTo>
                      <a:pt x="20" y="0"/>
                    </a:lnTo>
                    <a:lnTo>
                      <a:pt x="24" y="0"/>
                    </a:lnTo>
                    <a:lnTo>
                      <a:pt x="30" y="0"/>
                    </a:lnTo>
                    <a:lnTo>
                      <a:pt x="35" y="11"/>
                    </a:lnTo>
                    <a:lnTo>
                      <a:pt x="38" y="22"/>
                    </a:lnTo>
                    <a:lnTo>
                      <a:pt x="39" y="30"/>
                    </a:lnTo>
                    <a:lnTo>
                      <a:pt x="41" y="39"/>
                    </a:lnTo>
                    <a:lnTo>
                      <a:pt x="42" y="46"/>
                    </a:lnTo>
                    <a:lnTo>
                      <a:pt x="43" y="53"/>
                    </a:lnTo>
                    <a:lnTo>
                      <a:pt x="45" y="61"/>
                    </a:lnTo>
                    <a:lnTo>
                      <a:pt x="49" y="68"/>
                    </a:lnTo>
                    <a:lnTo>
                      <a:pt x="46" y="72"/>
                    </a:lnTo>
                    <a:lnTo>
                      <a:pt x="44" y="75"/>
                    </a:lnTo>
                    <a:lnTo>
                      <a:pt x="42" y="76"/>
                    </a:lnTo>
                    <a:lnTo>
                      <a:pt x="40" y="75"/>
                    </a:lnTo>
                    <a:lnTo>
                      <a:pt x="36" y="71"/>
                    </a:lnTo>
                    <a:lnTo>
                      <a:pt x="31" y="64"/>
                    </a:lnTo>
                    <a:lnTo>
                      <a:pt x="25" y="58"/>
                    </a:lnTo>
                    <a:lnTo>
                      <a:pt x="18" y="51"/>
                    </a:lnTo>
                    <a:lnTo>
                      <a:pt x="15" y="49"/>
                    </a:lnTo>
                    <a:lnTo>
                      <a:pt x="11" y="47"/>
                    </a:lnTo>
                    <a:lnTo>
                      <a:pt x="5" y="47"/>
                    </a:lnTo>
                    <a:lnTo>
                      <a:pt x="0" y="49"/>
                    </a:lnTo>
                    <a:close/>
                  </a:path>
                </a:pathLst>
              </a:custGeom>
              <a:grpFill/>
              <a:ln w="6350">
                <a:noFill/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te-IN"/>
              </a:p>
            </p:txBody>
          </p:sp>
        </p:grpSp>
        <p:sp>
          <p:nvSpPr>
            <p:cNvPr id="1249" name="Mariagerfjord"/>
            <p:cNvSpPr>
              <a:spLocks/>
            </p:cNvSpPr>
            <p:nvPr/>
          </p:nvSpPr>
          <p:spPr bwMode="auto">
            <a:xfrm>
              <a:off x="1720850" y="3405188"/>
              <a:ext cx="538162" cy="420688"/>
            </a:xfrm>
            <a:custGeom>
              <a:avLst/>
              <a:gdLst>
                <a:gd name="T0" fmla="*/ 256 w 1018"/>
                <a:gd name="T1" fmla="*/ 124 h 796"/>
                <a:gd name="T2" fmla="*/ 270 w 1018"/>
                <a:gd name="T3" fmla="*/ 133 h 796"/>
                <a:gd name="T4" fmla="*/ 283 w 1018"/>
                <a:gd name="T5" fmla="*/ 122 h 796"/>
                <a:gd name="T6" fmla="*/ 298 w 1018"/>
                <a:gd name="T7" fmla="*/ 124 h 796"/>
                <a:gd name="T8" fmla="*/ 335 w 1018"/>
                <a:gd name="T9" fmla="*/ 129 h 796"/>
                <a:gd name="T10" fmla="*/ 324 w 1018"/>
                <a:gd name="T11" fmla="*/ 86 h 796"/>
                <a:gd name="T12" fmla="*/ 308 w 1018"/>
                <a:gd name="T13" fmla="*/ 20 h 796"/>
                <a:gd name="T14" fmla="*/ 292 w 1018"/>
                <a:gd name="T15" fmla="*/ 1 h 796"/>
                <a:gd name="T16" fmla="*/ 277 w 1018"/>
                <a:gd name="T17" fmla="*/ 5 h 796"/>
                <a:gd name="T18" fmla="*/ 284 w 1018"/>
                <a:gd name="T19" fmla="*/ 15 h 796"/>
                <a:gd name="T20" fmla="*/ 286 w 1018"/>
                <a:gd name="T21" fmla="*/ 32 h 796"/>
                <a:gd name="T22" fmla="*/ 287 w 1018"/>
                <a:gd name="T23" fmla="*/ 54 h 796"/>
                <a:gd name="T24" fmla="*/ 278 w 1018"/>
                <a:gd name="T25" fmla="*/ 56 h 796"/>
                <a:gd name="T26" fmla="*/ 256 w 1018"/>
                <a:gd name="T27" fmla="*/ 67 h 796"/>
                <a:gd name="T28" fmla="*/ 233 w 1018"/>
                <a:gd name="T29" fmla="*/ 85 h 796"/>
                <a:gd name="T30" fmla="*/ 202 w 1018"/>
                <a:gd name="T31" fmla="*/ 89 h 796"/>
                <a:gd name="T32" fmla="*/ 198 w 1018"/>
                <a:gd name="T33" fmla="*/ 77 h 796"/>
                <a:gd name="T34" fmla="*/ 119 w 1018"/>
                <a:gd name="T35" fmla="*/ 54 h 796"/>
                <a:gd name="T36" fmla="*/ 76 w 1018"/>
                <a:gd name="T37" fmla="*/ 50 h 796"/>
                <a:gd name="T38" fmla="*/ 77 w 1018"/>
                <a:gd name="T39" fmla="*/ 71 h 796"/>
                <a:gd name="T40" fmla="*/ 80 w 1018"/>
                <a:gd name="T41" fmla="*/ 88 h 796"/>
                <a:gd name="T42" fmla="*/ 84 w 1018"/>
                <a:gd name="T43" fmla="*/ 111 h 796"/>
                <a:gd name="T44" fmla="*/ 70 w 1018"/>
                <a:gd name="T45" fmla="*/ 113 h 796"/>
                <a:gd name="T46" fmla="*/ 56 w 1018"/>
                <a:gd name="T47" fmla="*/ 128 h 796"/>
                <a:gd name="T48" fmla="*/ 44 w 1018"/>
                <a:gd name="T49" fmla="*/ 178 h 796"/>
                <a:gd name="T50" fmla="*/ 32 w 1018"/>
                <a:gd name="T51" fmla="*/ 192 h 796"/>
                <a:gd name="T52" fmla="*/ 20 w 1018"/>
                <a:gd name="T53" fmla="*/ 187 h 796"/>
                <a:gd name="T54" fmla="*/ 6 w 1018"/>
                <a:gd name="T55" fmla="*/ 183 h 796"/>
                <a:gd name="T56" fmla="*/ 19 w 1018"/>
                <a:gd name="T57" fmla="*/ 201 h 796"/>
                <a:gd name="T58" fmla="*/ 26 w 1018"/>
                <a:gd name="T59" fmla="*/ 216 h 796"/>
                <a:gd name="T60" fmla="*/ 14 w 1018"/>
                <a:gd name="T61" fmla="*/ 230 h 796"/>
                <a:gd name="T62" fmla="*/ 30 w 1018"/>
                <a:gd name="T63" fmla="*/ 235 h 796"/>
                <a:gd name="T64" fmla="*/ 53 w 1018"/>
                <a:gd name="T65" fmla="*/ 249 h 796"/>
                <a:gd name="T66" fmla="*/ 65 w 1018"/>
                <a:gd name="T67" fmla="*/ 263 h 796"/>
                <a:gd name="T68" fmla="*/ 88 w 1018"/>
                <a:gd name="T69" fmla="*/ 260 h 796"/>
                <a:gd name="T70" fmla="*/ 119 w 1018"/>
                <a:gd name="T71" fmla="*/ 262 h 796"/>
                <a:gd name="T72" fmla="*/ 124 w 1018"/>
                <a:gd name="T73" fmla="*/ 249 h 796"/>
                <a:gd name="T74" fmla="*/ 150 w 1018"/>
                <a:gd name="T75" fmla="*/ 242 h 796"/>
                <a:gd name="T76" fmla="*/ 161 w 1018"/>
                <a:gd name="T77" fmla="*/ 231 h 796"/>
                <a:gd name="T78" fmla="*/ 193 w 1018"/>
                <a:gd name="T79" fmla="*/ 225 h 796"/>
                <a:gd name="T80" fmla="*/ 229 w 1018"/>
                <a:gd name="T81" fmla="*/ 202 h 796"/>
                <a:gd name="T82" fmla="*/ 249 w 1018"/>
                <a:gd name="T83" fmla="*/ 179 h 796"/>
                <a:gd name="T84" fmla="*/ 259 w 1018"/>
                <a:gd name="T85" fmla="*/ 165 h 796"/>
                <a:gd name="T86" fmla="*/ 273 w 1018"/>
                <a:gd name="T87" fmla="*/ 152 h 796"/>
                <a:gd name="T88" fmla="*/ 260 w 1018"/>
                <a:gd name="T89" fmla="*/ 135 h 796"/>
                <a:gd name="T90" fmla="*/ 234 w 1018"/>
                <a:gd name="T91" fmla="*/ 136 h 796"/>
                <a:gd name="T92" fmla="*/ 220 w 1018"/>
                <a:gd name="T93" fmla="*/ 150 h 796"/>
                <a:gd name="T94" fmla="*/ 202 w 1018"/>
                <a:gd name="T95" fmla="*/ 148 h 796"/>
                <a:gd name="T96" fmla="*/ 184 w 1018"/>
                <a:gd name="T97" fmla="*/ 168 h 796"/>
                <a:gd name="T98" fmla="*/ 128 w 1018"/>
                <a:gd name="T99" fmla="*/ 188 h 796"/>
                <a:gd name="T100" fmla="*/ 100 w 1018"/>
                <a:gd name="T101" fmla="*/ 189 h 796"/>
                <a:gd name="T102" fmla="*/ 153 w 1018"/>
                <a:gd name="T103" fmla="*/ 173 h 796"/>
                <a:gd name="T104" fmla="*/ 192 w 1018"/>
                <a:gd name="T105" fmla="*/ 143 h 796"/>
                <a:gd name="T106" fmla="*/ 210 w 1018"/>
                <a:gd name="T107" fmla="*/ 138 h 796"/>
                <a:gd name="T108" fmla="*/ 228 w 1018"/>
                <a:gd name="T109" fmla="*/ 133 h 796"/>
                <a:gd name="T110" fmla="*/ 242 w 1018"/>
                <a:gd name="T111" fmla="*/ 122 h 79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018" h="796">
                  <a:moveTo>
                    <a:pt x="776" y="359"/>
                  </a:moveTo>
                  <a:lnTo>
                    <a:pt x="773" y="359"/>
                  </a:lnTo>
                  <a:lnTo>
                    <a:pt x="772" y="360"/>
                  </a:lnTo>
                  <a:lnTo>
                    <a:pt x="770" y="361"/>
                  </a:lnTo>
                  <a:lnTo>
                    <a:pt x="769" y="362"/>
                  </a:lnTo>
                  <a:lnTo>
                    <a:pt x="768" y="366"/>
                  </a:lnTo>
                  <a:lnTo>
                    <a:pt x="769" y="371"/>
                  </a:lnTo>
                  <a:lnTo>
                    <a:pt x="771" y="378"/>
                  </a:lnTo>
                  <a:lnTo>
                    <a:pt x="775" y="384"/>
                  </a:lnTo>
                  <a:lnTo>
                    <a:pt x="779" y="391"/>
                  </a:lnTo>
                  <a:lnTo>
                    <a:pt x="786" y="398"/>
                  </a:lnTo>
                  <a:lnTo>
                    <a:pt x="795" y="400"/>
                  </a:lnTo>
                  <a:lnTo>
                    <a:pt x="804" y="400"/>
                  </a:lnTo>
                  <a:lnTo>
                    <a:pt x="811" y="399"/>
                  </a:lnTo>
                  <a:lnTo>
                    <a:pt x="816" y="397"/>
                  </a:lnTo>
                  <a:lnTo>
                    <a:pt x="821" y="395"/>
                  </a:lnTo>
                  <a:lnTo>
                    <a:pt x="827" y="391"/>
                  </a:lnTo>
                  <a:lnTo>
                    <a:pt x="831" y="387"/>
                  </a:lnTo>
                  <a:lnTo>
                    <a:pt x="834" y="383"/>
                  </a:lnTo>
                  <a:lnTo>
                    <a:pt x="841" y="375"/>
                  </a:lnTo>
                  <a:lnTo>
                    <a:pt x="850" y="367"/>
                  </a:lnTo>
                  <a:lnTo>
                    <a:pt x="854" y="364"/>
                  </a:lnTo>
                  <a:lnTo>
                    <a:pt x="859" y="361"/>
                  </a:lnTo>
                  <a:lnTo>
                    <a:pt x="866" y="360"/>
                  </a:lnTo>
                  <a:lnTo>
                    <a:pt x="873" y="359"/>
                  </a:lnTo>
                  <a:lnTo>
                    <a:pt x="879" y="365"/>
                  </a:lnTo>
                  <a:lnTo>
                    <a:pt x="886" y="369"/>
                  </a:lnTo>
                  <a:lnTo>
                    <a:pt x="894" y="372"/>
                  </a:lnTo>
                  <a:lnTo>
                    <a:pt x="903" y="376"/>
                  </a:lnTo>
                  <a:lnTo>
                    <a:pt x="923" y="378"/>
                  </a:lnTo>
                  <a:lnTo>
                    <a:pt x="945" y="380"/>
                  </a:lnTo>
                  <a:lnTo>
                    <a:pt x="967" y="381"/>
                  </a:lnTo>
                  <a:lnTo>
                    <a:pt x="987" y="383"/>
                  </a:lnTo>
                  <a:lnTo>
                    <a:pt x="996" y="385"/>
                  </a:lnTo>
                  <a:lnTo>
                    <a:pt x="1005" y="388"/>
                  </a:lnTo>
                  <a:lnTo>
                    <a:pt x="1012" y="392"/>
                  </a:lnTo>
                  <a:lnTo>
                    <a:pt x="1018" y="398"/>
                  </a:lnTo>
                  <a:lnTo>
                    <a:pt x="1013" y="372"/>
                  </a:lnTo>
                  <a:lnTo>
                    <a:pt x="1006" y="348"/>
                  </a:lnTo>
                  <a:lnTo>
                    <a:pt x="998" y="325"/>
                  </a:lnTo>
                  <a:lnTo>
                    <a:pt x="991" y="302"/>
                  </a:lnTo>
                  <a:lnTo>
                    <a:pt x="974" y="257"/>
                  </a:lnTo>
                  <a:lnTo>
                    <a:pt x="958" y="211"/>
                  </a:lnTo>
                  <a:lnTo>
                    <a:pt x="950" y="188"/>
                  </a:lnTo>
                  <a:lnTo>
                    <a:pt x="944" y="164"/>
                  </a:lnTo>
                  <a:lnTo>
                    <a:pt x="937" y="140"/>
                  </a:lnTo>
                  <a:lnTo>
                    <a:pt x="931" y="113"/>
                  </a:lnTo>
                  <a:lnTo>
                    <a:pt x="927" y="87"/>
                  </a:lnTo>
                  <a:lnTo>
                    <a:pt x="924" y="60"/>
                  </a:lnTo>
                  <a:lnTo>
                    <a:pt x="922" y="30"/>
                  </a:lnTo>
                  <a:lnTo>
                    <a:pt x="922" y="0"/>
                  </a:lnTo>
                  <a:lnTo>
                    <a:pt x="914" y="2"/>
                  </a:lnTo>
                  <a:lnTo>
                    <a:pt x="907" y="4"/>
                  </a:lnTo>
                  <a:lnTo>
                    <a:pt x="899" y="5"/>
                  </a:lnTo>
                  <a:lnTo>
                    <a:pt x="892" y="5"/>
                  </a:lnTo>
                  <a:lnTo>
                    <a:pt x="877" y="4"/>
                  </a:lnTo>
                  <a:lnTo>
                    <a:pt x="864" y="3"/>
                  </a:lnTo>
                  <a:lnTo>
                    <a:pt x="858" y="3"/>
                  </a:lnTo>
                  <a:lnTo>
                    <a:pt x="852" y="3"/>
                  </a:lnTo>
                  <a:lnTo>
                    <a:pt x="847" y="5"/>
                  </a:lnTo>
                  <a:lnTo>
                    <a:pt x="841" y="7"/>
                  </a:lnTo>
                  <a:lnTo>
                    <a:pt x="836" y="10"/>
                  </a:lnTo>
                  <a:lnTo>
                    <a:pt x="832" y="14"/>
                  </a:lnTo>
                  <a:lnTo>
                    <a:pt x="828" y="21"/>
                  </a:lnTo>
                  <a:lnTo>
                    <a:pt x="825" y="29"/>
                  </a:lnTo>
                  <a:lnTo>
                    <a:pt x="832" y="31"/>
                  </a:lnTo>
                  <a:lnTo>
                    <a:pt x="838" y="33"/>
                  </a:lnTo>
                  <a:lnTo>
                    <a:pt x="844" y="37"/>
                  </a:lnTo>
                  <a:lnTo>
                    <a:pt x="848" y="41"/>
                  </a:lnTo>
                  <a:lnTo>
                    <a:pt x="852" y="44"/>
                  </a:lnTo>
                  <a:lnTo>
                    <a:pt x="855" y="48"/>
                  </a:lnTo>
                  <a:lnTo>
                    <a:pt x="857" y="52"/>
                  </a:lnTo>
                  <a:lnTo>
                    <a:pt x="859" y="57"/>
                  </a:lnTo>
                  <a:lnTo>
                    <a:pt x="862" y="66"/>
                  </a:lnTo>
                  <a:lnTo>
                    <a:pt x="862" y="75"/>
                  </a:lnTo>
                  <a:lnTo>
                    <a:pt x="862" y="86"/>
                  </a:lnTo>
                  <a:lnTo>
                    <a:pt x="859" y="97"/>
                  </a:lnTo>
                  <a:lnTo>
                    <a:pt x="857" y="108"/>
                  </a:lnTo>
                  <a:lnTo>
                    <a:pt x="856" y="119"/>
                  </a:lnTo>
                  <a:lnTo>
                    <a:pt x="854" y="129"/>
                  </a:lnTo>
                  <a:lnTo>
                    <a:pt x="854" y="140"/>
                  </a:lnTo>
                  <a:lnTo>
                    <a:pt x="855" y="150"/>
                  </a:lnTo>
                  <a:lnTo>
                    <a:pt x="859" y="159"/>
                  </a:lnTo>
                  <a:lnTo>
                    <a:pt x="862" y="163"/>
                  </a:lnTo>
                  <a:lnTo>
                    <a:pt x="865" y="167"/>
                  </a:lnTo>
                  <a:lnTo>
                    <a:pt x="869" y="171"/>
                  </a:lnTo>
                  <a:lnTo>
                    <a:pt x="873" y="174"/>
                  </a:lnTo>
                  <a:lnTo>
                    <a:pt x="863" y="174"/>
                  </a:lnTo>
                  <a:lnTo>
                    <a:pt x="853" y="172"/>
                  </a:lnTo>
                  <a:lnTo>
                    <a:pt x="845" y="170"/>
                  </a:lnTo>
                  <a:lnTo>
                    <a:pt x="836" y="167"/>
                  </a:lnTo>
                  <a:lnTo>
                    <a:pt x="828" y="165"/>
                  </a:lnTo>
                  <a:lnTo>
                    <a:pt x="818" y="163"/>
                  </a:lnTo>
                  <a:lnTo>
                    <a:pt x="808" y="163"/>
                  </a:lnTo>
                  <a:lnTo>
                    <a:pt x="795" y="165"/>
                  </a:lnTo>
                  <a:lnTo>
                    <a:pt x="787" y="178"/>
                  </a:lnTo>
                  <a:lnTo>
                    <a:pt x="778" y="189"/>
                  </a:lnTo>
                  <a:lnTo>
                    <a:pt x="770" y="201"/>
                  </a:lnTo>
                  <a:lnTo>
                    <a:pt x="761" y="211"/>
                  </a:lnTo>
                  <a:lnTo>
                    <a:pt x="752" y="220"/>
                  </a:lnTo>
                  <a:lnTo>
                    <a:pt x="744" y="228"/>
                  </a:lnTo>
                  <a:lnTo>
                    <a:pt x="733" y="237"/>
                  </a:lnTo>
                  <a:lnTo>
                    <a:pt x="724" y="243"/>
                  </a:lnTo>
                  <a:lnTo>
                    <a:pt x="712" y="249"/>
                  </a:lnTo>
                  <a:lnTo>
                    <a:pt x="700" y="254"/>
                  </a:lnTo>
                  <a:lnTo>
                    <a:pt x="689" y="259"/>
                  </a:lnTo>
                  <a:lnTo>
                    <a:pt x="675" y="263"/>
                  </a:lnTo>
                  <a:lnTo>
                    <a:pt x="661" y="266"/>
                  </a:lnTo>
                  <a:lnTo>
                    <a:pt x="646" y="268"/>
                  </a:lnTo>
                  <a:lnTo>
                    <a:pt x="629" y="270"/>
                  </a:lnTo>
                  <a:lnTo>
                    <a:pt x="611" y="271"/>
                  </a:lnTo>
                  <a:lnTo>
                    <a:pt x="607" y="266"/>
                  </a:lnTo>
                  <a:lnTo>
                    <a:pt x="602" y="261"/>
                  </a:lnTo>
                  <a:lnTo>
                    <a:pt x="600" y="256"/>
                  </a:lnTo>
                  <a:lnTo>
                    <a:pt x="598" y="250"/>
                  </a:lnTo>
                  <a:lnTo>
                    <a:pt x="597" y="245"/>
                  </a:lnTo>
                  <a:lnTo>
                    <a:pt x="596" y="240"/>
                  </a:lnTo>
                  <a:lnTo>
                    <a:pt x="596" y="234"/>
                  </a:lnTo>
                  <a:lnTo>
                    <a:pt x="596" y="230"/>
                  </a:lnTo>
                  <a:lnTo>
                    <a:pt x="602" y="208"/>
                  </a:lnTo>
                  <a:lnTo>
                    <a:pt x="611" y="184"/>
                  </a:lnTo>
                  <a:lnTo>
                    <a:pt x="559" y="181"/>
                  </a:lnTo>
                  <a:lnTo>
                    <a:pt x="508" y="177"/>
                  </a:lnTo>
                  <a:lnTo>
                    <a:pt x="456" y="172"/>
                  </a:lnTo>
                  <a:lnTo>
                    <a:pt x="406" y="167"/>
                  </a:lnTo>
                  <a:lnTo>
                    <a:pt x="357" y="161"/>
                  </a:lnTo>
                  <a:lnTo>
                    <a:pt x="311" y="154"/>
                  </a:lnTo>
                  <a:lnTo>
                    <a:pt x="290" y="150"/>
                  </a:lnTo>
                  <a:lnTo>
                    <a:pt x="270" y="146"/>
                  </a:lnTo>
                  <a:lnTo>
                    <a:pt x="251" y="141"/>
                  </a:lnTo>
                  <a:lnTo>
                    <a:pt x="233" y="135"/>
                  </a:lnTo>
                  <a:lnTo>
                    <a:pt x="230" y="143"/>
                  </a:lnTo>
                  <a:lnTo>
                    <a:pt x="228" y="149"/>
                  </a:lnTo>
                  <a:lnTo>
                    <a:pt x="227" y="157"/>
                  </a:lnTo>
                  <a:lnTo>
                    <a:pt x="225" y="164"/>
                  </a:lnTo>
                  <a:lnTo>
                    <a:pt x="228" y="179"/>
                  </a:lnTo>
                  <a:lnTo>
                    <a:pt x="229" y="192"/>
                  </a:lnTo>
                  <a:lnTo>
                    <a:pt x="230" y="200"/>
                  </a:lnTo>
                  <a:lnTo>
                    <a:pt x="231" y="207"/>
                  </a:lnTo>
                  <a:lnTo>
                    <a:pt x="230" y="213"/>
                  </a:lnTo>
                  <a:lnTo>
                    <a:pt x="230" y="220"/>
                  </a:lnTo>
                  <a:lnTo>
                    <a:pt x="228" y="226"/>
                  </a:lnTo>
                  <a:lnTo>
                    <a:pt x="224" y="231"/>
                  </a:lnTo>
                  <a:lnTo>
                    <a:pt x="219" y="238"/>
                  </a:lnTo>
                  <a:lnTo>
                    <a:pt x="213" y="242"/>
                  </a:lnTo>
                  <a:lnTo>
                    <a:pt x="227" y="253"/>
                  </a:lnTo>
                  <a:lnTo>
                    <a:pt x="241" y="263"/>
                  </a:lnTo>
                  <a:lnTo>
                    <a:pt x="256" y="272"/>
                  </a:lnTo>
                  <a:lnTo>
                    <a:pt x="272" y="281"/>
                  </a:lnTo>
                  <a:lnTo>
                    <a:pt x="271" y="292"/>
                  </a:lnTo>
                  <a:lnTo>
                    <a:pt x="269" y="303"/>
                  </a:lnTo>
                  <a:lnTo>
                    <a:pt x="266" y="311"/>
                  </a:lnTo>
                  <a:lnTo>
                    <a:pt x="261" y="320"/>
                  </a:lnTo>
                  <a:lnTo>
                    <a:pt x="252" y="333"/>
                  </a:lnTo>
                  <a:lnTo>
                    <a:pt x="242" y="349"/>
                  </a:lnTo>
                  <a:lnTo>
                    <a:pt x="238" y="346"/>
                  </a:lnTo>
                  <a:lnTo>
                    <a:pt x="233" y="344"/>
                  </a:lnTo>
                  <a:lnTo>
                    <a:pt x="228" y="342"/>
                  </a:lnTo>
                  <a:lnTo>
                    <a:pt x="222" y="340"/>
                  </a:lnTo>
                  <a:lnTo>
                    <a:pt x="216" y="339"/>
                  </a:lnTo>
                  <a:lnTo>
                    <a:pt x="210" y="339"/>
                  </a:lnTo>
                  <a:lnTo>
                    <a:pt x="202" y="339"/>
                  </a:lnTo>
                  <a:lnTo>
                    <a:pt x="194" y="340"/>
                  </a:lnTo>
                  <a:lnTo>
                    <a:pt x="189" y="346"/>
                  </a:lnTo>
                  <a:lnTo>
                    <a:pt x="183" y="353"/>
                  </a:lnTo>
                  <a:lnTo>
                    <a:pt x="178" y="361"/>
                  </a:lnTo>
                  <a:lnTo>
                    <a:pt x="175" y="369"/>
                  </a:lnTo>
                  <a:lnTo>
                    <a:pt x="168" y="385"/>
                  </a:lnTo>
                  <a:lnTo>
                    <a:pt x="162" y="401"/>
                  </a:lnTo>
                  <a:lnTo>
                    <a:pt x="155" y="436"/>
                  </a:lnTo>
                  <a:lnTo>
                    <a:pt x="149" y="469"/>
                  </a:lnTo>
                  <a:lnTo>
                    <a:pt x="145" y="486"/>
                  </a:lnTo>
                  <a:lnTo>
                    <a:pt x="141" y="503"/>
                  </a:lnTo>
                  <a:lnTo>
                    <a:pt x="137" y="519"/>
                  </a:lnTo>
                  <a:lnTo>
                    <a:pt x="131" y="534"/>
                  </a:lnTo>
                  <a:lnTo>
                    <a:pt x="128" y="541"/>
                  </a:lnTo>
                  <a:lnTo>
                    <a:pt x="123" y="547"/>
                  </a:lnTo>
                  <a:lnTo>
                    <a:pt x="119" y="554"/>
                  </a:lnTo>
                  <a:lnTo>
                    <a:pt x="114" y="560"/>
                  </a:lnTo>
                  <a:lnTo>
                    <a:pt x="108" y="566"/>
                  </a:lnTo>
                  <a:lnTo>
                    <a:pt x="101" y="571"/>
                  </a:lnTo>
                  <a:lnTo>
                    <a:pt x="95" y="577"/>
                  </a:lnTo>
                  <a:lnTo>
                    <a:pt x="88" y="582"/>
                  </a:lnTo>
                  <a:lnTo>
                    <a:pt x="81" y="582"/>
                  </a:lnTo>
                  <a:lnTo>
                    <a:pt x="77" y="580"/>
                  </a:lnTo>
                  <a:lnTo>
                    <a:pt x="73" y="578"/>
                  </a:lnTo>
                  <a:lnTo>
                    <a:pt x="70" y="576"/>
                  </a:lnTo>
                  <a:lnTo>
                    <a:pt x="63" y="569"/>
                  </a:lnTo>
                  <a:lnTo>
                    <a:pt x="59" y="562"/>
                  </a:lnTo>
                  <a:lnTo>
                    <a:pt x="54" y="555"/>
                  </a:lnTo>
                  <a:lnTo>
                    <a:pt x="49" y="548"/>
                  </a:lnTo>
                  <a:lnTo>
                    <a:pt x="44" y="546"/>
                  </a:lnTo>
                  <a:lnTo>
                    <a:pt x="40" y="544"/>
                  </a:lnTo>
                  <a:lnTo>
                    <a:pt x="35" y="543"/>
                  </a:lnTo>
                  <a:lnTo>
                    <a:pt x="29" y="543"/>
                  </a:lnTo>
                  <a:lnTo>
                    <a:pt x="18" y="549"/>
                  </a:lnTo>
                  <a:lnTo>
                    <a:pt x="9" y="557"/>
                  </a:lnTo>
                  <a:lnTo>
                    <a:pt x="4" y="561"/>
                  </a:lnTo>
                  <a:lnTo>
                    <a:pt x="1" y="567"/>
                  </a:lnTo>
                  <a:lnTo>
                    <a:pt x="0" y="574"/>
                  </a:lnTo>
                  <a:lnTo>
                    <a:pt x="0" y="582"/>
                  </a:lnTo>
                  <a:lnTo>
                    <a:pt x="28" y="592"/>
                  </a:lnTo>
                  <a:lnTo>
                    <a:pt x="56" y="603"/>
                  </a:lnTo>
                  <a:lnTo>
                    <a:pt x="62" y="607"/>
                  </a:lnTo>
                  <a:lnTo>
                    <a:pt x="68" y="611"/>
                  </a:lnTo>
                  <a:lnTo>
                    <a:pt x="72" y="617"/>
                  </a:lnTo>
                  <a:lnTo>
                    <a:pt x="76" y="623"/>
                  </a:lnTo>
                  <a:lnTo>
                    <a:pt x="78" y="630"/>
                  </a:lnTo>
                  <a:lnTo>
                    <a:pt x="79" y="639"/>
                  </a:lnTo>
                  <a:lnTo>
                    <a:pt x="79" y="648"/>
                  </a:lnTo>
                  <a:lnTo>
                    <a:pt x="77" y="660"/>
                  </a:lnTo>
                  <a:lnTo>
                    <a:pt x="68" y="660"/>
                  </a:lnTo>
                  <a:lnTo>
                    <a:pt x="58" y="660"/>
                  </a:lnTo>
                  <a:lnTo>
                    <a:pt x="49" y="660"/>
                  </a:lnTo>
                  <a:lnTo>
                    <a:pt x="38" y="660"/>
                  </a:lnTo>
                  <a:lnTo>
                    <a:pt x="40" y="680"/>
                  </a:lnTo>
                  <a:lnTo>
                    <a:pt x="43" y="690"/>
                  </a:lnTo>
                  <a:lnTo>
                    <a:pt x="43" y="696"/>
                  </a:lnTo>
                  <a:lnTo>
                    <a:pt x="43" y="701"/>
                  </a:lnTo>
                  <a:lnTo>
                    <a:pt x="41" y="708"/>
                  </a:lnTo>
                  <a:lnTo>
                    <a:pt x="38" y="718"/>
                  </a:lnTo>
                  <a:lnTo>
                    <a:pt x="57" y="713"/>
                  </a:lnTo>
                  <a:lnTo>
                    <a:pt x="78" y="709"/>
                  </a:lnTo>
                  <a:lnTo>
                    <a:pt x="89" y="707"/>
                  </a:lnTo>
                  <a:lnTo>
                    <a:pt x="101" y="707"/>
                  </a:lnTo>
                  <a:lnTo>
                    <a:pt x="113" y="707"/>
                  </a:lnTo>
                  <a:lnTo>
                    <a:pt x="125" y="708"/>
                  </a:lnTo>
                  <a:lnTo>
                    <a:pt x="133" y="720"/>
                  </a:lnTo>
                  <a:lnTo>
                    <a:pt x="141" y="729"/>
                  </a:lnTo>
                  <a:lnTo>
                    <a:pt x="150" y="740"/>
                  </a:lnTo>
                  <a:lnTo>
                    <a:pt x="158" y="749"/>
                  </a:lnTo>
                  <a:lnTo>
                    <a:pt x="165" y="759"/>
                  </a:lnTo>
                  <a:lnTo>
                    <a:pt x="173" y="770"/>
                  </a:lnTo>
                  <a:lnTo>
                    <a:pt x="177" y="776"/>
                  </a:lnTo>
                  <a:lnTo>
                    <a:pt x="179" y="782"/>
                  </a:lnTo>
                  <a:lnTo>
                    <a:pt x="182" y="788"/>
                  </a:lnTo>
                  <a:lnTo>
                    <a:pt x="184" y="796"/>
                  </a:lnTo>
                  <a:lnTo>
                    <a:pt x="195" y="789"/>
                  </a:lnTo>
                  <a:lnTo>
                    <a:pt x="205" y="784"/>
                  </a:lnTo>
                  <a:lnTo>
                    <a:pt x="215" y="781"/>
                  </a:lnTo>
                  <a:lnTo>
                    <a:pt x="225" y="779"/>
                  </a:lnTo>
                  <a:lnTo>
                    <a:pt x="235" y="779"/>
                  </a:lnTo>
                  <a:lnTo>
                    <a:pt x="244" y="779"/>
                  </a:lnTo>
                  <a:lnTo>
                    <a:pt x="255" y="781"/>
                  </a:lnTo>
                  <a:lnTo>
                    <a:pt x="264" y="782"/>
                  </a:lnTo>
                  <a:lnTo>
                    <a:pt x="286" y="787"/>
                  </a:lnTo>
                  <a:lnTo>
                    <a:pt x="308" y="793"/>
                  </a:lnTo>
                  <a:lnTo>
                    <a:pt x="319" y="795"/>
                  </a:lnTo>
                  <a:lnTo>
                    <a:pt x="332" y="796"/>
                  </a:lnTo>
                  <a:lnTo>
                    <a:pt x="346" y="796"/>
                  </a:lnTo>
                  <a:lnTo>
                    <a:pt x="359" y="796"/>
                  </a:lnTo>
                  <a:lnTo>
                    <a:pt x="358" y="787"/>
                  </a:lnTo>
                  <a:lnTo>
                    <a:pt x="358" y="779"/>
                  </a:lnTo>
                  <a:lnTo>
                    <a:pt x="359" y="773"/>
                  </a:lnTo>
                  <a:lnTo>
                    <a:pt x="360" y="766"/>
                  </a:lnTo>
                  <a:lnTo>
                    <a:pt x="362" y="761"/>
                  </a:lnTo>
                  <a:lnTo>
                    <a:pt x="366" y="757"/>
                  </a:lnTo>
                  <a:lnTo>
                    <a:pt x="369" y="753"/>
                  </a:lnTo>
                  <a:lnTo>
                    <a:pt x="373" y="749"/>
                  </a:lnTo>
                  <a:lnTo>
                    <a:pt x="381" y="744"/>
                  </a:lnTo>
                  <a:lnTo>
                    <a:pt x="392" y="740"/>
                  </a:lnTo>
                  <a:lnTo>
                    <a:pt x="402" y="737"/>
                  </a:lnTo>
                  <a:lnTo>
                    <a:pt x="414" y="735"/>
                  </a:lnTo>
                  <a:lnTo>
                    <a:pt x="427" y="733"/>
                  </a:lnTo>
                  <a:lnTo>
                    <a:pt x="438" y="730"/>
                  </a:lnTo>
                  <a:lnTo>
                    <a:pt x="450" y="727"/>
                  </a:lnTo>
                  <a:lnTo>
                    <a:pt x="460" y="722"/>
                  </a:lnTo>
                  <a:lnTo>
                    <a:pt x="465" y="719"/>
                  </a:lnTo>
                  <a:lnTo>
                    <a:pt x="469" y="716"/>
                  </a:lnTo>
                  <a:lnTo>
                    <a:pt x="473" y="711"/>
                  </a:lnTo>
                  <a:lnTo>
                    <a:pt x="476" y="706"/>
                  </a:lnTo>
                  <a:lnTo>
                    <a:pt x="479" y="701"/>
                  </a:lnTo>
                  <a:lnTo>
                    <a:pt x="482" y="695"/>
                  </a:lnTo>
                  <a:lnTo>
                    <a:pt x="483" y="687"/>
                  </a:lnTo>
                  <a:lnTo>
                    <a:pt x="485" y="679"/>
                  </a:lnTo>
                  <a:lnTo>
                    <a:pt x="505" y="681"/>
                  </a:lnTo>
                  <a:lnTo>
                    <a:pt x="523" y="682"/>
                  </a:lnTo>
                  <a:lnTo>
                    <a:pt x="543" y="681"/>
                  </a:lnTo>
                  <a:lnTo>
                    <a:pt x="562" y="679"/>
                  </a:lnTo>
                  <a:lnTo>
                    <a:pt x="580" y="675"/>
                  </a:lnTo>
                  <a:lnTo>
                    <a:pt x="598" y="668"/>
                  </a:lnTo>
                  <a:lnTo>
                    <a:pt x="615" y="662"/>
                  </a:lnTo>
                  <a:lnTo>
                    <a:pt x="632" y="654"/>
                  </a:lnTo>
                  <a:lnTo>
                    <a:pt x="647" y="644"/>
                  </a:lnTo>
                  <a:lnTo>
                    <a:pt x="661" y="633"/>
                  </a:lnTo>
                  <a:lnTo>
                    <a:pt x="674" y="620"/>
                  </a:lnTo>
                  <a:lnTo>
                    <a:pt x="687" y="607"/>
                  </a:lnTo>
                  <a:lnTo>
                    <a:pt x="696" y="592"/>
                  </a:lnTo>
                  <a:lnTo>
                    <a:pt x="706" y="577"/>
                  </a:lnTo>
                  <a:lnTo>
                    <a:pt x="713" y="561"/>
                  </a:lnTo>
                  <a:lnTo>
                    <a:pt x="718" y="543"/>
                  </a:lnTo>
                  <a:lnTo>
                    <a:pt x="731" y="544"/>
                  </a:lnTo>
                  <a:lnTo>
                    <a:pt x="741" y="542"/>
                  </a:lnTo>
                  <a:lnTo>
                    <a:pt x="749" y="539"/>
                  </a:lnTo>
                  <a:lnTo>
                    <a:pt x="755" y="535"/>
                  </a:lnTo>
                  <a:lnTo>
                    <a:pt x="760" y="529"/>
                  </a:lnTo>
                  <a:lnTo>
                    <a:pt x="765" y="523"/>
                  </a:lnTo>
                  <a:lnTo>
                    <a:pt x="768" y="517"/>
                  </a:lnTo>
                  <a:lnTo>
                    <a:pt x="771" y="509"/>
                  </a:lnTo>
                  <a:lnTo>
                    <a:pt x="774" y="502"/>
                  </a:lnTo>
                  <a:lnTo>
                    <a:pt x="777" y="495"/>
                  </a:lnTo>
                  <a:lnTo>
                    <a:pt x="781" y="487"/>
                  </a:lnTo>
                  <a:lnTo>
                    <a:pt x="786" y="481"/>
                  </a:lnTo>
                  <a:lnTo>
                    <a:pt x="793" y="475"/>
                  </a:lnTo>
                  <a:lnTo>
                    <a:pt x="801" y="470"/>
                  </a:lnTo>
                  <a:lnTo>
                    <a:pt x="812" y="467"/>
                  </a:lnTo>
                  <a:lnTo>
                    <a:pt x="825" y="465"/>
                  </a:lnTo>
                  <a:lnTo>
                    <a:pt x="821" y="456"/>
                  </a:lnTo>
                  <a:lnTo>
                    <a:pt x="818" y="447"/>
                  </a:lnTo>
                  <a:lnTo>
                    <a:pt x="813" y="439"/>
                  </a:lnTo>
                  <a:lnTo>
                    <a:pt x="808" y="431"/>
                  </a:lnTo>
                  <a:lnTo>
                    <a:pt x="803" y="424"/>
                  </a:lnTo>
                  <a:lnTo>
                    <a:pt x="796" y="418"/>
                  </a:lnTo>
                  <a:lnTo>
                    <a:pt x="789" y="412"/>
                  </a:lnTo>
                  <a:lnTo>
                    <a:pt x="781" y="407"/>
                  </a:lnTo>
                  <a:lnTo>
                    <a:pt x="765" y="398"/>
                  </a:lnTo>
                  <a:lnTo>
                    <a:pt x="747" y="390"/>
                  </a:lnTo>
                  <a:lnTo>
                    <a:pt x="728" y="384"/>
                  </a:lnTo>
                  <a:lnTo>
                    <a:pt x="708" y="379"/>
                  </a:lnTo>
                  <a:lnTo>
                    <a:pt x="708" y="389"/>
                  </a:lnTo>
                  <a:lnTo>
                    <a:pt x="706" y="400"/>
                  </a:lnTo>
                  <a:lnTo>
                    <a:pt x="703" y="409"/>
                  </a:lnTo>
                  <a:lnTo>
                    <a:pt x="699" y="419"/>
                  </a:lnTo>
                  <a:lnTo>
                    <a:pt x="694" y="426"/>
                  </a:lnTo>
                  <a:lnTo>
                    <a:pt x="690" y="433"/>
                  </a:lnTo>
                  <a:lnTo>
                    <a:pt x="684" y="440"/>
                  </a:lnTo>
                  <a:lnTo>
                    <a:pt x="677" y="445"/>
                  </a:lnTo>
                  <a:lnTo>
                    <a:pt x="670" y="449"/>
                  </a:lnTo>
                  <a:lnTo>
                    <a:pt x="662" y="451"/>
                  </a:lnTo>
                  <a:lnTo>
                    <a:pt x="655" y="452"/>
                  </a:lnTo>
                  <a:lnTo>
                    <a:pt x="647" y="452"/>
                  </a:lnTo>
                  <a:lnTo>
                    <a:pt x="638" y="451"/>
                  </a:lnTo>
                  <a:lnTo>
                    <a:pt x="629" y="448"/>
                  </a:lnTo>
                  <a:lnTo>
                    <a:pt x="620" y="443"/>
                  </a:lnTo>
                  <a:lnTo>
                    <a:pt x="611" y="437"/>
                  </a:lnTo>
                  <a:lnTo>
                    <a:pt x="606" y="446"/>
                  </a:lnTo>
                  <a:lnTo>
                    <a:pt x="600" y="456"/>
                  </a:lnTo>
                  <a:lnTo>
                    <a:pt x="593" y="465"/>
                  </a:lnTo>
                  <a:lnTo>
                    <a:pt x="587" y="474"/>
                  </a:lnTo>
                  <a:lnTo>
                    <a:pt x="578" y="482"/>
                  </a:lnTo>
                  <a:lnTo>
                    <a:pt x="570" y="489"/>
                  </a:lnTo>
                  <a:lnTo>
                    <a:pt x="561" y="497"/>
                  </a:lnTo>
                  <a:lnTo>
                    <a:pt x="552" y="504"/>
                  </a:lnTo>
                  <a:lnTo>
                    <a:pt x="532" y="517"/>
                  </a:lnTo>
                  <a:lnTo>
                    <a:pt x="511" y="528"/>
                  </a:lnTo>
                  <a:lnTo>
                    <a:pt x="488" y="539"/>
                  </a:lnTo>
                  <a:lnTo>
                    <a:pt x="463" y="548"/>
                  </a:lnTo>
                  <a:lnTo>
                    <a:pt x="437" y="556"/>
                  </a:lnTo>
                  <a:lnTo>
                    <a:pt x="412" y="562"/>
                  </a:lnTo>
                  <a:lnTo>
                    <a:pt x="384" y="566"/>
                  </a:lnTo>
                  <a:lnTo>
                    <a:pt x="358" y="570"/>
                  </a:lnTo>
                  <a:lnTo>
                    <a:pt x="331" y="572"/>
                  </a:lnTo>
                  <a:lnTo>
                    <a:pt x="304" y="574"/>
                  </a:lnTo>
                  <a:lnTo>
                    <a:pt x="278" y="574"/>
                  </a:lnTo>
                  <a:lnTo>
                    <a:pt x="252" y="572"/>
                  </a:lnTo>
                  <a:lnTo>
                    <a:pt x="276" y="570"/>
                  </a:lnTo>
                  <a:lnTo>
                    <a:pt x="299" y="567"/>
                  </a:lnTo>
                  <a:lnTo>
                    <a:pt x="321" y="563"/>
                  </a:lnTo>
                  <a:lnTo>
                    <a:pt x="342" y="559"/>
                  </a:lnTo>
                  <a:lnTo>
                    <a:pt x="363" y="554"/>
                  </a:lnTo>
                  <a:lnTo>
                    <a:pt x="383" y="547"/>
                  </a:lnTo>
                  <a:lnTo>
                    <a:pt x="403" y="541"/>
                  </a:lnTo>
                  <a:lnTo>
                    <a:pt x="422" y="535"/>
                  </a:lnTo>
                  <a:lnTo>
                    <a:pt x="459" y="519"/>
                  </a:lnTo>
                  <a:lnTo>
                    <a:pt x="495" y="502"/>
                  </a:lnTo>
                  <a:lnTo>
                    <a:pt x="529" y="484"/>
                  </a:lnTo>
                  <a:lnTo>
                    <a:pt x="562" y="465"/>
                  </a:lnTo>
                  <a:lnTo>
                    <a:pt x="565" y="456"/>
                  </a:lnTo>
                  <a:lnTo>
                    <a:pt x="568" y="446"/>
                  </a:lnTo>
                  <a:lnTo>
                    <a:pt x="572" y="438"/>
                  </a:lnTo>
                  <a:lnTo>
                    <a:pt x="576" y="431"/>
                  </a:lnTo>
                  <a:lnTo>
                    <a:pt x="582" y="426"/>
                  </a:lnTo>
                  <a:lnTo>
                    <a:pt x="589" y="422"/>
                  </a:lnTo>
                  <a:lnTo>
                    <a:pt x="596" y="419"/>
                  </a:lnTo>
                  <a:lnTo>
                    <a:pt x="605" y="417"/>
                  </a:lnTo>
                  <a:lnTo>
                    <a:pt x="612" y="415"/>
                  </a:lnTo>
                  <a:lnTo>
                    <a:pt x="620" y="415"/>
                  </a:lnTo>
                  <a:lnTo>
                    <a:pt x="630" y="415"/>
                  </a:lnTo>
                  <a:lnTo>
                    <a:pt x="638" y="416"/>
                  </a:lnTo>
                  <a:lnTo>
                    <a:pt x="647" y="418"/>
                  </a:lnTo>
                  <a:lnTo>
                    <a:pt x="654" y="420"/>
                  </a:lnTo>
                  <a:lnTo>
                    <a:pt x="662" y="423"/>
                  </a:lnTo>
                  <a:lnTo>
                    <a:pt x="670" y="427"/>
                  </a:lnTo>
                  <a:lnTo>
                    <a:pt x="676" y="411"/>
                  </a:lnTo>
                  <a:lnTo>
                    <a:pt x="685" y="398"/>
                  </a:lnTo>
                  <a:lnTo>
                    <a:pt x="689" y="392"/>
                  </a:lnTo>
                  <a:lnTo>
                    <a:pt x="694" y="386"/>
                  </a:lnTo>
                  <a:lnTo>
                    <a:pt x="700" y="381"/>
                  </a:lnTo>
                  <a:lnTo>
                    <a:pt x="707" y="377"/>
                  </a:lnTo>
                  <a:lnTo>
                    <a:pt x="713" y="372"/>
                  </a:lnTo>
                  <a:lnTo>
                    <a:pt x="720" y="368"/>
                  </a:lnTo>
                  <a:lnTo>
                    <a:pt x="728" y="365"/>
                  </a:lnTo>
                  <a:lnTo>
                    <a:pt x="736" y="363"/>
                  </a:lnTo>
                  <a:lnTo>
                    <a:pt x="746" y="361"/>
                  </a:lnTo>
                  <a:lnTo>
                    <a:pt x="755" y="360"/>
                  </a:lnTo>
                  <a:lnTo>
                    <a:pt x="766" y="359"/>
                  </a:lnTo>
                  <a:lnTo>
                    <a:pt x="776" y="359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250" name="Mariagerfjord kant"/>
            <p:cNvSpPr>
              <a:spLocks/>
            </p:cNvSpPr>
            <p:nvPr/>
          </p:nvSpPr>
          <p:spPr bwMode="auto">
            <a:xfrm>
              <a:off x="1720850" y="3405188"/>
              <a:ext cx="538162" cy="420688"/>
            </a:xfrm>
            <a:custGeom>
              <a:avLst/>
              <a:gdLst>
                <a:gd name="T0" fmla="*/ 256 w 1018"/>
                <a:gd name="T1" fmla="*/ 124 h 796"/>
                <a:gd name="T2" fmla="*/ 270 w 1018"/>
                <a:gd name="T3" fmla="*/ 133 h 796"/>
                <a:gd name="T4" fmla="*/ 283 w 1018"/>
                <a:gd name="T5" fmla="*/ 122 h 796"/>
                <a:gd name="T6" fmla="*/ 298 w 1018"/>
                <a:gd name="T7" fmla="*/ 124 h 796"/>
                <a:gd name="T8" fmla="*/ 335 w 1018"/>
                <a:gd name="T9" fmla="*/ 129 h 796"/>
                <a:gd name="T10" fmla="*/ 324 w 1018"/>
                <a:gd name="T11" fmla="*/ 86 h 796"/>
                <a:gd name="T12" fmla="*/ 308 w 1018"/>
                <a:gd name="T13" fmla="*/ 20 h 796"/>
                <a:gd name="T14" fmla="*/ 292 w 1018"/>
                <a:gd name="T15" fmla="*/ 1 h 796"/>
                <a:gd name="T16" fmla="*/ 277 w 1018"/>
                <a:gd name="T17" fmla="*/ 5 h 796"/>
                <a:gd name="T18" fmla="*/ 284 w 1018"/>
                <a:gd name="T19" fmla="*/ 15 h 796"/>
                <a:gd name="T20" fmla="*/ 286 w 1018"/>
                <a:gd name="T21" fmla="*/ 32 h 796"/>
                <a:gd name="T22" fmla="*/ 287 w 1018"/>
                <a:gd name="T23" fmla="*/ 54 h 796"/>
                <a:gd name="T24" fmla="*/ 278 w 1018"/>
                <a:gd name="T25" fmla="*/ 56 h 796"/>
                <a:gd name="T26" fmla="*/ 256 w 1018"/>
                <a:gd name="T27" fmla="*/ 67 h 796"/>
                <a:gd name="T28" fmla="*/ 233 w 1018"/>
                <a:gd name="T29" fmla="*/ 85 h 796"/>
                <a:gd name="T30" fmla="*/ 202 w 1018"/>
                <a:gd name="T31" fmla="*/ 89 h 796"/>
                <a:gd name="T32" fmla="*/ 198 w 1018"/>
                <a:gd name="T33" fmla="*/ 77 h 796"/>
                <a:gd name="T34" fmla="*/ 119 w 1018"/>
                <a:gd name="T35" fmla="*/ 54 h 796"/>
                <a:gd name="T36" fmla="*/ 76 w 1018"/>
                <a:gd name="T37" fmla="*/ 50 h 796"/>
                <a:gd name="T38" fmla="*/ 77 w 1018"/>
                <a:gd name="T39" fmla="*/ 71 h 796"/>
                <a:gd name="T40" fmla="*/ 80 w 1018"/>
                <a:gd name="T41" fmla="*/ 88 h 796"/>
                <a:gd name="T42" fmla="*/ 84 w 1018"/>
                <a:gd name="T43" fmla="*/ 111 h 796"/>
                <a:gd name="T44" fmla="*/ 70 w 1018"/>
                <a:gd name="T45" fmla="*/ 113 h 796"/>
                <a:gd name="T46" fmla="*/ 56 w 1018"/>
                <a:gd name="T47" fmla="*/ 128 h 796"/>
                <a:gd name="T48" fmla="*/ 44 w 1018"/>
                <a:gd name="T49" fmla="*/ 178 h 796"/>
                <a:gd name="T50" fmla="*/ 32 w 1018"/>
                <a:gd name="T51" fmla="*/ 192 h 796"/>
                <a:gd name="T52" fmla="*/ 20 w 1018"/>
                <a:gd name="T53" fmla="*/ 187 h 796"/>
                <a:gd name="T54" fmla="*/ 6 w 1018"/>
                <a:gd name="T55" fmla="*/ 183 h 796"/>
                <a:gd name="T56" fmla="*/ 19 w 1018"/>
                <a:gd name="T57" fmla="*/ 201 h 796"/>
                <a:gd name="T58" fmla="*/ 26 w 1018"/>
                <a:gd name="T59" fmla="*/ 216 h 796"/>
                <a:gd name="T60" fmla="*/ 14 w 1018"/>
                <a:gd name="T61" fmla="*/ 230 h 796"/>
                <a:gd name="T62" fmla="*/ 30 w 1018"/>
                <a:gd name="T63" fmla="*/ 235 h 796"/>
                <a:gd name="T64" fmla="*/ 53 w 1018"/>
                <a:gd name="T65" fmla="*/ 249 h 796"/>
                <a:gd name="T66" fmla="*/ 65 w 1018"/>
                <a:gd name="T67" fmla="*/ 263 h 796"/>
                <a:gd name="T68" fmla="*/ 88 w 1018"/>
                <a:gd name="T69" fmla="*/ 260 h 796"/>
                <a:gd name="T70" fmla="*/ 119 w 1018"/>
                <a:gd name="T71" fmla="*/ 262 h 796"/>
                <a:gd name="T72" fmla="*/ 124 w 1018"/>
                <a:gd name="T73" fmla="*/ 249 h 796"/>
                <a:gd name="T74" fmla="*/ 150 w 1018"/>
                <a:gd name="T75" fmla="*/ 242 h 796"/>
                <a:gd name="T76" fmla="*/ 161 w 1018"/>
                <a:gd name="T77" fmla="*/ 231 h 796"/>
                <a:gd name="T78" fmla="*/ 193 w 1018"/>
                <a:gd name="T79" fmla="*/ 225 h 796"/>
                <a:gd name="T80" fmla="*/ 229 w 1018"/>
                <a:gd name="T81" fmla="*/ 202 h 796"/>
                <a:gd name="T82" fmla="*/ 249 w 1018"/>
                <a:gd name="T83" fmla="*/ 179 h 796"/>
                <a:gd name="T84" fmla="*/ 259 w 1018"/>
                <a:gd name="T85" fmla="*/ 165 h 796"/>
                <a:gd name="T86" fmla="*/ 273 w 1018"/>
                <a:gd name="T87" fmla="*/ 152 h 796"/>
                <a:gd name="T88" fmla="*/ 260 w 1018"/>
                <a:gd name="T89" fmla="*/ 135 h 796"/>
                <a:gd name="T90" fmla="*/ 234 w 1018"/>
                <a:gd name="T91" fmla="*/ 136 h 796"/>
                <a:gd name="T92" fmla="*/ 220 w 1018"/>
                <a:gd name="T93" fmla="*/ 150 h 796"/>
                <a:gd name="T94" fmla="*/ 202 w 1018"/>
                <a:gd name="T95" fmla="*/ 148 h 796"/>
                <a:gd name="T96" fmla="*/ 184 w 1018"/>
                <a:gd name="T97" fmla="*/ 168 h 796"/>
                <a:gd name="T98" fmla="*/ 128 w 1018"/>
                <a:gd name="T99" fmla="*/ 188 h 796"/>
                <a:gd name="T100" fmla="*/ 100 w 1018"/>
                <a:gd name="T101" fmla="*/ 189 h 796"/>
                <a:gd name="T102" fmla="*/ 153 w 1018"/>
                <a:gd name="T103" fmla="*/ 173 h 796"/>
                <a:gd name="T104" fmla="*/ 192 w 1018"/>
                <a:gd name="T105" fmla="*/ 143 h 796"/>
                <a:gd name="T106" fmla="*/ 210 w 1018"/>
                <a:gd name="T107" fmla="*/ 138 h 796"/>
                <a:gd name="T108" fmla="*/ 228 w 1018"/>
                <a:gd name="T109" fmla="*/ 133 h 796"/>
                <a:gd name="T110" fmla="*/ 242 w 1018"/>
                <a:gd name="T111" fmla="*/ 122 h 79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1018" h="796">
                  <a:moveTo>
                    <a:pt x="776" y="359"/>
                  </a:moveTo>
                  <a:lnTo>
                    <a:pt x="773" y="359"/>
                  </a:lnTo>
                  <a:lnTo>
                    <a:pt x="772" y="360"/>
                  </a:lnTo>
                  <a:lnTo>
                    <a:pt x="770" y="361"/>
                  </a:lnTo>
                  <a:lnTo>
                    <a:pt x="769" y="362"/>
                  </a:lnTo>
                  <a:lnTo>
                    <a:pt x="768" y="366"/>
                  </a:lnTo>
                  <a:lnTo>
                    <a:pt x="769" y="371"/>
                  </a:lnTo>
                  <a:lnTo>
                    <a:pt x="771" y="378"/>
                  </a:lnTo>
                  <a:lnTo>
                    <a:pt x="775" y="384"/>
                  </a:lnTo>
                  <a:lnTo>
                    <a:pt x="779" y="391"/>
                  </a:lnTo>
                  <a:lnTo>
                    <a:pt x="786" y="398"/>
                  </a:lnTo>
                  <a:lnTo>
                    <a:pt x="795" y="400"/>
                  </a:lnTo>
                  <a:lnTo>
                    <a:pt x="804" y="400"/>
                  </a:lnTo>
                  <a:lnTo>
                    <a:pt x="811" y="399"/>
                  </a:lnTo>
                  <a:lnTo>
                    <a:pt x="816" y="397"/>
                  </a:lnTo>
                  <a:lnTo>
                    <a:pt x="821" y="395"/>
                  </a:lnTo>
                  <a:lnTo>
                    <a:pt x="827" y="391"/>
                  </a:lnTo>
                  <a:lnTo>
                    <a:pt x="831" y="387"/>
                  </a:lnTo>
                  <a:lnTo>
                    <a:pt x="834" y="383"/>
                  </a:lnTo>
                  <a:lnTo>
                    <a:pt x="841" y="375"/>
                  </a:lnTo>
                  <a:lnTo>
                    <a:pt x="850" y="367"/>
                  </a:lnTo>
                  <a:lnTo>
                    <a:pt x="854" y="364"/>
                  </a:lnTo>
                  <a:lnTo>
                    <a:pt x="859" y="361"/>
                  </a:lnTo>
                  <a:lnTo>
                    <a:pt x="866" y="360"/>
                  </a:lnTo>
                  <a:lnTo>
                    <a:pt x="873" y="359"/>
                  </a:lnTo>
                  <a:lnTo>
                    <a:pt x="879" y="365"/>
                  </a:lnTo>
                  <a:lnTo>
                    <a:pt x="886" y="369"/>
                  </a:lnTo>
                  <a:lnTo>
                    <a:pt x="894" y="372"/>
                  </a:lnTo>
                  <a:lnTo>
                    <a:pt x="903" y="376"/>
                  </a:lnTo>
                  <a:lnTo>
                    <a:pt x="923" y="378"/>
                  </a:lnTo>
                  <a:lnTo>
                    <a:pt x="945" y="380"/>
                  </a:lnTo>
                  <a:lnTo>
                    <a:pt x="967" y="381"/>
                  </a:lnTo>
                  <a:lnTo>
                    <a:pt x="987" y="383"/>
                  </a:lnTo>
                  <a:lnTo>
                    <a:pt x="996" y="385"/>
                  </a:lnTo>
                  <a:lnTo>
                    <a:pt x="1005" y="388"/>
                  </a:lnTo>
                  <a:lnTo>
                    <a:pt x="1012" y="392"/>
                  </a:lnTo>
                  <a:lnTo>
                    <a:pt x="1018" y="398"/>
                  </a:lnTo>
                  <a:lnTo>
                    <a:pt x="1013" y="372"/>
                  </a:lnTo>
                  <a:lnTo>
                    <a:pt x="1006" y="348"/>
                  </a:lnTo>
                  <a:lnTo>
                    <a:pt x="998" y="325"/>
                  </a:lnTo>
                  <a:lnTo>
                    <a:pt x="991" y="302"/>
                  </a:lnTo>
                  <a:lnTo>
                    <a:pt x="974" y="257"/>
                  </a:lnTo>
                  <a:lnTo>
                    <a:pt x="958" y="211"/>
                  </a:lnTo>
                  <a:lnTo>
                    <a:pt x="950" y="188"/>
                  </a:lnTo>
                  <a:lnTo>
                    <a:pt x="944" y="164"/>
                  </a:lnTo>
                  <a:lnTo>
                    <a:pt x="937" y="140"/>
                  </a:lnTo>
                  <a:lnTo>
                    <a:pt x="931" y="113"/>
                  </a:lnTo>
                  <a:lnTo>
                    <a:pt x="927" y="87"/>
                  </a:lnTo>
                  <a:lnTo>
                    <a:pt x="924" y="60"/>
                  </a:lnTo>
                  <a:lnTo>
                    <a:pt x="922" y="30"/>
                  </a:lnTo>
                  <a:lnTo>
                    <a:pt x="922" y="0"/>
                  </a:lnTo>
                  <a:lnTo>
                    <a:pt x="914" y="2"/>
                  </a:lnTo>
                  <a:lnTo>
                    <a:pt x="907" y="4"/>
                  </a:lnTo>
                  <a:lnTo>
                    <a:pt x="899" y="5"/>
                  </a:lnTo>
                  <a:lnTo>
                    <a:pt x="892" y="5"/>
                  </a:lnTo>
                  <a:lnTo>
                    <a:pt x="877" y="4"/>
                  </a:lnTo>
                  <a:lnTo>
                    <a:pt x="864" y="3"/>
                  </a:lnTo>
                  <a:lnTo>
                    <a:pt x="858" y="3"/>
                  </a:lnTo>
                  <a:lnTo>
                    <a:pt x="852" y="3"/>
                  </a:lnTo>
                  <a:lnTo>
                    <a:pt x="847" y="5"/>
                  </a:lnTo>
                  <a:lnTo>
                    <a:pt x="841" y="7"/>
                  </a:lnTo>
                  <a:lnTo>
                    <a:pt x="836" y="10"/>
                  </a:lnTo>
                  <a:lnTo>
                    <a:pt x="832" y="14"/>
                  </a:lnTo>
                  <a:lnTo>
                    <a:pt x="828" y="21"/>
                  </a:lnTo>
                  <a:lnTo>
                    <a:pt x="825" y="29"/>
                  </a:lnTo>
                  <a:lnTo>
                    <a:pt x="832" y="31"/>
                  </a:lnTo>
                  <a:lnTo>
                    <a:pt x="838" y="33"/>
                  </a:lnTo>
                  <a:lnTo>
                    <a:pt x="844" y="37"/>
                  </a:lnTo>
                  <a:lnTo>
                    <a:pt x="848" y="41"/>
                  </a:lnTo>
                  <a:lnTo>
                    <a:pt x="852" y="44"/>
                  </a:lnTo>
                  <a:lnTo>
                    <a:pt x="855" y="48"/>
                  </a:lnTo>
                  <a:lnTo>
                    <a:pt x="857" y="52"/>
                  </a:lnTo>
                  <a:lnTo>
                    <a:pt x="859" y="57"/>
                  </a:lnTo>
                  <a:lnTo>
                    <a:pt x="862" y="66"/>
                  </a:lnTo>
                  <a:lnTo>
                    <a:pt x="862" y="75"/>
                  </a:lnTo>
                  <a:lnTo>
                    <a:pt x="862" y="86"/>
                  </a:lnTo>
                  <a:lnTo>
                    <a:pt x="859" y="97"/>
                  </a:lnTo>
                  <a:lnTo>
                    <a:pt x="857" y="108"/>
                  </a:lnTo>
                  <a:lnTo>
                    <a:pt x="856" y="119"/>
                  </a:lnTo>
                  <a:lnTo>
                    <a:pt x="854" y="129"/>
                  </a:lnTo>
                  <a:lnTo>
                    <a:pt x="854" y="140"/>
                  </a:lnTo>
                  <a:lnTo>
                    <a:pt x="855" y="150"/>
                  </a:lnTo>
                  <a:lnTo>
                    <a:pt x="859" y="159"/>
                  </a:lnTo>
                  <a:lnTo>
                    <a:pt x="862" y="163"/>
                  </a:lnTo>
                  <a:lnTo>
                    <a:pt x="865" y="167"/>
                  </a:lnTo>
                  <a:lnTo>
                    <a:pt x="869" y="171"/>
                  </a:lnTo>
                  <a:lnTo>
                    <a:pt x="873" y="174"/>
                  </a:lnTo>
                  <a:lnTo>
                    <a:pt x="863" y="174"/>
                  </a:lnTo>
                  <a:lnTo>
                    <a:pt x="853" y="172"/>
                  </a:lnTo>
                  <a:lnTo>
                    <a:pt x="845" y="170"/>
                  </a:lnTo>
                  <a:lnTo>
                    <a:pt x="836" y="167"/>
                  </a:lnTo>
                  <a:lnTo>
                    <a:pt x="828" y="165"/>
                  </a:lnTo>
                  <a:lnTo>
                    <a:pt x="818" y="163"/>
                  </a:lnTo>
                  <a:lnTo>
                    <a:pt x="808" y="163"/>
                  </a:lnTo>
                  <a:lnTo>
                    <a:pt x="795" y="165"/>
                  </a:lnTo>
                  <a:lnTo>
                    <a:pt x="787" y="178"/>
                  </a:lnTo>
                  <a:lnTo>
                    <a:pt x="778" y="189"/>
                  </a:lnTo>
                  <a:lnTo>
                    <a:pt x="770" y="201"/>
                  </a:lnTo>
                  <a:lnTo>
                    <a:pt x="761" y="211"/>
                  </a:lnTo>
                  <a:lnTo>
                    <a:pt x="752" y="220"/>
                  </a:lnTo>
                  <a:lnTo>
                    <a:pt x="744" y="228"/>
                  </a:lnTo>
                  <a:lnTo>
                    <a:pt x="733" y="237"/>
                  </a:lnTo>
                  <a:lnTo>
                    <a:pt x="724" y="243"/>
                  </a:lnTo>
                  <a:lnTo>
                    <a:pt x="712" y="249"/>
                  </a:lnTo>
                  <a:lnTo>
                    <a:pt x="700" y="254"/>
                  </a:lnTo>
                  <a:lnTo>
                    <a:pt x="689" y="259"/>
                  </a:lnTo>
                  <a:lnTo>
                    <a:pt x="675" y="263"/>
                  </a:lnTo>
                  <a:lnTo>
                    <a:pt x="661" y="266"/>
                  </a:lnTo>
                  <a:lnTo>
                    <a:pt x="646" y="268"/>
                  </a:lnTo>
                  <a:lnTo>
                    <a:pt x="629" y="270"/>
                  </a:lnTo>
                  <a:lnTo>
                    <a:pt x="611" y="271"/>
                  </a:lnTo>
                  <a:lnTo>
                    <a:pt x="607" y="266"/>
                  </a:lnTo>
                  <a:lnTo>
                    <a:pt x="602" y="261"/>
                  </a:lnTo>
                  <a:lnTo>
                    <a:pt x="600" y="256"/>
                  </a:lnTo>
                  <a:lnTo>
                    <a:pt x="598" y="250"/>
                  </a:lnTo>
                  <a:lnTo>
                    <a:pt x="597" y="245"/>
                  </a:lnTo>
                  <a:lnTo>
                    <a:pt x="596" y="240"/>
                  </a:lnTo>
                  <a:lnTo>
                    <a:pt x="596" y="234"/>
                  </a:lnTo>
                  <a:lnTo>
                    <a:pt x="596" y="230"/>
                  </a:lnTo>
                  <a:lnTo>
                    <a:pt x="602" y="208"/>
                  </a:lnTo>
                  <a:lnTo>
                    <a:pt x="611" y="184"/>
                  </a:lnTo>
                  <a:lnTo>
                    <a:pt x="559" y="181"/>
                  </a:lnTo>
                  <a:lnTo>
                    <a:pt x="508" y="177"/>
                  </a:lnTo>
                  <a:lnTo>
                    <a:pt x="456" y="172"/>
                  </a:lnTo>
                  <a:lnTo>
                    <a:pt x="406" y="167"/>
                  </a:lnTo>
                  <a:lnTo>
                    <a:pt x="357" y="161"/>
                  </a:lnTo>
                  <a:lnTo>
                    <a:pt x="311" y="154"/>
                  </a:lnTo>
                  <a:lnTo>
                    <a:pt x="290" y="150"/>
                  </a:lnTo>
                  <a:lnTo>
                    <a:pt x="270" y="146"/>
                  </a:lnTo>
                  <a:lnTo>
                    <a:pt x="251" y="141"/>
                  </a:lnTo>
                  <a:lnTo>
                    <a:pt x="233" y="135"/>
                  </a:lnTo>
                  <a:lnTo>
                    <a:pt x="230" y="143"/>
                  </a:lnTo>
                  <a:lnTo>
                    <a:pt x="228" y="149"/>
                  </a:lnTo>
                  <a:lnTo>
                    <a:pt x="227" y="157"/>
                  </a:lnTo>
                  <a:lnTo>
                    <a:pt x="225" y="164"/>
                  </a:lnTo>
                  <a:lnTo>
                    <a:pt x="228" y="179"/>
                  </a:lnTo>
                  <a:lnTo>
                    <a:pt x="229" y="192"/>
                  </a:lnTo>
                  <a:lnTo>
                    <a:pt x="230" y="200"/>
                  </a:lnTo>
                  <a:lnTo>
                    <a:pt x="231" y="207"/>
                  </a:lnTo>
                  <a:lnTo>
                    <a:pt x="230" y="213"/>
                  </a:lnTo>
                  <a:lnTo>
                    <a:pt x="230" y="220"/>
                  </a:lnTo>
                  <a:lnTo>
                    <a:pt x="228" y="226"/>
                  </a:lnTo>
                  <a:lnTo>
                    <a:pt x="224" y="231"/>
                  </a:lnTo>
                  <a:lnTo>
                    <a:pt x="219" y="238"/>
                  </a:lnTo>
                  <a:lnTo>
                    <a:pt x="213" y="242"/>
                  </a:lnTo>
                  <a:lnTo>
                    <a:pt x="227" y="253"/>
                  </a:lnTo>
                  <a:lnTo>
                    <a:pt x="241" y="263"/>
                  </a:lnTo>
                  <a:lnTo>
                    <a:pt x="256" y="272"/>
                  </a:lnTo>
                  <a:lnTo>
                    <a:pt x="272" y="281"/>
                  </a:lnTo>
                  <a:lnTo>
                    <a:pt x="271" y="292"/>
                  </a:lnTo>
                  <a:lnTo>
                    <a:pt x="269" y="303"/>
                  </a:lnTo>
                  <a:lnTo>
                    <a:pt x="266" y="311"/>
                  </a:lnTo>
                  <a:lnTo>
                    <a:pt x="261" y="320"/>
                  </a:lnTo>
                  <a:lnTo>
                    <a:pt x="252" y="333"/>
                  </a:lnTo>
                  <a:lnTo>
                    <a:pt x="242" y="349"/>
                  </a:lnTo>
                  <a:lnTo>
                    <a:pt x="238" y="346"/>
                  </a:lnTo>
                  <a:lnTo>
                    <a:pt x="233" y="344"/>
                  </a:lnTo>
                  <a:lnTo>
                    <a:pt x="228" y="342"/>
                  </a:lnTo>
                  <a:lnTo>
                    <a:pt x="222" y="340"/>
                  </a:lnTo>
                  <a:lnTo>
                    <a:pt x="216" y="339"/>
                  </a:lnTo>
                  <a:lnTo>
                    <a:pt x="210" y="339"/>
                  </a:lnTo>
                  <a:lnTo>
                    <a:pt x="202" y="339"/>
                  </a:lnTo>
                  <a:lnTo>
                    <a:pt x="194" y="340"/>
                  </a:lnTo>
                  <a:lnTo>
                    <a:pt x="189" y="346"/>
                  </a:lnTo>
                  <a:lnTo>
                    <a:pt x="183" y="353"/>
                  </a:lnTo>
                  <a:lnTo>
                    <a:pt x="178" y="361"/>
                  </a:lnTo>
                  <a:lnTo>
                    <a:pt x="175" y="369"/>
                  </a:lnTo>
                  <a:lnTo>
                    <a:pt x="168" y="385"/>
                  </a:lnTo>
                  <a:lnTo>
                    <a:pt x="162" y="401"/>
                  </a:lnTo>
                  <a:lnTo>
                    <a:pt x="155" y="436"/>
                  </a:lnTo>
                  <a:lnTo>
                    <a:pt x="149" y="469"/>
                  </a:lnTo>
                  <a:lnTo>
                    <a:pt x="145" y="486"/>
                  </a:lnTo>
                  <a:lnTo>
                    <a:pt x="141" y="503"/>
                  </a:lnTo>
                  <a:lnTo>
                    <a:pt x="137" y="519"/>
                  </a:lnTo>
                  <a:lnTo>
                    <a:pt x="131" y="534"/>
                  </a:lnTo>
                  <a:lnTo>
                    <a:pt x="128" y="541"/>
                  </a:lnTo>
                  <a:lnTo>
                    <a:pt x="123" y="547"/>
                  </a:lnTo>
                  <a:lnTo>
                    <a:pt x="119" y="554"/>
                  </a:lnTo>
                  <a:lnTo>
                    <a:pt x="114" y="560"/>
                  </a:lnTo>
                  <a:lnTo>
                    <a:pt x="108" y="566"/>
                  </a:lnTo>
                  <a:lnTo>
                    <a:pt x="101" y="571"/>
                  </a:lnTo>
                  <a:lnTo>
                    <a:pt x="95" y="577"/>
                  </a:lnTo>
                  <a:lnTo>
                    <a:pt x="88" y="582"/>
                  </a:lnTo>
                  <a:lnTo>
                    <a:pt x="81" y="582"/>
                  </a:lnTo>
                  <a:lnTo>
                    <a:pt x="77" y="580"/>
                  </a:lnTo>
                  <a:lnTo>
                    <a:pt x="73" y="578"/>
                  </a:lnTo>
                  <a:lnTo>
                    <a:pt x="70" y="576"/>
                  </a:lnTo>
                  <a:lnTo>
                    <a:pt x="63" y="569"/>
                  </a:lnTo>
                  <a:lnTo>
                    <a:pt x="59" y="562"/>
                  </a:lnTo>
                  <a:lnTo>
                    <a:pt x="54" y="555"/>
                  </a:lnTo>
                  <a:lnTo>
                    <a:pt x="49" y="548"/>
                  </a:lnTo>
                  <a:lnTo>
                    <a:pt x="44" y="546"/>
                  </a:lnTo>
                  <a:lnTo>
                    <a:pt x="40" y="544"/>
                  </a:lnTo>
                  <a:lnTo>
                    <a:pt x="35" y="543"/>
                  </a:lnTo>
                  <a:lnTo>
                    <a:pt x="29" y="543"/>
                  </a:lnTo>
                  <a:lnTo>
                    <a:pt x="18" y="549"/>
                  </a:lnTo>
                  <a:lnTo>
                    <a:pt x="9" y="557"/>
                  </a:lnTo>
                  <a:lnTo>
                    <a:pt x="4" y="561"/>
                  </a:lnTo>
                  <a:lnTo>
                    <a:pt x="1" y="567"/>
                  </a:lnTo>
                  <a:lnTo>
                    <a:pt x="0" y="574"/>
                  </a:lnTo>
                  <a:lnTo>
                    <a:pt x="0" y="582"/>
                  </a:lnTo>
                  <a:lnTo>
                    <a:pt x="28" y="592"/>
                  </a:lnTo>
                  <a:lnTo>
                    <a:pt x="56" y="603"/>
                  </a:lnTo>
                  <a:lnTo>
                    <a:pt x="62" y="607"/>
                  </a:lnTo>
                  <a:lnTo>
                    <a:pt x="68" y="611"/>
                  </a:lnTo>
                  <a:lnTo>
                    <a:pt x="72" y="617"/>
                  </a:lnTo>
                  <a:lnTo>
                    <a:pt x="76" y="623"/>
                  </a:lnTo>
                  <a:lnTo>
                    <a:pt x="78" y="630"/>
                  </a:lnTo>
                  <a:lnTo>
                    <a:pt x="79" y="639"/>
                  </a:lnTo>
                  <a:lnTo>
                    <a:pt x="79" y="648"/>
                  </a:lnTo>
                  <a:lnTo>
                    <a:pt x="77" y="660"/>
                  </a:lnTo>
                  <a:lnTo>
                    <a:pt x="68" y="660"/>
                  </a:lnTo>
                  <a:lnTo>
                    <a:pt x="58" y="660"/>
                  </a:lnTo>
                  <a:lnTo>
                    <a:pt x="49" y="660"/>
                  </a:lnTo>
                  <a:lnTo>
                    <a:pt x="38" y="660"/>
                  </a:lnTo>
                  <a:lnTo>
                    <a:pt x="40" y="680"/>
                  </a:lnTo>
                  <a:lnTo>
                    <a:pt x="43" y="690"/>
                  </a:lnTo>
                  <a:lnTo>
                    <a:pt x="43" y="696"/>
                  </a:lnTo>
                  <a:lnTo>
                    <a:pt x="43" y="701"/>
                  </a:lnTo>
                  <a:lnTo>
                    <a:pt x="41" y="708"/>
                  </a:lnTo>
                  <a:lnTo>
                    <a:pt x="38" y="718"/>
                  </a:lnTo>
                  <a:lnTo>
                    <a:pt x="57" y="713"/>
                  </a:lnTo>
                  <a:lnTo>
                    <a:pt x="78" y="709"/>
                  </a:lnTo>
                  <a:lnTo>
                    <a:pt x="89" y="707"/>
                  </a:lnTo>
                  <a:lnTo>
                    <a:pt x="101" y="707"/>
                  </a:lnTo>
                  <a:lnTo>
                    <a:pt x="113" y="707"/>
                  </a:lnTo>
                  <a:lnTo>
                    <a:pt x="125" y="708"/>
                  </a:lnTo>
                  <a:lnTo>
                    <a:pt x="133" y="720"/>
                  </a:lnTo>
                  <a:lnTo>
                    <a:pt x="141" y="729"/>
                  </a:lnTo>
                  <a:lnTo>
                    <a:pt x="150" y="740"/>
                  </a:lnTo>
                  <a:lnTo>
                    <a:pt x="158" y="749"/>
                  </a:lnTo>
                  <a:lnTo>
                    <a:pt x="165" y="759"/>
                  </a:lnTo>
                  <a:lnTo>
                    <a:pt x="173" y="770"/>
                  </a:lnTo>
                  <a:lnTo>
                    <a:pt x="177" y="776"/>
                  </a:lnTo>
                  <a:lnTo>
                    <a:pt x="179" y="782"/>
                  </a:lnTo>
                  <a:lnTo>
                    <a:pt x="182" y="788"/>
                  </a:lnTo>
                  <a:lnTo>
                    <a:pt x="184" y="796"/>
                  </a:lnTo>
                  <a:lnTo>
                    <a:pt x="195" y="789"/>
                  </a:lnTo>
                  <a:lnTo>
                    <a:pt x="205" y="784"/>
                  </a:lnTo>
                  <a:lnTo>
                    <a:pt x="215" y="781"/>
                  </a:lnTo>
                  <a:lnTo>
                    <a:pt x="225" y="779"/>
                  </a:lnTo>
                  <a:lnTo>
                    <a:pt x="235" y="779"/>
                  </a:lnTo>
                  <a:lnTo>
                    <a:pt x="244" y="779"/>
                  </a:lnTo>
                  <a:lnTo>
                    <a:pt x="255" y="781"/>
                  </a:lnTo>
                  <a:lnTo>
                    <a:pt x="264" y="782"/>
                  </a:lnTo>
                  <a:lnTo>
                    <a:pt x="286" y="787"/>
                  </a:lnTo>
                  <a:lnTo>
                    <a:pt x="308" y="793"/>
                  </a:lnTo>
                  <a:lnTo>
                    <a:pt x="319" y="795"/>
                  </a:lnTo>
                  <a:lnTo>
                    <a:pt x="332" y="796"/>
                  </a:lnTo>
                  <a:lnTo>
                    <a:pt x="346" y="796"/>
                  </a:lnTo>
                  <a:lnTo>
                    <a:pt x="359" y="796"/>
                  </a:lnTo>
                  <a:lnTo>
                    <a:pt x="358" y="787"/>
                  </a:lnTo>
                  <a:lnTo>
                    <a:pt x="358" y="779"/>
                  </a:lnTo>
                  <a:lnTo>
                    <a:pt x="359" y="773"/>
                  </a:lnTo>
                  <a:lnTo>
                    <a:pt x="360" y="766"/>
                  </a:lnTo>
                  <a:lnTo>
                    <a:pt x="362" y="761"/>
                  </a:lnTo>
                  <a:lnTo>
                    <a:pt x="366" y="757"/>
                  </a:lnTo>
                  <a:lnTo>
                    <a:pt x="369" y="753"/>
                  </a:lnTo>
                  <a:lnTo>
                    <a:pt x="373" y="749"/>
                  </a:lnTo>
                  <a:lnTo>
                    <a:pt x="381" y="744"/>
                  </a:lnTo>
                  <a:lnTo>
                    <a:pt x="392" y="740"/>
                  </a:lnTo>
                  <a:lnTo>
                    <a:pt x="402" y="737"/>
                  </a:lnTo>
                  <a:lnTo>
                    <a:pt x="414" y="735"/>
                  </a:lnTo>
                  <a:lnTo>
                    <a:pt x="427" y="733"/>
                  </a:lnTo>
                  <a:lnTo>
                    <a:pt x="438" y="730"/>
                  </a:lnTo>
                  <a:lnTo>
                    <a:pt x="450" y="727"/>
                  </a:lnTo>
                  <a:lnTo>
                    <a:pt x="460" y="722"/>
                  </a:lnTo>
                  <a:lnTo>
                    <a:pt x="465" y="719"/>
                  </a:lnTo>
                  <a:lnTo>
                    <a:pt x="469" y="716"/>
                  </a:lnTo>
                  <a:lnTo>
                    <a:pt x="473" y="711"/>
                  </a:lnTo>
                  <a:lnTo>
                    <a:pt x="476" y="706"/>
                  </a:lnTo>
                  <a:lnTo>
                    <a:pt x="479" y="701"/>
                  </a:lnTo>
                  <a:lnTo>
                    <a:pt x="482" y="695"/>
                  </a:lnTo>
                  <a:lnTo>
                    <a:pt x="483" y="687"/>
                  </a:lnTo>
                  <a:lnTo>
                    <a:pt x="485" y="679"/>
                  </a:lnTo>
                  <a:lnTo>
                    <a:pt x="505" y="681"/>
                  </a:lnTo>
                  <a:lnTo>
                    <a:pt x="523" y="682"/>
                  </a:lnTo>
                  <a:lnTo>
                    <a:pt x="543" y="681"/>
                  </a:lnTo>
                  <a:lnTo>
                    <a:pt x="562" y="679"/>
                  </a:lnTo>
                  <a:lnTo>
                    <a:pt x="580" y="675"/>
                  </a:lnTo>
                  <a:lnTo>
                    <a:pt x="598" y="668"/>
                  </a:lnTo>
                  <a:lnTo>
                    <a:pt x="615" y="662"/>
                  </a:lnTo>
                  <a:lnTo>
                    <a:pt x="632" y="654"/>
                  </a:lnTo>
                  <a:lnTo>
                    <a:pt x="647" y="644"/>
                  </a:lnTo>
                  <a:lnTo>
                    <a:pt x="661" y="633"/>
                  </a:lnTo>
                  <a:lnTo>
                    <a:pt x="674" y="620"/>
                  </a:lnTo>
                  <a:lnTo>
                    <a:pt x="687" y="607"/>
                  </a:lnTo>
                  <a:lnTo>
                    <a:pt x="696" y="592"/>
                  </a:lnTo>
                  <a:lnTo>
                    <a:pt x="706" y="577"/>
                  </a:lnTo>
                  <a:lnTo>
                    <a:pt x="713" y="561"/>
                  </a:lnTo>
                  <a:lnTo>
                    <a:pt x="718" y="543"/>
                  </a:lnTo>
                  <a:lnTo>
                    <a:pt x="731" y="544"/>
                  </a:lnTo>
                  <a:lnTo>
                    <a:pt x="741" y="542"/>
                  </a:lnTo>
                  <a:lnTo>
                    <a:pt x="749" y="539"/>
                  </a:lnTo>
                  <a:lnTo>
                    <a:pt x="755" y="535"/>
                  </a:lnTo>
                  <a:lnTo>
                    <a:pt x="760" y="529"/>
                  </a:lnTo>
                  <a:lnTo>
                    <a:pt x="765" y="523"/>
                  </a:lnTo>
                  <a:lnTo>
                    <a:pt x="768" y="517"/>
                  </a:lnTo>
                  <a:lnTo>
                    <a:pt x="771" y="509"/>
                  </a:lnTo>
                  <a:lnTo>
                    <a:pt x="774" y="502"/>
                  </a:lnTo>
                  <a:lnTo>
                    <a:pt x="777" y="495"/>
                  </a:lnTo>
                  <a:lnTo>
                    <a:pt x="781" y="487"/>
                  </a:lnTo>
                  <a:lnTo>
                    <a:pt x="786" y="481"/>
                  </a:lnTo>
                  <a:lnTo>
                    <a:pt x="793" y="475"/>
                  </a:lnTo>
                  <a:lnTo>
                    <a:pt x="801" y="470"/>
                  </a:lnTo>
                  <a:lnTo>
                    <a:pt x="812" y="467"/>
                  </a:lnTo>
                  <a:lnTo>
                    <a:pt x="825" y="465"/>
                  </a:lnTo>
                  <a:lnTo>
                    <a:pt x="821" y="456"/>
                  </a:lnTo>
                  <a:lnTo>
                    <a:pt x="818" y="447"/>
                  </a:lnTo>
                  <a:lnTo>
                    <a:pt x="813" y="439"/>
                  </a:lnTo>
                  <a:lnTo>
                    <a:pt x="808" y="431"/>
                  </a:lnTo>
                  <a:lnTo>
                    <a:pt x="803" y="424"/>
                  </a:lnTo>
                  <a:lnTo>
                    <a:pt x="796" y="418"/>
                  </a:lnTo>
                  <a:lnTo>
                    <a:pt x="789" y="412"/>
                  </a:lnTo>
                  <a:lnTo>
                    <a:pt x="781" y="407"/>
                  </a:lnTo>
                  <a:lnTo>
                    <a:pt x="765" y="398"/>
                  </a:lnTo>
                  <a:lnTo>
                    <a:pt x="747" y="390"/>
                  </a:lnTo>
                  <a:lnTo>
                    <a:pt x="728" y="384"/>
                  </a:lnTo>
                  <a:lnTo>
                    <a:pt x="708" y="379"/>
                  </a:lnTo>
                  <a:lnTo>
                    <a:pt x="708" y="389"/>
                  </a:lnTo>
                  <a:lnTo>
                    <a:pt x="706" y="400"/>
                  </a:lnTo>
                  <a:lnTo>
                    <a:pt x="703" y="409"/>
                  </a:lnTo>
                  <a:lnTo>
                    <a:pt x="699" y="419"/>
                  </a:lnTo>
                  <a:lnTo>
                    <a:pt x="694" y="426"/>
                  </a:lnTo>
                  <a:lnTo>
                    <a:pt x="690" y="433"/>
                  </a:lnTo>
                  <a:lnTo>
                    <a:pt x="684" y="440"/>
                  </a:lnTo>
                  <a:lnTo>
                    <a:pt x="677" y="445"/>
                  </a:lnTo>
                  <a:lnTo>
                    <a:pt x="670" y="449"/>
                  </a:lnTo>
                  <a:lnTo>
                    <a:pt x="662" y="451"/>
                  </a:lnTo>
                  <a:lnTo>
                    <a:pt x="655" y="452"/>
                  </a:lnTo>
                  <a:lnTo>
                    <a:pt x="647" y="452"/>
                  </a:lnTo>
                  <a:lnTo>
                    <a:pt x="638" y="451"/>
                  </a:lnTo>
                  <a:lnTo>
                    <a:pt x="629" y="448"/>
                  </a:lnTo>
                  <a:lnTo>
                    <a:pt x="620" y="443"/>
                  </a:lnTo>
                  <a:lnTo>
                    <a:pt x="611" y="437"/>
                  </a:lnTo>
                  <a:lnTo>
                    <a:pt x="606" y="446"/>
                  </a:lnTo>
                  <a:lnTo>
                    <a:pt x="600" y="456"/>
                  </a:lnTo>
                  <a:lnTo>
                    <a:pt x="593" y="465"/>
                  </a:lnTo>
                  <a:lnTo>
                    <a:pt x="587" y="474"/>
                  </a:lnTo>
                  <a:lnTo>
                    <a:pt x="578" y="482"/>
                  </a:lnTo>
                  <a:lnTo>
                    <a:pt x="570" y="489"/>
                  </a:lnTo>
                  <a:lnTo>
                    <a:pt x="561" y="497"/>
                  </a:lnTo>
                  <a:lnTo>
                    <a:pt x="552" y="504"/>
                  </a:lnTo>
                  <a:lnTo>
                    <a:pt x="532" y="517"/>
                  </a:lnTo>
                  <a:lnTo>
                    <a:pt x="511" y="528"/>
                  </a:lnTo>
                  <a:lnTo>
                    <a:pt x="488" y="539"/>
                  </a:lnTo>
                  <a:lnTo>
                    <a:pt x="463" y="548"/>
                  </a:lnTo>
                  <a:lnTo>
                    <a:pt x="437" y="556"/>
                  </a:lnTo>
                  <a:lnTo>
                    <a:pt x="412" y="562"/>
                  </a:lnTo>
                  <a:lnTo>
                    <a:pt x="384" y="566"/>
                  </a:lnTo>
                  <a:lnTo>
                    <a:pt x="358" y="570"/>
                  </a:lnTo>
                  <a:lnTo>
                    <a:pt x="331" y="572"/>
                  </a:lnTo>
                  <a:lnTo>
                    <a:pt x="304" y="574"/>
                  </a:lnTo>
                  <a:lnTo>
                    <a:pt x="278" y="574"/>
                  </a:lnTo>
                  <a:lnTo>
                    <a:pt x="252" y="572"/>
                  </a:lnTo>
                  <a:lnTo>
                    <a:pt x="276" y="570"/>
                  </a:lnTo>
                  <a:lnTo>
                    <a:pt x="299" y="567"/>
                  </a:lnTo>
                  <a:lnTo>
                    <a:pt x="321" y="563"/>
                  </a:lnTo>
                  <a:lnTo>
                    <a:pt x="342" y="559"/>
                  </a:lnTo>
                  <a:lnTo>
                    <a:pt x="363" y="554"/>
                  </a:lnTo>
                  <a:lnTo>
                    <a:pt x="383" y="547"/>
                  </a:lnTo>
                  <a:lnTo>
                    <a:pt x="403" y="541"/>
                  </a:lnTo>
                  <a:lnTo>
                    <a:pt x="422" y="535"/>
                  </a:lnTo>
                  <a:lnTo>
                    <a:pt x="459" y="519"/>
                  </a:lnTo>
                  <a:lnTo>
                    <a:pt x="495" y="502"/>
                  </a:lnTo>
                  <a:lnTo>
                    <a:pt x="529" y="484"/>
                  </a:lnTo>
                  <a:lnTo>
                    <a:pt x="562" y="465"/>
                  </a:lnTo>
                  <a:lnTo>
                    <a:pt x="565" y="456"/>
                  </a:lnTo>
                  <a:lnTo>
                    <a:pt x="568" y="446"/>
                  </a:lnTo>
                  <a:lnTo>
                    <a:pt x="572" y="438"/>
                  </a:lnTo>
                  <a:lnTo>
                    <a:pt x="576" y="431"/>
                  </a:lnTo>
                  <a:lnTo>
                    <a:pt x="582" y="426"/>
                  </a:lnTo>
                  <a:lnTo>
                    <a:pt x="589" y="422"/>
                  </a:lnTo>
                  <a:lnTo>
                    <a:pt x="596" y="419"/>
                  </a:lnTo>
                  <a:lnTo>
                    <a:pt x="605" y="417"/>
                  </a:lnTo>
                  <a:lnTo>
                    <a:pt x="612" y="415"/>
                  </a:lnTo>
                  <a:lnTo>
                    <a:pt x="620" y="415"/>
                  </a:lnTo>
                  <a:lnTo>
                    <a:pt x="630" y="415"/>
                  </a:lnTo>
                  <a:lnTo>
                    <a:pt x="638" y="416"/>
                  </a:lnTo>
                  <a:lnTo>
                    <a:pt x="647" y="418"/>
                  </a:lnTo>
                  <a:lnTo>
                    <a:pt x="654" y="420"/>
                  </a:lnTo>
                  <a:lnTo>
                    <a:pt x="662" y="423"/>
                  </a:lnTo>
                  <a:lnTo>
                    <a:pt x="670" y="427"/>
                  </a:lnTo>
                  <a:lnTo>
                    <a:pt x="676" y="411"/>
                  </a:lnTo>
                  <a:lnTo>
                    <a:pt x="685" y="398"/>
                  </a:lnTo>
                  <a:lnTo>
                    <a:pt x="689" y="392"/>
                  </a:lnTo>
                  <a:lnTo>
                    <a:pt x="694" y="386"/>
                  </a:lnTo>
                  <a:lnTo>
                    <a:pt x="700" y="381"/>
                  </a:lnTo>
                  <a:lnTo>
                    <a:pt x="707" y="377"/>
                  </a:lnTo>
                  <a:lnTo>
                    <a:pt x="713" y="372"/>
                  </a:lnTo>
                  <a:lnTo>
                    <a:pt x="720" y="368"/>
                  </a:lnTo>
                  <a:lnTo>
                    <a:pt x="728" y="365"/>
                  </a:lnTo>
                  <a:lnTo>
                    <a:pt x="736" y="363"/>
                  </a:lnTo>
                  <a:lnTo>
                    <a:pt x="746" y="361"/>
                  </a:lnTo>
                  <a:lnTo>
                    <a:pt x="755" y="360"/>
                  </a:lnTo>
                  <a:lnTo>
                    <a:pt x="766" y="359"/>
                  </a:lnTo>
                  <a:lnTo>
                    <a:pt x="776" y="359"/>
                  </a:lnTo>
                  <a:close/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251" name="Fredrikshavn"/>
            <p:cNvSpPr>
              <a:spLocks/>
            </p:cNvSpPr>
            <p:nvPr/>
          </p:nvSpPr>
          <p:spPr bwMode="auto">
            <a:xfrm>
              <a:off x="2141538" y="2149475"/>
              <a:ext cx="323850" cy="803275"/>
            </a:xfrm>
            <a:custGeom>
              <a:avLst/>
              <a:gdLst>
                <a:gd name="T0" fmla="*/ 164 w 612"/>
                <a:gd name="T1" fmla="*/ 254 h 1519"/>
                <a:gd name="T2" fmla="*/ 126 w 612"/>
                <a:gd name="T3" fmla="*/ 208 h 1519"/>
                <a:gd name="T4" fmla="*/ 109 w 612"/>
                <a:gd name="T5" fmla="*/ 178 h 1519"/>
                <a:gd name="T6" fmla="*/ 104 w 612"/>
                <a:gd name="T7" fmla="*/ 156 h 1519"/>
                <a:gd name="T8" fmla="*/ 106 w 612"/>
                <a:gd name="T9" fmla="*/ 126 h 1519"/>
                <a:gd name="T10" fmla="*/ 116 w 612"/>
                <a:gd name="T11" fmla="*/ 100 h 1519"/>
                <a:gd name="T12" fmla="*/ 140 w 612"/>
                <a:gd name="T13" fmla="*/ 67 h 1519"/>
                <a:gd name="T14" fmla="*/ 181 w 612"/>
                <a:gd name="T15" fmla="*/ 26 h 1519"/>
                <a:gd name="T16" fmla="*/ 196 w 612"/>
                <a:gd name="T17" fmla="*/ 0 h 1519"/>
                <a:gd name="T18" fmla="*/ 176 w 612"/>
                <a:gd name="T19" fmla="*/ 2 h 1519"/>
                <a:gd name="T20" fmla="*/ 158 w 612"/>
                <a:gd name="T21" fmla="*/ 8 h 1519"/>
                <a:gd name="T22" fmla="*/ 128 w 612"/>
                <a:gd name="T23" fmla="*/ 31 h 1519"/>
                <a:gd name="T24" fmla="*/ 83 w 612"/>
                <a:gd name="T25" fmla="*/ 74 h 1519"/>
                <a:gd name="T26" fmla="*/ 41 w 612"/>
                <a:gd name="T27" fmla="*/ 112 h 1519"/>
                <a:gd name="T28" fmla="*/ 52 w 612"/>
                <a:gd name="T29" fmla="*/ 144 h 1519"/>
                <a:gd name="T30" fmla="*/ 58 w 612"/>
                <a:gd name="T31" fmla="*/ 164 h 1519"/>
                <a:gd name="T32" fmla="*/ 62 w 612"/>
                <a:gd name="T33" fmla="*/ 186 h 1519"/>
                <a:gd name="T34" fmla="*/ 85 w 612"/>
                <a:gd name="T35" fmla="*/ 218 h 1519"/>
                <a:gd name="T36" fmla="*/ 104 w 612"/>
                <a:gd name="T37" fmla="*/ 241 h 1519"/>
                <a:gd name="T38" fmla="*/ 85 w 612"/>
                <a:gd name="T39" fmla="*/ 252 h 1519"/>
                <a:gd name="T40" fmla="*/ 71 w 612"/>
                <a:gd name="T41" fmla="*/ 267 h 1519"/>
                <a:gd name="T42" fmla="*/ 54 w 612"/>
                <a:gd name="T43" fmla="*/ 273 h 1519"/>
                <a:gd name="T44" fmla="*/ 55 w 612"/>
                <a:gd name="T45" fmla="*/ 286 h 1519"/>
                <a:gd name="T46" fmla="*/ 64 w 612"/>
                <a:gd name="T47" fmla="*/ 302 h 1519"/>
                <a:gd name="T48" fmla="*/ 69 w 612"/>
                <a:gd name="T49" fmla="*/ 313 h 1519"/>
                <a:gd name="T50" fmla="*/ 84 w 612"/>
                <a:gd name="T51" fmla="*/ 314 h 1519"/>
                <a:gd name="T52" fmla="*/ 93 w 612"/>
                <a:gd name="T53" fmla="*/ 318 h 1519"/>
                <a:gd name="T54" fmla="*/ 82 w 612"/>
                <a:gd name="T55" fmla="*/ 329 h 1519"/>
                <a:gd name="T56" fmla="*/ 62 w 612"/>
                <a:gd name="T57" fmla="*/ 333 h 1519"/>
                <a:gd name="T58" fmla="*/ 34 w 612"/>
                <a:gd name="T59" fmla="*/ 330 h 1519"/>
                <a:gd name="T60" fmla="*/ 19 w 612"/>
                <a:gd name="T61" fmla="*/ 335 h 1519"/>
                <a:gd name="T62" fmla="*/ 14 w 612"/>
                <a:gd name="T63" fmla="*/ 348 h 1519"/>
                <a:gd name="T64" fmla="*/ 0 w 612"/>
                <a:gd name="T65" fmla="*/ 351 h 1519"/>
                <a:gd name="T66" fmla="*/ 1 w 612"/>
                <a:gd name="T67" fmla="*/ 371 h 1519"/>
                <a:gd name="T68" fmla="*/ 10 w 612"/>
                <a:gd name="T69" fmla="*/ 392 h 1519"/>
                <a:gd name="T70" fmla="*/ 13 w 612"/>
                <a:gd name="T71" fmla="*/ 411 h 1519"/>
                <a:gd name="T72" fmla="*/ 10 w 612"/>
                <a:gd name="T73" fmla="*/ 425 h 1519"/>
                <a:gd name="T74" fmla="*/ 14 w 612"/>
                <a:gd name="T75" fmla="*/ 437 h 1519"/>
                <a:gd name="T76" fmla="*/ 40 w 612"/>
                <a:gd name="T77" fmla="*/ 429 h 1519"/>
                <a:gd name="T78" fmla="*/ 72 w 612"/>
                <a:gd name="T79" fmla="*/ 421 h 1519"/>
                <a:gd name="T80" fmla="*/ 92 w 612"/>
                <a:gd name="T81" fmla="*/ 434 h 1519"/>
                <a:gd name="T82" fmla="*/ 91 w 612"/>
                <a:gd name="T83" fmla="*/ 450 h 1519"/>
                <a:gd name="T84" fmla="*/ 105 w 612"/>
                <a:gd name="T85" fmla="*/ 466 h 1519"/>
                <a:gd name="T86" fmla="*/ 111 w 612"/>
                <a:gd name="T87" fmla="*/ 484 h 1519"/>
                <a:gd name="T88" fmla="*/ 122 w 612"/>
                <a:gd name="T89" fmla="*/ 502 h 1519"/>
                <a:gd name="T90" fmla="*/ 148 w 612"/>
                <a:gd name="T91" fmla="*/ 478 h 1519"/>
                <a:gd name="T92" fmla="*/ 169 w 612"/>
                <a:gd name="T93" fmla="*/ 461 h 1519"/>
                <a:gd name="T94" fmla="*/ 161 w 612"/>
                <a:gd name="T95" fmla="*/ 389 h 1519"/>
                <a:gd name="T96" fmla="*/ 152 w 612"/>
                <a:gd name="T97" fmla="*/ 330 h 1519"/>
                <a:gd name="T98" fmla="*/ 160 w 612"/>
                <a:gd name="T99" fmla="*/ 278 h 1519"/>
                <a:gd name="T100" fmla="*/ 166 w 612"/>
                <a:gd name="T101" fmla="*/ 274 h 1519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612" h="1519">
                  <a:moveTo>
                    <a:pt x="515" y="810"/>
                  </a:moveTo>
                  <a:lnTo>
                    <a:pt x="510" y="797"/>
                  </a:lnTo>
                  <a:lnTo>
                    <a:pt x="505" y="786"/>
                  </a:lnTo>
                  <a:lnTo>
                    <a:pt x="498" y="774"/>
                  </a:lnTo>
                  <a:lnTo>
                    <a:pt x="492" y="764"/>
                  </a:lnTo>
                  <a:lnTo>
                    <a:pt x="478" y="742"/>
                  </a:lnTo>
                  <a:lnTo>
                    <a:pt x="462" y="722"/>
                  </a:lnTo>
                  <a:lnTo>
                    <a:pt x="430" y="682"/>
                  </a:lnTo>
                  <a:lnTo>
                    <a:pt x="395" y="643"/>
                  </a:lnTo>
                  <a:lnTo>
                    <a:pt x="379" y="623"/>
                  </a:lnTo>
                  <a:lnTo>
                    <a:pt x="363" y="603"/>
                  </a:lnTo>
                  <a:lnTo>
                    <a:pt x="349" y="582"/>
                  </a:lnTo>
                  <a:lnTo>
                    <a:pt x="337" y="558"/>
                  </a:lnTo>
                  <a:lnTo>
                    <a:pt x="331" y="547"/>
                  </a:lnTo>
                  <a:lnTo>
                    <a:pt x="327" y="534"/>
                  </a:lnTo>
                  <a:lnTo>
                    <a:pt x="322" y="521"/>
                  </a:lnTo>
                  <a:lnTo>
                    <a:pt x="318" y="509"/>
                  </a:lnTo>
                  <a:lnTo>
                    <a:pt x="315" y="495"/>
                  </a:lnTo>
                  <a:lnTo>
                    <a:pt x="313" y="481"/>
                  </a:lnTo>
                  <a:lnTo>
                    <a:pt x="312" y="467"/>
                  </a:lnTo>
                  <a:lnTo>
                    <a:pt x="311" y="451"/>
                  </a:lnTo>
                  <a:lnTo>
                    <a:pt x="312" y="432"/>
                  </a:lnTo>
                  <a:lnTo>
                    <a:pt x="313" y="414"/>
                  </a:lnTo>
                  <a:lnTo>
                    <a:pt x="315" y="397"/>
                  </a:lnTo>
                  <a:lnTo>
                    <a:pt x="319" y="379"/>
                  </a:lnTo>
                  <a:lnTo>
                    <a:pt x="323" y="362"/>
                  </a:lnTo>
                  <a:lnTo>
                    <a:pt x="329" y="347"/>
                  </a:lnTo>
                  <a:lnTo>
                    <a:pt x="335" y="331"/>
                  </a:lnTo>
                  <a:lnTo>
                    <a:pt x="341" y="315"/>
                  </a:lnTo>
                  <a:lnTo>
                    <a:pt x="349" y="299"/>
                  </a:lnTo>
                  <a:lnTo>
                    <a:pt x="357" y="285"/>
                  </a:lnTo>
                  <a:lnTo>
                    <a:pt x="367" y="271"/>
                  </a:lnTo>
                  <a:lnTo>
                    <a:pt x="376" y="256"/>
                  </a:lnTo>
                  <a:lnTo>
                    <a:pt x="396" y="229"/>
                  </a:lnTo>
                  <a:lnTo>
                    <a:pt x="419" y="201"/>
                  </a:lnTo>
                  <a:lnTo>
                    <a:pt x="442" y="176"/>
                  </a:lnTo>
                  <a:lnTo>
                    <a:pt x="468" y="151"/>
                  </a:lnTo>
                  <a:lnTo>
                    <a:pt x="492" y="126"/>
                  </a:lnTo>
                  <a:lnTo>
                    <a:pt x="517" y="101"/>
                  </a:lnTo>
                  <a:lnTo>
                    <a:pt x="542" y="77"/>
                  </a:lnTo>
                  <a:lnTo>
                    <a:pt x="567" y="53"/>
                  </a:lnTo>
                  <a:lnTo>
                    <a:pt x="590" y="29"/>
                  </a:lnTo>
                  <a:lnTo>
                    <a:pt x="612" y="4"/>
                  </a:lnTo>
                  <a:lnTo>
                    <a:pt x="599" y="2"/>
                  </a:lnTo>
                  <a:lnTo>
                    <a:pt x="587" y="1"/>
                  </a:lnTo>
                  <a:lnTo>
                    <a:pt x="574" y="0"/>
                  </a:lnTo>
                  <a:lnTo>
                    <a:pt x="561" y="1"/>
                  </a:lnTo>
                  <a:lnTo>
                    <a:pt x="550" y="1"/>
                  </a:lnTo>
                  <a:lnTo>
                    <a:pt x="538" y="3"/>
                  </a:lnTo>
                  <a:lnTo>
                    <a:pt x="527" y="6"/>
                  </a:lnTo>
                  <a:lnTo>
                    <a:pt x="516" y="9"/>
                  </a:lnTo>
                  <a:lnTo>
                    <a:pt x="506" y="12"/>
                  </a:lnTo>
                  <a:lnTo>
                    <a:pt x="495" y="16"/>
                  </a:lnTo>
                  <a:lnTo>
                    <a:pt x="485" y="20"/>
                  </a:lnTo>
                  <a:lnTo>
                    <a:pt x="474" y="24"/>
                  </a:lnTo>
                  <a:lnTo>
                    <a:pt x="455" y="36"/>
                  </a:lnTo>
                  <a:lnTo>
                    <a:pt x="436" y="49"/>
                  </a:lnTo>
                  <a:lnTo>
                    <a:pt x="418" y="62"/>
                  </a:lnTo>
                  <a:lnTo>
                    <a:pt x="400" y="76"/>
                  </a:lnTo>
                  <a:lnTo>
                    <a:pt x="383" y="92"/>
                  </a:lnTo>
                  <a:lnTo>
                    <a:pt x="367" y="108"/>
                  </a:lnTo>
                  <a:lnTo>
                    <a:pt x="334" y="139"/>
                  </a:lnTo>
                  <a:lnTo>
                    <a:pt x="301" y="170"/>
                  </a:lnTo>
                  <a:lnTo>
                    <a:pt x="274" y="195"/>
                  </a:lnTo>
                  <a:lnTo>
                    <a:pt x="248" y="221"/>
                  </a:lnTo>
                  <a:lnTo>
                    <a:pt x="221" y="247"/>
                  </a:lnTo>
                  <a:lnTo>
                    <a:pt x="197" y="271"/>
                  </a:lnTo>
                  <a:lnTo>
                    <a:pt x="172" y="294"/>
                  </a:lnTo>
                  <a:lnTo>
                    <a:pt x="148" y="316"/>
                  </a:lnTo>
                  <a:lnTo>
                    <a:pt x="123" y="336"/>
                  </a:lnTo>
                  <a:lnTo>
                    <a:pt x="98" y="354"/>
                  </a:lnTo>
                  <a:lnTo>
                    <a:pt x="112" y="374"/>
                  </a:lnTo>
                  <a:lnTo>
                    <a:pt x="127" y="393"/>
                  </a:lnTo>
                  <a:lnTo>
                    <a:pt x="141" y="413"/>
                  </a:lnTo>
                  <a:lnTo>
                    <a:pt x="155" y="433"/>
                  </a:lnTo>
                  <a:lnTo>
                    <a:pt x="160" y="445"/>
                  </a:lnTo>
                  <a:lnTo>
                    <a:pt x="165" y="456"/>
                  </a:lnTo>
                  <a:lnTo>
                    <a:pt x="169" y="468"/>
                  </a:lnTo>
                  <a:lnTo>
                    <a:pt x="172" y="480"/>
                  </a:lnTo>
                  <a:lnTo>
                    <a:pt x="173" y="493"/>
                  </a:lnTo>
                  <a:lnTo>
                    <a:pt x="172" y="508"/>
                  </a:lnTo>
                  <a:lnTo>
                    <a:pt x="170" y="523"/>
                  </a:lnTo>
                  <a:lnTo>
                    <a:pt x="165" y="538"/>
                  </a:lnTo>
                  <a:lnTo>
                    <a:pt x="176" y="549"/>
                  </a:lnTo>
                  <a:lnTo>
                    <a:pt x="187" y="559"/>
                  </a:lnTo>
                  <a:lnTo>
                    <a:pt x="196" y="570"/>
                  </a:lnTo>
                  <a:lnTo>
                    <a:pt x="204" y="582"/>
                  </a:lnTo>
                  <a:lnTo>
                    <a:pt x="222" y="606"/>
                  </a:lnTo>
                  <a:lnTo>
                    <a:pt x="239" y="630"/>
                  </a:lnTo>
                  <a:lnTo>
                    <a:pt x="255" y="655"/>
                  </a:lnTo>
                  <a:lnTo>
                    <a:pt x="272" y="679"/>
                  </a:lnTo>
                  <a:lnTo>
                    <a:pt x="281" y="691"/>
                  </a:lnTo>
                  <a:lnTo>
                    <a:pt x="291" y="702"/>
                  </a:lnTo>
                  <a:lnTo>
                    <a:pt x="300" y="713"/>
                  </a:lnTo>
                  <a:lnTo>
                    <a:pt x="311" y="723"/>
                  </a:lnTo>
                  <a:lnTo>
                    <a:pt x="299" y="725"/>
                  </a:lnTo>
                  <a:lnTo>
                    <a:pt x="289" y="729"/>
                  </a:lnTo>
                  <a:lnTo>
                    <a:pt x="279" y="734"/>
                  </a:lnTo>
                  <a:lnTo>
                    <a:pt x="271" y="741"/>
                  </a:lnTo>
                  <a:lnTo>
                    <a:pt x="256" y="755"/>
                  </a:lnTo>
                  <a:lnTo>
                    <a:pt x="243" y="772"/>
                  </a:lnTo>
                  <a:lnTo>
                    <a:pt x="237" y="779"/>
                  </a:lnTo>
                  <a:lnTo>
                    <a:pt x="230" y="787"/>
                  </a:lnTo>
                  <a:lnTo>
                    <a:pt x="222" y="794"/>
                  </a:lnTo>
                  <a:lnTo>
                    <a:pt x="214" y="801"/>
                  </a:lnTo>
                  <a:lnTo>
                    <a:pt x="203" y="805"/>
                  </a:lnTo>
                  <a:lnTo>
                    <a:pt x="193" y="808"/>
                  </a:lnTo>
                  <a:lnTo>
                    <a:pt x="180" y="810"/>
                  </a:lnTo>
                  <a:lnTo>
                    <a:pt x="165" y="810"/>
                  </a:lnTo>
                  <a:lnTo>
                    <a:pt x="161" y="821"/>
                  </a:lnTo>
                  <a:lnTo>
                    <a:pt x="159" y="830"/>
                  </a:lnTo>
                  <a:lnTo>
                    <a:pt x="159" y="838"/>
                  </a:lnTo>
                  <a:lnTo>
                    <a:pt x="160" y="846"/>
                  </a:lnTo>
                  <a:lnTo>
                    <a:pt x="162" y="852"/>
                  </a:lnTo>
                  <a:lnTo>
                    <a:pt x="165" y="858"/>
                  </a:lnTo>
                  <a:lnTo>
                    <a:pt x="169" y="865"/>
                  </a:lnTo>
                  <a:lnTo>
                    <a:pt x="173" y="871"/>
                  </a:lnTo>
                  <a:lnTo>
                    <a:pt x="181" y="883"/>
                  </a:lnTo>
                  <a:lnTo>
                    <a:pt x="190" y="897"/>
                  </a:lnTo>
                  <a:lnTo>
                    <a:pt x="192" y="906"/>
                  </a:lnTo>
                  <a:lnTo>
                    <a:pt x="194" y="914"/>
                  </a:lnTo>
                  <a:lnTo>
                    <a:pt x="195" y="925"/>
                  </a:lnTo>
                  <a:lnTo>
                    <a:pt x="195" y="936"/>
                  </a:lnTo>
                  <a:lnTo>
                    <a:pt x="199" y="938"/>
                  </a:lnTo>
                  <a:lnTo>
                    <a:pt x="206" y="941"/>
                  </a:lnTo>
                  <a:lnTo>
                    <a:pt x="212" y="942"/>
                  </a:lnTo>
                  <a:lnTo>
                    <a:pt x="218" y="942"/>
                  </a:lnTo>
                  <a:lnTo>
                    <a:pt x="232" y="943"/>
                  </a:lnTo>
                  <a:lnTo>
                    <a:pt x="247" y="943"/>
                  </a:lnTo>
                  <a:lnTo>
                    <a:pt x="253" y="944"/>
                  </a:lnTo>
                  <a:lnTo>
                    <a:pt x="259" y="945"/>
                  </a:lnTo>
                  <a:lnTo>
                    <a:pt x="266" y="946"/>
                  </a:lnTo>
                  <a:lnTo>
                    <a:pt x="271" y="948"/>
                  </a:lnTo>
                  <a:lnTo>
                    <a:pt x="275" y="951"/>
                  </a:lnTo>
                  <a:lnTo>
                    <a:pt x="278" y="954"/>
                  </a:lnTo>
                  <a:lnTo>
                    <a:pt x="280" y="960"/>
                  </a:lnTo>
                  <a:lnTo>
                    <a:pt x="282" y="966"/>
                  </a:lnTo>
                  <a:lnTo>
                    <a:pt x="270" y="974"/>
                  </a:lnTo>
                  <a:lnTo>
                    <a:pt x="258" y="981"/>
                  </a:lnTo>
                  <a:lnTo>
                    <a:pt x="246" y="987"/>
                  </a:lnTo>
                  <a:lnTo>
                    <a:pt x="234" y="991"/>
                  </a:lnTo>
                  <a:lnTo>
                    <a:pt x="222" y="994"/>
                  </a:lnTo>
                  <a:lnTo>
                    <a:pt x="210" y="996"/>
                  </a:lnTo>
                  <a:lnTo>
                    <a:pt x="198" y="999"/>
                  </a:lnTo>
                  <a:lnTo>
                    <a:pt x="185" y="999"/>
                  </a:lnTo>
                  <a:lnTo>
                    <a:pt x="173" y="999"/>
                  </a:lnTo>
                  <a:lnTo>
                    <a:pt x="160" y="999"/>
                  </a:lnTo>
                  <a:lnTo>
                    <a:pt x="147" y="996"/>
                  </a:lnTo>
                  <a:lnTo>
                    <a:pt x="132" y="995"/>
                  </a:lnTo>
                  <a:lnTo>
                    <a:pt x="102" y="990"/>
                  </a:lnTo>
                  <a:lnTo>
                    <a:pt x="69" y="985"/>
                  </a:lnTo>
                  <a:lnTo>
                    <a:pt x="64" y="990"/>
                  </a:lnTo>
                  <a:lnTo>
                    <a:pt x="61" y="995"/>
                  </a:lnTo>
                  <a:lnTo>
                    <a:pt x="59" y="1001"/>
                  </a:lnTo>
                  <a:lnTo>
                    <a:pt x="57" y="1007"/>
                  </a:lnTo>
                  <a:lnTo>
                    <a:pt x="55" y="1019"/>
                  </a:lnTo>
                  <a:lnTo>
                    <a:pt x="51" y="1030"/>
                  </a:lnTo>
                  <a:lnTo>
                    <a:pt x="49" y="1035"/>
                  </a:lnTo>
                  <a:lnTo>
                    <a:pt x="45" y="1040"/>
                  </a:lnTo>
                  <a:lnTo>
                    <a:pt x="41" y="1044"/>
                  </a:lnTo>
                  <a:lnTo>
                    <a:pt x="37" y="1047"/>
                  </a:lnTo>
                  <a:lnTo>
                    <a:pt x="30" y="1050"/>
                  </a:lnTo>
                  <a:lnTo>
                    <a:pt x="22" y="1052"/>
                  </a:lnTo>
                  <a:lnTo>
                    <a:pt x="12" y="1053"/>
                  </a:lnTo>
                  <a:lnTo>
                    <a:pt x="0" y="1053"/>
                  </a:lnTo>
                  <a:lnTo>
                    <a:pt x="0" y="1067"/>
                  </a:lnTo>
                  <a:lnTo>
                    <a:pt x="0" y="1081"/>
                  </a:lnTo>
                  <a:lnTo>
                    <a:pt x="1" y="1093"/>
                  </a:lnTo>
                  <a:lnTo>
                    <a:pt x="2" y="1104"/>
                  </a:lnTo>
                  <a:lnTo>
                    <a:pt x="4" y="1114"/>
                  </a:lnTo>
                  <a:lnTo>
                    <a:pt x="6" y="1125"/>
                  </a:lnTo>
                  <a:lnTo>
                    <a:pt x="9" y="1133"/>
                  </a:lnTo>
                  <a:lnTo>
                    <a:pt x="12" y="1143"/>
                  </a:lnTo>
                  <a:lnTo>
                    <a:pt x="19" y="1161"/>
                  </a:lnTo>
                  <a:lnTo>
                    <a:pt x="29" y="1178"/>
                  </a:lnTo>
                  <a:lnTo>
                    <a:pt x="38" y="1196"/>
                  </a:lnTo>
                  <a:lnTo>
                    <a:pt x="49" y="1218"/>
                  </a:lnTo>
                  <a:lnTo>
                    <a:pt x="44" y="1223"/>
                  </a:lnTo>
                  <a:lnTo>
                    <a:pt x="41" y="1229"/>
                  </a:lnTo>
                  <a:lnTo>
                    <a:pt x="38" y="1235"/>
                  </a:lnTo>
                  <a:lnTo>
                    <a:pt x="35" y="1243"/>
                  </a:lnTo>
                  <a:lnTo>
                    <a:pt x="33" y="1251"/>
                  </a:lnTo>
                  <a:lnTo>
                    <a:pt x="32" y="1260"/>
                  </a:lnTo>
                  <a:lnTo>
                    <a:pt x="31" y="1267"/>
                  </a:lnTo>
                  <a:lnTo>
                    <a:pt x="31" y="1275"/>
                  </a:lnTo>
                  <a:lnTo>
                    <a:pt x="31" y="1284"/>
                  </a:lnTo>
                  <a:lnTo>
                    <a:pt x="33" y="1292"/>
                  </a:lnTo>
                  <a:lnTo>
                    <a:pt x="35" y="1300"/>
                  </a:lnTo>
                  <a:lnTo>
                    <a:pt x="37" y="1306"/>
                  </a:lnTo>
                  <a:lnTo>
                    <a:pt x="41" y="1312"/>
                  </a:lnTo>
                  <a:lnTo>
                    <a:pt x="46" y="1318"/>
                  </a:lnTo>
                  <a:lnTo>
                    <a:pt x="52" y="1322"/>
                  </a:lnTo>
                  <a:lnTo>
                    <a:pt x="59" y="1325"/>
                  </a:lnTo>
                  <a:lnTo>
                    <a:pt x="87" y="1308"/>
                  </a:lnTo>
                  <a:lnTo>
                    <a:pt x="120" y="1287"/>
                  </a:lnTo>
                  <a:lnTo>
                    <a:pt x="155" y="1266"/>
                  </a:lnTo>
                  <a:lnTo>
                    <a:pt x="184" y="1247"/>
                  </a:lnTo>
                  <a:lnTo>
                    <a:pt x="194" y="1253"/>
                  </a:lnTo>
                  <a:lnTo>
                    <a:pt x="204" y="1259"/>
                  </a:lnTo>
                  <a:lnTo>
                    <a:pt x="215" y="1264"/>
                  </a:lnTo>
                  <a:lnTo>
                    <a:pt x="227" y="1269"/>
                  </a:lnTo>
                  <a:lnTo>
                    <a:pt x="250" y="1276"/>
                  </a:lnTo>
                  <a:lnTo>
                    <a:pt x="272" y="1286"/>
                  </a:lnTo>
                  <a:lnTo>
                    <a:pt x="276" y="1295"/>
                  </a:lnTo>
                  <a:lnTo>
                    <a:pt x="277" y="1304"/>
                  </a:lnTo>
                  <a:lnTo>
                    <a:pt x="277" y="1310"/>
                  </a:lnTo>
                  <a:lnTo>
                    <a:pt x="276" y="1317"/>
                  </a:lnTo>
                  <a:lnTo>
                    <a:pt x="271" y="1328"/>
                  </a:lnTo>
                  <a:lnTo>
                    <a:pt x="262" y="1344"/>
                  </a:lnTo>
                  <a:lnTo>
                    <a:pt x="274" y="1352"/>
                  </a:lnTo>
                  <a:lnTo>
                    <a:pt x="284" y="1360"/>
                  </a:lnTo>
                  <a:lnTo>
                    <a:pt x="293" y="1369"/>
                  </a:lnTo>
                  <a:lnTo>
                    <a:pt x="301" y="1379"/>
                  </a:lnTo>
                  <a:lnTo>
                    <a:pt x="308" y="1388"/>
                  </a:lnTo>
                  <a:lnTo>
                    <a:pt x="314" y="1399"/>
                  </a:lnTo>
                  <a:lnTo>
                    <a:pt x="318" y="1409"/>
                  </a:lnTo>
                  <a:lnTo>
                    <a:pt x="322" y="1420"/>
                  </a:lnTo>
                  <a:lnTo>
                    <a:pt x="327" y="1431"/>
                  </a:lnTo>
                  <a:lnTo>
                    <a:pt x="330" y="1443"/>
                  </a:lnTo>
                  <a:lnTo>
                    <a:pt x="332" y="1454"/>
                  </a:lnTo>
                  <a:lnTo>
                    <a:pt x="334" y="1467"/>
                  </a:lnTo>
                  <a:lnTo>
                    <a:pt x="337" y="1492"/>
                  </a:lnTo>
                  <a:lnTo>
                    <a:pt x="340" y="1519"/>
                  </a:lnTo>
                  <a:lnTo>
                    <a:pt x="353" y="1513"/>
                  </a:lnTo>
                  <a:lnTo>
                    <a:pt x="366" y="1506"/>
                  </a:lnTo>
                  <a:lnTo>
                    <a:pt x="377" y="1499"/>
                  </a:lnTo>
                  <a:lnTo>
                    <a:pt x="388" y="1491"/>
                  </a:lnTo>
                  <a:lnTo>
                    <a:pt x="408" y="1473"/>
                  </a:lnTo>
                  <a:lnTo>
                    <a:pt x="427" y="1454"/>
                  </a:lnTo>
                  <a:lnTo>
                    <a:pt x="445" y="1434"/>
                  </a:lnTo>
                  <a:lnTo>
                    <a:pt x="462" y="1415"/>
                  </a:lnTo>
                  <a:lnTo>
                    <a:pt x="473" y="1406"/>
                  </a:lnTo>
                  <a:lnTo>
                    <a:pt x="482" y="1398"/>
                  </a:lnTo>
                  <a:lnTo>
                    <a:pt x="494" y="1390"/>
                  </a:lnTo>
                  <a:lnTo>
                    <a:pt x="506" y="1383"/>
                  </a:lnTo>
                  <a:lnTo>
                    <a:pt x="505" y="1340"/>
                  </a:lnTo>
                  <a:lnTo>
                    <a:pt x="502" y="1301"/>
                  </a:lnTo>
                  <a:lnTo>
                    <a:pt x="499" y="1265"/>
                  </a:lnTo>
                  <a:lnTo>
                    <a:pt x="494" y="1231"/>
                  </a:lnTo>
                  <a:lnTo>
                    <a:pt x="483" y="1169"/>
                  </a:lnTo>
                  <a:lnTo>
                    <a:pt x="472" y="1111"/>
                  </a:lnTo>
                  <a:lnTo>
                    <a:pt x="467" y="1083"/>
                  </a:lnTo>
                  <a:lnTo>
                    <a:pt x="462" y="1053"/>
                  </a:lnTo>
                  <a:lnTo>
                    <a:pt x="459" y="1023"/>
                  </a:lnTo>
                  <a:lnTo>
                    <a:pt x="457" y="991"/>
                  </a:lnTo>
                  <a:lnTo>
                    <a:pt x="456" y="957"/>
                  </a:lnTo>
                  <a:lnTo>
                    <a:pt x="457" y="922"/>
                  </a:lnTo>
                  <a:lnTo>
                    <a:pt x="460" y="882"/>
                  </a:lnTo>
                  <a:lnTo>
                    <a:pt x="467" y="840"/>
                  </a:lnTo>
                  <a:lnTo>
                    <a:pt x="479" y="835"/>
                  </a:lnTo>
                  <a:lnTo>
                    <a:pt x="488" y="833"/>
                  </a:lnTo>
                  <a:lnTo>
                    <a:pt x="492" y="831"/>
                  </a:lnTo>
                  <a:lnTo>
                    <a:pt x="495" y="829"/>
                  </a:lnTo>
                  <a:lnTo>
                    <a:pt x="497" y="826"/>
                  </a:lnTo>
                  <a:lnTo>
                    <a:pt x="499" y="823"/>
                  </a:lnTo>
                  <a:lnTo>
                    <a:pt x="506" y="817"/>
                  </a:lnTo>
                  <a:lnTo>
                    <a:pt x="515" y="81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/>
            <a:p>
              <a:endParaRPr lang="te-IN"/>
            </a:p>
          </p:txBody>
        </p:sp>
        <p:sp>
          <p:nvSpPr>
            <p:cNvPr id="1252" name="Fredrikshavn kant"/>
            <p:cNvSpPr>
              <a:spLocks/>
            </p:cNvSpPr>
            <p:nvPr/>
          </p:nvSpPr>
          <p:spPr bwMode="auto">
            <a:xfrm>
              <a:off x="2141538" y="2149475"/>
              <a:ext cx="323850" cy="803275"/>
            </a:xfrm>
            <a:custGeom>
              <a:avLst/>
              <a:gdLst>
                <a:gd name="T0" fmla="*/ 164 w 612"/>
                <a:gd name="T1" fmla="*/ 254 h 1519"/>
                <a:gd name="T2" fmla="*/ 126 w 612"/>
                <a:gd name="T3" fmla="*/ 208 h 1519"/>
                <a:gd name="T4" fmla="*/ 109 w 612"/>
                <a:gd name="T5" fmla="*/ 178 h 1519"/>
                <a:gd name="T6" fmla="*/ 104 w 612"/>
                <a:gd name="T7" fmla="*/ 156 h 1519"/>
                <a:gd name="T8" fmla="*/ 106 w 612"/>
                <a:gd name="T9" fmla="*/ 126 h 1519"/>
                <a:gd name="T10" fmla="*/ 116 w 612"/>
                <a:gd name="T11" fmla="*/ 100 h 1519"/>
                <a:gd name="T12" fmla="*/ 140 w 612"/>
                <a:gd name="T13" fmla="*/ 67 h 1519"/>
                <a:gd name="T14" fmla="*/ 181 w 612"/>
                <a:gd name="T15" fmla="*/ 26 h 1519"/>
                <a:gd name="T16" fmla="*/ 196 w 612"/>
                <a:gd name="T17" fmla="*/ 0 h 1519"/>
                <a:gd name="T18" fmla="*/ 176 w 612"/>
                <a:gd name="T19" fmla="*/ 2 h 1519"/>
                <a:gd name="T20" fmla="*/ 158 w 612"/>
                <a:gd name="T21" fmla="*/ 8 h 1519"/>
                <a:gd name="T22" fmla="*/ 128 w 612"/>
                <a:gd name="T23" fmla="*/ 31 h 1519"/>
                <a:gd name="T24" fmla="*/ 83 w 612"/>
                <a:gd name="T25" fmla="*/ 74 h 1519"/>
                <a:gd name="T26" fmla="*/ 41 w 612"/>
                <a:gd name="T27" fmla="*/ 112 h 1519"/>
                <a:gd name="T28" fmla="*/ 52 w 612"/>
                <a:gd name="T29" fmla="*/ 144 h 1519"/>
                <a:gd name="T30" fmla="*/ 58 w 612"/>
                <a:gd name="T31" fmla="*/ 164 h 1519"/>
                <a:gd name="T32" fmla="*/ 62 w 612"/>
                <a:gd name="T33" fmla="*/ 186 h 1519"/>
                <a:gd name="T34" fmla="*/ 85 w 612"/>
                <a:gd name="T35" fmla="*/ 218 h 1519"/>
                <a:gd name="T36" fmla="*/ 104 w 612"/>
                <a:gd name="T37" fmla="*/ 241 h 1519"/>
                <a:gd name="T38" fmla="*/ 85 w 612"/>
                <a:gd name="T39" fmla="*/ 252 h 1519"/>
                <a:gd name="T40" fmla="*/ 71 w 612"/>
                <a:gd name="T41" fmla="*/ 267 h 1519"/>
                <a:gd name="T42" fmla="*/ 54 w 612"/>
                <a:gd name="T43" fmla="*/ 273 h 1519"/>
                <a:gd name="T44" fmla="*/ 55 w 612"/>
                <a:gd name="T45" fmla="*/ 286 h 1519"/>
                <a:gd name="T46" fmla="*/ 64 w 612"/>
                <a:gd name="T47" fmla="*/ 302 h 1519"/>
                <a:gd name="T48" fmla="*/ 69 w 612"/>
                <a:gd name="T49" fmla="*/ 313 h 1519"/>
                <a:gd name="T50" fmla="*/ 84 w 612"/>
                <a:gd name="T51" fmla="*/ 314 h 1519"/>
                <a:gd name="T52" fmla="*/ 93 w 612"/>
                <a:gd name="T53" fmla="*/ 318 h 1519"/>
                <a:gd name="T54" fmla="*/ 82 w 612"/>
                <a:gd name="T55" fmla="*/ 329 h 1519"/>
                <a:gd name="T56" fmla="*/ 62 w 612"/>
                <a:gd name="T57" fmla="*/ 333 h 1519"/>
                <a:gd name="T58" fmla="*/ 34 w 612"/>
                <a:gd name="T59" fmla="*/ 330 h 1519"/>
                <a:gd name="T60" fmla="*/ 19 w 612"/>
                <a:gd name="T61" fmla="*/ 335 h 1519"/>
                <a:gd name="T62" fmla="*/ 14 w 612"/>
                <a:gd name="T63" fmla="*/ 348 h 1519"/>
                <a:gd name="T64" fmla="*/ 0 w 612"/>
                <a:gd name="T65" fmla="*/ 351 h 1519"/>
                <a:gd name="T66" fmla="*/ 1 w 612"/>
                <a:gd name="T67" fmla="*/ 371 h 1519"/>
                <a:gd name="T68" fmla="*/ 10 w 612"/>
                <a:gd name="T69" fmla="*/ 392 h 1519"/>
                <a:gd name="T70" fmla="*/ 13 w 612"/>
                <a:gd name="T71" fmla="*/ 411 h 1519"/>
                <a:gd name="T72" fmla="*/ 10 w 612"/>
                <a:gd name="T73" fmla="*/ 425 h 1519"/>
                <a:gd name="T74" fmla="*/ 14 w 612"/>
                <a:gd name="T75" fmla="*/ 437 h 1519"/>
                <a:gd name="T76" fmla="*/ 40 w 612"/>
                <a:gd name="T77" fmla="*/ 429 h 1519"/>
                <a:gd name="T78" fmla="*/ 72 w 612"/>
                <a:gd name="T79" fmla="*/ 421 h 1519"/>
                <a:gd name="T80" fmla="*/ 92 w 612"/>
                <a:gd name="T81" fmla="*/ 434 h 1519"/>
                <a:gd name="T82" fmla="*/ 91 w 612"/>
                <a:gd name="T83" fmla="*/ 450 h 1519"/>
                <a:gd name="T84" fmla="*/ 105 w 612"/>
                <a:gd name="T85" fmla="*/ 466 h 1519"/>
                <a:gd name="T86" fmla="*/ 111 w 612"/>
                <a:gd name="T87" fmla="*/ 484 h 1519"/>
                <a:gd name="T88" fmla="*/ 122 w 612"/>
                <a:gd name="T89" fmla="*/ 502 h 1519"/>
                <a:gd name="T90" fmla="*/ 148 w 612"/>
                <a:gd name="T91" fmla="*/ 478 h 1519"/>
                <a:gd name="T92" fmla="*/ 169 w 612"/>
                <a:gd name="T93" fmla="*/ 461 h 1519"/>
                <a:gd name="T94" fmla="*/ 161 w 612"/>
                <a:gd name="T95" fmla="*/ 389 h 1519"/>
                <a:gd name="T96" fmla="*/ 152 w 612"/>
                <a:gd name="T97" fmla="*/ 330 h 1519"/>
                <a:gd name="T98" fmla="*/ 160 w 612"/>
                <a:gd name="T99" fmla="*/ 278 h 1519"/>
                <a:gd name="T100" fmla="*/ 166 w 612"/>
                <a:gd name="T101" fmla="*/ 274 h 1519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0" t="0" r="r" b="b"/>
              <a:pathLst>
                <a:path w="612" h="1519">
                  <a:moveTo>
                    <a:pt x="515" y="810"/>
                  </a:moveTo>
                  <a:lnTo>
                    <a:pt x="510" y="797"/>
                  </a:lnTo>
                  <a:lnTo>
                    <a:pt x="505" y="786"/>
                  </a:lnTo>
                  <a:lnTo>
                    <a:pt x="498" y="774"/>
                  </a:lnTo>
                  <a:lnTo>
                    <a:pt x="492" y="764"/>
                  </a:lnTo>
                  <a:lnTo>
                    <a:pt x="478" y="742"/>
                  </a:lnTo>
                  <a:lnTo>
                    <a:pt x="462" y="722"/>
                  </a:lnTo>
                  <a:lnTo>
                    <a:pt x="430" y="682"/>
                  </a:lnTo>
                  <a:lnTo>
                    <a:pt x="395" y="643"/>
                  </a:lnTo>
                  <a:lnTo>
                    <a:pt x="379" y="623"/>
                  </a:lnTo>
                  <a:lnTo>
                    <a:pt x="363" y="603"/>
                  </a:lnTo>
                  <a:lnTo>
                    <a:pt x="349" y="582"/>
                  </a:lnTo>
                  <a:lnTo>
                    <a:pt x="337" y="558"/>
                  </a:lnTo>
                  <a:lnTo>
                    <a:pt x="331" y="547"/>
                  </a:lnTo>
                  <a:lnTo>
                    <a:pt x="327" y="534"/>
                  </a:lnTo>
                  <a:lnTo>
                    <a:pt x="322" y="521"/>
                  </a:lnTo>
                  <a:lnTo>
                    <a:pt x="318" y="509"/>
                  </a:lnTo>
                  <a:lnTo>
                    <a:pt x="315" y="495"/>
                  </a:lnTo>
                  <a:lnTo>
                    <a:pt x="313" y="481"/>
                  </a:lnTo>
                  <a:lnTo>
                    <a:pt x="312" y="467"/>
                  </a:lnTo>
                  <a:lnTo>
                    <a:pt x="311" y="451"/>
                  </a:lnTo>
                  <a:lnTo>
                    <a:pt x="312" y="432"/>
                  </a:lnTo>
                  <a:lnTo>
                    <a:pt x="313" y="414"/>
                  </a:lnTo>
                  <a:lnTo>
                    <a:pt x="315" y="397"/>
                  </a:lnTo>
                  <a:lnTo>
                    <a:pt x="319" y="379"/>
                  </a:lnTo>
                  <a:lnTo>
                    <a:pt x="323" y="362"/>
                  </a:lnTo>
                  <a:lnTo>
                    <a:pt x="329" y="347"/>
                  </a:lnTo>
                  <a:lnTo>
                    <a:pt x="335" y="331"/>
                  </a:lnTo>
                  <a:lnTo>
                    <a:pt x="341" y="315"/>
                  </a:lnTo>
                  <a:lnTo>
                    <a:pt x="349" y="299"/>
                  </a:lnTo>
                  <a:lnTo>
                    <a:pt x="357" y="285"/>
                  </a:lnTo>
                  <a:lnTo>
                    <a:pt x="367" y="271"/>
                  </a:lnTo>
                  <a:lnTo>
                    <a:pt x="376" y="256"/>
                  </a:lnTo>
                  <a:lnTo>
                    <a:pt x="396" y="229"/>
                  </a:lnTo>
                  <a:lnTo>
                    <a:pt x="419" y="201"/>
                  </a:lnTo>
                  <a:lnTo>
                    <a:pt x="442" y="176"/>
                  </a:lnTo>
                  <a:lnTo>
                    <a:pt x="468" y="151"/>
                  </a:lnTo>
                  <a:lnTo>
                    <a:pt x="492" y="126"/>
                  </a:lnTo>
                  <a:lnTo>
                    <a:pt x="517" y="101"/>
                  </a:lnTo>
                  <a:lnTo>
                    <a:pt x="542" y="77"/>
                  </a:lnTo>
                  <a:lnTo>
                    <a:pt x="567" y="53"/>
                  </a:lnTo>
                  <a:lnTo>
                    <a:pt x="590" y="29"/>
                  </a:lnTo>
                  <a:lnTo>
                    <a:pt x="612" y="4"/>
                  </a:lnTo>
                  <a:lnTo>
                    <a:pt x="599" y="2"/>
                  </a:lnTo>
                  <a:lnTo>
                    <a:pt x="587" y="1"/>
                  </a:lnTo>
                  <a:lnTo>
                    <a:pt x="574" y="0"/>
                  </a:lnTo>
                  <a:lnTo>
                    <a:pt x="561" y="1"/>
                  </a:lnTo>
                  <a:lnTo>
                    <a:pt x="550" y="1"/>
                  </a:lnTo>
                  <a:lnTo>
                    <a:pt x="538" y="3"/>
                  </a:lnTo>
                  <a:lnTo>
                    <a:pt x="527" y="6"/>
                  </a:lnTo>
                  <a:lnTo>
                    <a:pt x="516" y="9"/>
                  </a:lnTo>
                  <a:lnTo>
                    <a:pt x="506" y="12"/>
                  </a:lnTo>
                  <a:lnTo>
                    <a:pt x="495" y="16"/>
                  </a:lnTo>
                  <a:lnTo>
                    <a:pt x="485" y="20"/>
                  </a:lnTo>
                  <a:lnTo>
                    <a:pt x="474" y="24"/>
                  </a:lnTo>
                  <a:lnTo>
                    <a:pt x="455" y="36"/>
                  </a:lnTo>
                  <a:lnTo>
                    <a:pt x="436" y="49"/>
                  </a:lnTo>
                  <a:lnTo>
                    <a:pt x="418" y="62"/>
                  </a:lnTo>
                  <a:lnTo>
                    <a:pt x="400" y="76"/>
                  </a:lnTo>
                  <a:lnTo>
                    <a:pt x="383" y="92"/>
                  </a:lnTo>
                  <a:lnTo>
                    <a:pt x="367" y="108"/>
                  </a:lnTo>
                  <a:lnTo>
                    <a:pt x="334" y="139"/>
                  </a:lnTo>
                  <a:lnTo>
                    <a:pt x="301" y="170"/>
                  </a:lnTo>
                  <a:lnTo>
                    <a:pt x="274" y="195"/>
                  </a:lnTo>
                  <a:lnTo>
                    <a:pt x="248" y="221"/>
                  </a:lnTo>
                  <a:lnTo>
                    <a:pt x="221" y="247"/>
                  </a:lnTo>
                  <a:lnTo>
                    <a:pt x="197" y="271"/>
                  </a:lnTo>
                  <a:lnTo>
                    <a:pt x="172" y="294"/>
                  </a:lnTo>
                  <a:lnTo>
                    <a:pt x="148" y="316"/>
                  </a:lnTo>
                  <a:lnTo>
                    <a:pt x="123" y="336"/>
                  </a:lnTo>
                  <a:lnTo>
                    <a:pt x="98" y="354"/>
                  </a:lnTo>
                  <a:lnTo>
                    <a:pt x="112" y="374"/>
                  </a:lnTo>
                  <a:lnTo>
                    <a:pt x="127" y="393"/>
                  </a:lnTo>
                  <a:lnTo>
                    <a:pt x="141" y="413"/>
                  </a:lnTo>
                  <a:lnTo>
                    <a:pt x="155" y="433"/>
                  </a:lnTo>
                  <a:lnTo>
                    <a:pt x="160" y="445"/>
                  </a:lnTo>
                  <a:lnTo>
                    <a:pt x="165" y="456"/>
                  </a:lnTo>
                  <a:lnTo>
                    <a:pt x="169" y="468"/>
                  </a:lnTo>
                  <a:lnTo>
                    <a:pt x="172" y="480"/>
                  </a:lnTo>
                  <a:lnTo>
                    <a:pt x="173" y="493"/>
                  </a:lnTo>
                  <a:lnTo>
                    <a:pt x="172" y="508"/>
                  </a:lnTo>
                  <a:lnTo>
                    <a:pt x="170" y="523"/>
                  </a:lnTo>
                  <a:lnTo>
                    <a:pt x="165" y="538"/>
                  </a:lnTo>
                  <a:lnTo>
                    <a:pt x="176" y="549"/>
                  </a:lnTo>
                  <a:lnTo>
                    <a:pt x="187" y="559"/>
                  </a:lnTo>
                  <a:lnTo>
                    <a:pt x="196" y="570"/>
                  </a:lnTo>
                  <a:lnTo>
                    <a:pt x="204" y="582"/>
                  </a:lnTo>
                  <a:lnTo>
                    <a:pt x="222" y="606"/>
                  </a:lnTo>
                  <a:lnTo>
                    <a:pt x="239" y="630"/>
                  </a:lnTo>
                  <a:lnTo>
                    <a:pt x="255" y="655"/>
                  </a:lnTo>
                  <a:lnTo>
                    <a:pt x="272" y="679"/>
                  </a:lnTo>
                  <a:lnTo>
                    <a:pt x="281" y="691"/>
                  </a:lnTo>
                  <a:lnTo>
                    <a:pt x="291" y="702"/>
                  </a:lnTo>
                  <a:lnTo>
                    <a:pt x="300" y="713"/>
                  </a:lnTo>
                  <a:lnTo>
                    <a:pt x="311" y="723"/>
                  </a:lnTo>
                  <a:lnTo>
                    <a:pt x="299" y="725"/>
                  </a:lnTo>
                  <a:lnTo>
                    <a:pt x="289" y="729"/>
                  </a:lnTo>
                  <a:lnTo>
                    <a:pt x="279" y="734"/>
                  </a:lnTo>
                  <a:lnTo>
                    <a:pt x="271" y="741"/>
                  </a:lnTo>
                  <a:lnTo>
                    <a:pt x="256" y="755"/>
                  </a:lnTo>
                  <a:lnTo>
                    <a:pt x="243" y="772"/>
                  </a:lnTo>
                  <a:lnTo>
                    <a:pt x="237" y="779"/>
                  </a:lnTo>
                  <a:lnTo>
                    <a:pt x="230" y="787"/>
                  </a:lnTo>
                  <a:lnTo>
                    <a:pt x="222" y="794"/>
                  </a:lnTo>
                  <a:lnTo>
                    <a:pt x="214" y="801"/>
                  </a:lnTo>
                  <a:lnTo>
                    <a:pt x="203" y="805"/>
                  </a:lnTo>
                  <a:lnTo>
                    <a:pt x="193" y="808"/>
                  </a:lnTo>
                  <a:lnTo>
                    <a:pt x="180" y="810"/>
                  </a:lnTo>
                  <a:lnTo>
                    <a:pt x="165" y="810"/>
                  </a:lnTo>
                  <a:lnTo>
                    <a:pt x="161" y="821"/>
                  </a:lnTo>
                  <a:lnTo>
                    <a:pt x="159" y="830"/>
                  </a:lnTo>
                  <a:lnTo>
                    <a:pt x="159" y="838"/>
                  </a:lnTo>
                  <a:lnTo>
                    <a:pt x="160" y="846"/>
                  </a:lnTo>
                  <a:lnTo>
                    <a:pt x="162" y="852"/>
                  </a:lnTo>
                  <a:lnTo>
                    <a:pt x="165" y="858"/>
                  </a:lnTo>
                  <a:lnTo>
                    <a:pt x="169" y="865"/>
                  </a:lnTo>
                  <a:lnTo>
                    <a:pt x="173" y="871"/>
                  </a:lnTo>
                  <a:lnTo>
                    <a:pt x="181" y="883"/>
                  </a:lnTo>
                  <a:lnTo>
                    <a:pt x="190" y="897"/>
                  </a:lnTo>
                  <a:lnTo>
                    <a:pt x="192" y="906"/>
                  </a:lnTo>
                  <a:lnTo>
                    <a:pt x="194" y="914"/>
                  </a:lnTo>
                  <a:lnTo>
                    <a:pt x="195" y="925"/>
                  </a:lnTo>
                  <a:lnTo>
                    <a:pt x="195" y="936"/>
                  </a:lnTo>
                  <a:lnTo>
                    <a:pt x="199" y="938"/>
                  </a:lnTo>
                  <a:lnTo>
                    <a:pt x="206" y="941"/>
                  </a:lnTo>
                  <a:lnTo>
                    <a:pt x="212" y="942"/>
                  </a:lnTo>
                  <a:lnTo>
                    <a:pt x="218" y="942"/>
                  </a:lnTo>
                  <a:lnTo>
                    <a:pt x="232" y="943"/>
                  </a:lnTo>
                  <a:lnTo>
                    <a:pt x="247" y="943"/>
                  </a:lnTo>
                  <a:lnTo>
                    <a:pt x="253" y="944"/>
                  </a:lnTo>
                  <a:lnTo>
                    <a:pt x="259" y="945"/>
                  </a:lnTo>
                  <a:lnTo>
                    <a:pt x="266" y="946"/>
                  </a:lnTo>
                  <a:lnTo>
                    <a:pt x="271" y="948"/>
                  </a:lnTo>
                  <a:lnTo>
                    <a:pt x="275" y="951"/>
                  </a:lnTo>
                  <a:lnTo>
                    <a:pt x="278" y="954"/>
                  </a:lnTo>
                  <a:lnTo>
                    <a:pt x="280" y="960"/>
                  </a:lnTo>
                  <a:lnTo>
                    <a:pt x="282" y="966"/>
                  </a:lnTo>
                  <a:lnTo>
                    <a:pt x="270" y="974"/>
                  </a:lnTo>
                  <a:lnTo>
                    <a:pt x="258" y="981"/>
                  </a:lnTo>
                  <a:lnTo>
                    <a:pt x="246" y="987"/>
                  </a:lnTo>
                  <a:lnTo>
                    <a:pt x="234" y="991"/>
                  </a:lnTo>
                  <a:lnTo>
                    <a:pt x="222" y="994"/>
                  </a:lnTo>
                  <a:lnTo>
                    <a:pt x="210" y="996"/>
                  </a:lnTo>
                  <a:lnTo>
                    <a:pt x="198" y="999"/>
                  </a:lnTo>
                  <a:lnTo>
                    <a:pt x="185" y="999"/>
                  </a:lnTo>
                  <a:lnTo>
                    <a:pt x="173" y="999"/>
                  </a:lnTo>
                  <a:lnTo>
                    <a:pt x="160" y="999"/>
                  </a:lnTo>
                  <a:lnTo>
                    <a:pt x="147" y="996"/>
                  </a:lnTo>
                  <a:lnTo>
                    <a:pt x="132" y="995"/>
                  </a:lnTo>
                  <a:lnTo>
                    <a:pt x="102" y="990"/>
                  </a:lnTo>
                  <a:lnTo>
                    <a:pt x="69" y="985"/>
                  </a:lnTo>
                  <a:lnTo>
                    <a:pt x="64" y="990"/>
                  </a:lnTo>
                  <a:lnTo>
                    <a:pt x="61" y="995"/>
                  </a:lnTo>
                  <a:lnTo>
                    <a:pt x="59" y="1001"/>
                  </a:lnTo>
                  <a:lnTo>
                    <a:pt x="57" y="1007"/>
                  </a:lnTo>
                  <a:lnTo>
                    <a:pt x="55" y="1019"/>
                  </a:lnTo>
                  <a:lnTo>
                    <a:pt x="51" y="1030"/>
                  </a:lnTo>
                  <a:lnTo>
                    <a:pt x="49" y="1035"/>
                  </a:lnTo>
                  <a:lnTo>
                    <a:pt x="45" y="1040"/>
                  </a:lnTo>
                  <a:lnTo>
                    <a:pt x="41" y="1044"/>
                  </a:lnTo>
                  <a:lnTo>
                    <a:pt x="37" y="1047"/>
                  </a:lnTo>
                  <a:lnTo>
                    <a:pt x="30" y="1050"/>
                  </a:lnTo>
                  <a:lnTo>
                    <a:pt x="22" y="1052"/>
                  </a:lnTo>
                  <a:lnTo>
                    <a:pt x="12" y="1053"/>
                  </a:lnTo>
                  <a:lnTo>
                    <a:pt x="0" y="1053"/>
                  </a:lnTo>
                  <a:lnTo>
                    <a:pt x="0" y="1067"/>
                  </a:lnTo>
                  <a:lnTo>
                    <a:pt x="0" y="1081"/>
                  </a:lnTo>
                  <a:lnTo>
                    <a:pt x="1" y="1093"/>
                  </a:lnTo>
                  <a:lnTo>
                    <a:pt x="2" y="1104"/>
                  </a:lnTo>
                  <a:lnTo>
                    <a:pt x="4" y="1114"/>
                  </a:lnTo>
                  <a:lnTo>
                    <a:pt x="6" y="1125"/>
                  </a:lnTo>
                  <a:lnTo>
                    <a:pt x="9" y="1133"/>
                  </a:lnTo>
                  <a:lnTo>
                    <a:pt x="12" y="1143"/>
                  </a:lnTo>
                  <a:lnTo>
                    <a:pt x="19" y="1161"/>
                  </a:lnTo>
                  <a:lnTo>
                    <a:pt x="29" y="1178"/>
                  </a:lnTo>
                  <a:lnTo>
                    <a:pt x="38" y="1196"/>
                  </a:lnTo>
                  <a:lnTo>
                    <a:pt x="49" y="1218"/>
                  </a:lnTo>
                  <a:lnTo>
                    <a:pt x="44" y="1223"/>
                  </a:lnTo>
                  <a:lnTo>
                    <a:pt x="41" y="1229"/>
                  </a:lnTo>
                  <a:lnTo>
                    <a:pt x="38" y="1235"/>
                  </a:lnTo>
                  <a:lnTo>
                    <a:pt x="35" y="1243"/>
                  </a:lnTo>
                  <a:lnTo>
                    <a:pt x="33" y="1251"/>
                  </a:lnTo>
                  <a:lnTo>
                    <a:pt x="32" y="1260"/>
                  </a:lnTo>
                  <a:lnTo>
                    <a:pt x="31" y="1267"/>
                  </a:lnTo>
                  <a:lnTo>
                    <a:pt x="31" y="1275"/>
                  </a:lnTo>
                  <a:lnTo>
                    <a:pt x="31" y="1284"/>
                  </a:lnTo>
                  <a:lnTo>
                    <a:pt x="33" y="1292"/>
                  </a:lnTo>
                  <a:lnTo>
                    <a:pt x="35" y="1300"/>
                  </a:lnTo>
                  <a:lnTo>
                    <a:pt x="37" y="1306"/>
                  </a:lnTo>
                  <a:lnTo>
                    <a:pt x="41" y="1312"/>
                  </a:lnTo>
                  <a:lnTo>
                    <a:pt x="46" y="1318"/>
                  </a:lnTo>
                  <a:lnTo>
                    <a:pt x="52" y="1322"/>
                  </a:lnTo>
                  <a:lnTo>
                    <a:pt x="59" y="1325"/>
                  </a:lnTo>
                  <a:lnTo>
                    <a:pt x="87" y="1308"/>
                  </a:lnTo>
                  <a:lnTo>
                    <a:pt x="120" y="1287"/>
                  </a:lnTo>
                  <a:lnTo>
                    <a:pt x="155" y="1266"/>
                  </a:lnTo>
                  <a:lnTo>
                    <a:pt x="184" y="1247"/>
                  </a:lnTo>
                  <a:lnTo>
                    <a:pt x="194" y="1253"/>
                  </a:lnTo>
                  <a:lnTo>
                    <a:pt x="204" y="1259"/>
                  </a:lnTo>
                  <a:lnTo>
                    <a:pt x="215" y="1264"/>
                  </a:lnTo>
                  <a:lnTo>
                    <a:pt x="227" y="1269"/>
                  </a:lnTo>
                  <a:lnTo>
                    <a:pt x="250" y="1276"/>
                  </a:lnTo>
                  <a:lnTo>
                    <a:pt x="272" y="1286"/>
                  </a:lnTo>
                  <a:lnTo>
                    <a:pt x="276" y="1295"/>
                  </a:lnTo>
                  <a:lnTo>
                    <a:pt x="277" y="1304"/>
                  </a:lnTo>
                  <a:lnTo>
                    <a:pt x="277" y="1310"/>
                  </a:lnTo>
                  <a:lnTo>
                    <a:pt x="276" y="1317"/>
                  </a:lnTo>
                  <a:lnTo>
                    <a:pt x="271" y="1328"/>
                  </a:lnTo>
                  <a:lnTo>
                    <a:pt x="262" y="1344"/>
                  </a:lnTo>
                  <a:lnTo>
                    <a:pt x="274" y="1352"/>
                  </a:lnTo>
                  <a:lnTo>
                    <a:pt x="284" y="1360"/>
                  </a:lnTo>
                  <a:lnTo>
                    <a:pt x="293" y="1369"/>
                  </a:lnTo>
                  <a:lnTo>
                    <a:pt x="301" y="1379"/>
                  </a:lnTo>
                  <a:lnTo>
                    <a:pt x="308" y="1388"/>
                  </a:lnTo>
                  <a:lnTo>
                    <a:pt x="314" y="1399"/>
                  </a:lnTo>
                  <a:lnTo>
                    <a:pt x="318" y="1409"/>
                  </a:lnTo>
                  <a:lnTo>
                    <a:pt x="322" y="1420"/>
                  </a:lnTo>
                  <a:lnTo>
                    <a:pt x="327" y="1431"/>
                  </a:lnTo>
                  <a:lnTo>
                    <a:pt x="330" y="1443"/>
                  </a:lnTo>
                  <a:lnTo>
                    <a:pt x="332" y="1454"/>
                  </a:lnTo>
                  <a:lnTo>
                    <a:pt x="334" y="1467"/>
                  </a:lnTo>
                  <a:lnTo>
                    <a:pt x="337" y="1492"/>
                  </a:lnTo>
                  <a:lnTo>
                    <a:pt x="340" y="1519"/>
                  </a:lnTo>
                  <a:lnTo>
                    <a:pt x="353" y="1513"/>
                  </a:lnTo>
                  <a:lnTo>
                    <a:pt x="366" y="1506"/>
                  </a:lnTo>
                  <a:lnTo>
                    <a:pt x="377" y="1499"/>
                  </a:lnTo>
                  <a:lnTo>
                    <a:pt x="388" y="1491"/>
                  </a:lnTo>
                  <a:lnTo>
                    <a:pt x="408" y="1473"/>
                  </a:lnTo>
                  <a:lnTo>
                    <a:pt x="427" y="1454"/>
                  </a:lnTo>
                  <a:lnTo>
                    <a:pt x="445" y="1434"/>
                  </a:lnTo>
                  <a:lnTo>
                    <a:pt x="462" y="1415"/>
                  </a:lnTo>
                  <a:lnTo>
                    <a:pt x="473" y="1406"/>
                  </a:lnTo>
                  <a:lnTo>
                    <a:pt x="482" y="1398"/>
                  </a:lnTo>
                  <a:lnTo>
                    <a:pt x="494" y="1390"/>
                  </a:lnTo>
                  <a:lnTo>
                    <a:pt x="506" y="1383"/>
                  </a:lnTo>
                  <a:lnTo>
                    <a:pt x="505" y="1340"/>
                  </a:lnTo>
                  <a:lnTo>
                    <a:pt x="502" y="1301"/>
                  </a:lnTo>
                  <a:lnTo>
                    <a:pt x="499" y="1265"/>
                  </a:lnTo>
                  <a:lnTo>
                    <a:pt x="494" y="1231"/>
                  </a:lnTo>
                  <a:lnTo>
                    <a:pt x="483" y="1169"/>
                  </a:lnTo>
                  <a:lnTo>
                    <a:pt x="472" y="1111"/>
                  </a:lnTo>
                  <a:lnTo>
                    <a:pt x="467" y="1083"/>
                  </a:lnTo>
                  <a:lnTo>
                    <a:pt x="462" y="1053"/>
                  </a:lnTo>
                  <a:lnTo>
                    <a:pt x="459" y="1023"/>
                  </a:lnTo>
                  <a:lnTo>
                    <a:pt x="457" y="991"/>
                  </a:lnTo>
                  <a:lnTo>
                    <a:pt x="456" y="957"/>
                  </a:lnTo>
                  <a:lnTo>
                    <a:pt x="457" y="922"/>
                  </a:lnTo>
                  <a:lnTo>
                    <a:pt x="460" y="882"/>
                  </a:lnTo>
                  <a:lnTo>
                    <a:pt x="467" y="840"/>
                  </a:lnTo>
                  <a:lnTo>
                    <a:pt x="479" y="835"/>
                  </a:lnTo>
                  <a:lnTo>
                    <a:pt x="488" y="833"/>
                  </a:lnTo>
                  <a:lnTo>
                    <a:pt x="492" y="831"/>
                  </a:lnTo>
                  <a:lnTo>
                    <a:pt x="495" y="829"/>
                  </a:lnTo>
                  <a:lnTo>
                    <a:pt x="497" y="826"/>
                  </a:lnTo>
                  <a:lnTo>
                    <a:pt x="499" y="823"/>
                  </a:lnTo>
                  <a:lnTo>
                    <a:pt x="506" y="817"/>
                  </a:lnTo>
                  <a:lnTo>
                    <a:pt x="515" y="810"/>
                  </a:lnTo>
                </a:path>
              </a:pathLst>
            </a:custGeom>
            <a:grpFill/>
            <a:ln w="6350">
              <a:noFill/>
              <a:prstDash val="solid"/>
              <a:round/>
              <a:headEnd/>
              <a:tailEnd/>
            </a:ln>
            <a:extLst/>
          </p:spPr>
          <p:txBody>
            <a:bodyPr/>
            <a:lstStyle/>
            <a:p>
              <a:endParaRPr lang="te-IN"/>
            </a:p>
          </p:txBody>
        </p:sp>
      </p:grp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>
          <a:xfrm>
            <a:off x="516312" y="709172"/>
            <a:ext cx="6710360" cy="940329"/>
          </a:xfrm>
        </p:spPr>
        <p:txBody>
          <a:bodyPr/>
          <a:lstStyle/>
          <a:p>
            <a:r>
              <a:rPr lang="da-DK" dirty="0" smtClean="0"/>
              <a:t>Landsdækkende tilstedeværelse </a:t>
            </a:r>
            <a:endParaRPr lang="da-DK" sz="1800" dirty="0"/>
          </a:p>
        </p:txBody>
      </p:sp>
      <p:sp>
        <p:nvSpPr>
          <p:cNvPr id="6" name="Tekstfelt 5"/>
          <p:cNvSpPr txBox="1"/>
          <p:nvPr/>
        </p:nvSpPr>
        <p:spPr>
          <a:xfrm>
            <a:off x="541338" y="1776386"/>
            <a:ext cx="3561672" cy="483209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dirty="0"/>
          </a:p>
          <a:p>
            <a:r>
              <a:rPr lang="da-DK" b="1" dirty="0" smtClean="0">
                <a:latin typeface="Museo Sans Rounded 300" panose="02000000000000000000" pitchFamily="50" charset="0"/>
              </a:rPr>
              <a:t>Innovationsfonden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latin typeface="Museo Sans Rounded 300" panose="02000000000000000000" pitchFamily="50" charset="0"/>
              </a:rPr>
              <a:t>Nyt hovedkontor i Aarhus fra 2019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latin typeface="Museo Sans Rounded 300" panose="02000000000000000000" pitchFamily="50" charset="0"/>
              </a:rPr>
              <a:t>Derudover mindre kontorer i Odense, Aalborg og København med både faglige og udfarende, regionale medarbejdere</a:t>
            </a:r>
            <a:endParaRPr lang="da-DK" sz="1400" dirty="0">
              <a:latin typeface="Museo Sans Rounded 300" panose="02000000000000000000" pitchFamily="50" charset="0"/>
            </a:endParaRPr>
          </a:p>
          <a:p>
            <a:endParaRPr lang="da-DK" b="1" dirty="0" smtClean="0">
              <a:latin typeface="Museo Sans Rounded 300" panose="02000000000000000000" pitchFamily="50" charset="0"/>
            </a:endParaRPr>
          </a:p>
          <a:p>
            <a:endParaRPr lang="da-DK" b="1" dirty="0" smtClean="0">
              <a:latin typeface="Museo Sans Rounded 300" panose="02000000000000000000" pitchFamily="50" charset="0"/>
            </a:endParaRPr>
          </a:p>
          <a:p>
            <a:endParaRPr lang="da-DK" b="1" dirty="0" smtClean="0">
              <a:latin typeface="Museo Sans Rounded 300" panose="02000000000000000000" pitchFamily="50" charset="0"/>
            </a:endParaRPr>
          </a:p>
          <a:p>
            <a:r>
              <a:rPr lang="da-DK" b="1" dirty="0" smtClean="0">
                <a:latin typeface="Museo Sans Rounded 300" panose="02000000000000000000" pitchFamily="50" charset="0"/>
              </a:rPr>
              <a:t>Vækstfonden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latin typeface="Museo Sans Rounded 300" panose="02000000000000000000" pitchFamily="50" charset="0"/>
              </a:rPr>
              <a:t>Hovedkontor i Hellerup og kontorer i Vojens og Randers samt </a:t>
            </a:r>
            <a:r>
              <a:rPr lang="da-DK" sz="1400" dirty="0">
                <a:latin typeface="Museo Sans Rounded 300" panose="02000000000000000000" pitchFamily="50" charset="0"/>
              </a:rPr>
              <a:t>kontorpladser i Sorø og </a:t>
            </a:r>
            <a:r>
              <a:rPr lang="da-DK" sz="1400" dirty="0" smtClean="0">
                <a:latin typeface="Museo Sans Rounded 300" panose="02000000000000000000" pitchFamily="50" charset="0"/>
              </a:rPr>
              <a:t>Odense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latin typeface="Museo Sans Rounded 300" panose="02000000000000000000" pitchFamily="50" charset="0"/>
              </a:rPr>
              <a:t>Tilstedeværelse på en lang række iværksætter- og kontormiljøer, bl.a. på uddannelsessteder</a:t>
            </a:r>
            <a:endParaRPr lang="da-DK" sz="1400" dirty="0">
              <a:latin typeface="Museo Sans Rounded 300" panose="02000000000000000000" pitchFamily="50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latin typeface="Museo Sans Rounded 300" panose="02000000000000000000" pitchFamily="50" charset="0"/>
              </a:rPr>
              <a:t>Nye placeringer i Aarhus, Aalborg, Odense</a:t>
            </a:r>
          </a:p>
          <a:p>
            <a:endParaRPr lang="da-DK" sz="1400" b="1" dirty="0">
              <a:latin typeface="Museo Sans Rounded 300" panose="02000000000000000000" pitchFamily="50" charset="0"/>
            </a:endParaRPr>
          </a:p>
          <a:p>
            <a:endParaRPr lang="da-DK" sz="1400" dirty="0" smtClean="0">
              <a:latin typeface="Museo Sans Rounded 300" panose="02000000000000000000" pitchFamily="50" charset="0"/>
            </a:endParaRPr>
          </a:p>
          <a:p>
            <a:r>
              <a:rPr lang="da-DK" sz="1400" dirty="0" smtClean="0">
                <a:latin typeface="Museo Sans Rounded 300" panose="02000000000000000000" pitchFamily="50" charset="0"/>
              </a:rPr>
              <a:t>.</a:t>
            </a:r>
            <a:endParaRPr lang="da-DK" sz="1400" dirty="0">
              <a:latin typeface="Museo Sans Rounded 300" panose="02000000000000000000" pitchFamily="50" charset="0"/>
            </a:endParaRPr>
          </a:p>
        </p:txBody>
      </p:sp>
      <p:sp>
        <p:nvSpPr>
          <p:cNvPr id="834" name="Ellipse 833"/>
          <p:cNvSpPr/>
          <p:nvPr/>
        </p:nvSpPr>
        <p:spPr>
          <a:xfrm>
            <a:off x="7391519" y="3401824"/>
            <a:ext cx="270000" cy="270000"/>
          </a:xfrm>
          <a:prstGeom prst="ellipse">
            <a:avLst/>
          </a:prstGeom>
          <a:solidFill>
            <a:srgbClr val="3C91AF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837" name="Lige forbindelse 836"/>
          <p:cNvCxnSpPr/>
          <p:nvPr/>
        </p:nvCxnSpPr>
        <p:spPr>
          <a:xfrm>
            <a:off x="9389384" y="4658330"/>
            <a:ext cx="360747" cy="174562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8" name="Tekstfelt 837"/>
          <p:cNvSpPr txBox="1"/>
          <p:nvPr/>
        </p:nvSpPr>
        <p:spPr>
          <a:xfrm>
            <a:off x="5385631" y="5445295"/>
            <a:ext cx="978473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smtClean="0"/>
              <a:t>Vojens</a:t>
            </a:r>
          </a:p>
        </p:txBody>
      </p:sp>
      <p:cxnSp>
        <p:nvCxnSpPr>
          <p:cNvPr id="839" name="Lige forbindelse 838"/>
          <p:cNvCxnSpPr/>
          <p:nvPr/>
        </p:nvCxnSpPr>
        <p:spPr>
          <a:xfrm flipH="1" flipV="1">
            <a:off x="5701309" y="3894816"/>
            <a:ext cx="592286" cy="112823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0" name="Tekstfelt 839"/>
          <p:cNvSpPr txBox="1"/>
          <p:nvPr/>
        </p:nvSpPr>
        <p:spPr>
          <a:xfrm>
            <a:off x="8069291" y="3244456"/>
            <a:ext cx="618118" cy="18466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200" dirty="0" smtClean="0"/>
              <a:t>Randers</a:t>
            </a:r>
          </a:p>
        </p:txBody>
      </p:sp>
      <p:cxnSp>
        <p:nvCxnSpPr>
          <p:cNvPr id="841" name="Lige forbindelse 840"/>
          <p:cNvCxnSpPr>
            <a:stCxn id="1161" idx="14"/>
          </p:cNvCxnSpPr>
          <p:nvPr/>
        </p:nvCxnSpPr>
        <p:spPr>
          <a:xfrm flipV="1">
            <a:off x="7630380" y="3350206"/>
            <a:ext cx="419753" cy="65854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2" name="Tekstfelt 841"/>
          <p:cNvSpPr txBox="1"/>
          <p:nvPr/>
        </p:nvSpPr>
        <p:spPr>
          <a:xfrm>
            <a:off x="9790093" y="4662672"/>
            <a:ext cx="864147" cy="18466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200" dirty="0" smtClean="0"/>
              <a:t>København</a:t>
            </a:r>
          </a:p>
        </p:txBody>
      </p:sp>
      <p:sp>
        <p:nvSpPr>
          <p:cNvPr id="845" name="Ellipse 844"/>
          <p:cNvSpPr/>
          <p:nvPr/>
        </p:nvSpPr>
        <p:spPr>
          <a:xfrm>
            <a:off x="9007953" y="1742526"/>
            <a:ext cx="270000" cy="270000"/>
          </a:xfrm>
          <a:prstGeom prst="ellipse">
            <a:avLst/>
          </a:prstGeom>
          <a:solidFill>
            <a:srgbClr val="3C91AF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6" name="Tekstfelt 845"/>
          <p:cNvSpPr txBox="1"/>
          <p:nvPr/>
        </p:nvSpPr>
        <p:spPr>
          <a:xfrm>
            <a:off x="9314128" y="1763894"/>
            <a:ext cx="1635191" cy="18466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200" dirty="0" smtClean="0"/>
              <a:t>Vækstfonden fra 2019</a:t>
            </a:r>
          </a:p>
        </p:txBody>
      </p:sp>
      <p:sp>
        <p:nvSpPr>
          <p:cNvPr id="849" name="Ellipse 848"/>
          <p:cNvSpPr/>
          <p:nvPr/>
        </p:nvSpPr>
        <p:spPr>
          <a:xfrm>
            <a:off x="7194152" y="3933056"/>
            <a:ext cx="270000" cy="270000"/>
          </a:xfrm>
          <a:prstGeom prst="ellipse">
            <a:avLst/>
          </a:prstGeom>
          <a:solidFill>
            <a:srgbClr val="3C91AF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0" name="Tekstfelt 849"/>
          <p:cNvSpPr txBox="1"/>
          <p:nvPr/>
        </p:nvSpPr>
        <p:spPr>
          <a:xfrm>
            <a:off x="7807752" y="2604629"/>
            <a:ext cx="589329" cy="18466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200" dirty="0" smtClean="0"/>
              <a:t>Aalborg</a:t>
            </a:r>
          </a:p>
        </p:txBody>
      </p:sp>
      <p:cxnSp>
        <p:nvCxnSpPr>
          <p:cNvPr id="851" name="Lige forbindelse 850"/>
          <p:cNvCxnSpPr>
            <a:endCxn id="850" idx="1"/>
          </p:cNvCxnSpPr>
          <p:nvPr/>
        </p:nvCxnSpPr>
        <p:spPr>
          <a:xfrm flipV="1">
            <a:off x="7405673" y="2696962"/>
            <a:ext cx="402079" cy="47823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2" name="Tekstfelt 851"/>
          <p:cNvSpPr txBox="1"/>
          <p:nvPr/>
        </p:nvSpPr>
        <p:spPr>
          <a:xfrm>
            <a:off x="7948644" y="3757541"/>
            <a:ext cx="539956" cy="18466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200" dirty="0" smtClean="0"/>
              <a:t>Aarhus</a:t>
            </a:r>
          </a:p>
        </p:txBody>
      </p:sp>
      <p:cxnSp>
        <p:nvCxnSpPr>
          <p:cNvPr id="853" name="Lige forbindelse 852"/>
          <p:cNvCxnSpPr/>
          <p:nvPr/>
        </p:nvCxnSpPr>
        <p:spPr>
          <a:xfrm flipV="1">
            <a:off x="7468787" y="3863291"/>
            <a:ext cx="460699" cy="120416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4" name="Lige forbindelse 853"/>
          <p:cNvCxnSpPr/>
          <p:nvPr/>
        </p:nvCxnSpPr>
        <p:spPr>
          <a:xfrm flipH="1">
            <a:off x="7311622" y="5191399"/>
            <a:ext cx="242812" cy="768450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5" name="Tekstfelt 854"/>
          <p:cNvSpPr txBox="1"/>
          <p:nvPr/>
        </p:nvSpPr>
        <p:spPr>
          <a:xfrm>
            <a:off x="6950267" y="5941933"/>
            <a:ext cx="978473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smtClean="0"/>
              <a:t>Odense</a:t>
            </a:r>
          </a:p>
        </p:txBody>
      </p:sp>
      <p:sp>
        <p:nvSpPr>
          <p:cNvPr id="860" name="Ellipse 859"/>
          <p:cNvSpPr/>
          <p:nvPr/>
        </p:nvSpPr>
        <p:spPr>
          <a:xfrm>
            <a:off x="7315673" y="3796915"/>
            <a:ext cx="270000" cy="270000"/>
          </a:xfrm>
          <a:prstGeom prst="ellipse">
            <a:avLst/>
          </a:prstGeom>
          <a:solidFill>
            <a:srgbClr val="00E7ED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1" name="Ellipse 860"/>
          <p:cNvSpPr/>
          <p:nvPr/>
        </p:nvSpPr>
        <p:spPr>
          <a:xfrm>
            <a:off x="8490034" y="4976853"/>
            <a:ext cx="180000" cy="180000"/>
          </a:xfrm>
          <a:prstGeom prst="ellipse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9" name="Ellipse 868"/>
          <p:cNvSpPr/>
          <p:nvPr/>
        </p:nvSpPr>
        <p:spPr>
          <a:xfrm>
            <a:off x="8741319" y="4518430"/>
            <a:ext cx="180000" cy="180000"/>
          </a:xfrm>
          <a:prstGeom prst="ellipse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7" name="Ellipse 426"/>
          <p:cNvSpPr/>
          <p:nvPr/>
        </p:nvSpPr>
        <p:spPr>
          <a:xfrm>
            <a:off x="9013058" y="1418510"/>
            <a:ext cx="270000" cy="270000"/>
          </a:xfrm>
          <a:prstGeom prst="ellipse">
            <a:avLst/>
          </a:prstGeom>
          <a:solidFill>
            <a:srgbClr val="00E7ED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ekstfelt 1"/>
          <p:cNvSpPr txBox="1"/>
          <p:nvPr/>
        </p:nvSpPr>
        <p:spPr>
          <a:xfrm>
            <a:off x="9317234" y="1412776"/>
            <a:ext cx="2511911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dirty="0" err="1" smtClean="0"/>
              <a:t>Innovationsfonden</a:t>
            </a:r>
            <a:r>
              <a:rPr lang="en-GB" sz="1200" dirty="0" smtClean="0"/>
              <a:t> </a:t>
            </a:r>
            <a:r>
              <a:rPr lang="en-GB" sz="1200" dirty="0" err="1" smtClean="0"/>
              <a:t>fra</a:t>
            </a:r>
            <a:r>
              <a:rPr lang="en-GB" sz="1200" dirty="0" smtClean="0"/>
              <a:t> 2019</a:t>
            </a:r>
          </a:p>
        </p:txBody>
      </p:sp>
      <p:sp>
        <p:nvSpPr>
          <p:cNvPr id="438" name="Ellipse 437"/>
          <p:cNvSpPr/>
          <p:nvPr/>
        </p:nvSpPr>
        <p:spPr>
          <a:xfrm>
            <a:off x="7390422" y="4833523"/>
            <a:ext cx="270000" cy="270000"/>
          </a:xfrm>
          <a:prstGeom prst="ellipse">
            <a:avLst/>
          </a:prstGeom>
          <a:solidFill>
            <a:srgbClr val="00E7ED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1" name="Tekstfelt 1270"/>
          <p:cNvSpPr txBox="1"/>
          <p:nvPr/>
        </p:nvSpPr>
        <p:spPr>
          <a:xfrm>
            <a:off x="9659818" y="5355018"/>
            <a:ext cx="978473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smtClean="0"/>
              <a:t>Sorø</a:t>
            </a:r>
          </a:p>
        </p:txBody>
      </p:sp>
      <p:cxnSp>
        <p:nvCxnSpPr>
          <p:cNvPr id="1272" name="Lige forbindelse 1271"/>
          <p:cNvCxnSpPr>
            <a:stCxn id="861" idx="0"/>
          </p:cNvCxnSpPr>
          <p:nvPr/>
        </p:nvCxnSpPr>
        <p:spPr>
          <a:xfrm>
            <a:off x="8580034" y="4976853"/>
            <a:ext cx="955675" cy="370227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kstfelt 8"/>
          <p:cNvSpPr txBox="1"/>
          <p:nvPr/>
        </p:nvSpPr>
        <p:spPr>
          <a:xfrm>
            <a:off x="9790093" y="4162805"/>
            <a:ext cx="1395107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Hellerup</a:t>
            </a:r>
          </a:p>
          <a:p>
            <a:endParaRPr lang="en-GB" sz="1200" dirty="0" err="1" smtClean="0"/>
          </a:p>
        </p:txBody>
      </p:sp>
      <p:sp>
        <p:nvSpPr>
          <p:cNvPr id="1273" name="Ellipse 1272"/>
          <p:cNvSpPr/>
          <p:nvPr/>
        </p:nvSpPr>
        <p:spPr>
          <a:xfrm>
            <a:off x="9093605" y="4104073"/>
            <a:ext cx="270000" cy="270000"/>
          </a:xfrm>
          <a:prstGeom prst="ellipse">
            <a:avLst/>
          </a:prstGeom>
          <a:solidFill>
            <a:srgbClr val="3C91AF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274" name="Lige forbindelse 1273"/>
          <p:cNvCxnSpPr/>
          <p:nvPr/>
        </p:nvCxnSpPr>
        <p:spPr>
          <a:xfrm>
            <a:off x="9357909" y="4175730"/>
            <a:ext cx="392222" cy="143444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5" name="Ellipse 1274"/>
          <p:cNvSpPr/>
          <p:nvPr/>
        </p:nvSpPr>
        <p:spPr>
          <a:xfrm>
            <a:off x="9010247" y="2071892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6" name="Tekstfelt 1275"/>
          <p:cNvSpPr txBox="1"/>
          <p:nvPr/>
        </p:nvSpPr>
        <p:spPr>
          <a:xfrm>
            <a:off x="9319250" y="2140486"/>
            <a:ext cx="2112758" cy="18466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200" dirty="0" smtClean="0"/>
              <a:t>Nye erhvervshuse og filialer</a:t>
            </a:r>
          </a:p>
        </p:txBody>
      </p:sp>
      <p:sp>
        <p:nvSpPr>
          <p:cNvPr id="1277" name="Ellipse 1276"/>
          <p:cNvSpPr/>
          <p:nvPr/>
        </p:nvSpPr>
        <p:spPr>
          <a:xfrm>
            <a:off x="7142423" y="3766605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8" name="Ellipse 1277"/>
          <p:cNvSpPr/>
          <p:nvPr/>
        </p:nvSpPr>
        <p:spPr>
          <a:xfrm>
            <a:off x="6578419" y="4896717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9" name="Ellipse 1278"/>
          <p:cNvSpPr/>
          <p:nvPr/>
        </p:nvSpPr>
        <p:spPr>
          <a:xfrm>
            <a:off x="8675837" y="5354162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0" name="Ellipse 1279"/>
          <p:cNvSpPr/>
          <p:nvPr/>
        </p:nvSpPr>
        <p:spPr>
          <a:xfrm>
            <a:off x="7572573" y="4865147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1" name="Ellipse 1280"/>
          <p:cNvSpPr/>
          <p:nvPr/>
        </p:nvSpPr>
        <p:spPr>
          <a:xfrm>
            <a:off x="8243926" y="4634435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2" name="Ellipse 1281"/>
          <p:cNvSpPr/>
          <p:nvPr/>
        </p:nvSpPr>
        <p:spPr>
          <a:xfrm>
            <a:off x="9027441" y="4451667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283" name="Lige forbindelse 1282"/>
          <p:cNvCxnSpPr/>
          <p:nvPr/>
        </p:nvCxnSpPr>
        <p:spPr>
          <a:xfrm>
            <a:off x="8938146" y="5565984"/>
            <a:ext cx="631611" cy="250995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4" name="Tekstfelt 1283"/>
          <p:cNvSpPr txBox="1"/>
          <p:nvPr/>
        </p:nvSpPr>
        <p:spPr>
          <a:xfrm>
            <a:off x="9620783" y="5821349"/>
            <a:ext cx="1600855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smtClean="0"/>
              <a:t>Vordingborg</a:t>
            </a:r>
          </a:p>
        </p:txBody>
      </p:sp>
      <p:sp>
        <p:nvSpPr>
          <p:cNvPr id="1287" name="Ellipse 1286"/>
          <p:cNvSpPr/>
          <p:nvPr/>
        </p:nvSpPr>
        <p:spPr>
          <a:xfrm>
            <a:off x="6200976" y="3015649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8" name="Ellipse 1287"/>
          <p:cNvSpPr/>
          <p:nvPr/>
        </p:nvSpPr>
        <p:spPr>
          <a:xfrm>
            <a:off x="7035949" y="2445067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289" name="Lige forbindelse 1288"/>
          <p:cNvCxnSpPr/>
          <p:nvPr/>
        </p:nvCxnSpPr>
        <p:spPr>
          <a:xfrm flipH="1">
            <a:off x="6334182" y="2275267"/>
            <a:ext cx="201880" cy="689086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1" name="Tekstfelt 1290"/>
          <p:cNvSpPr txBox="1"/>
          <p:nvPr/>
        </p:nvSpPr>
        <p:spPr>
          <a:xfrm>
            <a:off x="5799196" y="2042719"/>
            <a:ext cx="1923062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smtClean="0"/>
              <a:t>Nykøbing Mors</a:t>
            </a:r>
          </a:p>
        </p:txBody>
      </p:sp>
      <p:sp>
        <p:nvSpPr>
          <p:cNvPr id="1292" name="Ellipse 1291"/>
          <p:cNvSpPr/>
          <p:nvPr/>
        </p:nvSpPr>
        <p:spPr>
          <a:xfrm>
            <a:off x="6708202" y="4275461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3" name="Ellipse 1292"/>
          <p:cNvSpPr/>
          <p:nvPr/>
        </p:nvSpPr>
        <p:spPr>
          <a:xfrm>
            <a:off x="6325624" y="3918788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4" name="Tekstfelt 1293"/>
          <p:cNvSpPr txBox="1"/>
          <p:nvPr/>
        </p:nvSpPr>
        <p:spPr>
          <a:xfrm>
            <a:off x="4943261" y="4362572"/>
            <a:ext cx="978473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smtClean="0"/>
              <a:t>Horsens</a:t>
            </a:r>
          </a:p>
        </p:txBody>
      </p:sp>
      <p:sp>
        <p:nvSpPr>
          <p:cNvPr id="1295" name="Tekstfelt 1294"/>
          <p:cNvSpPr txBox="1"/>
          <p:nvPr/>
        </p:nvSpPr>
        <p:spPr>
          <a:xfrm>
            <a:off x="5048000" y="3776505"/>
            <a:ext cx="978473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smtClean="0"/>
              <a:t>Herning</a:t>
            </a:r>
          </a:p>
        </p:txBody>
      </p:sp>
      <p:cxnSp>
        <p:nvCxnSpPr>
          <p:cNvPr id="1296" name="Lige forbindelse 1295"/>
          <p:cNvCxnSpPr/>
          <p:nvPr/>
        </p:nvCxnSpPr>
        <p:spPr>
          <a:xfrm flipH="1">
            <a:off x="5924873" y="5209967"/>
            <a:ext cx="584161" cy="319676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7" name="Lige forbindelse 1296"/>
          <p:cNvCxnSpPr/>
          <p:nvPr/>
        </p:nvCxnSpPr>
        <p:spPr>
          <a:xfrm flipH="1">
            <a:off x="5670873" y="4365416"/>
            <a:ext cx="963575" cy="38732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8" name="Ellipse 1297"/>
          <p:cNvSpPr/>
          <p:nvPr/>
        </p:nvSpPr>
        <p:spPr>
          <a:xfrm>
            <a:off x="8665417" y="2958518"/>
            <a:ext cx="270000" cy="270000"/>
          </a:xfrm>
          <a:prstGeom prst="ellipse">
            <a:avLst/>
          </a:prstGeom>
          <a:solidFill>
            <a:srgbClr val="006961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9" name="Tekstfelt 1298"/>
          <p:cNvSpPr txBox="1"/>
          <p:nvPr/>
        </p:nvSpPr>
        <p:spPr>
          <a:xfrm>
            <a:off x="9427763" y="3230947"/>
            <a:ext cx="1395107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smtClean="0"/>
              <a:t>Rønne</a:t>
            </a:r>
            <a:endParaRPr lang="en-GB" sz="1200" dirty="0" err="1" smtClean="0"/>
          </a:p>
        </p:txBody>
      </p:sp>
      <p:cxnSp>
        <p:nvCxnSpPr>
          <p:cNvPr id="1300" name="Lige forbindelse 1299"/>
          <p:cNvCxnSpPr/>
          <p:nvPr/>
        </p:nvCxnSpPr>
        <p:spPr>
          <a:xfrm>
            <a:off x="9007811" y="3190877"/>
            <a:ext cx="392222" cy="143444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0" name="Ellipse 429"/>
          <p:cNvSpPr/>
          <p:nvPr/>
        </p:nvSpPr>
        <p:spPr>
          <a:xfrm>
            <a:off x="9199159" y="4465405"/>
            <a:ext cx="270000" cy="270000"/>
          </a:xfrm>
          <a:prstGeom prst="ellipse">
            <a:avLst/>
          </a:prstGeom>
          <a:solidFill>
            <a:srgbClr val="00E7ED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5" name="Ellipse 434"/>
          <p:cNvSpPr/>
          <p:nvPr/>
        </p:nvSpPr>
        <p:spPr>
          <a:xfrm>
            <a:off x="6988438" y="2595818"/>
            <a:ext cx="270000" cy="270000"/>
          </a:xfrm>
          <a:prstGeom prst="ellipse">
            <a:avLst/>
          </a:prstGeom>
          <a:solidFill>
            <a:srgbClr val="00E7ED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3" name="Ellipse 842"/>
          <p:cNvSpPr/>
          <p:nvPr/>
        </p:nvSpPr>
        <p:spPr>
          <a:xfrm>
            <a:off x="7147948" y="2591832"/>
            <a:ext cx="270000" cy="251689"/>
          </a:xfrm>
          <a:prstGeom prst="ellipse">
            <a:avLst/>
          </a:prstGeom>
          <a:solidFill>
            <a:srgbClr val="3C91AF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5" name="Ellipse 834"/>
          <p:cNvSpPr/>
          <p:nvPr/>
        </p:nvSpPr>
        <p:spPr>
          <a:xfrm>
            <a:off x="6440266" y="4896717"/>
            <a:ext cx="270000" cy="270000"/>
          </a:xfrm>
          <a:prstGeom prst="ellipse">
            <a:avLst/>
          </a:prstGeom>
          <a:solidFill>
            <a:srgbClr val="3C91AF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4" name="Ellipse 843"/>
          <p:cNvSpPr/>
          <p:nvPr/>
        </p:nvSpPr>
        <p:spPr>
          <a:xfrm>
            <a:off x="7516384" y="4994169"/>
            <a:ext cx="270000" cy="270000"/>
          </a:xfrm>
          <a:prstGeom prst="ellipse">
            <a:avLst/>
          </a:prstGeom>
          <a:solidFill>
            <a:srgbClr val="3C91AF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0" name="Ellipse 1269"/>
          <p:cNvSpPr/>
          <p:nvPr/>
        </p:nvSpPr>
        <p:spPr>
          <a:xfrm>
            <a:off x="8295561" y="4768998"/>
            <a:ext cx="270000" cy="270000"/>
          </a:xfrm>
          <a:prstGeom prst="ellipse">
            <a:avLst/>
          </a:prstGeom>
          <a:solidFill>
            <a:srgbClr val="3C91AF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736916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entagon 7"/>
          <p:cNvSpPr/>
          <p:nvPr/>
        </p:nvSpPr>
        <p:spPr>
          <a:xfrm>
            <a:off x="0" y="4840899"/>
            <a:ext cx="11770488" cy="1512877"/>
          </a:xfrm>
          <a:prstGeom prst="homePlate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>
              <a:solidFill>
                <a:schemeClr val="tx1"/>
              </a:solidFill>
            </a:endParaRPr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7</a:t>
            </a:fld>
            <a:endParaRPr lang="da-DK" dirty="0"/>
          </a:p>
        </p:txBody>
      </p:sp>
      <p:sp>
        <p:nvSpPr>
          <p:cNvPr id="5" name="Pentagon 4"/>
          <p:cNvSpPr/>
          <p:nvPr/>
        </p:nvSpPr>
        <p:spPr>
          <a:xfrm>
            <a:off x="0" y="2242843"/>
            <a:ext cx="4883789" cy="1911600"/>
          </a:xfrm>
          <a:prstGeom prst="homePlate">
            <a:avLst/>
          </a:prstGeom>
          <a:solidFill>
            <a:srgbClr val="00E7E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6" name="Vinkel 5"/>
          <p:cNvSpPr/>
          <p:nvPr/>
        </p:nvSpPr>
        <p:spPr>
          <a:xfrm>
            <a:off x="3719736" y="2242843"/>
            <a:ext cx="8122358" cy="1911497"/>
          </a:xfrm>
          <a:prstGeom prst="chevron">
            <a:avLst/>
          </a:prstGeom>
          <a:solidFill>
            <a:srgbClr val="3C91A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da-DK">
              <a:solidFill>
                <a:schemeClr val="tx1"/>
              </a:solidFill>
            </a:endParaRPr>
          </a:p>
        </p:txBody>
      </p:sp>
      <p:sp>
        <p:nvSpPr>
          <p:cNvPr id="7" name="Pentagon 6"/>
          <p:cNvSpPr/>
          <p:nvPr/>
        </p:nvSpPr>
        <p:spPr>
          <a:xfrm>
            <a:off x="0" y="4152473"/>
            <a:ext cx="10284600" cy="689284"/>
          </a:xfrm>
          <a:prstGeom prst="homePlate">
            <a:avLst>
              <a:gd name="adj" fmla="val 66747"/>
            </a:avLst>
          </a:prstGeom>
          <a:solidFill>
            <a:srgbClr val="00E7E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2" name="Tekstboks 11"/>
          <p:cNvSpPr txBox="1"/>
          <p:nvPr/>
        </p:nvSpPr>
        <p:spPr>
          <a:xfrm>
            <a:off x="1139373" y="5496611"/>
            <a:ext cx="2520280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dirty="0" smtClean="0"/>
              <a:t>Private aktører</a:t>
            </a:r>
          </a:p>
        </p:txBody>
      </p:sp>
      <p:sp>
        <p:nvSpPr>
          <p:cNvPr id="15" name="Tekstboks 14"/>
          <p:cNvSpPr txBox="1"/>
          <p:nvPr/>
        </p:nvSpPr>
        <p:spPr>
          <a:xfrm>
            <a:off x="1139373" y="2516332"/>
            <a:ext cx="3744416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dirty="0" smtClean="0"/>
              <a:t>Statens bløde penge</a:t>
            </a:r>
          </a:p>
        </p:txBody>
      </p:sp>
      <p:sp>
        <p:nvSpPr>
          <p:cNvPr id="18" name="Titel 3"/>
          <p:cNvSpPr txBox="1">
            <a:spLocks/>
          </p:cNvSpPr>
          <p:nvPr/>
        </p:nvSpPr>
        <p:spPr>
          <a:xfrm>
            <a:off x="516312" y="709172"/>
            <a:ext cx="6710360" cy="94032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89000"/>
              </a:lnSpc>
              <a:spcBef>
                <a:spcPct val="0"/>
              </a:spcBef>
              <a:buNone/>
              <a:defRPr sz="3000" kern="12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 smtClean="0"/>
              <a:t>Nye muligheder for </a:t>
            </a:r>
          </a:p>
          <a:p>
            <a:r>
              <a:rPr lang="da-DK" dirty="0" smtClean="0"/>
              <a:t>tidlige iværksættere</a:t>
            </a:r>
          </a:p>
          <a:p>
            <a:endParaRPr lang="da-DK" sz="1800" dirty="0"/>
          </a:p>
        </p:txBody>
      </p:sp>
      <p:sp>
        <p:nvSpPr>
          <p:cNvPr id="19" name="Tekstboks 14"/>
          <p:cNvSpPr txBox="1"/>
          <p:nvPr/>
        </p:nvSpPr>
        <p:spPr>
          <a:xfrm>
            <a:off x="6960096" y="2516332"/>
            <a:ext cx="3744416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dirty="0" smtClean="0">
                <a:solidFill>
                  <a:schemeClr val="bg1"/>
                </a:solidFill>
              </a:rPr>
              <a:t>Statens hårde penge</a:t>
            </a:r>
          </a:p>
        </p:txBody>
      </p:sp>
      <p:sp>
        <p:nvSpPr>
          <p:cNvPr id="22" name="Afrundet rektangel 21"/>
          <p:cNvSpPr/>
          <p:nvPr/>
        </p:nvSpPr>
        <p:spPr>
          <a:xfrm>
            <a:off x="1139373" y="2995190"/>
            <a:ext cx="2736304" cy="432000"/>
          </a:xfrm>
          <a:prstGeom prst="roundRect">
            <a:avLst/>
          </a:prstGeom>
          <a:noFill/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Tx/>
              <a:buChar char="-"/>
            </a:pPr>
            <a:r>
              <a:rPr lang="en-GB" sz="1600" dirty="0" smtClean="0">
                <a:solidFill>
                  <a:schemeClr val="tx1"/>
                </a:solidFill>
              </a:rPr>
              <a:t>Industrial Fellow</a:t>
            </a:r>
          </a:p>
          <a:p>
            <a:pPr marL="285750" indent="-285750">
              <a:buFontTx/>
              <a:buChar char="-"/>
            </a:pPr>
            <a:r>
              <a:rPr lang="en-GB" sz="1600" dirty="0" err="1" smtClean="0">
                <a:solidFill>
                  <a:schemeClr val="tx1"/>
                </a:solidFill>
              </a:rPr>
              <a:t>InnoFounder</a:t>
            </a:r>
            <a:endParaRPr lang="en-GB" sz="1600" dirty="0" smtClean="0">
              <a:solidFill>
                <a:schemeClr val="tx1"/>
              </a:solidFill>
            </a:endParaRPr>
          </a:p>
          <a:p>
            <a:pPr marL="285750" indent="-285750">
              <a:buFontTx/>
              <a:buChar char="-"/>
            </a:pPr>
            <a:r>
              <a:rPr lang="en-GB" sz="1600" dirty="0" err="1" smtClean="0">
                <a:solidFill>
                  <a:schemeClr val="tx1"/>
                </a:solidFill>
              </a:rPr>
              <a:t>InnoExplorer</a:t>
            </a:r>
            <a:endParaRPr lang="en-GB" sz="1600" dirty="0">
              <a:solidFill>
                <a:schemeClr val="tx1"/>
              </a:solidFill>
            </a:endParaRPr>
          </a:p>
        </p:txBody>
      </p:sp>
      <p:sp>
        <p:nvSpPr>
          <p:cNvPr id="23" name="Afrundet rektangel 22"/>
          <p:cNvSpPr/>
          <p:nvPr/>
        </p:nvSpPr>
        <p:spPr>
          <a:xfrm>
            <a:off x="1127448" y="4439888"/>
            <a:ext cx="7883944" cy="432000"/>
          </a:xfrm>
          <a:prstGeom prst="roundRect">
            <a:avLst/>
          </a:prstGeom>
          <a:noFill/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Tx/>
              <a:buChar char="-"/>
            </a:pPr>
            <a:r>
              <a:rPr lang="en-GB" sz="1600" dirty="0" err="1" smtClean="0">
                <a:solidFill>
                  <a:schemeClr val="tx1"/>
                </a:solidFill>
              </a:rPr>
              <a:t>Udvidet</a:t>
            </a:r>
            <a:r>
              <a:rPr lang="en-GB" sz="1600" dirty="0" smtClean="0">
                <a:solidFill>
                  <a:schemeClr val="tx1"/>
                </a:solidFill>
              </a:rPr>
              <a:t> </a:t>
            </a:r>
            <a:r>
              <a:rPr lang="en-GB" sz="1600" dirty="0" err="1" smtClean="0">
                <a:solidFill>
                  <a:schemeClr val="tx1"/>
                </a:solidFill>
              </a:rPr>
              <a:t>InnoBooster</a:t>
            </a:r>
            <a:endParaRPr lang="en-GB" sz="1600" dirty="0" smtClean="0">
              <a:solidFill>
                <a:schemeClr val="tx1"/>
              </a:solidFill>
            </a:endParaRPr>
          </a:p>
          <a:p>
            <a:pPr marL="285750" indent="-285750">
              <a:buFontTx/>
              <a:buChar char="-"/>
            </a:pPr>
            <a:endParaRPr lang="en-GB" sz="1600" dirty="0">
              <a:solidFill>
                <a:schemeClr val="tx1"/>
              </a:solidFill>
            </a:endParaRPr>
          </a:p>
        </p:txBody>
      </p:sp>
      <p:sp>
        <p:nvSpPr>
          <p:cNvPr id="24" name="Afrundet rektangel 23"/>
          <p:cNvSpPr/>
          <p:nvPr/>
        </p:nvSpPr>
        <p:spPr>
          <a:xfrm>
            <a:off x="7044561" y="4375006"/>
            <a:ext cx="3246551" cy="432000"/>
          </a:xfrm>
          <a:prstGeom prst="roundRect">
            <a:avLst/>
          </a:prstGeom>
          <a:noFill/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GB" sz="1400" dirty="0">
              <a:solidFill>
                <a:schemeClr val="tx1"/>
              </a:solidFill>
            </a:endParaRPr>
          </a:p>
        </p:txBody>
      </p:sp>
      <p:sp>
        <p:nvSpPr>
          <p:cNvPr id="25" name="Afrundet rektangel 24"/>
          <p:cNvSpPr/>
          <p:nvPr/>
        </p:nvSpPr>
        <p:spPr>
          <a:xfrm>
            <a:off x="7038049" y="3870902"/>
            <a:ext cx="3397079" cy="432000"/>
          </a:xfrm>
          <a:prstGeom prst="roundRect">
            <a:avLst/>
          </a:prstGeom>
          <a:noFill/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GB" sz="1400" dirty="0">
              <a:solidFill>
                <a:schemeClr val="tx1"/>
              </a:solidFill>
            </a:endParaRPr>
          </a:p>
        </p:txBody>
      </p:sp>
      <p:sp>
        <p:nvSpPr>
          <p:cNvPr id="26" name="Afrundet rektangel 25"/>
          <p:cNvSpPr/>
          <p:nvPr/>
        </p:nvSpPr>
        <p:spPr>
          <a:xfrm>
            <a:off x="6915643" y="3427190"/>
            <a:ext cx="3608688" cy="432000"/>
          </a:xfrm>
          <a:prstGeom prst="roundRect">
            <a:avLst/>
          </a:prstGeom>
          <a:noFill/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Tx/>
              <a:buChar char="-"/>
            </a:pPr>
            <a:r>
              <a:rPr lang="en-GB" sz="1600" dirty="0" err="1" smtClean="0">
                <a:solidFill>
                  <a:schemeClr val="bg1"/>
                </a:solidFill>
              </a:rPr>
              <a:t>Vækstlån</a:t>
            </a:r>
            <a:r>
              <a:rPr lang="en-GB" sz="1600" dirty="0" smtClean="0">
                <a:solidFill>
                  <a:schemeClr val="bg1"/>
                </a:solidFill>
              </a:rPr>
              <a:t> 2.0</a:t>
            </a:r>
          </a:p>
          <a:p>
            <a:pPr marL="285750" indent="-285750">
              <a:buFontTx/>
              <a:buChar char="-"/>
            </a:pPr>
            <a:r>
              <a:rPr lang="en-GB" sz="1600" dirty="0" smtClean="0">
                <a:solidFill>
                  <a:schemeClr val="bg1"/>
                </a:solidFill>
              </a:rPr>
              <a:t>Business </a:t>
            </a:r>
            <a:r>
              <a:rPr lang="en-GB" sz="1600" dirty="0">
                <a:solidFill>
                  <a:schemeClr val="bg1"/>
                </a:solidFill>
              </a:rPr>
              <a:t>angel </a:t>
            </a:r>
            <a:r>
              <a:rPr lang="en-GB" sz="1600" dirty="0" smtClean="0">
                <a:solidFill>
                  <a:schemeClr val="bg1"/>
                </a:solidFill>
              </a:rPr>
              <a:t>matching-</a:t>
            </a:r>
            <a:r>
              <a:rPr lang="en-GB" sz="1600" dirty="0" err="1" smtClean="0">
                <a:solidFill>
                  <a:schemeClr val="bg1"/>
                </a:solidFill>
              </a:rPr>
              <a:t>lån</a:t>
            </a:r>
            <a:endParaRPr lang="en-GB" sz="1600" dirty="0" smtClean="0">
              <a:solidFill>
                <a:schemeClr val="bg1"/>
              </a:solidFill>
            </a:endParaRPr>
          </a:p>
          <a:p>
            <a:pPr marL="285750" indent="-285750">
              <a:buFontTx/>
              <a:buChar char="-"/>
            </a:pPr>
            <a:r>
              <a:rPr lang="en-GB" sz="1600" dirty="0" smtClean="0">
                <a:solidFill>
                  <a:schemeClr val="bg1"/>
                </a:solidFill>
              </a:rPr>
              <a:t>Early engagement</a:t>
            </a:r>
          </a:p>
          <a:p>
            <a:pPr marL="285750" indent="-285750">
              <a:buFontTx/>
              <a:buChar char="-"/>
            </a:pPr>
            <a:r>
              <a:rPr lang="en-GB" sz="1600" dirty="0" err="1" smtClean="0">
                <a:solidFill>
                  <a:schemeClr val="bg1"/>
                </a:solidFill>
              </a:rPr>
              <a:t>Øget</a:t>
            </a:r>
            <a:r>
              <a:rPr lang="en-GB" sz="1600" dirty="0" smtClean="0">
                <a:solidFill>
                  <a:schemeClr val="bg1"/>
                </a:solidFill>
              </a:rPr>
              <a:t> </a:t>
            </a:r>
            <a:r>
              <a:rPr lang="en-GB" sz="1600" dirty="0" err="1">
                <a:solidFill>
                  <a:schemeClr val="bg1"/>
                </a:solidFill>
              </a:rPr>
              <a:t>fondsindsats</a:t>
            </a:r>
            <a:endParaRPr lang="en-GB" sz="1600" dirty="0">
              <a:solidFill>
                <a:schemeClr val="bg1"/>
              </a:solidFill>
            </a:endParaRPr>
          </a:p>
          <a:p>
            <a:pPr marL="285750" indent="-285750">
              <a:buFontTx/>
              <a:buChar char="-"/>
            </a:pPr>
            <a:endParaRPr lang="en-GB" sz="1600" dirty="0">
              <a:solidFill>
                <a:schemeClr val="bg1"/>
              </a:solidFill>
            </a:endParaRPr>
          </a:p>
          <a:p>
            <a:pPr marL="285750" indent="-285750">
              <a:buFontTx/>
              <a:buChar char="-"/>
            </a:pPr>
            <a:endParaRPr lang="en-GB" sz="1600" dirty="0">
              <a:solidFill>
                <a:schemeClr val="bg1"/>
              </a:solidFill>
            </a:endParaRPr>
          </a:p>
          <a:p>
            <a:pPr marL="285750" indent="-285750">
              <a:buFontTx/>
              <a:buChar char="-"/>
            </a:pPr>
            <a:endParaRPr lang="en-GB" sz="1600" dirty="0">
              <a:solidFill>
                <a:schemeClr val="bg1"/>
              </a:solidFill>
            </a:endParaRPr>
          </a:p>
        </p:txBody>
      </p:sp>
      <p:sp>
        <p:nvSpPr>
          <p:cNvPr id="27" name="Afrundet rektangel 26"/>
          <p:cNvSpPr/>
          <p:nvPr/>
        </p:nvSpPr>
        <p:spPr>
          <a:xfrm>
            <a:off x="7038049" y="4846577"/>
            <a:ext cx="3246551" cy="432001"/>
          </a:xfrm>
          <a:prstGeom prst="roundRect">
            <a:avLst/>
          </a:prstGeom>
          <a:noFill/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GB" sz="1400" dirty="0">
              <a:solidFill>
                <a:schemeClr val="tx1"/>
              </a:solidFill>
            </a:endParaRPr>
          </a:p>
        </p:txBody>
      </p:sp>
      <p:pic>
        <p:nvPicPr>
          <p:cNvPr id="30" name="Picture 2" descr="Billedresultat for innovationsfonden logo"/>
          <p:cNvPicPr>
            <a:picLocks noChangeAspect="1" noChangeArrowheads="1"/>
          </p:cNvPicPr>
          <p:nvPr/>
        </p:nvPicPr>
        <p:blipFill>
          <a:blip r:embed="rId3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-453047" y="3207093"/>
            <a:ext cx="2160000" cy="67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6" name="Billede 3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5573688" y="3158802"/>
            <a:ext cx="1440000" cy="795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12153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smtClean="0"/>
              <a:t>/ Side </a:t>
            </a:r>
            <a:fld id="{45D37B1E-C366-494F-A587-962AD9AABC83}" type="slidenum">
              <a:rPr lang="da-DK" smtClean="0"/>
              <a:pPr/>
              <a:t>8</a:t>
            </a:fld>
            <a:endParaRPr lang="da-DK" dirty="0"/>
          </a:p>
        </p:txBody>
      </p:sp>
      <p:pic>
        <p:nvPicPr>
          <p:cNvPr id="4" name="Billed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7568" y="2060848"/>
            <a:ext cx="6912768" cy="2160240"/>
          </a:xfrm>
          <a:prstGeom prst="rect">
            <a:avLst/>
          </a:prstGeom>
        </p:spPr>
      </p:pic>
      <p:sp>
        <p:nvSpPr>
          <p:cNvPr id="5" name="Tekstfelt 4"/>
          <p:cNvSpPr txBox="1"/>
          <p:nvPr/>
        </p:nvSpPr>
        <p:spPr>
          <a:xfrm>
            <a:off x="4223792" y="3717032"/>
            <a:ext cx="4464495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2400" dirty="0" err="1" smtClean="0"/>
              <a:t>Ny</a:t>
            </a:r>
            <a:r>
              <a:rPr lang="en-GB" sz="2400" dirty="0" smtClean="0"/>
              <a:t> </a:t>
            </a:r>
            <a:r>
              <a:rPr lang="en-GB" sz="2400" dirty="0" err="1" smtClean="0"/>
              <a:t>strategi</a:t>
            </a:r>
            <a:r>
              <a:rPr lang="en-GB" sz="2400" dirty="0" smtClean="0"/>
              <a:t> for </a:t>
            </a:r>
            <a:r>
              <a:rPr lang="en-GB" sz="2400" dirty="0" err="1" smtClean="0"/>
              <a:t>iværksætteri</a:t>
            </a:r>
            <a:r>
              <a:rPr lang="en-GB" sz="2400" dirty="0" smtClean="0"/>
              <a:t> </a:t>
            </a:r>
          </a:p>
          <a:p>
            <a:pPr algn="ctr"/>
            <a:r>
              <a:rPr lang="en-GB" sz="2400" dirty="0" err="1" smtClean="0"/>
              <a:t>og</a:t>
            </a:r>
            <a:r>
              <a:rPr lang="en-GB" sz="2400" dirty="0" smtClean="0"/>
              <a:t> </a:t>
            </a:r>
            <a:r>
              <a:rPr lang="en-GB" sz="2400" dirty="0" err="1" smtClean="0"/>
              <a:t>nye</a:t>
            </a:r>
            <a:r>
              <a:rPr lang="en-GB" sz="2400" dirty="0" smtClean="0"/>
              <a:t> programmer </a:t>
            </a:r>
            <a:r>
              <a:rPr lang="en-GB" sz="2400" dirty="0" err="1" smtClean="0"/>
              <a:t>fra</a:t>
            </a:r>
            <a:r>
              <a:rPr lang="en-GB" sz="2400" dirty="0" smtClean="0"/>
              <a:t> 2019</a:t>
            </a:r>
          </a:p>
        </p:txBody>
      </p:sp>
    </p:spTree>
    <p:extLst>
      <p:ext uri="{BB962C8B-B14F-4D97-AF65-F5344CB8AC3E}">
        <p14:creationId xmlns:p14="http://schemas.microsoft.com/office/powerpoint/2010/main" val="35107977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Ny iværksætterstrategi </a:t>
            </a:r>
            <a:endParaRPr lang="da-DK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 smtClean="0"/>
              <a:t>/ Side </a:t>
            </a:r>
            <a:fld id="{667EC89C-17A0-4E64-A6D2-B825673CEEDF}" type="slidenum">
              <a:rPr lang="da-DK" smtClean="0"/>
              <a:pPr/>
              <a:t>9</a:t>
            </a:fld>
            <a:endParaRPr lang="da-DK" dirty="0"/>
          </a:p>
        </p:txBody>
      </p:sp>
      <p:pic>
        <p:nvPicPr>
          <p:cNvPr id="6" name="Picture 2" descr="C:\Users\B013806\AppData\Local\Microsoft\Windows\Temporary Internet Files\Content.Outlook\2CF9Y0KJ\stre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31504" y="1546857"/>
            <a:ext cx="8640960" cy="44744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244492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35624555980442"/>
</p:tagLst>
</file>

<file path=ppt/theme/theme1.xml><?xml version="1.0" encoding="utf-8"?>
<a:theme xmlns:a="http://schemas.openxmlformats.org/drawingml/2006/main" name="Blank">
  <a:themeElements>
    <a:clrScheme name="Vækstfonden">
      <a:dk1>
        <a:srgbClr val="000000"/>
      </a:dk1>
      <a:lt1>
        <a:sysClr val="window" lastClr="FFFFFF"/>
      </a:lt1>
      <a:dk2>
        <a:srgbClr val="99CA3C"/>
      </a:dk2>
      <a:lt2>
        <a:srgbClr val="F1EEED"/>
      </a:lt2>
      <a:accent1>
        <a:srgbClr val="8AA855"/>
      </a:accent1>
      <a:accent2>
        <a:srgbClr val="39570C"/>
      </a:accent2>
      <a:accent3>
        <a:srgbClr val="B1B3B6"/>
      </a:accent3>
      <a:accent4>
        <a:srgbClr val="95979A"/>
      </a:accent4>
      <a:accent5>
        <a:srgbClr val="4D4D4F"/>
      </a:accent5>
      <a:accent6>
        <a:srgbClr val="E86828"/>
      </a:accent6>
      <a:hlink>
        <a:srgbClr val="0563C1"/>
      </a:hlink>
      <a:folHlink>
        <a:srgbClr val="954F72"/>
      </a:folHlink>
    </a:clrScheme>
    <a:fontScheme name="Brugerdefineret 7">
      <a:majorFont>
        <a:latin typeface="Museo Slab 500"/>
        <a:ea typeface=""/>
        <a:cs typeface=""/>
      </a:majorFont>
      <a:minorFont>
        <a:latin typeface="Museo Slab 500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lIns="0" tIns="0" rIns="0" bIns="0" rtlCol="0">
        <a:sp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xmlns="" name="Vækstfonden 2.0.pptx [Skrivebeskyttet]" id="{35F65620-5CC8-4CB3-815F-9877DDD96A35}" vid="{5972B836-B541-4523-8206-11957C1DBC7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5150</TotalTime>
  <Words>1124</Words>
  <Application>Microsoft Office PowerPoint</Application>
  <PresentationFormat>Brugerdefineret</PresentationFormat>
  <Paragraphs>269</Paragraphs>
  <Slides>17</Slides>
  <Notes>1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9</vt:i4>
      </vt:variant>
      <vt:variant>
        <vt:lpstr>Tema</vt:lpstr>
      </vt:variant>
      <vt:variant>
        <vt:i4>1</vt:i4>
      </vt:variant>
      <vt:variant>
        <vt:lpstr>Diastitler</vt:lpstr>
      </vt:variant>
      <vt:variant>
        <vt:i4>17</vt:i4>
      </vt:variant>
    </vt:vector>
  </HeadingPairs>
  <TitlesOfParts>
    <vt:vector size="27" baseType="lpstr">
      <vt:lpstr>Arial</vt:lpstr>
      <vt:lpstr>Verdana</vt:lpstr>
      <vt:lpstr>Calibri</vt:lpstr>
      <vt:lpstr>Museo Slab 100</vt:lpstr>
      <vt:lpstr>Ubuntu</vt:lpstr>
      <vt:lpstr>Museo Sans Rounded 300</vt:lpstr>
      <vt:lpstr>VF Museo Rounded For Office</vt:lpstr>
      <vt:lpstr>Museo Slab 500</vt:lpstr>
      <vt:lpstr>Wingdings</vt:lpstr>
      <vt:lpstr>Blank</vt:lpstr>
      <vt:lpstr>Lancering af nye initiativer til tidlig finansiering</vt:lpstr>
      <vt:lpstr>Forenkling af erhvervsfremmesystemet  pr. 1. januar 2019</vt:lpstr>
      <vt:lpstr>Vi skal sikre  sammenhæng og enkelhed</vt:lpstr>
      <vt:lpstr>Vores fælles vision</vt:lpstr>
      <vt:lpstr>Partnerskabet er i gang</vt:lpstr>
      <vt:lpstr>Landsdækkende tilstedeværelse </vt:lpstr>
      <vt:lpstr>PowerPoint-præsentation</vt:lpstr>
      <vt:lpstr>PowerPoint-præsentation</vt:lpstr>
      <vt:lpstr>Ny iværksætterstrategi </vt:lpstr>
      <vt:lpstr>Vi fastholder de tre indgange </vt:lpstr>
      <vt:lpstr>Økosystemet - når de nye initiativer er implementeret</vt:lpstr>
      <vt:lpstr>PowerPoint-præsentation</vt:lpstr>
      <vt:lpstr>Indsatsen er en  partnerskabsstrategi</vt:lpstr>
      <vt:lpstr>Vi er med hele vejen  - med tilpassede  finansieringsløsninger </vt:lpstr>
      <vt:lpstr>Nye initiativer</vt:lpstr>
      <vt:lpstr>Vi ses igen i 2019!</vt:lpstr>
      <vt:lpstr>PowerPoint-præsentation</vt:lpstr>
    </vt:vector>
  </TitlesOfParts>
  <Company>Vaekstfonden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Julie Hakala Alberg</dc:creator>
  <cp:lastModifiedBy>Pernille Rype</cp:lastModifiedBy>
  <cp:revision>117</cp:revision>
  <cp:lastPrinted>2018-12-05T15:24:38Z</cp:lastPrinted>
  <dcterms:created xsi:type="dcterms:W3CDTF">2018-11-21T08:36:44Z</dcterms:created>
  <dcterms:modified xsi:type="dcterms:W3CDTF">2018-12-05T15:24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 ">
    <vt:lpwstr>www.skabelondesign.dk</vt:lpwstr>
  </property>
  <property fmtid="{D5CDD505-2E9C-101B-9397-08002B2CF9AE}" pid="3" name="TemplafyTimeStamp">
    <vt:lpwstr>2018-03-26T08:23:29.8870358</vt:lpwstr>
  </property>
</Properties>
</file>